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D:\yl\desktop\"/>
    </mc:Choice>
  </mc:AlternateContent>
  <bookViews>
    <workbookView xWindow="960" yWindow="0" windowWidth="22080" windowHeight="9420"/>
  </bookViews>
  <sheets>
    <sheet name="Sheet1"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1264" uniqueCount="68619">
  <si>
    <t>question</t>
  </si>
  <si>
    <t>answer</t>
  </si>
  <si>
    <t>label</t>
  </si>
  <si>
    <t>比熊跟泰迪能配吗</t>
  </si>
  <si>
    <t>只要体型差距别大的太过分。和任何品种都可以配种。</t>
  </si>
  <si>
    <t>壁虎是益虫吗</t>
  </si>
  <si>
    <t>壁虎是益虫,它吃蚊子的</t>
  </si>
  <si>
    <t>壁虎不是虫，是爬行动物他们吃蚊子苍蝇什么的，是有益的</t>
  </si>
  <si>
    <t>10100000贷款可靠么</t>
  </si>
  <si>
    <t>可靠！这是平安银行的贷款热线电话。电话预约，网点签合同。</t>
  </si>
  <si>
    <t>扯淡，千万别上当</t>
  </si>
  <si>
    <t>uuid.randomuuid 会重复吗</t>
  </si>
  <si>
    <t>不会重复，我们公司有时候数据库的主键就是这么用的</t>
  </si>
  <si>
    <t>孕妇能吃银耳吗</t>
  </si>
  <si>
    <t>产妇能吃银耳，不少的医院还将银耳汤作为月子里的食谱。产妇产后比较虚弱，因此排便力量减弱，再加上蔬菜、水果吃得少，产后经常有便秘现象。银耳中的膳食纤维可助胃肠蠕动，从而帮助预防产妇便秘；银耳富含维生素D，能防止钙的流失，有助于宝宝的生长发育</t>
  </si>
  <si>
    <t>天道留学是黑中介吗</t>
  </si>
  <si>
    <t>天道费用算的中介里比较高，说实话也是最坑的，完全不你不管不顾，让你自身自灭。</t>
  </si>
  <si>
    <t>天道在大中介里还是不错的，擅长的几个国家是英国、美国、加拿大。</t>
  </si>
  <si>
    <t>吃红薯会发胖吗</t>
  </si>
  <si>
    <t>如果经常食用会的，因为红薯中含有淀粉，淀粉在人体内会转变为麦芽糖，麦芽糖是人体能量的提供者，如果摄入过多能量无法消耗，就会转变为脂肪储存，从而发胖</t>
  </si>
  <si>
    <t>根据科学研究，吃红薯是不会使人发胖的，相反红薯还是一种理想的减肥食品。它的含热量非常低，比一般米饭低得多，所以吃了之后不必担心会发胖，反而可起到减肥作用。</t>
  </si>
  <si>
    <t>肩袖损伤能自愈吗</t>
  </si>
  <si>
    <t>肩周炎是可以治愈的，但是需要锻炼，不然的话。时间长了肩周炎，就很难活动了。</t>
  </si>
  <si>
    <t>一般是不可以治愈的，需要外用膏药，结合活血化瘀的药品治疗</t>
  </si>
  <si>
    <t>养猴子犯法吗</t>
  </si>
  <si>
    <t>猴类至少是国家二级保护动物，不允许私人饲养，个人养猴子作为宠物是违法的.</t>
  </si>
  <si>
    <t>林志颖双胞胎是试管吗</t>
  </si>
  <si>
    <t>双胞胎是自然而非人工受孕</t>
  </si>
  <si>
    <t>茉莉花好种吗</t>
  </si>
  <si>
    <t>茉莉花还是很好养的。</t>
  </si>
  <si>
    <t>孕妇可以吃花甲吗</t>
  </si>
  <si>
    <t>孕妇是可以吃花甲的，而且孕妇吃花甲还有许多好处哦。但是花甲属于海产品，性属寒凉，也不能多吃</t>
  </si>
  <si>
    <t>绝世唐门帝天被杀了吗</t>
  </si>
  <si>
    <t>没有，霍雨浩留了他一命，其实也给斗3埋下了伏笔。</t>
  </si>
  <si>
    <t>小米6好抢吗</t>
  </si>
  <si>
    <t>还行吧，找个比较好的电脑应该是可以抢到的。</t>
  </si>
  <si>
    <t>完全抢不到。</t>
  </si>
  <si>
    <t>苹果笔记本好用吗</t>
  </si>
  <si>
    <t>用了有一段时间了，感觉还是不错</t>
  </si>
  <si>
    <t>性价比苹果完败，同价位性能苹果完败</t>
  </si>
  <si>
    <t>国际信息化人才资格认证有用吗</t>
  </si>
  <si>
    <t>有用，国家认可。</t>
  </si>
  <si>
    <t>没有任何用处和含金量，也就是搞出的一个嘘头用来收费的证件。</t>
  </si>
  <si>
    <t>炒田螺会有寄生虫吗</t>
  </si>
  <si>
    <t>有，而且有很多。首先是因为田螺的生长环境，乡野田间的泥土中本来就是寄生虫的温床，加之田螺本来就是一种寄生动物，田螺厚厚的外壳对于寄生虫来说更是一层坚硬的保护壳。田螺不容易被彻底清洗，因此如果处理不得当是会将寄生虫吃进肚子中去的</t>
  </si>
  <si>
    <t>csgo钥匙能掉落吗</t>
  </si>
  <si>
    <t>能掉钥匙</t>
  </si>
  <si>
    <t>钥匙是不能掉落的，只能够通过官方平台或者是像IG这种站外平台内购买，大概十六七元一个，价格会有上下略微浮动。</t>
  </si>
  <si>
    <t>万能上网宝1680真的吗</t>
  </si>
  <si>
    <t>是真的、用物联卡，可能是用流量池的流量，不知能用多久时间。</t>
  </si>
  <si>
    <t>我的买来用了一个月就不能用，没有信号，现在提现也提不了，骗人的。</t>
  </si>
  <si>
    <t>周永康是正国级吗</t>
  </si>
  <si>
    <t xml:space="preserve">正国级 </t>
  </si>
  <si>
    <t>保险岛可靠吗</t>
  </si>
  <si>
    <t>骗子，忽悠你签合同的时候说的好听，签了之后就会发现就是个坑，合同根本没用，售后也是稀烂，根本不能解决任何问题。开始可能会给你分配客户，但是都是被N多人骚扰过的，打电话要么不接要么就根本没有意向，后来就完全不分配客户了，千万不要相信。</t>
  </si>
  <si>
    <t>信用卡能存钱吗</t>
  </si>
  <si>
    <t>可以往信用卡里存钱的，但与借记卡不同，往信用卡里存钱，不管存多少、存多久，都没有利息。不仅如此，如果想要取出存在里面的钱，大部分银行还会收取溢缴款领回手续费。</t>
  </si>
  <si>
    <t>座位险有必要买吗</t>
  </si>
  <si>
    <t>有必要，车上人员责任险是非常便宜的，而且车上人员受伤的几率并不低，如果没有及安全带，一个急刹车也有可能造成乘客受伤。</t>
  </si>
  <si>
    <t>驾驶员险就够了。</t>
  </si>
  <si>
    <t>东莞二手房限购吗</t>
  </si>
  <si>
    <t>东莞三轮楼市调控并未涉及二手房，除满2年可转让的“限售”外，二手房并不在限购之列。</t>
  </si>
  <si>
    <t>秘宝猎人好玩吗</t>
  </si>
  <si>
    <t>这个游戏不错，我在七果那边看到打了几局，操作感不错，画面也很舒服。就前面这几关玩起来满带劲的。后面的我暂时还没玩到，不过应该也不会差到那里去，可以去玩玩。七果那边也有礼包可以了领。</t>
  </si>
  <si>
    <t xml:space="preserve">这个游戏玩了几个小时感觉还不错，第二天就觉得太肝了，冲的2块钱就当丢了 </t>
  </si>
  <si>
    <t>电蚊拍能电死人吗</t>
  </si>
  <si>
    <t>虽然电压高，但电流只有10MA所以一般来说都是没事的你要知道，电死人的原因不是电压，而是电流，当心脏流过电流过大时，才会致命</t>
  </si>
  <si>
    <t>psv破解了吗</t>
  </si>
  <si>
    <t xml:space="preserve">不过现在是基础破解，虽然是很根本的破解 </t>
  </si>
  <si>
    <t>PSV没有破解，别说破解了，这么多年了，PSV连硬核漏洞都没找到，而且连USB输出都被限制了。未来的几年内都没有破解的希望。</t>
  </si>
  <si>
    <t>汗疱疹传染吗</t>
  </si>
  <si>
    <t>汗疱疹是不会传染的。</t>
  </si>
  <si>
    <t>箍牙会改变脸型吗</t>
  </si>
  <si>
    <t>会变，但是不要以为一定是往好的方向变。看你从前什么情况和怎么箍拔牙否。</t>
  </si>
  <si>
    <t>肯定有影响，但影响有限，还不至于改变脸型；进行牙齿矫正时，只是改变牙齿的位置和排列，下颌骨是没有改变的，而决定脸形的是下颌骨，所以牙齿矫正佩带牙箍不会改变脸形。</t>
  </si>
  <si>
    <t>小产权房拆除有补偿吗</t>
  </si>
  <si>
    <t>小产权房不具备普通商品房的法律性质，在购买过程中出现合同纠纷难以得到等同保护；开发 建设过程中缺少监管，其质量问题出现的概率要高过商品房；而因为无法办理合法的产权手续，购买后也不能合法转让过户，对房产价值影响很大；若遇国家拆迁， 很难得到相应的拆迁补偿。</t>
  </si>
  <si>
    <t>踮脚尖可以瘦小腿吗</t>
  </si>
  <si>
    <t>踮起脚尖就是让紧绷的小腿受到刺激并且慢慢的消耗脂肪，长期下去会消除疲劳并且能增加小腿的弹性。能加快消除脂肪的效果。</t>
  </si>
  <si>
    <t>不会。踮脚尖就是提踵。提踵是练小腿肌肉的。</t>
  </si>
  <si>
    <t>山东财经大学是211吗</t>
  </si>
  <si>
    <t>目前还不是一本，但是有望成为一本院校，不是211</t>
  </si>
  <si>
    <t>中业兴融是否会跑路</t>
  </si>
  <si>
    <t>他家的电话，是一直打不进去的，只有他家才可以打你的电话，在线客服，不管周末还是工作日，一直不在线，不跑路才怪。</t>
  </si>
  <si>
    <t>摔跤吧!爸爸好看吗</t>
  </si>
  <si>
    <t>《摔跤吧！爸爸》去年在部分国家公映后就获得了极大的成功，不仅在印度本土成功登顶影史票房冠军宝座，IMDB评分8.8分、烂番茄收获96%的新鲜度，也说明影片同样获得欧美观众的认可。</t>
  </si>
  <si>
    <t>福彩有官方app是真的吗</t>
  </si>
  <si>
    <t>假的
消息，国家还没有放开电子彩票</t>
  </si>
  <si>
    <t>平安银行信用卡好不好</t>
  </si>
  <si>
    <t>平安银行信用卡我5月份办了一张，很好，送保障，有个人的交通意外保险、全家的燃气意外保障，只要卡在保障就在。</t>
  </si>
  <si>
    <t>平安银行信用卡就是和坑，卡都没用过，就要还200元，强烈建议不要用平安银行信用卡。</t>
  </si>
  <si>
    <t>connor和troye分手了吗</t>
  </si>
  <si>
    <t>很早就分了，现在戳爷男朋友是jacob</t>
  </si>
  <si>
    <t>华为一键还原能不能删</t>
  </si>
  <si>
    <t>系统还原是用来还原系统的，手机出了问题可以用它来还原，删不掉</t>
  </si>
  <si>
    <t>胆襄壁毛糙可以自愈吗</t>
  </si>
  <si>
    <t xml:space="preserve">不需要治疗不属于疾病，如果有不适，日常生活注意避免油腻饮食就可以改善。 </t>
  </si>
  <si>
    <t>steam在中国合法吗</t>
  </si>
  <si>
    <t>不合法。没有相应许可，进都没进大陆，就在大陆做生意。steam还是个包含视频的网站，在国内现在必须要文网文和视听许可证，信息网络传播视听节目许可证，网络文化经营许可。他现在什么都没有。</t>
  </si>
  <si>
    <t>普罗科菲耶夫曲子难吗</t>
  </si>
  <si>
    <t>普罗科菲耶夫第二钢琴协奏曲是世界上最难的三首协奏曲之一。边看谱子边听，就知道为什么难了。这首曲子太浩大了，对声部的处理，对技术的需求，都是极高的，不但要弹出颗粒性还要将感情处理适当。</t>
  </si>
  <si>
    <t>资产状况信息填0可以吗</t>
  </si>
  <si>
    <t>可以，注册资本实行认缴制了，只要没过认缴期，可以全部0</t>
  </si>
  <si>
    <t>多囊卵巢可以自愈吗</t>
  </si>
  <si>
    <t>亲身经历，多囊可以自愈，姐妹们加油</t>
  </si>
  <si>
    <t>多囊卵巢是需要治疗的，不治疗会逐渐加重的。</t>
  </si>
  <si>
    <t>淘宝解id锁是真的吗</t>
  </si>
  <si>
    <t>大家别相信淘宝网上那些所谓的软解ID锁的，官解的，基本都是骗人，忽悠人的。除了发钓鱼网站，他们也不会有别的本事可以解开。
亲自体验了一次，本来还不相信的。别看好评那么多，全是刷出来的。态度差的要死。</t>
  </si>
  <si>
    <t>率土之滨潘凤值得用吗</t>
  </si>
  <si>
    <t>潘凤很牛的，他是唯一一个打完别人还会暴走的将，而且是唯一一个被四星武将杀死的五星武将，所以，潘凤是很值得收藏的武将</t>
  </si>
  <si>
    <t>关晓彤是处女吗</t>
  </si>
  <si>
    <t>关晓彤为人开朗还很清纯，坦白自己没有谈过恋爱。</t>
  </si>
  <si>
    <t>不太像了</t>
  </si>
  <si>
    <t>全脑教育是不是骗局</t>
  </si>
  <si>
    <t>现在让你弱智化掏银子、未来让你成为江湖笑柄</t>
  </si>
  <si>
    <t>快易花上征信吗</t>
  </si>
  <si>
    <t>快易花已对接人行征信，保持良好的消费习惯和还款记录，有助于您完善个人征信，提高快易花使用额度。</t>
  </si>
  <si>
    <t>早晨空腹吃苹果好吗</t>
  </si>
  <si>
    <t>早上空腹吃一个苹果对于身体是有好处的，而且苹果中的成分也是很容易消化的，各种微量元素都是存在的。苹果中含有大量的半乳糖荃酸，这个对于我们排毒是很有益处的，而且早上吃苹果还是有利于防止胆结石。</t>
  </si>
  <si>
    <t>月经推迟4天能验孕吗</t>
  </si>
  <si>
    <t>月经推迟四天用验孕棒能验出是否怀孕。</t>
  </si>
  <si>
    <t>目前月经延迟才四天，验孕棒还不一定能查出什么的。</t>
  </si>
  <si>
    <t>佰仟金融是正规公司吗</t>
  </si>
  <si>
    <t>是的，是做消费金融的，给提供商品贷分期的，跟哈尔滨银行是战略合作关系</t>
  </si>
  <si>
    <t>邪恶迪迦有真名么</t>
  </si>
  <si>
    <t>那个假迪迦没有名字，只是一位超古代战士而已，假迪迦只是我们方便认出他而给的称呼而已</t>
  </si>
  <si>
    <t>王者荣耀ios和安卓可以一起玩吗</t>
  </si>
  <si>
    <t>王者荣耀安卓和ios是可以一起玩的，但需要注意的是，在后续的更新中，ios的微信区玩家只能邀请安卓的微信玩家一起玩，同理ios的QQ区玩家只能邀请安卓的QQ玩家一起玩！而且虽然可以一起玩，但是两个服务器的玩家数据是不共通的，ios的玩家不能在安卓机器上登陆自己的号，反之安卓玩家不能在ios设备登陆自己的号！</t>
  </si>
  <si>
    <t>msocache可以删除吗</t>
  </si>
  <si>
    <t>MSOCache，是Offiece的本地安装源 (Msocache），可以删除，但是删除后如果在office出现故障则无法进行修复甚至无法进行卸载。</t>
  </si>
  <si>
    <t>老妈乐融资是否合法</t>
  </si>
  <si>
    <t>已经找过律师拿他们的资料咨询过了，没有问题，新事物始终走在法律的前面，没拿钱跑就没问题。</t>
  </si>
  <si>
    <t>国家管不过来，其实全是骗人的，根本不可能有这个好事，鉴定完毕骗局。</t>
  </si>
  <si>
    <t>吃钙片能长高吗</t>
  </si>
  <si>
    <t>吃钙片对长高有用，这样做可以保证身体生长发育需要的钙得到充分供给，为长高创造了较好的营养条件，对长高会有帮助。</t>
  </si>
  <si>
    <t>比较难，生长的高峰期过了！</t>
  </si>
  <si>
    <t>跑步心率180正常吗</t>
  </si>
  <si>
    <t>我觉得是正常的，人正常心跳是76下如果跑步到了中后期阶段心跳都比正常的时候快一倍左右再加上你跑步前决定跑多少米为目标后再超越这个目标后带有一点的兴奋的情况下180我个人觉得是正常的。</t>
  </si>
  <si>
    <t>可能心脏有问题，要注意。成人每分钟心率超过100次（一般不超过 160次/分）或婴幼儿超过 150次/分者，称为窦性心动过速。常见于正常人运动、兴奋、激动、吸烟、饮酒和喝浓茶后。</t>
  </si>
  <si>
    <t>买保险划算吗</t>
  </si>
  <si>
    <t>中国的保险大多不值得买，我有切身体会。要知道，你所交的保费，在当月即被保险公司的经理和业务员瓜分一大半。</t>
  </si>
  <si>
    <t>孕妇可以吃杨梅吗</t>
  </si>
  <si>
    <t>孕妇可以吃杨梅，目前并没有发现杨梅对孕妇和胎儿有不良影响，所以孕妇可以吃杨梅，而且对身体有益无害。</t>
  </si>
  <si>
    <t>广州华育网科技发展有限公司靠谱吗</t>
  </si>
  <si>
    <t>这个是华育国际集团，2000年建立于北京，分公司在成都、广州等地</t>
  </si>
  <si>
    <t>韩国有vvc这个品牌吗</t>
  </si>
  <si>
    <t>是韩国专业做防晒技术产品的，免税店都有上架</t>
  </si>
  <si>
    <t>这个是国产品牌，打着韩国名义，所有说能代购的全是骗子，品牌是在浙江金华，产地也是在浙江金华</t>
  </si>
  <si>
    <t>凤梨要用盐水泡吗</t>
  </si>
  <si>
    <t>由于菠萝中含有刺激作用的甙类物质和菠萝蛋白酶，因此应将果皮和果刺修净，将果肉切成块状，在稀盐水或糖水中浸渍，浸出甙类，然后再吃</t>
  </si>
  <si>
    <t>毛毛虫克格莫有特效吗</t>
  </si>
  <si>
    <t>所有皮肤都有特效，毛毛虫的是:嘲讽lv2，炫富lv1</t>
  </si>
  <si>
    <t>没有，只是换了个颜色。</t>
  </si>
  <si>
    <t>王者荣耀买号安全吗</t>
  </si>
  <si>
    <t>并不安全，除非自己创一个号让别人练还好一点，不然很容易就申诉回去的。</t>
  </si>
  <si>
    <t>facebook名字可以改吗</t>
  </si>
  <si>
    <t>根据 Facebook 最新的条例，每个用户只能更改4次姓名。</t>
  </si>
  <si>
    <t>微信有恢复好友功能吗</t>
  </si>
  <si>
    <t>不能，微信没有那个功能！</t>
  </si>
  <si>
    <t>快充充电器能给普通手机充电吗</t>
  </si>
  <si>
    <t>可以。手机充电电流是手机来控制的，而不是充电头，充电头只能被动的适应手机的需要，所以普通手机使用快充设备充电，只会输入普通手机所允许的电流和电压。</t>
  </si>
  <si>
    <t>ccleaner好用吗</t>
  </si>
  <si>
    <t>保持原有设置，清理系统垃圾很好用。</t>
  </si>
  <si>
    <t>外汇合法吗</t>
  </si>
  <si>
    <t>在这一方面国家目前还没有出台任何有关于炒外汇方面的法律，因此属于法律的灰色地带，国家既没有允许也没有强行禁止。但是这也就说明了在中国进行炒外汇是不受到国家法律的保护的，因此如果交易者想继续参与外汇交易，就需要自己去选择正规的受监管的外汇平台了。</t>
  </si>
  <si>
    <t>擅自从事外汇按金交易的双方权益不受法律保护，组织和参与这种交易，属于非法经营外汇业务和私自买卖外汇行为。参照《中华人民共和国外汇管理条例》规定：第四十五条私自买卖外汇、变相买卖外汇、倒买倒卖外汇或者非法介绍买卖外汇数额较大的，由外汇管理机关给予警告，没收违法所得，处违法金额30%以下的罚款；情节严重的，处违法金额30%以上等值以下的罚款；构成犯罪的，依法追究刑事责任。</t>
  </si>
  <si>
    <t>上海跨校辅修有用吗</t>
  </si>
  <si>
    <t>完全无用。工作后你会后悔本该恋爱的大学时光浪费在了去读第二专业的路上。</t>
  </si>
  <si>
    <t>乳胶床垫对腰椎好不好</t>
  </si>
  <si>
    <t>要想脊椎好，先要坚持睡硬床，注意是越硬越好，维持坏的程序不要更严重，然后再慢慢想办法治愈。</t>
  </si>
  <si>
    <t>车展的车比平时便宜吗</t>
  </si>
  <si>
    <t>车展买车一般要便宜些的，厂家都会出台相应的车展政策，或是给4S一定的必须完成的销售任务，所以优惠幅度比较大</t>
  </si>
  <si>
    <t>京东买空调免费安装吗</t>
  </si>
  <si>
    <t>有些京东会直接安排人来安装的，有些要自己打厂家客服电话让他们安排人来上面安装，都是免费的（除非加材料），具体看商品页面介绍吧。</t>
  </si>
  <si>
    <t>安装费用一般都是要收取的，有的品牌打出免费安装口号，其实羊毛还是出在羊身上，安装算也含算在零售价里面了</t>
  </si>
  <si>
    <t>排卵期停止发育了可以吃黑豆吗</t>
  </si>
  <si>
    <t>排卵期内吃黑豆不会对身体健康造成影响的。</t>
  </si>
  <si>
    <t>疾速特攻有第一部吗</t>
  </si>
  <si>
    <t>《疾速特攻》是《疾速追杀》的续作，是由美国狮门影业出品的动作犯罪片；它的第一部《疾速追杀》（2014年）国内并未引进</t>
  </si>
  <si>
    <t>房子备案了就安全了吗</t>
  </si>
  <si>
    <t>已备案，但房产证还没办下来的房子，怎么买都不安全。没有产证没办法做产调，没法确定房子有没有一房多卖或者被抵押。</t>
  </si>
  <si>
    <t>超薄违反广告法吗</t>
  </si>
  <si>
    <t>用“最”之类的才违法，超不算。</t>
  </si>
  <si>
    <t>面膜每天敷好不好</t>
  </si>
  <si>
    <t>每天都敷面膜对皮肤不好。面膜使用说明上一般都会注明一周使用一次，最多也就一周2~3次。皮肤主要功能其实是呼吸，吸收营养的能力有限，如果每天使用面膜只会让皮肤越来越敏感，越来越脆弱，甚至引起红肿，降低皮肤的抵抗力。</t>
  </si>
  <si>
    <t>孕妇可以喝玫瑰花泡的水吗</t>
  </si>
  <si>
    <t>怀孕期间避免喝玫瑰花水的，这个虽然对美容有一定的效果，但是怀孕期间为了避免影响到孩子的就健康，是不建议用的。</t>
  </si>
  <si>
    <t>侠客风云传有破解版吗</t>
  </si>
  <si>
    <t>美国破解已出，直接覆盖就可以用了，简单快捷。</t>
  </si>
  <si>
    <t>灭蚊灯对人有害吗</t>
  </si>
  <si>
    <t>驱蚊灯对人体健康有一定影响:驱蚊灯对人体健康影响有多大呢？浙江大学光电子技术研究所副教授方伟指出，驱蚊灯发出的是紫外线，这个波段的紫外线对人体是有影响的，最大的影响就是把皮肤照黑，如果长时间暴露的话还可能造成皮肤老化等效果。它利用蚊子的趋光性，将蚊子吸引过来，使其风干或触电身亡，这种灭蚊灯容易造成严重的二次污染，当蚊虫身体被风干或被电击瞬间，会将体内的大量病菌扩散到空气中和物体表面。这也是驱蚊灯对人体危害的一个方面。</t>
  </si>
  <si>
    <t xml:space="preserve">灭蚊灯对人体没有害处。灭蚊灯可以分为电子灭蚊灯和气流吸蚊灯两种。灭蚊灯具有结构简单、售价低廉、美观大方、体积小、耗电省等特点。由于在使用时，不需要采用任何化学灭蚊物质，是一种相对环保的灭蚊方式。 </t>
  </si>
  <si>
    <t>巴里黄檀有收藏价值吗</t>
  </si>
  <si>
    <t>巴里黄檀将成为红木市场主流，随着大红酸枝资源的不断消耗，巴里黄檀无疑是大红酸枝未来的优选替代，将成为红木市场上的一匹“黑马”</t>
  </si>
  <si>
    <t>滴滴司机赚钱吗</t>
  </si>
  <si>
    <t>上面的一些数字我都是大概估算一下，不一定很准确，但确实是我做滴滴司机的真实经历，所以说，你想去做滴滴司机，那我告诉你，真的不赚钱！</t>
  </si>
  <si>
    <t>鞋子磨脚属于质量问题吗</t>
  </si>
  <si>
    <t>一般说来不属于,这是脚和鞋子不匹配造成的.当然也存在鞋子材质本身容易磨脚,现在很多PU的鞋子,都需要磨脚一段时间进行磨合</t>
  </si>
  <si>
    <t>王者荣耀外国人玩吗</t>
  </si>
  <si>
    <t>答案是肯定的。Facebook上有很多王者荣耀的小组，其中最大是一个马来西亚的王者荣耀小组，成员已经超过了5.3万。</t>
  </si>
  <si>
    <t>外国人喜欢阅读而不是玩手机，况且就算喜欢玩游戏的也不会玩这种，喜欢玩moba类的都去玩LOL或者DOTA没人玩这种游戏，中国市场推不出去，也就国人孤陋寡闻的玩那些手游。</t>
  </si>
  <si>
    <t>速腾好不好</t>
  </si>
  <si>
    <t>很好的车！建议买自然吸气1.6L，加钱都可以买！</t>
  </si>
  <si>
    <t>不吃晚饭减肥有用吗</t>
  </si>
  <si>
    <t>不吃晚饭是可以减肥的，但效果并不是很明显，而且反弹也很厉害，长时间的饿肚子，也会使胃不堪重负而产生病变。</t>
  </si>
  <si>
    <t>不能。减肥不是靠快的，减的快胖的也很快，一定要找一个适合自己的，又比较容易坚持的办法，才是最好的减肥办法，不知不觉你会变瘦而且不容易反弹。我告诉你我一直坚持的方法：少吃多运动，不要懒惰，因为懒惰是直接导致肥胖的原因之一。</t>
  </si>
  <si>
    <t>被小猫抓了出血没打针会不会有事</t>
  </si>
  <si>
    <t>猫爪子没病毒，但注意细菌感染，多挤血，肥皂处理，抹药水。</t>
  </si>
  <si>
    <t>杨梅上火吗</t>
  </si>
  <si>
    <t>杨梅属于性温类水果，多吃不上火。</t>
  </si>
  <si>
    <t>买奥迪a3有后悔的吗</t>
  </si>
  <si>
    <t>我是15年买的，现在16000KM，首先是空调坏了，后水箱也坏了，各种异响都有，不建议买A3，我办完24，很后悔，这个价格可以买途观了！</t>
  </si>
  <si>
    <t>目前自己的A3感觉非常好。做工扎实，质量过硬，细节精致。</t>
  </si>
  <si>
    <t>信天游机票验真可信吗</t>
  </si>
  <si>
    <t>可信的，这个网站是中国民航的官方网站</t>
  </si>
  <si>
    <t>英特尔管理引擎组件可以卸载吗</t>
  </si>
  <si>
    <t>可以卸载，没有任何影响。</t>
  </si>
  <si>
    <t>性能减弱。</t>
  </si>
  <si>
    <t>唱国际歌会违法吗</t>
  </si>
  <si>
    <t>国际歌被称作无产阶级的歌，在所有追求共产主义的国家或组织流行。在中国，也被当成经典的革命歌曲，经常在重要的场合播放，公共场合唱国际歌不违法</t>
  </si>
  <si>
    <t>2017年去美国打工难吗</t>
  </si>
  <si>
    <t>特朗普上台，对美国未来非法滞留人员将启用严格的遣返政策，不建议去美国了</t>
  </si>
  <si>
    <t>市销率越高越好吗</t>
  </si>
  <si>
    <t>市销率=股票市值/年销售收入，市销率越小越好，市销率大于10的股票坚决抛出。</t>
  </si>
  <si>
    <t>山药长芽能吃吗</t>
  </si>
  <si>
    <t>山药发芽也是可以吃的，只是营养价值有所下降。山药已经开始生命成长了，其发芽会导致营养物质有所下降，轻微发芽营养物质流失就会很少。而发芽的山药是不会象土豆那样产生毒素的。山药和土豆在植物分类里是不同种类的。目前并无任何因为食用发芽的山药中毒的报道。假如您的山药因为保管不妥发芽了，把芽剔除掉，仍然可以食用。</t>
  </si>
  <si>
    <t>有关专家建议，山药发芽后虽然并没有产生龙葵素一类的有毒物质，但是山药本身的营养物质在山药发芽的过程中已经开始发生转化，其营养价值开始下降。而且对于肠胃承受能力较弱的人来说，吃了发芽的山药还容易出现腹泻的现象。所以，山药如果发芽了，还是不要食用为妙。</t>
  </si>
  <si>
    <t>澳洲打虫巧克力靠谱吗</t>
  </si>
  <si>
    <t>此类巧克力打虫药并没有国家食药监总局审批号。对此，食药部门提醒，无审批的药品存在安全隐患，市民尽量不要购买。</t>
  </si>
  <si>
    <t>宝马官方二手车靠谱吗</t>
  </si>
  <si>
    <t>质量靠谱，但价格太高</t>
  </si>
  <si>
    <t>武松打虎是不是英雄</t>
  </si>
  <si>
    <t>武松打虎算得上英雄。因为那时时宋代，老虎很多，虎患很严重，当地很多人都被老虎吃掉了。</t>
  </si>
  <si>
    <t>布拉旅行靠谱吗</t>
  </si>
  <si>
    <t>这家公司是做旅行APP的，下载试用了下，还不错，很多很有特色的精品客栈等都能找到，而且推荐的价格也不贵，以后周末出游可以作为参考，这样就不用太花时间去网上搜索了，方便实用很多。</t>
  </si>
  <si>
    <t>骗人的平台，变相融资，酒店迟迟不确认，机票迟迟出不来经常有的事</t>
  </si>
  <si>
    <t>北京新文化票务网是真的吗</t>
  </si>
  <si>
    <t>北京新文化票务网是可信的网站，放心购买没有任何问题！</t>
  </si>
  <si>
    <t>很坑，订票后，2个月演唱会开始前2天告诉你，580的票要加价1000，退票的话又要扣你百分之20手续费。</t>
  </si>
  <si>
    <t>洗洁精可以洗车吗</t>
  </si>
  <si>
    <t>不可以。许多车主把洗洁精归属为洗涤产品，认为用洗洁精与专用洗车液没什么区别，其实这种观念是错误的，这样做对车漆会有损坏。因为洗洁精的去油性，会将车身的污渍连同车蜡一起清除掉，车漆就会失去车蜡对车表面的保护作用。其次，洗洁精的强碱性会腐蚀汽车的橡胶保护条，使之失去光泽、弹性，甚至产生龟裂，所以说不能用洗洁精替代专用洗车液。</t>
  </si>
  <si>
    <t>划痕险有必要买吗</t>
  </si>
  <si>
    <t>保险专家建议，汽车划痕保险对于汽车是非常重要的，尤其是新车的车主，最好选择这一车损险的附加险，价格不贵但很实用。</t>
  </si>
  <si>
    <t>炮火连天网是真的吗</t>
  </si>
  <si>
    <t>绝对是骗人的，充值成功之后就让你注册永久id，然后就再也回不到原来的网站了</t>
  </si>
  <si>
    <t>指尖陀螺有专利吗</t>
  </si>
  <si>
    <t>Catherine A. Hettinger放弃了这项发明专利，公布于社会让所有人都可以从这项发明中收益，换言之，这项发明已经成为社会共同财产！</t>
  </si>
  <si>
    <t>微谷教育好吗</t>
  </si>
  <si>
    <t>微谷教育已为社会培育、输出300多位微商人才；使他们不仅是传统型精英，在微来的道路上，他们也将有着举足轻重的作用与地位。</t>
  </si>
  <si>
    <t>做痔疮手术痛苦吗</t>
  </si>
  <si>
    <t>其实痔疮手术对肛部本身是一种创伤，因为肛门直肠部神经分布致密，血管极丰富，神经、肌肉相联密切，手术破坏了皮肤组织的完整性，因而，疼痛是必然的。</t>
  </si>
  <si>
    <t>所有人都表示手术过程不疼，过后也不疼。</t>
  </si>
  <si>
    <t>猫脸老太太是真的吗</t>
  </si>
  <si>
    <t>猫脸老太太事件这是一件发生在上世纪末的一件事，而且正史也有所记载，大概是发生在1995年~1996年之间。</t>
  </si>
  <si>
    <t>当然假的啊，貌似是她的女儿（看过电影较长时间了）假扮的，最后真相了。</t>
  </si>
  <si>
    <t>东方融资网贷款可靠吗</t>
  </si>
  <si>
    <t>骗人的。这个东方融资就是一个壳，骗了很多人了。</t>
  </si>
  <si>
    <t>严宽杜若溪有孩子吗</t>
  </si>
  <si>
    <t>是有个儿子，目测三四岁的样子</t>
  </si>
  <si>
    <t>世纪佳缘找对象靠谱吗</t>
  </si>
  <si>
    <t xml:space="preserve">总之那时候的印象就是，世纪佳缘是个充满酒托和骗子的地方。也偶尔能有几个回你的真人，但基本上也没有什么效果吧。 </t>
  </si>
  <si>
    <t>杨梅可以放冰箱吗</t>
  </si>
  <si>
    <t>杨梅是可以放进冰箱保存的，因为杨梅的保鲜期比较短，不宜保存，而冰箱中的冷藏室的气温比较低，对杨梅可以起到一定的保鲜效果。</t>
  </si>
  <si>
    <t>肾切除一个是大手术吗</t>
  </si>
  <si>
    <t>肾脏切除是一个大手术，但是复杂程度不算很高。</t>
  </si>
  <si>
    <t>这是一个泌尿外科常规手术。</t>
  </si>
  <si>
    <t>邓超离婚了吗</t>
  </si>
  <si>
    <t>这只是传闻而已,并不是真实的,没有多少网友会相信,因为孙俪和邓超夫妻感情一直很稳定,并且孙俪已经出来澄清了!</t>
  </si>
  <si>
    <t>q币可以提现吗</t>
  </si>
  <si>
    <t>其实Q币只能在腾讯使用，在腾讯是不能直接体现的。现在可以使用云奇付Q币提现，提取在支付宝，财付通，网银都可以，Q币就能换钱取出来</t>
  </si>
  <si>
    <t>Q币是不能提现的，这就是种游戏货币，至于腾讯么，TA是不可能开出可以货币提现的游戏的</t>
  </si>
  <si>
    <t>天津阳光男科医院割包皮手术可靠吗</t>
  </si>
  <si>
    <t>挺可靠的</t>
  </si>
  <si>
    <t>微信电脑版可以发朋友圈吗</t>
  </si>
  <si>
    <t>有方法可以实现微信电脑版发说说功能，不过需要借助一款好用的安卓模拟器。</t>
  </si>
  <si>
    <t>微信电脑版目前还没有朋友圈的功能，所以微信电脑版无法在朋友圈发图片说说，要在朋友圈发说说，目前只能在手机微信的朋友圈里发</t>
  </si>
  <si>
    <t>雷凌双擎有国家补贴吗</t>
  </si>
  <si>
    <t>目前雷凌进入了广州的节能车目录，不但100%拍牌中签，而且还能享受到10000元的节能车补贴。</t>
  </si>
  <si>
    <t>雷凌混动得不到国家的节能补贴，享受不了购置税全免，消费者不止得不到钱，也无法享受不限行、不限牌等等各种关于新能源汽车的优惠政策。</t>
  </si>
  <si>
    <t>qq文件过期了能恢复吗</t>
  </si>
  <si>
    <t>好友给您发送的离线文件一旦发送成功会在服务器为您保留7天，规定时间以内您不登录接收就自动删除，无法恢复，也不会再提醒接收</t>
  </si>
  <si>
    <t>mba好考吗</t>
  </si>
  <si>
    <t>MBA联考的考试只考英语和综合，综合包括数学、逻辑、写作，难度都不大数学更是只考初等数学，中学的知识。</t>
  </si>
  <si>
    <t>木兰千金膏是真的吗</t>
  </si>
  <si>
    <t>“木兰千金膏”属于普通食品，不是药品，没有治疗功效，不能代替药物用于治疗疾病，请消费者谨慎选择。木兰千金膏主要就是通过补充气血，让女性卵巢细胞充盈，卵巢功能强盛，让卵巢自身分泌雌孕激素来达到女性身体健康和容颜的目的”等内容使用大量医药术语，宣称或暗示具有治疗功效，涉嫌违法广告虚假宣传欺骗消费者，请消费者不要轻信。</t>
  </si>
  <si>
    <t>3dmax会被c4d取代吗</t>
  </si>
  <si>
    <t>C4D和3DMAX谁也不能取代谁，功能都非常全面</t>
  </si>
  <si>
    <t>泰州属于中国吗</t>
  </si>
  <si>
    <t>泰州是中国历史文化名城，地处长江下游北岸、长江三角洲北翼，是上海都市圈的中心城市之一。</t>
  </si>
  <si>
    <t>南柱赫李圣经是情侣吗</t>
  </si>
  <si>
    <t>在脸书上说过和李圣经是情侣关系，且恋情持续了数年之久</t>
  </si>
  <si>
    <t>博客还有人用吗</t>
  </si>
  <si>
    <t>有，很少；外国人也是会用博客的，他们一般使用 Twitter、Facebook、INS、blogger、MySpace、MSN。</t>
  </si>
  <si>
    <t>百香果一年四季都有吗</t>
  </si>
  <si>
    <t>百香果一年四季都有的。淘宝上找找，南产的是一年四季都有的。</t>
  </si>
  <si>
    <t>严格的说是每年3-12月份都有新鲜的。</t>
  </si>
  <si>
    <t>美国读研一年30万够吗</t>
  </si>
  <si>
    <t>美国一年，除了MBA和部分高端的专业，是绝对用不了30W的！20W差不多了。</t>
  </si>
  <si>
    <t>光学费都快30万了,要是算上生活费，要在是个什么洛杉矶什么的，岂不是一年50万左右了。</t>
  </si>
  <si>
    <t>小孩上户口有时间限制吗</t>
  </si>
  <si>
    <t>婴儿出生后，申报人（出生入户随父随母自愿原则）应在一个月内（如果6个月前没入户的话且夫妻双方户口不在同一派出所,入户的派出所可能会要你去对方派出所出你小孩没有在那边入户的证明），先到派出所拿登记表填好，再到社区居（村）委会加具意见后（我们这要先上环后才肯加意见），再到入镇计生办开计生证明，向其父亲或母亲常住户口所在地派出所申报出生登记。</t>
  </si>
  <si>
    <t>微众银行5年定期安全吗</t>
  </si>
  <si>
    <t>微众银行的定期产品和传统银行储蓄存款一样的，都受央行存款保障的，所以安全，可以放心买买买。</t>
  </si>
  <si>
    <t>人有灵魂吗科学解释</t>
  </si>
  <si>
    <t>灵魂是确实存在的。西方人称为灵魂。现代西方不少科学家、医学家研究轮回，积累了丰富的实例。证明了轮回确实存在，灵魂确实存在。</t>
  </si>
  <si>
    <t>mac回收站清空还能恢复吗</t>
  </si>
  <si>
    <t>可以用mac版是万能数据恢复大师试试看</t>
  </si>
  <si>
    <t>星冰粽好吃吗</t>
  </si>
  <si>
    <t xml:space="preserve">周天看见星巴克给了我一个优惠券是8块钱可以买一个粽子 原价18
好吧女人嘛都懂的 就买了草莓味的……
外面是裹了一层什么鬼白色透明的像胶水一样的东西 里面是粉红色的然后再里面是白色的甜甜的 什么鬼
大小嘛 半个拳头那么大
总之 谁吃谁后悔……我喜欢肉粽啊喂！
</t>
  </si>
  <si>
    <t>干洗粉效果好吗</t>
  </si>
  <si>
    <t>这种化学的东西貌似不太好，会有化学残留，应该比水洗更伤</t>
  </si>
  <si>
    <t>绝地求生大逃杀免费吗</t>
  </si>
  <si>
    <t>《绝地求生大逃杀免费版电脑版》完全免费，打开即玩。</t>
  </si>
  <si>
    <t>游戏不是免费的，游戏在steam上售价98元</t>
  </si>
  <si>
    <t>喜来乐真有其人吗</t>
  </si>
  <si>
    <t>没有这个人，是根据名医刘守真改变编的。</t>
  </si>
  <si>
    <t>证券充场兼职是真的吗</t>
  </si>
  <si>
    <t>一个兼职，说是充场，但去了以后才知道是给证券公司充业绩。工作人员让前来做兼职的人用自己的身份证，银行卡在十几个证券公司开了户，是十几个！而兼职人员并没有想开户，但做之前并没有人解释工作内容，风险和会带来的麻烦，导致现在所有的证券公司都在和那些兼职人员联系，给正常生活造成了很多麻烦。</t>
  </si>
  <si>
    <t>温庭筠喜欢过鱼玄机吗</t>
  </si>
  <si>
    <t>温庭筠是喜欢鱼玄机的，但是要知道，在古代道德节操是什么重要的。是不可能有师生之间的爱恋的，有了也绝对不可能说出来</t>
  </si>
  <si>
    <t>温庭筠虽然对鱼幼薇十分怜爱，但一直把感情控制在师生或朋友的界限内，不敢再向前跨越一步</t>
  </si>
  <si>
    <t>李白真的是青莲剑仙吗</t>
  </si>
  <si>
    <t>李白别号青莲剑仙，是唐朝三百年最厉害的剑道高手。</t>
  </si>
  <si>
    <t>还不一定是野史杜撰出来的，我觉得这个可信度不是很高。</t>
  </si>
  <si>
    <t>京山美人谷好玩吗</t>
  </si>
  <si>
    <t>美人谷不愧是湖北小九寨，青山绿水，溪水清则见底，不时有透明的小鱼儿游来游去。进去景区仿佛置身于仙境，真的是美爆了。极力推荐。</t>
  </si>
  <si>
    <t>去的时候是枯水季，水不大，不好玩，酒店也停水，是当地最好的酒店了，所以很失望，早上到街上过早，也没什么好选择，还是不太发达，不过已经是三四年前的事情了，希望现在好了。</t>
  </si>
  <si>
    <t>纹身能彻底洗掉吗</t>
  </si>
  <si>
    <t>激光洗纹身,无痛快速,彻底去除纹身.激光洗纹身因为干净彻底,是大家洗纹身首选择的方法</t>
  </si>
  <si>
    <t>13cm的丁丁算小吗</t>
  </si>
  <si>
    <t>您好，一般成人阴茎勃起后长10-16cm,周长10.8cm;自然状态下长7-9cm,周长6.9-9.4cm.测量方式是从龟头到阴茎背侧（即和腹部连接处）根部的长度,你的状态属于正常水平。</t>
  </si>
  <si>
    <t>ai可以用ps打开吗</t>
  </si>
  <si>
    <t>AI可以直转PS层的，建议在AI里导出PSD格式后用PS打开</t>
  </si>
  <si>
    <t>苹果手机能同时登陆两个微信吗</t>
  </si>
  <si>
    <t>可以的，在同步推或者同步助手上搜微信就有微信共存版可以下载了。</t>
  </si>
  <si>
    <t>丰都鬼城晚上吓人吗</t>
  </si>
  <si>
    <t>没什么区别，没事，不过有些地方还是有点灵异，晚上出去一点事也没有</t>
  </si>
  <si>
    <t>小米手环2 防水吗</t>
  </si>
  <si>
    <t>可以达到10米防水，但在日常使用过程中，应该避免长时间泡水！</t>
  </si>
  <si>
    <t>洗澡后发现手环显示屏内出现明显的小水滴</t>
  </si>
  <si>
    <t>微信聊天记录删除了能恢复吗</t>
  </si>
  <si>
    <t>借助于一些软件，我们可以很轻松的找回已经删掉的微信聊天记录。</t>
  </si>
  <si>
    <t>经期可以喝茶吗?</t>
  </si>
  <si>
    <t>月经期间是不可以喝茶的，经期喝茶容易加重便秘症状</t>
  </si>
  <si>
    <t>macbook2017年出新的吗</t>
  </si>
  <si>
    <t>2017年没出新款Mac。</t>
  </si>
  <si>
    <t>肛交有快感吗</t>
  </si>
  <si>
    <t>肛门会比阴道较紧，插入方有可能在短期内获得比普通性交更强的快感。</t>
  </si>
  <si>
    <t>电影记忆大师好看吗</t>
  </si>
  <si>
    <t>看的时候会有一种博弈的快感，那种熟悉的被主创连环设计与反拆解设计的博弈，我对这样的“设计感”总是比较感冒，跟陈的《催眠大师》比有进步也有小遗憾，整体依然喜欢，华语这个系列可以多拍。</t>
  </si>
  <si>
    <t>不如《催眠大师》，除了布景美术和制作依然精致外，故事方面就各种绕，以至于最后的反转都极其刻意，虽然导演一直强调要看第二遍，但带着已知凶手的答案，去拼贴那些所谓的细节，来圆这个故事，本身就有点勉强。</t>
  </si>
  <si>
    <t>杨幂视频是不是真的</t>
  </si>
  <si>
    <t>保守估计应该是杨幂。孤岛惊魂7分5s有痣，位置相同</t>
  </si>
  <si>
    <t>人家公公都说了不是了，肯定不是了</t>
  </si>
  <si>
    <t>李景亮是嘎子吗</t>
  </si>
  <si>
    <t>嘎子哥李景亮小时候是演员，现在是运动员，也是郭德纲徒弟</t>
  </si>
  <si>
    <t>永恒之塔还有人玩吗</t>
  </si>
  <si>
    <t>月活跃用户也就三四十万，日活跃用户十万都勉强。</t>
  </si>
  <si>
    <t>台湾回归了吗</t>
  </si>
  <si>
    <t>现在台湾还没有回归大陆。</t>
  </si>
  <si>
    <t>云付通云支付是骗局吗</t>
  </si>
  <si>
    <t>深圳市南山区市场监督管理局在10月13日将云付通列入“经营异常名录”</t>
  </si>
  <si>
    <t>牛奶和蜂蜜可以一起吃嘛</t>
  </si>
  <si>
    <t>蜂蜜和牛奶是可以一起喝的。蜂蜜与牛奶搭配，可起到营养互补的效果。蜂蜜富含单糖，热能比较高，能直接被人体所吸收；牛奶虽然营养价值高，但热能低，不足以维持人体的正常生命活动。因此，牛奶加蜂蜜，人体不但能吸收足够的热能，还可更全面地补充营养。</t>
  </si>
  <si>
    <t>幽门螺旋菌会自愈吗</t>
  </si>
  <si>
    <t>可以，前提条件是免疫力得到提升，自愈力增强，利用自身免疫系统杀灭幽门螺旋杆菌。</t>
  </si>
  <si>
    <t>幽门螺旋杆菌是不能够自愈的，必须要通过治疗才有可能彻底的杀死，不然的话会一直留在体内，危害健康，这种病菌对胃不伤害非常的大，是导致胃癌的重大原因，所以如果发现有幽门螺杆菌的话，一定要想办法治疗。</t>
  </si>
  <si>
    <t>慢性荨麻疹能治好吗</t>
  </si>
  <si>
    <t>在压力大，身体抵抗力下降，以及周围有过敏源的情况下，会引起发病。所以那些外用药只能缓解痒的症状，真正根治还是要提高身体抵抗力，避免过敏源</t>
  </si>
  <si>
    <t>杨童舒漂亮吗</t>
  </si>
  <si>
    <t>她应该是在家里相夫教子，而且还非常尽力地在做慈善，人美心更美。</t>
  </si>
  <si>
    <t>银行卡可以异地注销吗</t>
  </si>
  <si>
    <t>异地可以销户的。只要持卡人将银行卡和本人身份证拿到与开卡银行相同的银行，申请注销即可。</t>
  </si>
  <si>
    <t>关闭朋友圈后别人还能看到吗</t>
  </si>
  <si>
    <t>别人还看得到的。</t>
  </si>
  <si>
    <t>偶像歌手阿狸有特效吗</t>
  </si>
  <si>
    <t>原来白色的法术效果全都变成了粉色效果，Q技能的法术轨道现在是类似五线谱一样的效果，外加多了一段回城动作</t>
  </si>
  <si>
    <t>韩国旅游被封了吗</t>
  </si>
  <si>
    <t>韩国游没有叫停，只是国家旅游局提醒中国公民，清醒认识出境旅行风险，慎重选择旅游目的地。</t>
  </si>
  <si>
    <t>蚂蚁借呗上个人征信吗</t>
  </si>
  <si>
    <t>使用“支付宝借呗”借款后，在个人征信报告上体现的竟是——小贷公司贷款，并且每提款一次，就会产生一笔信用记录！哪怕只有一次，可能也会影响到个人征信系统的评判！</t>
  </si>
  <si>
    <t>我也借过几次，我查了征信，上面没有记录！其实蚂蚁借呗里面的钱是从哪里来的呢？实际上是你向蚂蚁借呗发出借款申请，后台立马就把你的借款申请打包制作成一个理财产品，转手卖给其他购买这个现金理财产品的顾客，蚂蚁金服这其中倒手赚个利息差价。买过支付宝理财产品的就该知道，你赎回本金时，并不是立即到账的，而是被蚂蚁金服挂在后台转手卖给了别的购买同一理财产品的顾客。这可能就是蚂蚁借呗不上征信的原因吧，仅仅只是我的个人看法。</t>
  </si>
  <si>
    <t>五四青年节是法定节假日吗</t>
  </si>
  <si>
    <t>2008年4月，经国务院法制办同意，“青年节”放假适用人群为14至28周岁的青年，3亿多青年将于每年5月4日放假半天。按照国务院公布的《全国年节及纪念日放假办法》的规定，“青年节(5月4日)，14周岁以上的青年放假半天”，但这一规定没有明确放假适用人群的年龄上限。</t>
  </si>
  <si>
    <t>不是，按照国务院《全国年节及纪念日放假办法》有关规定，在部分公民放假的节日期间，对参加社会或单位组织庆祝活动和照常工作的职工，单位应支付工资报酬，但不支付加班工资。因此，今年“五四”青年节，青年人即使上班，也不能获取加班费。</t>
  </si>
  <si>
    <t>本命佛是真的吗</t>
  </si>
  <si>
    <t>真的。开光本命佛吉照堂本命佛最为灵验，吉照堂本命佛隶属于寺院，在开光方面完全不用担心，是真正的秘法开光本命佛，同时采用同级别最高的材质进行打造，材质方面不但保真，还是最好的材质，保障本命佛的灵气，在开光法会进行开光后还会在偏殿加持七天七夜吗，让本命佛物件深受佛法的加持，使得缘主受到更多的庇佑。</t>
  </si>
  <si>
    <t>本命佛是商家炒作的概念，不建议佩戴佛菩萨形象。</t>
  </si>
  <si>
    <t>10级伤残能赔十万吗</t>
  </si>
  <si>
    <t>可以！有些地方和有些单位还真的是可以达到这么多！各个省、自治区、直辖市出台的《工伤保险条例》对赔偿的标准和计算方法存在较大的差异</t>
  </si>
  <si>
    <t>总的说来，十级工伤，一般赔付标准在4.5万---6万元之间。　工伤保险条例相关规定：第三十七条 职工因工致残被鉴定为七级至十级伤残的，享受以下待遇:（一）从工伤保险基金按伤残等级支付一次性伤残补助金，标准为:七级伤残为13个月的本人工资，八级伤残为11个月的本人工资，九级伤残为9个月的本人工资，十级伤残为7个月的本人工资；（二）劳动、聘用合同期满终止，或者职工本人提出解除劳动、聘用合同的，由工伤保险基金支付一次性工伤医疗补助金，由用人单位支付一次性伤残就业补助金。一次性工伤医疗补助金和一次性伤残就业补助金的具体标准由省、自治区、直辖市人民政府规定。</t>
  </si>
  <si>
    <t>淘宝配眼镜靠谱吗</t>
  </si>
  <si>
    <t>可以的 我就配过 后来不放心还去实体店检测了一下，结果度数完全正确 最好去商城</t>
  </si>
  <si>
    <t>不提倡市民网上配镜，应到正规的医院或眼镜店配镜，并现场试戴是否合适。</t>
  </si>
  <si>
    <t>冯健离婚案是真的吗</t>
  </si>
  <si>
    <t>羊城晚报记者追根溯源，通过对多个消息源调查发现，这是一则发生在8年前的假新闻，根本没有这场官司，也根本不存在所谓的巨额赔偿。而假消息来源，是一起普通的夫妻纠纷。</t>
  </si>
  <si>
    <t>行政复议有成功的吗</t>
  </si>
  <si>
    <t>有，一切看证据。</t>
  </si>
  <si>
    <t>没有。</t>
  </si>
  <si>
    <t>微信红包被骗了能追回吗</t>
  </si>
  <si>
    <t>可以的只要你有截图</t>
  </si>
  <si>
    <t>已经进入别人帐户的钱，就属于别人的钱了，除非别人自愿，否则 是不可能追回的</t>
  </si>
  <si>
    <t>摔跤吧爸爸是真实的吗</t>
  </si>
  <si>
    <t>这是一部彻头彻尾的体育竞技类电影，由真人真事改编而成，取材于印度著名摔跤手马哈维亚·辛格·珀尕的真事故事，他打破重重阻碍，在印度这个性别不平等的国家里，完成了一项不可能的任务。</t>
  </si>
  <si>
    <t>赛默飞世尔是500强吗</t>
  </si>
  <si>
    <t>赛默飞世尔 (Thermo Fisher Scientific)在本年度美国企业500强排名第164位，较前年(215位)与去年(181位)稳步上升</t>
  </si>
  <si>
    <t>我就是在里边上班的，哪是500强，外强中干</t>
  </si>
  <si>
    <t>禽流感可以吃鸡蛋吗</t>
  </si>
  <si>
    <t>鸡蛋是可以吃的，鸡肉这些也是可以吃的。只是要在充分煮熟之后，因为禽流感病毒普遍都对热比较敏感，不过以安全为重就不要吃糖心蛋一类的东西了。</t>
  </si>
  <si>
    <t>一般情况下，禽流感期间最好不要吃鸡蛋。在禽流感期间，很多鸡蛋都会带有禽流感病毒，食用之后会容易危害身体健康。</t>
  </si>
  <si>
    <t>高一成绩差还来得及吗</t>
  </si>
  <si>
    <t>距离高考还有两年多时间。成绩差主要出在基础知识和学习习惯上。基础知识可以请老师补，学习习惯要帮助孩子养成，解决这两点，就没什么问题了。</t>
  </si>
  <si>
    <t>固态硬盘需要分区吗</t>
  </si>
  <si>
    <t>建议分cd两个区，个人认为分区不会影响什么。</t>
  </si>
  <si>
    <t>分区的人都是自己的问题，硬盘本身就不需要分区，难道文件夹分不清自己的东西？现在固态做系统盘，1TB做D盘，啥都不分区，根本没必要。</t>
  </si>
  <si>
    <t>永久山地车真的不好吗</t>
  </si>
  <si>
    <t>永久嘛，不思进取，各种花式坑小白，各种偷工减料，吹牛不带打草稿张嘴就是各种神论，没有生产能力，贴牌能力首屈一指，瞎白话能力仅次于欧拜克和索罗门。如此态度坐做的车怎么可能会得民心。</t>
  </si>
  <si>
    <t>sus304是食品级吗</t>
  </si>
  <si>
    <t>SUS304是食品级不锈钢；食品级别不锈钢分为18/018/818/10，后面两种都称为304不锈钢。目前304是生活中较好的不锈钢，也是在食品行业应用最广的不锈钢钢种，只要是304的不锈钢，就一定符合国家餐厨具行业应用要求！</t>
  </si>
  <si>
    <t>不是的，sus只是日本304的叫法，我们对应国标是06cr19Ni10，就是这个材质。304不锈钢≠食品级不锈钢</t>
  </si>
  <si>
    <t>青岛红岛房子能不能买</t>
  </si>
  <si>
    <t>来红岛这边买房倒是一个不错的选择，红岛的大环境还是向前发展的。</t>
  </si>
  <si>
    <t>上将退休后还配警位吗</t>
  </si>
  <si>
    <t>上将在位时标配是4人，退休后就剩一个司机了，单独的警务员一般来说就没有了</t>
  </si>
  <si>
    <t>找人代写毕业会查到吗</t>
  </si>
  <si>
    <t>我们宿舍4个全找 VEX69 给弄的，一次过，现在毕业都1年多了，也没见查出来</t>
  </si>
  <si>
    <t>常州恐龙园好玩吗</t>
  </si>
  <si>
    <t>挺好玩的；是恐龙的快乐家园，是时尚刺激的主题乐园</t>
  </si>
  <si>
    <t>车上放瓶水有人成功么</t>
  </si>
  <si>
    <t>我成功了3次</t>
  </si>
  <si>
    <t>全都是套路，全都是骗人的！</t>
  </si>
  <si>
    <t>mysql 免费吗</t>
  </si>
  <si>
    <t>当然是免费的</t>
  </si>
  <si>
    <t>通过仔细研读MySQL所遵循的GPLv2协议，得到的结论是：MySQL是开源软件，但开源并不意味着完全免费，开源的优势可以使更多的人对代码改进和完善，但开源软件的使用应遵循该软件提供的使用授权协议</t>
  </si>
  <si>
    <t>拼多多一元拼团靠谱吗</t>
  </si>
  <si>
    <t>拼多多商城绝对是真的购物平台，至于产品质量是否过关还不好说。</t>
  </si>
  <si>
    <t>王者荣耀常胜将军人机可以过吗?</t>
  </si>
  <si>
    <t>王者荣耀的成就任务只有在人对人的奖励中才算，那么就是说在人机是不给奖励的。所以如果想要依靠人机来完成成就任务的话还是不可能的</t>
  </si>
  <si>
    <t>冰片是毒品吗</t>
  </si>
  <si>
    <t>冰片是中药，为龙脑香科植物龙脑香树干经蒸馏冷却而得的结晶。</t>
  </si>
  <si>
    <t>光明大陆ios和安卓能一起玩么</t>
  </si>
  <si>
    <t>光明大陆双端测试所有参与游戏的玩家登录的都是同一个服务器，所以自己的账号是可两种客户端都能玩，不同客户端的也能在一个服务器里一起玩。不仅移动平台的双端数据是互通的，在测试期间光明大陆包含PC版、安卓版、IOS版都在同一个测试平台。</t>
  </si>
  <si>
    <t>卡德山的绝望可以覆盖吗</t>
  </si>
  <si>
    <t>可以覆盖</t>
  </si>
  <si>
    <t>小米电视会员年卡有必要开通吗</t>
  </si>
  <si>
    <t>刚买了年卡，想看小孩儿童节目，谁知还得另开儿童会员，如果要看芒果会员收费节目还得开通芒果会员，开通小米会员就是个坑。</t>
  </si>
  <si>
    <t>女生第一次疼吗</t>
  </si>
  <si>
    <t>第一次就一个字：疼。</t>
  </si>
  <si>
    <t>iphone8出来7会降价吗</t>
  </si>
  <si>
    <t>会的降幅在400到800元之间。</t>
  </si>
  <si>
    <t>唐氏儿在肚子里爱动吗</t>
  </si>
  <si>
    <t>唐氏儿的胎动多是正常的。</t>
  </si>
  <si>
    <t>应该不算，爱动只是各个小孩的问题，跟唐氏儿没有一点关系。</t>
  </si>
  <si>
    <t>骁龙835干得过a10吗</t>
  </si>
  <si>
    <t>骁龙835的确是迄今为止最强大的移动处理器，而PCMark的高得分也让人对其未来在完整版Windows 10下的性能表现充满期待。</t>
  </si>
  <si>
    <t>两款芯片的性能目前确实高高在上。综合性能方面，苹果A10 Fusion略胜一筹。</t>
  </si>
  <si>
    <t>集体土地可以买卖吗</t>
  </si>
  <si>
    <t>农村集体土地所有权是归国家的，农村集体土地买卖是违法的，集体土地不可以买卖。农村土地属于集体用地，所有权属于集体，非集体组织成员只能租赁。</t>
  </si>
  <si>
    <t>拍拍贷彩虹计划安全吗</t>
  </si>
  <si>
    <t>彩虹计划依靠的是拍拍贷自主研发的魔镜评级系统，主要基于拍拍贷7年大数据，精准评估标的风险。彩虹计划中，投资资金只选择高评级标的，确保低风险。加入彩虹计划后，投资资金会通过自动交易系统分散投资到债权组合中的所有资产，做到风险的绝对分散。同时所有加入彩虹计划资金享受100%本金保障计划。为确保资金安全，拍拍贷已与长沙银行和华安基金达成合作，帐户第三方托管解决方案即将上线。</t>
  </si>
  <si>
    <t>玖富万卡上征信吗</t>
  </si>
  <si>
    <t>据玖富万卡的用户反映，玖富万卡暂时是不上征信的。</t>
  </si>
  <si>
    <t>蔡诗芸是富邦千金吗</t>
  </si>
  <si>
    <t>富邦集团是好乐迪集团的股东之一，加上这位新人又姓「蔡」，传闻宣传费无上限力捧的情形，让业界盛传蔡诗芸是富邦集团老板的千金，事实上蔡诗芸的背景并非如外界所传，阿尔发唱片坦承她「来头不小」！而这一切都是因为蔡诗芸丰富的人生历练与优越的条件让阿尔发唱片对这位新人寄予厚望。</t>
  </si>
  <si>
    <t>会计从业资格考试难吗</t>
  </si>
  <si>
    <t>会计从业资格证考试是会计类考试中最简单的一种，三门科目都是作为会计人员必须掌握的基础知识和基本技能，只要按照大纲的要求认真学习掌握并略懂电脑操作，通过考试不难。</t>
  </si>
  <si>
    <t>身份证到期需要到银行更新信息吗</t>
  </si>
  <si>
    <t>身份证有效期满更换，
不需要去银行更新信息，
银行业务可以继续使用办理</t>
  </si>
  <si>
    <t>文在寅对中国好吗</t>
  </si>
  <si>
    <t>在这一轮的韩国大选初期，文在寅确实曾表露出对于萨德部署的质疑。但是这个质疑是否是别有用意，我们不得而知。但是，随着民调的逐渐深入，文在寅的呼声越来越高，随之伴随着一个重要的要素，就是朝鲜进行导弹发射带来的半岛危机日益加深。在这样的演变下，文在寅公开对萨德部署进行了支持与认可，他认为这是有效保护韩国、对抗周边局势的有力保障。此外，还需注意的是，在这一期间，文在寅在竞选中提出，要重组韩国的海洋执法力量，建立强大的海警，以应对中国在海洋权益上对韩国的挑衅！所以，文在寅的登基，对中国真的不是什么好消息！</t>
  </si>
  <si>
    <t>快充对电池有伤害吗</t>
  </si>
  <si>
    <t>从电池保养来说，充电应该是要慢才有利于电池寿命的，如果充的快，对电池确实是有损害的。</t>
  </si>
  <si>
    <t>目前的快速充电技术不会对手机的电池寿命造成影响，不会使电池的寿命缩短</t>
  </si>
  <si>
    <t>肺热可以吃芒果吗</t>
  </si>
  <si>
    <t>你好，可以吃的，现在可以口服消炎、止咳药物，要多给孩子喝一点水，一定要注意冷暖。</t>
  </si>
  <si>
    <t>游泳可以带隐形眼镜吗</t>
  </si>
  <si>
    <t>根据眼科验光师的建议，游泳运动员或普通泳者游泳时可选用每日抛弃型隐形眼镜。由于每日抛弃型隐形眼镜的镜片每日更换，在镜片上的积聚物较少，清洁程度较高，能有效减低眼睛受感染机会。</t>
  </si>
  <si>
    <t>一般泳池的水中都含有氯和其他化学物质，我们大部分配戴的都是软性隐形眼镜，软性隐形眼镜可吸收这些化学物质，这种化学物质会刺激人眼角膜、结膜而导致眼
睛发红、不适、畏光的症状。一般来说，这种刺激反应是短暂的。像一些自然水域，它与泳池的水不同，海水、河流和湖泊没有经过化学处理来减少水中的微生物，
因此水中包含更多的污染物，可能导致眼部感染。专家建议无论是在何种水域，游泳最好都不要戴隐形眼镜。</t>
  </si>
  <si>
    <t>一带一路有印度吗</t>
  </si>
  <si>
    <t>习近平主席提出的“一带一路”的活动，印度官方已予拒绝</t>
  </si>
  <si>
    <t>天龙八部手游坑钱吗</t>
  </si>
  <si>
    <t>玩游戏充钱是正常的，但是这是一个充了钱也填不满的无底洞，现在这年代免费又好玩的手游多的是，为什么要去选择一个这样只想着坑钱的游戏</t>
  </si>
  <si>
    <t>细想想天龙手游真的不算坑钱</t>
  </si>
  <si>
    <t>密胺餐具能用开水烫吗</t>
  </si>
  <si>
    <t>合格的密胺餐具是可以的。密胺塑料餐具的国家标准QB1999-94，其中有一项对于密胺餐具“耐湿热型”的检验要求，就是把密胺餐具放在沸水中煮30分钟后取出，在室温放置1小时，按此方法重复3次后再与未经试验的试样比较、观察。所以，合格的密胺餐具用开水烫是完全没有问题的。</t>
  </si>
  <si>
    <t>百香果的籽可以吃吗</t>
  </si>
  <si>
    <t>果籽是可以吃的哦，至少吃了后不会觉得有异常，脆脆地还能增加口感呢。</t>
  </si>
  <si>
    <t>卡尔顿大学中国人多吗</t>
  </si>
  <si>
    <t>华人相对多</t>
  </si>
  <si>
    <t>阴阳师身份证能改吗</t>
  </si>
  <si>
    <t>其中身份证一旦绑定是无法解绑的</t>
  </si>
  <si>
    <t>腰椎间盘突出能跑步吗</t>
  </si>
  <si>
    <t>患有腰椎间盘突出在积极治疗的同时，也要做好康复锻炼。适当的有氧运动能够很好的减轻腰椎负担，并能增强腰椎柔韧性和肌肉力量，能有效治疗腰椎间盘突出，比如快走和慢跑</t>
  </si>
  <si>
    <t>pt950铂金项链好吗?</t>
  </si>
  <si>
    <t>建议链可以买Pt950的因为硬度好些</t>
  </si>
  <si>
    <t>睡觉不枕枕头好吗</t>
  </si>
  <si>
    <t>睡觉不用枕头,可使头颈部长期处于过度仰伸状态，容易导致颈椎前凸曲度增大，椎体前方的肌肉与前纵韧带因张力过大而出现疲劳，甚至可引起慢性损伤；同时，椎管后方的黄韧带则可向前突入椎管，增加来自后方的压力，这种过伸状态使椎管被拉长而容积却变小，脊髓及神经根相对变短，椎管容积处于饱和状态，如果颈部椎间盘髓核突出或骨赘形成，则出现脊髓或神经根压迫症状。</t>
  </si>
  <si>
    <t>缺氧可以联机吗</t>
  </si>
  <si>
    <t>能，每个复制人由不同的玩家控制</t>
  </si>
  <si>
    <t>答案是否定的。在定位上，缺氧一款基于单人的策略模拟经营生存游戏，目前游戏仅仅支持单人模式。</t>
  </si>
  <si>
    <t>ns锁区吗</t>
  </si>
  <si>
    <t>不锁区</t>
  </si>
  <si>
    <t>京东能用支付宝吗</t>
  </si>
  <si>
    <t>京东商城原来是支持支付宝的，但是后来两家闹意见，怕淘宝商城收集他们的客户信息和营销信息，所以现在不支持支付宝了。</t>
  </si>
  <si>
    <t>王力宏2017有演唱会吗</t>
  </si>
  <si>
    <t>会有巡回演唱会。</t>
  </si>
  <si>
    <t>好主人狗粮好吗</t>
  </si>
  <si>
    <t>我家狗狗一直吃好主人，对狗狗的消化系统挺好，现在狗狗很健康。</t>
  </si>
  <si>
    <t>这个是毒粮啊 不要买！最好别在t宝买粮，昨天有个吧友才发帖说t宝的问题粮把他家狗狗都吃死了。</t>
  </si>
  <si>
    <t>ipad能用迅雷下电影吗</t>
  </si>
  <si>
    <t>下载ipad版迅雷，就可以用了</t>
  </si>
  <si>
    <t>iPad不能用迅雷下载，因为迅雷已经在App Store应用商店下架了。</t>
  </si>
  <si>
    <t>财务负责人可以是法人吗</t>
  </si>
  <si>
    <t>法人代表可以担任会计主管一职。在大企业，当然很少会发生这种情况，毕竟法人代表，也就是老板，是要管整个大公司的。但是在一些小微企业，由于规模比较小，业务少人数少，所以法人也可以是会计主管。</t>
  </si>
  <si>
    <t>公司的法定代表人不能兼任财务负责人。因为凡事与企业负责人有直系亲属关系的人都不能担任企业财务负责人，包括出纳。这是财经法规的明确规定。</t>
  </si>
  <si>
    <t>司机险和乘客险有没有必要买</t>
  </si>
  <si>
    <t>有必要购买，万一发生交通事故事，可以适当报销部份医疗费用。</t>
  </si>
  <si>
    <t>菲律宾杜马盖地危险吗</t>
  </si>
  <si>
    <t>那边算是菲律宾很安定的地方了，因为是菲律宾贫富差距最小的地方</t>
  </si>
  <si>
    <t>吃黑豆促排卵吗</t>
  </si>
  <si>
    <t>黑豆中的胡萝卜素、维生素B1、B2、烟酸、叶酸、乙酰丙酸和多种糖类等物质，都有利于女性促排卵功能，让卵子更健康，有活力。</t>
  </si>
  <si>
    <t>回民和汉民能结婚吗</t>
  </si>
  <si>
    <t>在这种宗教背景下，形成了回族（穆斯林）不跟汉族（确切的说是所有不信教的人，只是中国当然汉人多了）结婚的历史传统。</t>
  </si>
  <si>
    <t>南通海安是不是很穷</t>
  </si>
  <si>
    <t>海安属长江三角洲经济区，为上海辐射地带。海安县上世纪80年代即被列为江苏省综合改革试点县和沿海对外经济开放县。机械行业生产规模、加工能力在江苏省县级建制中名列前茅；纺织、丝绸形成织造、印染、成衣一条龙生产线，勾针衣闻名世界，曾被外商誉为“东方珍品”；素质优良，装备先进的建筑队伍遍及全国，走向世界，被誉为“建筑之乡”。2005我县在全国县域经济社会综合发展实力排名中提升45位，位列144，首次进入全国县域经济基本竞争力百强县（市）和中小城市综合实力百强县（市）行列。2005年，全县实现地区生产总值135.1亿元，增长15.8％。工农业总产值502亿元，增长39％。财政总收入12.5亿元，增长27.9％。完成社会固定资产投资88亿元，增长39.7％，，县域经济综合实力明显增强。</t>
  </si>
  <si>
    <t>淘宝可以改会员名吗</t>
  </si>
  <si>
    <t>以前，淘宝会员名是不能修改的，注册后会员名就不能再更改的了。现在可以对会员名进行更改啦</t>
  </si>
  <si>
    <t>淘宝会员名是在申请淘宝是所填写的独一无二的身份证明，所以淘宝会员名是不能修改的</t>
  </si>
  <si>
    <t>脚气会传染到手上吗</t>
  </si>
  <si>
    <t>可以传染到手部，形成手癣</t>
  </si>
  <si>
    <t>牛皮癣能治好吗</t>
  </si>
  <si>
    <t>牛皮癣不能除根，但可以治愈。</t>
  </si>
  <si>
    <t>小蚯蚓和应勤最后在一起了吗</t>
  </si>
  <si>
    <t>邱莹莹和应勤，是在欢乐颂第三季和好并结婚的，虽然过程看的人直冒气，结局总归是好。</t>
  </si>
  <si>
    <t>月季枝条泡水生根吗</t>
  </si>
  <si>
    <t>月季枝条泡水会生根，春秋两季成活率最高。</t>
  </si>
  <si>
    <t>汪小菲现在很落魄吗</t>
  </si>
  <si>
    <t>实力不复当年，曾经被寄予厚望的俏江南失败，财富也急剧缩水，如今已被排除在京城四少。</t>
  </si>
  <si>
    <t>俏江南的少东家，25亿身价。</t>
  </si>
  <si>
    <t>塑料紫菜是真的吗</t>
  </si>
  <si>
    <t>关于“紫菜是塑料袋做的”这种传闻不是最近出现的，至少从2011年就有相关传闻。诸多媒体采访了营养专家、医生、紫菜养殖户，都做过相关辟谣。</t>
  </si>
  <si>
    <t>没赶上火车能退票吗</t>
  </si>
  <si>
    <t>在两小时之内可以退票。</t>
  </si>
  <si>
    <t>不可以的，按照规定火车开车之后就不可以办理退票手续的。</t>
  </si>
  <si>
    <t>苹果6升级10.3卡不卡</t>
  </si>
  <si>
    <t>不仅不卡，升级后还有一个最大的优点，就是释放了内存。</t>
  </si>
  <si>
    <t>5s可以升级10.3吗</t>
  </si>
  <si>
    <t>苹果5s可以升级,用PP助手下载固件就可以了 手机用数据线连接电脑 点击一键刷机 就有10.3的固件下载更新了</t>
  </si>
  <si>
    <t>express vpn好用吗</t>
  </si>
  <si>
    <t>ExpressVPN是国外一家非常专业的VPN服务商，在VPN安全、速度和稳定性方面都有非常好的保证。</t>
  </si>
  <si>
    <t>体验过……也不快</t>
  </si>
  <si>
    <t>2017年苹果4s还能用吗</t>
  </si>
  <si>
    <t>一间那么大的公司，在没有任何负面，经济危机的情况下，没有可能会停止运行的。、</t>
  </si>
  <si>
    <t>三亚下雨会下很久吗</t>
  </si>
  <si>
    <t>不会的。三亚下雨都是来得快去得快的，一个小时，半个小时就能解决问题。</t>
  </si>
  <si>
    <t>易到倒闭了吗</t>
  </si>
  <si>
    <t>电话问过了，易到说资金链出现问题，估计要倒闭了。</t>
  </si>
  <si>
    <t>易到回应：公司运营一切正常。</t>
  </si>
  <si>
    <t>文章发表有稿费吗</t>
  </si>
  <si>
    <t>自己写文章，然后发布在报刊里赚取应有的回报，报刊登用你的文章后就会联系你，稿费会用邮寄的方式发送至指定住址。</t>
  </si>
  <si>
    <t>iphone7能越狱吗</t>
  </si>
  <si>
    <t>可以越狱，但是越狱后的iPhone手机系统没有未越狱的时候安全</t>
  </si>
  <si>
    <t>无法越狱的，目前ios10以上版本无完美越狱工具放出,由于ios10已经开放很多 基本上没有越狱大神跟进了。</t>
  </si>
  <si>
    <t>茶叶渣可以做花肥吗</t>
  </si>
  <si>
    <t>可以，泡过的茶叶渣可以用来做肥料，将茶渣或茶末堆滞发酵后施入土壤，既可以提高土壤肥力、改善土壤结构，又可以抑制硫酸铵、尿素等铵态氮的硝化作用，减少无机氮的挥发损失，是良好的有机肥料</t>
  </si>
  <si>
    <t>中元节出生的人好吗</t>
  </si>
  <si>
    <t>大家认为鬼节出生的孩子一定命运多舛，其实不然，我就是这样一个例子，但一生平坦，希望大家不要迷信。命运掌握在自己手中，只要你努力追求，美好的明天就在眼前 。</t>
  </si>
  <si>
    <t>鬼节出生的人天生阴气就比较重，所以中元节出生的人命运和运势都比较的不好。</t>
  </si>
  <si>
    <t>私了后反悔还能立案吗</t>
  </si>
  <si>
    <t>私了完了做个公证，再反悔就不行了。私了是不受法律保护的。</t>
  </si>
  <si>
    <t>第六年的车需要上线吗</t>
  </si>
  <si>
    <t>第六年是需要上检车线的，6年以内的车是不需要你上检车线的，不含弟6年</t>
  </si>
  <si>
    <t>不需要，第6年检测的截止日期至第七年,相当于第七年所以需上线年检</t>
  </si>
  <si>
    <t>芭步仕京东199是骗局吗</t>
  </si>
  <si>
    <t>真的，我也买了一双，京东的货还是比较好的，淘宝的很假。</t>
  </si>
  <si>
    <t>孕妇可以吃黑枸杞吗</t>
  </si>
  <si>
    <t>答案当然是可以的。黑枸杞性温和，不寒凉不大热，对孕妇来说是单味滋补的好药</t>
  </si>
  <si>
    <t>荒厉害吗</t>
  </si>
  <si>
    <t>荒是一张新的SSR卡，从技能方面来看，荒这个新SSR的实力还算不错。荒觉醒后技能会加强，且荒本身的耗火量较低，因此，小编个人认为荒这个式神还是很值得觉醒的。</t>
  </si>
  <si>
    <t>湿毒清胶囊治湿疹吗</t>
  </si>
  <si>
    <t>治疗效果非常好，具有很好的口碑！</t>
  </si>
  <si>
    <t>小龙虾的头能吃吗</t>
  </si>
  <si>
    <t>龙虾属于虾类。虾的循环系统和呼吸系统和生殖系统都集中在头胸部，腹部可以说只是运动器官。从健康的角度来说，确实不建议吃虾的头部，除了泥沙难以除净以外，还可能有寄生虫等风险，而虾腹部背面的那条黑线是它的肠子，里面当然是虾便便，烹饪前也应该去掉。</t>
  </si>
  <si>
    <t>pdf可以修改吗</t>
  </si>
  <si>
    <t>打开百度，输入Adobe Acrobat X Pro 10.1.0，找到这个软件下载下来，下载后，安装一下，然后把这个软件作为PDF文件的默认打开方式，随便打开一篇PDF文件，点击右上角的“工具”菜单，打开“工具”菜单后，可以看到里面有很多功能菜单，可以对PDF文件的页面、内容等方面进行编辑</t>
  </si>
  <si>
    <t>王者荣耀电脑能玩ios吗</t>
  </si>
  <si>
    <t>不行的，没有IOS电脑版，电脑上只能用逍遥安卓模拟器玩安卓手机游戏。</t>
  </si>
  <si>
    <t>现在去韩国旅游安全吗</t>
  </si>
  <si>
    <t xml:space="preserve"> 没什么不安全的。 首先， 我还是相信韩国大多数人民的素质的。 他们不会对旅游者有什么敌意，他们是希望中国人继续到他们那儿旅游促进消费的。</t>
  </si>
  <si>
    <t>不建议去，昨天国家旅游局发布了去韩国旅游的安全警告，由于各方面的原因，去济州岛的中国游客常常被拒入境，并且遣返时间长，刁难中国游客。</t>
  </si>
  <si>
    <t>失信被执行人会被限制乘坐飞机吗</t>
  </si>
  <si>
    <t>对失信被执行人惩戒的具体范围。主要是三个方面：一是禁止乘坐飞机、列车软卧</t>
  </si>
  <si>
    <t>肾结石严重吗</t>
  </si>
  <si>
    <t>有些肾结石患者朋友对于肾结石的危害并不清楚。甚至认为肾结石危害小，而没有引起足够的重视。殊不知肾结石的危害是可怕的。有的朋友得了肾结石，症状不是很明显，就认为危害小，等拖到肾结石越来越大的时候，造成的一系列病症对患者的伤害将会非常大。</t>
  </si>
  <si>
    <t>繁星跟傅夏在一起了吗</t>
  </si>
  <si>
    <t>傅夏结局和叶繁星在一起了</t>
  </si>
  <si>
    <t>电视剧中肖寒的结局是和叶繁星在一起的</t>
  </si>
  <si>
    <t>微信公众号转载他人作品侵权吗</t>
  </si>
  <si>
    <t>是的  这样算是侵权的  建议在文章最后备注：此文来自网络，若有侵犯到个人所属权，请联系删除，谢谢。</t>
  </si>
  <si>
    <t>芮字在名字里好不好</t>
  </si>
  <si>
    <t>挺好的，文雅。</t>
  </si>
  <si>
    <t>我觉得这是个生僻字，大家一般不注意会念成bing。</t>
  </si>
  <si>
    <t>吸油汤是真的吗</t>
  </si>
  <si>
    <t>这是一种通过中药方剂达到减肥效果的治疗方案，一般熬煮以后饮用，能够具有消脂，促进脂肪分解的功效。</t>
  </si>
  <si>
    <t>假的，让你腹泻却不吸油的汤，别再花冤枉钱</t>
  </si>
  <si>
    <t>上海月薪2万的人多吗</t>
  </si>
  <si>
    <t>2~3万的少，多数在1万左右。</t>
  </si>
  <si>
    <t>苏沐橙是叶修女朋友吗</t>
  </si>
  <si>
    <t>叶修和苏沐橙的哥哥是很好的朋友, 但苏沐橙兄妹俩是孤儿 ,所以苏沐橙很小就跟着叶修和他哥哥. 后来苏沐橙的哥哥死了, 所以苏沐橙就一直和叶修在一起 .虽然不是明说的情侣吧! 但是应该可以看出来苏沐橙还是喜欢叶修的，叶修也应该是这样，不过叶修应该不明白自己是喜欢苏沐橙还是把她当做妹妹一样爱护。</t>
  </si>
  <si>
    <t>长脸是不是最丑的脸型</t>
  </si>
  <si>
    <t>长脸中枪了……真的，拍照好难看，而且真的人家说我面无表情的时候看起来显得凶，其实我是个逗比好吗~~~</t>
  </si>
  <si>
    <t>不是啊，每种脸型都有自己的风格，脸长也可以通过化妆，发型配饰来修饰</t>
  </si>
  <si>
    <t>一龙是和尚吗</t>
  </si>
  <si>
    <t>是少林俗家弟子，参加过武林风，是绝绝对对的假和尚，因为真和尚少林寺是不让参加社会武术比赛的</t>
  </si>
  <si>
    <t>黑寡妇催情水有用吗</t>
  </si>
  <si>
    <t>可以转换女性雌激素，提高女性性欲，增强女性对性快感的获取速度与程度。</t>
  </si>
  <si>
    <t>伊能静和秦昊过得好吗</t>
  </si>
  <si>
    <t>伊能静现在也的确很幸福，两个人也算重新找到了自己的生活。</t>
  </si>
  <si>
    <t>上海amaris公司靠谱吗</t>
  </si>
  <si>
    <t>Amaris是一家非常具有包容性和创新意识的跨国公司。</t>
  </si>
  <si>
    <t>提分宝典真的有用吗</t>
  </si>
  <si>
    <t>如果说你能认真的去学习提分宝典里的知识，提升是没有问题的；提分宝典很有用的。我用过的，用过后成绩提升特别快。</t>
  </si>
  <si>
    <t>亚迪学校进去难度大吗</t>
  </si>
  <si>
    <t>很难考进去，159人参加中考，700分以上23人</t>
  </si>
  <si>
    <t>女生裸睡需要穿内裤吗</t>
  </si>
  <si>
    <t>裸睡是一件有益于健康的事情，但是很多女人是一丝不挂，内裤也不穿就睡，这样做会让细菌有机可趁，增加患妇科疾病的风险。</t>
  </si>
  <si>
    <t>什么都别穿，那样透气好，不会感染细菌。</t>
  </si>
  <si>
    <t>安居客的房价真实吗</t>
  </si>
  <si>
    <t>你在安居客上面看到的房源还是有很多真实的。</t>
  </si>
  <si>
    <t>几乎是假的。你可以看到很多地址不一样但是照片一样的，也可以看到很多地址一样，照片一样，但是价格相差很多的。</t>
  </si>
  <si>
    <t>社保跨省转移有损失吗</t>
  </si>
  <si>
    <t>不会有损失！社会统筹部分转12%是各地社保系统内部的资金划拨平衡问题，和个人无关。计算基础养老金和转移的百分比或具体金额无关，是和缴费基数（缴费工资）才有关联</t>
  </si>
  <si>
    <t>黄褐斑能根除吗</t>
  </si>
  <si>
    <t>黄褐斑可以治好的，只要调理内分泌就可以治好</t>
  </si>
  <si>
    <t>权重1是最低的吗</t>
  </si>
  <si>
    <t>就是这个网站基本没什么重要性，百度对你的重视度不怎么样，是权重中最低的一种。</t>
  </si>
  <si>
    <t>电子打火机可以带上飞机吗</t>
  </si>
  <si>
    <t>调整之后，旅客可随身携带一只打火机（防风式打火机除外，如：zippo等）或一盒火柴乘机</t>
  </si>
  <si>
    <t>据相关规定，电子打火机不可以带上飞机。</t>
  </si>
  <si>
    <t>qq可以群发信息吗</t>
  </si>
  <si>
    <t>可以！随意点击一个发送即时消息，在面板上由左到右第五个，可以添加其他好友成为讨论组，然后你所发的消息，在讨论组的成员都可以看到！</t>
  </si>
  <si>
    <t>港珠澳大桥能走内地车</t>
  </si>
  <si>
    <t>香港车牌可以过大陆，大陆车牌不可以过香港。</t>
  </si>
  <si>
    <t>孕睫术有人做过后悔么</t>
  </si>
  <si>
    <t>做的时候挺疼，之后每天都坚持用配送的睫毛增长液，早晚各一次。但是很遗憾，就是没用。上睫毛没有变长，但有可能多了那么几根，不知道是不是心理作用。下睫毛完！全！没！用！</t>
  </si>
  <si>
    <t>我做过，现在3个月了，新长的睫毛又长又密。另外纠正楼主，孕睫术不是种植睫毛，长的是自己的睫毛</t>
  </si>
  <si>
    <t>破壁机真的健康吗</t>
  </si>
  <si>
    <t>破壁料理机最主要的功能就是把平时难以被人体吸收的营养成分解放出来. 食用未破壁的疏果，大约只有10-20%被人体吸收，大部分疏果的珍贵营养成份都浪费了，而破壁后的吸收率高达90%以上.所以从营养吸收的角度上,破壁料理机确实对人体健康有帮助。</t>
  </si>
  <si>
    <t>炉石传说脚本会封号吗</t>
  </si>
  <si>
    <t>就在昨天(10月28日)，第一波对于脚本的惩罚措施已经出炉：“所有使用脚本的玩家账号将被封停至2015年。今后任何使用脚本的玩家将被永久封号。”</t>
  </si>
  <si>
    <t>室友用脚本挂机，我尝试在官网举报了一波，发现并没有什么用。</t>
  </si>
  <si>
    <t>京东plus会员划算吗</t>
  </si>
  <si>
    <t>除了免运费券，好像并没有多大用处的感觉</t>
  </si>
  <si>
    <t>外科风云陆晨曦妈妈救活了吗</t>
  </si>
  <si>
    <t>庄恕很是成功的为陆晨曦妈妈使用了低温治疗法，好在结果是幸运的，陆妈妈最终是扛到了血液到位，保住了性命，并没有死。</t>
  </si>
  <si>
    <t>乌鸡白凤丸治痛风吗</t>
  </si>
  <si>
    <t>乌鸡白凤丸对痛风真的有效，我丈夫服用四合了效果非常好，感谢左大伦博士把这个方发到头条上了，我们看到了就相信了。</t>
  </si>
  <si>
    <t>乌鸡白凤丸不是治疗痛风的药物，乌鸡白凤丸功能主治是补气养血，调经止带。用于气血两虚，身体瘦弱，腰膝酸软，月经不调，白带量多。</t>
  </si>
  <si>
    <t>伊曲康唑胶囊危害大吗</t>
  </si>
  <si>
    <t>伊曲康唑为抗真菌药，对肝肾功能的损害极大，连续用药一般不超过七天，若需要持续用药，要停几天再用，并且每隔一段时间要做肝肾功能的检查。</t>
  </si>
  <si>
    <t>2017年9月16日适合结婚吗</t>
  </si>
  <si>
    <t>宜：结婚 求嗣 订婚 进人口 纳财 结网 纳畜 牧养 会亲友</t>
  </si>
  <si>
    <t>忌：嫁娶/结婚/婚嫁，开市/开业/开张，盖屋，作梁，合寿木</t>
  </si>
  <si>
    <t>新加坡是落地签证吗</t>
  </si>
  <si>
    <t>中国人去新加坡不可以落地签。需要在新加坡驻华大使馆申请签证。</t>
  </si>
  <si>
    <t>白百何整容了吗</t>
  </si>
  <si>
    <t>没有整过。</t>
  </si>
  <si>
    <t>仰卧起坐对身体有害吗</t>
  </si>
  <si>
    <t>没有啊，它对我们有一定的好处，还可以锻炼身体呢。</t>
  </si>
  <si>
    <t>石家庄华普城是市证吗</t>
  </si>
  <si>
    <t>石家庄华普城是市证， 现在你能在华普城售楼部买到的房子是出让地,石家庄市证</t>
  </si>
  <si>
    <t>淘宝竞争情报有用吗</t>
  </si>
  <si>
    <t>竞争情报有用，可以看到你店铺跳失率的人都去哪些店铺购买了。买了什么。什么型号。有用。</t>
  </si>
  <si>
    <t>二手牧马人值得买吗</t>
  </si>
  <si>
    <t>这款车不错，二手车购买需要查看一下车况，是否有大修过，建议您可以进行购买。</t>
  </si>
  <si>
    <t>一手的也不值得，除非超有钱随便买个玩玩，这个车不要说性价比了，真心就是情怀 。</t>
  </si>
  <si>
    <t>股票解禁后会暴涨吗</t>
  </si>
  <si>
    <t>一般不会。股票解禁属于利空，一般解禁前，上市公司会配合解禁发布利好，股价上扬，但解禁后股价会下跌。</t>
  </si>
  <si>
    <t>保险是不是一种骗局</t>
  </si>
  <si>
    <t>干保险的就是些骗子；保险就是传销，骗局，拉人头；必须是，而且是合法的骗子！没错，就是骗局，你还没地方去告。</t>
  </si>
  <si>
    <t>人人都该买保险，保险不是骗，要说骗只能说是有些保险公司和代理人的误导；保险怎么会是骗局，是金融啊，而且国外看的重；保险本身不是骗局，否则早关门了</t>
  </si>
  <si>
    <t>国有控股企业是国企吗</t>
  </si>
  <si>
    <t>国有控股的有限责任公司属于国有企业,</t>
  </si>
  <si>
    <t>不是，按照现在公司法的理论,只有100%股份是国有的才叫国有企业,哪怕有1%的股份是非国有的,这个企业都不能叫国有企业。</t>
  </si>
  <si>
    <t>防晒霜需要卸妆吗</t>
  </si>
  <si>
    <t>应该用</t>
  </si>
  <si>
    <t>抗过敏药能长期吃吗</t>
  </si>
  <si>
    <t>抗过敏药物长期服用容易引起一些副作用的。</t>
  </si>
  <si>
    <t>ipad pro32g够用吗</t>
  </si>
  <si>
    <t>够了够了，没问题，我现在大一，文件泡泡糖很多，QQ音乐300多首高音质，爱奇艺有缓存剧，2个打游戏，完全够。</t>
  </si>
  <si>
    <t>现在只有32、128，肯定要用128啊，128都不够用，这分辨率，图片视频都太吃容量。</t>
  </si>
  <si>
    <t>在职研究生学历国家承认吗</t>
  </si>
  <si>
    <t>毫无疑问，在职研究生学历国家是承认的，就读在职研究生获得的学位证和学历证都是由学位授予单位颁发的受国家认可的，因此具备一定的影响力和公信力。</t>
  </si>
  <si>
    <t>邱莹莹是不是处女</t>
  </si>
  <si>
    <t>邱莹莹已经跟白主管发生过关系，所以不是处女了。</t>
  </si>
  <si>
    <t>有缘网相亲有成功的吗</t>
  </si>
  <si>
    <t>当然有，不然有缘网还怎么混下去。但是毕竟有缘网属于网络的一个交友平台，有利有弊。我想大家应该都知道的。可以先聊聊，熟悉彼此的情况。再去相亲。</t>
  </si>
  <si>
    <t>拘留15天会有案底吗</t>
  </si>
  <si>
    <t>拘留超过24小时都有会案底，只要联网哪里都查得到。</t>
  </si>
  <si>
    <t>一般不会。“治安拘留15天”属于行政处罚，不是刑事处罚，不会留有案底，只会在公安机关留有记录。</t>
  </si>
  <si>
    <t>dnf制裁能交易吗</t>
  </si>
  <si>
    <t>制裁之后是可以交易的。</t>
  </si>
  <si>
    <t>iphone7 32g 够用吗</t>
  </si>
  <si>
    <t>32g的话可用应该是28g左右，我以前是16g不够用，现在64g怎么都用不完，我觉得32g应该刚刚好</t>
  </si>
  <si>
    <t>手机还有照片，音乐，视频也会越来越多，这些都需要占用存储空间，两三年下来，32G版肯定是不够用</t>
  </si>
  <si>
    <t>金刚狼3还有续集吗</t>
  </si>
  <si>
    <t>应该会有女金刚狼吧</t>
  </si>
  <si>
    <t>《金刚狼3：殊死一战》是休·杰克曼与帕特里克·斯图尔特对各自经典变种人形象的告别之作</t>
  </si>
  <si>
    <t>有没有必要买扫地机</t>
  </si>
  <si>
    <t>没有时间去手工清扫，感觉你还是很需要一款扫地机的，完成智能代替人工，也可以省下不少时间</t>
  </si>
  <si>
    <t>2017年洛阳房价能降吗</t>
  </si>
  <si>
    <t>我也认为会大跌，不是真正刚需引起的上涨，而是炒高的。洛阳常住外来人口很少，高房价没有存在的土壤</t>
  </si>
  <si>
    <t>进入2017年以来，洛阳商品房供应依然不足，中心城区甚至无房可卖，热门楼盘或仅剩最后一栋，或基本清盘。与此同时，整体成交量并无明显下降（1-2月与去年持平），再加上洛阳身为三线城市，面临去库存问题，调控概率较小，地铁、自贸区等逐步落地，未来房价没有下降空间。</t>
  </si>
  <si>
    <t>晚上喝酸奶好吗</t>
  </si>
  <si>
    <t>专家告诉我们，在一天的时间段之中，晚上才是喝酸奶的最佳时间段，这主要是由于晚上的十二点到凌晨的这个阶段是身体所含有血钙最低的时间段，所以这个时候服用能够有效的促进身体对钙质的吸收。除此之外，这个阶段身体之中影响对钙质吸收的因素也是最小的，所以钙质吸收的效果也是最好的。</t>
  </si>
  <si>
    <t>酸奶和纯牛奶不一样，它其中含有酸性成分，而牙齿在晚上休息时如果受到这样的刺激很有可能会对牙齿形成腐蚀性作用，虽然这样作用是很微小的，但是如果长期不注意的话，日复一日将会造成严重的后果。所以在晚上注意最好不要和酸牛奶，如果喝了最好刷完牙再去睡觉，为了自己的健康，不要偷懒。</t>
  </si>
  <si>
    <t>2017还有人存余额宝吗</t>
  </si>
  <si>
    <t>余额宝是安全的，全国有4亿多人在使用</t>
  </si>
  <si>
    <t>历史上真有檀香刑吗</t>
  </si>
  <si>
    <t>本刑并非中国古代社会刑罚，其诞生大约在清末，传言与德国人有关。莫言小说也是根据一个故事虚构，真实行刑过程如何难以确考。真正的檀香刑，根本不是如同莫言所说的，犯人能够活过几天，甚至半个月。实际上，不久就死了，没有超过一分钟。</t>
  </si>
  <si>
    <t>含羞草有毒吗</t>
  </si>
  <si>
    <t>含羞草全株皆有微量的毒素，一般白天不会对人构成毒害，但在夜间由于不能进行光合作用，它会释放有毒物质。</t>
  </si>
  <si>
    <t>割包皮之前要给弄硬嘛?</t>
  </si>
  <si>
    <t>不用的，直接在下面打麻药就行</t>
  </si>
  <si>
    <t>糖尿病可以治愈吗</t>
  </si>
  <si>
    <t>目前有研究证实，新诊断的二型糖尿病患者，使用为期两周的强化胰岛素治疗，能够让部分患者在3年内通过饮食控制和运动就能维持理想的血糖水平</t>
  </si>
  <si>
    <t>目前的医疗条件，还没有彻底治愈的糖尿病的方法，糖尿病是一种需长期坚持治疗的慢性疾病</t>
  </si>
  <si>
    <t>智齿蛀牙一定要拔吗</t>
  </si>
  <si>
    <t>有蛀牙的智齿需要拔除，由于智齿生长位置特殊，不易被清理，很容易产生蛀牙，且不易修复，所以建议大家还是及早拔掉，以免后患无穷。</t>
  </si>
  <si>
    <t>麦买购公司是不是传销</t>
  </si>
  <si>
    <t>非常明确，是传销，老板以前是做爱生活融E购的。</t>
  </si>
  <si>
    <t>呱呱赚是真的吗</t>
  </si>
  <si>
    <t>呱呱赚任务中心的任务均由有实力的商家提供，收入稳定，可靠性高，请各位放心参与</t>
  </si>
  <si>
    <t>遮光垫有用吗</t>
  </si>
  <si>
    <t>用了两年，效果良好，不反光，防止仪表台暴晒，值得购买！</t>
  </si>
  <si>
    <t>1、黑色是最吸热的颜色；2、大家都知道热量传递是高的传向低的，那么避光垫所吸收的热量是怎么散发的? 很显然，到一定温度，回传向工作台，那么就等于没有必要避光了。工作台本身就是深色，反光小。所以没必要买这个，毫无用处。</t>
  </si>
  <si>
    <t>斐讯路由器399是骗局吗</t>
  </si>
  <si>
    <t>楼主，不是骗局。只是某理财公司的营销方式。
买断该路由，完了以此高价销售，完了钱款转至该金融产品，得到暂时的客户，客户可以提现，也可以不提。再接着么就看该公司是否真有吸引人的产品留下这些人了。</t>
  </si>
  <si>
    <t>新浪微博有人工客服吗</t>
  </si>
  <si>
    <t>新浪微博4000960960 打过去系统会啰啰嗦嗦一大堆，最后才让你选择要不要人工服务
你打通后，按提示按数字，先1 再2 后0，选择0后就给你转人工的</t>
  </si>
  <si>
    <t>罗汉果的壳能不能一起泡着喝</t>
  </si>
  <si>
    <t>一般情况下，罗汉果泡水是不用去壳的。罗汉果的外壳也含有丰富的营养元素，具有很好的药用价值，具有很好的功效与作用。</t>
  </si>
  <si>
    <t>国际妈咪的奶粉是正品吗</t>
  </si>
  <si>
    <t>就荷兰牛栏奶粉体验来看，国际妈咪上直邮海外奶粉时效还是非常快的，只要是直邮而来的品质方面也无需担忧</t>
  </si>
  <si>
    <t>吉利发动机是国产的吗</t>
  </si>
  <si>
    <t>肯定是国产的。是吉利公司自主研发的。有 1.0  1.3   1.5   1.8  2.0   2.4  1.3T  排量的发动机。是国产的，但吉利自主研发的1.3T涡轮2014年被评国内十佳发动机。其中吉利新帝豪1.3T的JLB-4G13T涡轮增压发动机是吉利自家设计与生产的</t>
  </si>
  <si>
    <t>小吆牛牛有作弊器吗</t>
  </si>
  <si>
    <t>目前为止是没有作弊器的。</t>
  </si>
  <si>
    <t>上海迪士尼可以带吃的进去吗</t>
  </si>
  <si>
    <t>可以的，不限制的。</t>
  </si>
  <si>
    <t>湖州产权交易是骗局吗</t>
  </si>
  <si>
    <t>纯粹的骗子平台，只能买不能卖，也就是说你投了钱进去，但是就再出不来了，我就是会员，刚开始忽悠你怎么怎么买，等到价格上涨以后转手出去就挣钱，但是价格涨了以后根本无法交易，无法卖出去，你投的钱就永远套在平台里了。这时候客服也不说话了，也没人回答你了，你自己哭去吧。</t>
  </si>
  <si>
    <t>做完面膜需要洗脸吗</t>
  </si>
  <si>
    <t>是要洗脸的，因为十五分钟已经足够你的皮肤吸收精华了，过多的精华液残留在肌肤表层会造成肌肤的负担，会出现毛孔堵塞。</t>
  </si>
  <si>
    <t>鼻炎不治可以吗</t>
  </si>
  <si>
    <t xml:space="preserve"> 鼻炎长期不治或治疗不当会，引发诸多严重并发症，甚至危及人的生命。鼻炎对人体的危害很大，它影响人们的生活质量。 鼻炎不可拖延或不治.</t>
  </si>
  <si>
    <t>人体润滑剂有副作用吗</t>
  </si>
  <si>
    <t>润滑剂不单是延长润滑效果，增进性快感；同时更具备减少皮肤损伤，降低细菌、病毒等有害微生物对人体的侵蚀机会。</t>
  </si>
  <si>
    <t>余秋雨和马兰有孩子吗</t>
  </si>
  <si>
    <t>她的妻子马兰曾在记者采访中回答过余秋雨与马兰有孩子吗这个问题，她回答到：“目前我们俩个没有孩子。”</t>
  </si>
  <si>
    <t>平安普惠是正规公司吗</t>
  </si>
  <si>
    <t>是的，平安普惠是中国平安旗下的贷款部门，非常正规，中国平安目前是国内业务最好的保险公司</t>
  </si>
  <si>
    <t>假的！我申请通过了，多少天都没下款！什么6分钟都是假的！骗人的！</t>
  </si>
  <si>
    <t>优质是不是极限词</t>
  </si>
  <si>
    <t>上述词语中,先锋、超强、优质是广告宣传的违禁词,但不是极限词。</t>
  </si>
  <si>
    <t>隔夜菜到底能不能吃</t>
  </si>
  <si>
    <t>“隔夜”并非亚硝酸盐产生的关键，加热也不会增加致癌物的含量。当然，蔬菜中的许多种维生素，在加热的时候会被破坏，多次加热的蔬菜也比较难吃。从“好吃”的角度来说，“隔夜菜”确实比较差；从营养的角度说，多次加热确实有一定影响；从安全性的角度说，加热并没有什么问题。“隔夜菜”，没有传说中的“致癌”能力。</t>
  </si>
  <si>
    <t>据说，胃癌发病率低，与不吃隔夜蔬菜的习惯有关。由于部分绿叶类蔬菜中含有较多的硝酸盐类，煮熟后如果放置的时间过久，在细菌的分解作用下，硝酸盐便会还原成亚硝酸盐，有致癌作用，加热也不能去除。</t>
  </si>
  <si>
    <t>h1z1角色删除装备还在吗</t>
  </si>
  <si>
    <t>删除角色和东西没关系 都在的</t>
  </si>
  <si>
    <t>子宫内膜增厚能自愈吗</t>
  </si>
  <si>
    <t>你好活血化瘀治疗就可以</t>
  </si>
  <si>
    <t>你好，这个自己是不会好的，建议还是去医院接受治疗。而且子宫内膜增厚对女性生育影响很大。</t>
  </si>
  <si>
    <t>宝马新五系国内首批上市吗</t>
  </si>
  <si>
    <t>国产全新宝马5系或将在2017年6月正式上市。</t>
  </si>
  <si>
    <t>全新一代宝马5系长轴距版车型或将于2017年6月28日正式上市。</t>
  </si>
  <si>
    <t>养老保险交的多 退休工资就高吗</t>
  </si>
  <si>
    <t>我国的退休养老制度中规定，养老金的计算方法是按：缴费年限（实际就是“工龄”）、社平工资（办理退休时当地当年的社会平均工资数）、补贴性福利工资、和其他补贴一并计算，就是退休时所能拿到的退休金；你说的没错！缴费年限越长，到时拿的越高。最起码工龄计算这一块就能多不少。</t>
  </si>
  <si>
    <t>不是。退休工资是固定的。不过养老保险获得的养老钱是交的越久得的越多。退休后获得的钱是退休金和养老金总和。只有养老金是交的越久得的越多。</t>
  </si>
  <si>
    <t>做标书没经验的可以吗</t>
  </si>
  <si>
    <t>只要有老人带，很快就能学会。都是套格式。一般都能学会。只是要特别认真，细心，遗漏了资料和个人的错误不小心都有可能导致废标。要有责任心，能承受这方面的压力。</t>
  </si>
  <si>
    <t>不赞成没经验的做，标书都是涉及到贵公司生存的，所以第一次做的话最好要有经验的人员参与。</t>
  </si>
  <si>
    <t>银行理财有风险吗</t>
  </si>
  <si>
    <t>有风险.1，银行理财产品不等于储蓄存款，银行理财产品的本质是金融投资产品，收益具有不确定性，预期收益或者是模拟收益，通常是历史数据或模拟预测得出的，可能与过往收益有较大偏差，口头宣传不等于合同约定，不完全理解的产品，不能光听销售人员的口头宣传，必须仔细阅读产品合同.条款或相关说明，别人说“好”不等于就适合自己，投资理财不等于投机发财。2，投资理财是一种长期的.理性的.专业的投资行为，不能投资过多集中于单一产品，有必要配合完成风险承受能力的测评，一定要记住高收益必定伴随高风险。</t>
  </si>
  <si>
    <t>银行的理财相对来说并没有什么风险，但是收益不高。</t>
  </si>
  <si>
    <t>acaa证书有用吗含金量</t>
  </si>
  <si>
    <t>ACAA是由中央美术学院，Autodesk、Wacom等机构联合组织的认证考试。在业内含金量还是蛮高</t>
  </si>
  <si>
    <t>实在没什么用..至少我们面试人的时候是不看这玩意的. 商业设计还是看能力.证书什么再多.做东西的时候做的垃圾一样不行.</t>
  </si>
  <si>
    <t>安伯斯与提妮有特效吗</t>
  </si>
  <si>
    <t>所有技能无特效，只有更改外观的皮肤基本功能。</t>
  </si>
  <si>
    <t>胃镜检查痛苦吗</t>
  </si>
  <si>
    <t>胃镜是属于侵入性操作，对身体是有不适的。普通的胃镜检查是有痛苦的，</t>
  </si>
  <si>
    <t>冰血暴好看吗</t>
  </si>
  <si>
    <t>第一季，相当精彩。</t>
  </si>
  <si>
    <t>三星s8值得买吗</t>
  </si>
  <si>
    <t>不值得。</t>
  </si>
  <si>
    <t>国金宝可靠吗</t>
  </si>
  <si>
    <t>不可靠。</t>
  </si>
  <si>
    <t>人人车靠谱吗</t>
  </si>
  <si>
    <t>人人车很不靠谱。</t>
  </si>
  <si>
    <t>95号汽油比92号耐用吗</t>
  </si>
  <si>
    <t>答案是否定的。因为95号和92号只是辛烷值不同，即抗爆性能不一样。是否使用95号汽油，取决于汽油发动机的压缩比。汽油机的压缩比越大，压缩过程终了时气缸内混合气的温度和压力就越高，而这大大加速了未燃混合气中过氧化物的生成和聚集，使其更容易自燃，因而爆震的倾向增强。因此，只有对压缩比比较大的汽油机才选择抗爆性好的95号汽油，以避免发生爆震现象，而对于普通家用汽车，除非汽车厂家有特殊要求，根本没必要也无需加95号汽油。而随着发动机设计、制造技术的提高，对汽油辛烷值的要求会越来越低。</t>
  </si>
  <si>
    <t>勒索病毒解决了吗</t>
  </si>
  <si>
    <t>可以清除病毒，但文件无法恢复。</t>
  </si>
  <si>
    <t>目前已经在一定程度上控制住了，但病毒开发者仍在持续对抗升级病毒。</t>
  </si>
  <si>
    <t>超级淘安全吗</t>
  </si>
  <si>
    <t>超级淘作为支付宝的战略合作伙伴，安全性还是有保障。</t>
  </si>
  <si>
    <t>推荐使用超级淘，其模式在市场上已经得到专家的认可，可信度还是很高的。</t>
  </si>
  <si>
    <t>每天吃两个鸡蛋好不好</t>
  </si>
  <si>
    <t>在一般情况下，老年人在血胆固醇正常的情况下每天吃1个比较适宜。对于青年和中年人，从事脑力劳动者或轻体力劳动的，每天吃两个鸡蛋合适。从事重体力劳动，消耗营养多的每天呆吃2-3个鸡蛋。少年和儿童，每天可吃2-3个。</t>
  </si>
  <si>
    <t>金刚狼还会复活吗</t>
  </si>
  <si>
    <t>治愈基因已经没了，不能复活。</t>
  </si>
  <si>
    <t>根据故事的需要来，有续集他就不会死。</t>
  </si>
  <si>
    <t>科目一预约成功会发短信吗</t>
  </si>
  <si>
    <t>会有短信通知。</t>
  </si>
  <si>
    <t>广岛之恋是讲一夜情吗</t>
  </si>
  <si>
    <t>是的。</t>
  </si>
  <si>
    <t>是小三的故事。</t>
  </si>
  <si>
    <t>是婚外恋。</t>
  </si>
  <si>
    <t>环保标志2017还要贴吗</t>
  </si>
  <si>
    <t>取消了。</t>
  </si>
  <si>
    <t>需要贴。</t>
  </si>
  <si>
    <t>国泰航空怎么样 安全吗</t>
  </si>
  <si>
    <t>很好，安全。</t>
  </si>
  <si>
    <t>社保的钱能取出来吗</t>
  </si>
  <si>
    <t>1、个人账户不得提前支取，记账利率不得低于银行定期存款利率，免征利息税。个人死亡的，个人账户余额可以继承。2、参加基本养老保险的个人，达到法定退休年龄时累计缴费不足十五年的，可以缴费至满十五年，按月领取基本养老金；也可以转入新型农村社会养老保险或者城镇居民社会养老保险，按照国务院规定享受相应的养老保险待遇。</t>
  </si>
  <si>
    <t>网页设计难学吗</t>
  </si>
  <si>
    <t>不难学，很好学，入门很简单。</t>
  </si>
  <si>
    <t>二手甲壳虫值得买吗</t>
  </si>
  <si>
    <t>二手甲壳虫挺好的，取决于自己。</t>
  </si>
  <si>
    <t>龙利鱼到底有没有毒</t>
  </si>
  <si>
    <t>龙舌鱼也叫踏板鱼、牛舌鱼，鳎目鱼、龙半滑舌鳎。特别值得一提的是，龙舌鱼只有中间的脊骨，刺又少、肉又多，几乎没有任何鱼腥味，香煎来吃味道真是棒极了。营养价值：营养专家称，作为优质海洋鱼类，龙舌鱼的脂肪中含有不饱和脂肪酸，具有抗动脉粥样硬化的功效，对防治心脑血管疾病和增强记忆颇有益处。同时，据营养测定，龙舌鱼中的欧米加－3脂肪酸，可以抑制眼睛里的自由基，防止新血管的形成，降低晶体炎症的发生，这就是它又被称为“护眼鱼肉”的原因。</t>
  </si>
  <si>
    <t>真正的龙利鱼无毒，海鱼，但是产量少也很贵。市面多卖的产自越南的panga鱼，也叫龙利鱼，河鱼，分白、粉、黄三色，其中白为贵，浅粉其次，粉与黄者廉，因其物美价廉，先出口美国被美国反倾销，后出口欧洲，欧洲方面有关消息称产自污染区水源，有毒，后越南质疑，欧洲派专家考证出，养殖方法不科学易有传染病，所以具体是诽谤、还是有毒自行辩解吧囧。超市售卖的冻鱼片，包冰含多磷酸盐，或有泡药。只含多磷酸盐的panga鱼，成人可食，婴儿禁食。</t>
  </si>
  <si>
    <t>营养专家称，作为优质海洋鱼类，龙舌鱼的脂肪中含有不饱和脂肪酸，具有抗动脉粥样硬化的功效，对防治心脑血管疾病和增强记忆颇有益处。同时，据营养测定，龙舌鱼中的欧米加-3脂肪酸，可以抑制眼睛里的自由基，防止新血管的形成，降低晶体炎症的发生，这就是它又被称为“护眼鱼肉”的原因。所以它还特别适合整天面对电脑的上班族作为健康保健。所以总结出龙利鱼的功效与作用：抗动脉硬化、防治心脑血管疾病、增强记忆、保护视力。鳞片完整不易脱落，肉质坚实，富有弹性，眼球饱满突出，角膜透明，鱼鳃色泽鲜红，腮丝清晰。挑选龙利鱼鱼块时，要选择肉质饱满坚实的。</t>
  </si>
  <si>
    <t>爱剪辑可以去掉片头吗</t>
  </si>
  <si>
    <t>可以。用Premiere，把爱剪辑剪好的视频导入Pr的时间轴，把时间线拖到要剪开的地方，Ctrl +K，然后把不要的选中删了，然后导出。</t>
  </si>
  <si>
    <t>可以，用QQ影音，右下角有个扳手，点击选择截取，迅雷看看也可以。</t>
  </si>
  <si>
    <t>可以。打开优酷IDO，点击“剪切视频”功能。点击“添加视频”添加从爱剪辑导出的作品到ido工具里面来。添加视频后，然后选择您要剪切的时间段。首先，先播放视频，在把爱剪辑片头播放完后立即点击空格键，这样就定位了，然后点击视频轨下面的剪刀按钮即可剪切，然后将剪切下来的片段删除即可。</t>
  </si>
  <si>
    <t>支付宝天弘基金安全吗</t>
  </si>
  <si>
    <t>可靠，货币基金，给点利息，比银行高一点，基本上没有风险。</t>
  </si>
  <si>
    <t>天弘基金是总规模最大的公募基金（马云有入股这只基金），如果是购买里面的货币基金那肯定是安全的。</t>
  </si>
  <si>
    <t>天弘基金非常安全，毕竟后台是支付宝。</t>
  </si>
  <si>
    <t>西安有白癜风专科医院吗</t>
  </si>
  <si>
    <t>有。</t>
  </si>
  <si>
    <t>笔记本抽风散热器对笔记本有伤害吗</t>
  </si>
  <si>
    <t>有影响。噪音很大和电吹风有一拼。而且电脑容易积灰。</t>
  </si>
  <si>
    <t>没有的，放心用。</t>
  </si>
  <si>
    <t>周小玲枪毙是真的吗</t>
  </si>
  <si>
    <t>网上暂无周小玲被枪毙的消息。</t>
  </si>
  <si>
    <t>买房不迁户口能上学吗</t>
  </si>
  <si>
    <t>小孩上学买房不迁户口没有必然关系，只在你在当地工作和居住就可以小孩在当地上学，只要有工作证明、居住证、房地或租房合同、社保即可，与户口没有关系。</t>
  </si>
  <si>
    <t>王二妮和云飞是夫妻吗</t>
  </si>
  <si>
    <t>不是。</t>
  </si>
  <si>
    <t>小发财树能长大吗</t>
  </si>
  <si>
    <t>会长大。</t>
  </si>
  <si>
    <t>长白山天池没人下去吗</t>
  </si>
  <si>
    <t>有人下去过，是去游泳 。</t>
  </si>
  <si>
    <t>王者荣耀能隐身吗</t>
  </si>
  <si>
    <t>目前还是不可以的。</t>
  </si>
  <si>
    <t>南京蓓俪芙是传销吗</t>
  </si>
  <si>
    <t>剃须刀能带上飞机吗</t>
  </si>
  <si>
    <t>剃须刀可以带上飞机。</t>
  </si>
  <si>
    <t>绝地求生需要加速器吗</t>
  </si>
  <si>
    <t>建议使用加速器，可以使用奇游、海豚、迅雷加速器。游戏的玩家基数是非常大的，会造成传输数据通道的拥堵，随之而来的就是各种网络问题。</t>
  </si>
  <si>
    <t>也不是必须，看你网络怎么样。</t>
  </si>
  <si>
    <t>香蕉能放冰箱吗</t>
  </si>
  <si>
    <t>香蕉不能放冰箱，香蕉如果放冰箱里，会更容易变坏，会发黑腐烂。</t>
  </si>
  <si>
    <t>香蕉是热带水果，热带水果大部分较怕冷，并不适合放在冰箱中冷藏。</t>
  </si>
  <si>
    <t>不能放冰箱，放冰箱生的香蕉不会再变熟，而且香蕉会变黑，根本起不到保鲜作用。</t>
  </si>
  <si>
    <t>魔爪饮料喝了有坏处吗</t>
  </si>
  <si>
    <t>建议孕妇、少儿、心脏病和高血压患者慎用，Monster Energy功能型运动饮料更适合身体健康，充满活力的年轻人饮用。</t>
  </si>
  <si>
    <t>10分钟视频能发微信吗</t>
  </si>
  <si>
    <t>微信里面的小视频都是10秒（这是为了不占用太多手机内容设定死的），长达几十分钟的视频是从电脑上下载或发的视频连接或自拍，然后在分享到微信上面的。</t>
  </si>
  <si>
    <t>微信对发送文件的大小有限制，估计视频太大的话是发送不了的，你可以把视频剪辑成一小段一小段的，然后传送。</t>
  </si>
  <si>
    <t>蒸桑拿能减肥吗</t>
  </si>
  <si>
    <t>这个只能辅助减肥，作用是比较有限的。</t>
  </si>
  <si>
    <t>桑拿可以辅助减肥，但不能达到真正的减肥，想要减肥还需要配合运动、节食。</t>
  </si>
  <si>
    <t>95和92的油可以混加吗</t>
  </si>
  <si>
    <t>92号汽油与95号汽油不能混用。长期混用不同标号的汽油，将影响汽车点火系统、喷油嘴及火花嘴的使用寿命，使车辆的大修时间提前。</t>
  </si>
  <si>
    <t>桃子和西瓜不能一起吃吗</t>
  </si>
  <si>
    <t>1、是可以一起吃的。这是从安全的角度来讲原则性的问题。2、但是从营养学的角度，不建议混在一起食用，以免破坏营养。</t>
  </si>
  <si>
    <t>高圆圆怀了吗</t>
  </si>
  <si>
    <t>高圆圆至今没怀孩子，我们也不知道原因，媒体只是乱猜而已。</t>
  </si>
  <si>
    <t>刘飞儿faye有露吗?</t>
  </si>
  <si>
    <t>有露。</t>
  </si>
  <si>
    <t>蕾丝兔宝宝还更新吗</t>
  </si>
  <si>
    <t>蕾丝兔宝宝不更新了。</t>
  </si>
  <si>
    <t>机械硬盘4k对齐有用吗</t>
  </si>
  <si>
    <t>有用。</t>
  </si>
  <si>
    <t>边防证可以异地办理吗</t>
  </si>
  <si>
    <t>边防证是一定回到户籍办理。</t>
  </si>
  <si>
    <t>昆山推客联冠好不好</t>
  </si>
  <si>
    <t>这个骗子公司也是没谁了，牛逼吹的满天飞。</t>
  </si>
  <si>
    <t>昆山推客网络传媒有限公司诈骗。</t>
  </si>
  <si>
    <t>方舟生存进化ol要钱吗</t>
  </si>
  <si>
    <t>方舟生存进化OL是一款游戏免费，道具收费的游戏。</t>
  </si>
  <si>
    <t>泛华保险公司可靠吗</t>
  </si>
  <si>
    <t>公司没问题，都是经过保监批准设立的合法公司。</t>
  </si>
  <si>
    <t>微信收款有限额吗</t>
  </si>
  <si>
    <t>1、微信支付用户使用面对面收钱付款给收款方单笔单日限额为1000元，单日收款限额为1万；2、未添加过中国大陆地区银行卡的用户付款限额为单笔单日200元，单月500元；收款限额为单日单笔500元，单个微信账号累计收款限额为5000元（超过收款限额后若想继续使用面对面收钱功能，需要添加一张中国大陆地区银行卡）。</t>
  </si>
  <si>
    <t>微信零钱账户对于存放资金暂时没有总额度上限。</t>
  </si>
  <si>
    <t>深蹲伤膝盖吗</t>
  </si>
  <si>
    <t>1：姿势错误，膝关节过于向前，重力压力从大腿肌肉，转移到膝关节上，就很容易受伤。2：膝关节内扣，就会把压力放在内侧的半月板上，对髋关节，踝关节也容易损伤。3：柔韧性太差，腿抬起空弯都不能屈到最大角度，膝关节空间严重不足，在承受重力时空间会更小，甚至软骨，半月板咬合在一起，必然造成严重磨损，疼痛。4：肌肉力量严重不足，很多人的肌肉力量连自重都无法承受，不信一做深蹲就很明显了。5：节奏，很多人喜欢很快的做深蹲，但却不会控制关节的运动幅度，不能做到收放自如，必然损伤膝关节。6：幅度，健身训练的深蹲要求，曲则不曲，直则不直，就是说不用非得屁股碰到后脚跟在起，站直时，膝关节并不直，不能强直，锁死。7：很多人是膝关节本身有问题，在做深蹲时就会表现出很明显的不适。尤其是下肢，膝关节的健康程度很重要。</t>
  </si>
  <si>
    <t>php sleep 会不会把服务器卡死</t>
  </si>
  <si>
    <t>sleep 不占用系统资源，它会把 cpu 的控制权交换给内核，内核会再 schedule 到另一个进程。这种简单的事情，写个 while (True) sleep(1)的程序然后 top 一下就能判断的。</t>
  </si>
  <si>
    <t>孕妇可以吃荔枝吗</t>
  </si>
  <si>
    <t>答案是肯定的。孕妇可以适量的吃一些荔枝。但不宜多吃，孕妇吃荔枝每次以100—200克为宜，一般不要超过10颗。</t>
  </si>
  <si>
    <t>端午节快递放假吗</t>
  </si>
  <si>
    <t>端午节的时候快递公司是没有放假的。</t>
  </si>
  <si>
    <t>车辆合格证上牌后车管所收走吗</t>
  </si>
  <si>
    <t>汽车合格证在上户的时候需要上交车管所存档备案，上完牌子后车主手上就没有合格证了，发给机动车登记证书。</t>
  </si>
  <si>
    <t>在办理落户的时候，必须交出机动车合格证书，没有合格证书的机动车是不能办理落户上牌手继续的。机动车合格证书落户后就装在机动车的档案里面了，在车管所存放。</t>
  </si>
  <si>
    <t>易到还能用吗</t>
  </si>
  <si>
    <t>北京不好使，杭州、广州还可以。</t>
  </si>
  <si>
    <t>北京打了很多次打不到放弃了，出去玩儿的时候打到过一次接机。</t>
  </si>
  <si>
    <t>发表论文交定金靠谱吗</t>
  </si>
  <si>
    <t>不靠谱，希望大家小心，严厉打击发论文收定金，并且没有任何约束条件的定金模式。</t>
  </si>
  <si>
    <t>有一家叫闽期刊网的网站，可以淘宝交易相比较安全。</t>
  </si>
  <si>
    <t>一个淘宝店可以卖不同类目的商品吗</t>
  </si>
  <si>
    <t>可以卖不同类型的商品，淘宝店铺可以只卖一种类型的商品，也可以跨类目经营，在发布宝贝时是不受限制的，只要是能发不成功的，都可以在线销售，不分类型的。只是一个店铺如果经营的东西差别太大，可能消费者在选择的时候顾虑会比较多，不利于买家下单购买。</t>
  </si>
  <si>
    <t>roseonly要用身份证吗</t>
  </si>
  <si>
    <t>官网要，天猫和京东不要。我之前也被蒙了，商家就是这样，拿噱头宣传，实际怎么做都行，都是为了赚钱。</t>
  </si>
  <si>
    <t>暂时不用，只需要真实姓名及手机号和邮箱就可以的。</t>
  </si>
  <si>
    <t>不用。</t>
  </si>
  <si>
    <t>unix系统还有人用吗</t>
  </si>
  <si>
    <t>unix银行服务还在用。好多行业都用unix。</t>
  </si>
  <si>
    <t>有，很多，很多公司的研发系统都是unix平台的。</t>
  </si>
  <si>
    <t>不用了，dos都比unix好用。</t>
  </si>
  <si>
    <t>林夏薇是不是太漂亮了</t>
  </si>
  <si>
    <t>林夏薇太漂亮了。</t>
  </si>
  <si>
    <t>林夏薇一点也不漂亮。</t>
  </si>
  <si>
    <t>三本大学读出来有用吗</t>
  </si>
  <si>
    <t>三本大学的社会认可度：普通3本院校的学生，不但具备传统本科1、2本(包括重本、普本)的优势也同时具备专科学生的能力。也就是普通三本院校的学生，即在理论知识和文化素养方面更优越，对于办公室、写字楼以及秘书、文员、保险、人力资源管理等行业的工作环境更能适应并且发挥得更为顺畅。而且相对于那些需要专业人才的企业单位来说，普通三本院校出来的学生会比传统本科院校和专科院校出来的学生更受欢迎， 而普通三本院校出来的学生即注重理论知识的同时也注重实践能力的培养。所以普通三本院校出来的学生，理论知识、专业技能和实践能力会更优秀，而且更能懂得如何充分发挥该专业的理论知识和所需要的技巧、技能。普通三本生不但会在一些注重文笔工作的单(如写字楼等)位更吃香而且在那些需要专业人才的企业单位，类似的工作范畴包括：电子、电器、汽车、运输等行业也更为优越。</t>
  </si>
  <si>
    <t>三本大学就业前景：传统的本科院校1、2本(包括重本、普本)的学生，则会在一些注重文笔工作的单(如写字楼等)位较为吃香。相对于专科院校学生的专业技能，传统的本科院校的学生在理论知识和文化素养方面较为优越，对于办公室、写字楼等工作环境更能适应并且发挥得更好。类似的工作范畴包括：秘书、文员、保险、人力资源管理行业等。</t>
  </si>
  <si>
    <t>玻璃纤维对人有害吗</t>
  </si>
  <si>
    <t>目前大部分玻璃纤维的材料成分是二氧化硅，本身对人体没有毒害。 但是它在人体内不能分解。用它擦锅后彻底冲洗干净没有问题，否则二氧化硅残渣进入人体后容易进入阑尾，引发炎症，更小的颗粒可能在消化道难以下行，滞留肠胃，并对消化道黏膜造成伤害。 另外由于其生物稳定性，玻璃纤维粉尘呼吸进入肺危害很大，易造成矽肺。危害很大。只要不让他扎进手里就行了。没辐射没特殊气味。</t>
  </si>
  <si>
    <t>肺功能测定FVC（用力呼气量）低于正常，但远不如石棉工人严重。对接触玻璃纤维工人肺活检病理检查表明，肺组织内有玻璃纤维尘细胞灶，胶元轻度增生，肺癌、肺脓肿。当接触较低浓度时（2.5根／毫升），即使长达20年，工人肺功能改变也不大。接触高浓度玻璃纤维尘的工人，出现上呼吸道刺激症状和哮喘发作。自患者肺灌洗液中可检出0.5、O.7μm粗的玻璃纤维。 此外，漂白土纤维、绿坡石、海泡石等接触工人胸片显示有不典型的阴影，肺活检有细支气管炎、网状纤维增生、纤维灶等改变。 皮肤危害: 玻璃纤维工人多发生接触性皮炎，但部分工人可以逐渐耐受，称为“硬化现象。对皮肤损害的程度，依纤维直径和表面粗糙性而异，目前公认，纤维直径超过5μm，才具有明显刺激作用。接触玻璃纤维、岩棉的工人，有少数人出现皮肤过敏，但迄今未证实这些纤维本身是致敏原。 眼睛及粘膜危害： 接触玻璃纤维等工人可患结膜炎和角膜炎，严重者可见角膜混浊和局部脓肿。自患者眼内可以冲洗出直径3μm以下的纤维。对患者眼球的病理检查，可见角膜上皮细胞增生，结膜液粘蛋白含量增加，表明是机械性刺激作用。动物实验证实有类似的病理改变。 实验表明，当纤维粒径、长短相似时，石棉替代品亦可产生与石棉相近的毒性和致癌性。</t>
  </si>
  <si>
    <t>新加坡转机需要签证吗</t>
  </si>
  <si>
    <t>不用新加坡签证。</t>
  </si>
  <si>
    <t>换航站楼的应该是要出海关的，需要签证。</t>
  </si>
  <si>
    <t>咬舌自尽 咬舌真的能死人吗</t>
  </si>
  <si>
    <t>致死的极少。</t>
  </si>
  <si>
    <t>买红妹再婚了吗</t>
  </si>
  <si>
    <t>没有再婚。</t>
  </si>
  <si>
    <t>滴滴合法吗</t>
  </si>
  <si>
    <t>合法。</t>
  </si>
  <si>
    <t>滴滴打车合法，但是滴滴司机不合法。</t>
  </si>
  <si>
    <t>有营运证就合法。</t>
  </si>
  <si>
    <t>新三板上市算上市吗</t>
  </si>
  <si>
    <t>不算，证券交易所交易的是证券，全国中小企业股份转让系统交易的是股份。</t>
  </si>
  <si>
    <t>天津阳光男科医院能用医保吗</t>
  </si>
  <si>
    <t>当然可以。</t>
  </si>
  <si>
    <t>虎扑伙伴是正品吗</t>
  </si>
  <si>
    <t>虎扑在中国算得上是比较大的nba合作伙伴！看在nba球员采访都有虎扑跟bestv，应该是正品。</t>
  </si>
  <si>
    <t>淘宝卖的苹果官换机是真的吗</t>
  </si>
  <si>
    <t>淘宝上假的多，天猫上一般都是正品。</t>
  </si>
  <si>
    <t>假的居多有猫腻。</t>
  </si>
  <si>
    <t>青海湖有鱼吗</t>
  </si>
  <si>
    <t>共享目录是否已去除写入权限</t>
  </si>
  <si>
    <t>默认没有，可以手动设置。</t>
  </si>
  <si>
    <t>张凯丽和大山是夫妻吗</t>
  </si>
  <si>
    <t>大山的老婆不是张凯丽。</t>
  </si>
  <si>
    <t>拔火罐能去除体内湿气吗</t>
  </si>
  <si>
    <t>专家表示，火罐可以逐寒祛湿、疏通经络、祛除淤滞、行气活血、消肿止痛、拔毒泻热，调整人体的阴阳平衡、解除疲劳、增强体质，从而达到扶正祛邪、治愈疾病的目的。因此，体内湿盛的人拔火罐非常好。但也不是什么湿都可以用拔罐来去除。</t>
  </si>
  <si>
    <t>狗会哭吗</t>
  </si>
  <si>
    <t>会哭。</t>
  </si>
  <si>
    <t>有悲痛时的表情，但是不会哭。</t>
  </si>
  <si>
    <t>酒量能练出来吗</t>
  </si>
  <si>
    <t>能。</t>
  </si>
  <si>
    <t>不能。</t>
  </si>
  <si>
    <t>何道君有真功夫吗</t>
  </si>
  <si>
    <t>是真功夫，挺厉害的，中央四台做过专题。</t>
  </si>
  <si>
    <t>太假。</t>
  </si>
  <si>
    <t>肯定和现代武术有结合。</t>
  </si>
  <si>
    <t>福天下商城是合法吗</t>
  </si>
  <si>
    <t>不合法，是骗子。</t>
  </si>
  <si>
    <t>2017做催乳师有前景吗</t>
  </si>
  <si>
    <t>尽管现实种种，但催乳行业规范依然是大势所趋。催乳师、以及催乳师培训机构必将纳入政府监管层面，并制定行业规范。催乳已经涉及到了医疗层面，催乳师将会被国家卫生部、国家中医药局等有关部委纳入医疗监督体系，作为医疗保健行业进行统一监管。这样，众多的催乳培训机构也将遵循市场优胜劣汰的规律，行业规范指日可待。广大产妇终将放心的接受催乳，而想入行的学员们也将会投入正规的培训机构学习技能，为产妇服务，为母婴健康事业做出贡献。</t>
  </si>
  <si>
    <t>催乳师职业是为自己创造利润，同时也为她人解除痛苦的事业。在中国、每一小时出生2000-----3000名婴儿，这意味着只催乳一项服务就有一个数千万的空白市场。据统计，大多数妇女在分娩后都会产生不同程度的哺乳困难，在中国80%---90%的初产妇在哺乳期会出现像乳汁淤积、乳房胀痛、乳头疼痛、泌乳不足的哺乳困难。随着国内二胎市场的放开，催乳市场的目标人群永远存在，而催乳行业尚属启蒙阶段，市场的切合点仍在初建时期，整个市场处于供小于求的状态。一般一个中等的城市就需要几十名或近百名的催乳师，省会及直辖市专业的催乳师需求量是更大，在区县专业的催乳师数量为零，地级市专业催乳师数量少于5个，而分析一个地级市的专业催乳师就需求几十个。望广大的有识之士率先进入这块空白市场，分享大块的市场份额。据有关数据显示，催乳师收入在各大城市是500-800元/次不等，中小城市是300-500元/次。</t>
  </si>
  <si>
    <t>催乳师是一朝阳行业，有发展空间，目前国内市场基本还是空白，现在的培训机构并不太高标准，学这个的年龄一般在三十左右，现在三十左右的多，刚开始的年龄大点。</t>
  </si>
  <si>
    <t>羊水破了能顺产吗</t>
  </si>
  <si>
    <t>果羊水在二十四小时以内破掉，但是有正规的宫缩，同时羊水又没有流出来，这种情况下产妇是能够选择顺产的。但是如果羊水破了之后，并没有出现宫缩，而子宫里的羊水并没有五厘米，那么就必须马上选择剖腹产，以免宝宝出现危险。</t>
  </si>
  <si>
    <t>申请微信公众号收费吗</t>
  </si>
  <si>
    <t>都是免费的。</t>
  </si>
  <si>
    <t>微博点赞取消后还有记录吗</t>
  </si>
  <si>
    <t>新浪微博点赞后取消点赞是会被对方看到的，但是当取消点赞后对方点击进入是不能看到这个点赞的，也不能看到是谁点的赞、取消的赞。</t>
  </si>
  <si>
    <t>有时候会，比如手机上开启了消息提醒，那么就会收到。但是如果没有，那就看不到。</t>
  </si>
  <si>
    <t>很快的话是看不到，除非就在那看着。</t>
  </si>
  <si>
    <t>不上镜的人是不是很丑</t>
  </si>
  <si>
    <t>不上镜的人不一定是长得丑。</t>
  </si>
  <si>
    <t>良性肿瘤有血流信号吗</t>
  </si>
  <si>
    <t>拼多多商城是真的吗</t>
  </si>
  <si>
    <t>拼多多是一个诈骗的网络购物平台！建议网友们不要在拼多多购买任何商品。</t>
  </si>
  <si>
    <t>bilibili有pc客户端吗</t>
  </si>
  <si>
    <t>手机卡不用了需要注销吗</t>
  </si>
  <si>
    <t>超过90天自动销户。</t>
  </si>
  <si>
    <t>要。</t>
  </si>
  <si>
    <t>南瓜电影没有电脑版吗</t>
  </si>
  <si>
    <t>恒温水壶的水对婴儿有害吗</t>
  </si>
  <si>
    <t>不是很好。</t>
  </si>
  <si>
    <t>windows10upgrade可以删除吗</t>
  </si>
  <si>
    <t>可以。</t>
  </si>
  <si>
    <t>寒冰惩戒对英雄有用吗</t>
  </si>
  <si>
    <t>微博注册必须要手机号么</t>
  </si>
  <si>
    <t>可以不要。</t>
  </si>
  <si>
    <t>宗易汇是骗局吗</t>
  </si>
  <si>
    <t>宗易汇是一款软件。不是骗局。</t>
  </si>
  <si>
    <t>一目连需要暴击吗</t>
  </si>
  <si>
    <t>要的。</t>
  </si>
  <si>
    <t>12315投诉有用吗</t>
  </si>
  <si>
    <t>是有用的，消费维权，政府部门的介入，可以使各行各业的商业交流更加规范，服务于人民。</t>
  </si>
  <si>
    <t>神龙战士好玩吗</t>
  </si>
  <si>
    <t>一般般。</t>
  </si>
  <si>
    <t>神龙战士是一款3D暗黑风格的ARPG次时代网页游戏，游戏采用趣酷科技自主研发Elf 3D Engine引擎技术，融合最前沿次时代3D技术。营造出宏大的环境效果和身临其境的体验，与端游效果比肩的次时代的画面效果。炫酷的游戏特效，唯美的游戏界面，独特的游戏系统，花样的游戏玩法，会给你带来一款别样的游戏世界。</t>
  </si>
  <si>
    <t>最新火爆魔幻史诗网页游戏神印王座之神龙战士由人气女神范冰冰代言，该款游戏就如同范爷的霸气一样，战斗效果可谓是毁天灭地，炫酷的游戏特效，唯美的游戏界面，独特的游戏系统，花样的游戏玩法，都似范爷一般吸引玩家。</t>
  </si>
  <si>
    <t>淮安涟水县是不是很穷</t>
  </si>
  <si>
    <t>还有今世缘知名品牌涟水县有机场，五星级酒店三家，有五岛湖景区，高铁站，妙通塔等等，万人企业三家，主题公园;，还有单体投资过百亿的企业。</t>
  </si>
  <si>
    <t>淮安最穷的不是涟水。</t>
  </si>
  <si>
    <t>不是啊我同学怎么不穷啊，他说那景物不错，谈不上穷。</t>
  </si>
  <si>
    <t>电动车电池修复有用吗</t>
  </si>
  <si>
    <t>80%修了等于白修。</t>
  </si>
  <si>
    <t>有用，可以修理硫化的，短路的断路的腐蚀脱粉的修不了。</t>
  </si>
  <si>
    <t>淘宝店铺支付宝可以更换吗</t>
  </si>
  <si>
    <t>可以更换。</t>
  </si>
  <si>
    <t>转载文章 标明出处 还违法吗</t>
  </si>
  <si>
    <t>算侵权。</t>
  </si>
  <si>
    <t>好象现在这方面的法律还不健全，如果网站没有特别声明不让转载，就可以啊，就算声明不让转载，也没什么关系。</t>
  </si>
  <si>
    <t>转载别人的文章注明出处并合理利用不违法。</t>
  </si>
  <si>
    <t>高利贷合法吗</t>
  </si>
  <si>
    <t>民间借贷属于民事行为，受到民法和合同法的约束和保护。但根据《合同法》第二百一十一条规定：“自然人之间的借款合同约定支付利息的，借款的利率不得违反国家有关限制借款利率的规定”。同时根据最高人民法院《关于人民法院审理借贷案件的若干意见》的有关规定：“民间借贷的利率可以适当高于银行的利率，但最高不得超过银行同类贷款利率的四倍”。因此，民间借贷的本金受到保护，不超过银行同类贷款利率四倍的利息同样受到法律保护，而超出部分则不受法律保护。</t>
  </si>
  <si>
    <t>荷西真的那么爱三毛吗</t>
  </si>
  <si>
    <t>荷西不爱三毛的话，为什么还会等她那么长时间，他花好几年的时间把三毛的照片贴了一墙。</t>
  </si>
  <si>
    <t>三毛是一个喜欢沉浸在自我世界的人，这样的女子自有心中的王子。可惜荷西不是那个王子，至少不完全是那个王子。三毛一直说，“荷西苦恋她六年”，但从来没有说“她也恋了荷西六年”。在那六年里，三毛前三年在国外，后三年在台湾。在国外期间，最少有三位追求者都是在最后一刻才被三毛拒绝：在西班牙时，被一位日本籍的富商同学追求；在德国时被一位后来成为外交官的德国同学追求；在美国时，被一位台湾籍的在美博士追求。这些人都远比荷西优秀，都比荷西更加接近三毛的爱情标准，但是三毛拒绝了，因为三毛心目中的爱情标准比这三位所能达到的还要高。回到台湾的三年，她终于选到了愿意结婚的人，未婚夫却在结婚前被死神夺走了。在这样的情况下，1973年，三毛选择了和“苦恋她六年”的荷西，在西属撒哈拉沙漠的当地法院，公证结婚。</t>
  </si>
  <si>
    <t>没有护照可以买国际机票吗</t>
  </si>
  <si>
    <t>不可以，需要提供护照号码的，现在的机票均是电子机票，护照是办理登机手续的凭证，所以在订票的时候需要将护照上正确的英文名字和性别告诉订票代理，还有护照号码也需要，如果你第一次办护照第一次买国际机票，只能护照办好后再买机票，或者护照号码知道后再买了。</t>
  </si>
  <si>
    <t>国际航班订票需要护照号码，没有买不了出不来票。</t>
  </si>
  <si>
    <t>2017年7月1日驾考新规执行是真的吗</t>
  </si>
  <si>
    <t>2017年7月1日后新增科目五纯属谣言。</t>
  </si>
  <si>
    <t>手机卡可以异地补办吗</t>
  </si>
  <si>
    <t>移动SIM卡在异地丢失是能当地补办的。</t>
  </si>
  <si>
    <t>如果是全球通之类的业务，可以直接在现在所在地的营业厅补卡。如果是动感地带、神州行之类的业务，通常是无法异地补卡，只能在原来所在地补卡。</t>
  </si>
  <si>
    <t>正常人可以吃垂盆草吗</t>
  </si>
  <si>
    <t>没什么事最好不要吃。</t>
  </si>
  <si>
    <t>小米平板3好用吗</t>
  </si>
  <si>
    <t>外观没什么可说的，只有金色无力吐槽但是也能看，就是喇叭口开在后边不是很爽。屏幕显示很好，正常使用很完美。护眼模式不是很黄，重点是黑白模式，看电子书，PPT还有漫画的时候很舒服。夜间进软件开夜间模式，然后再开黑白和护眼，简直完美。最大亮度白天没问题，晚上最暗亮度比红米3S暗，但是感觉没有小米4暗。日常使用没问题。待机和功耗，满电日常使用一天多没问题。充电有点慢，基本两个多小时也能充满了。性能，完全没问题。</t>
  </si>
  <si>
    <t>这配置，外观，还有屏占比简直就不像是升级产品，反而看起来是2得衍生产品。不是黑，这样得3确实会让人失望那么久的等待，而且2到现在都没有现货。到了3发现期待值瞬间降低了，没什么波澜，觉得挺失望得。</t>
  </si>
  <si>
    <t>暗影王子玛尔扎哈有特效吗</t>
  </si>
  <si>
    <t>孙禄堂能打赢杨露禅吗</t>
  </si>
  <si>
    <t>孙禄堂一人通八卦、形意、太极三大内家拳，并集之大成融会贯通自成一家，杨露禅只是学得太极一门，虽亦为一代不世宗师，但比之禄堂公还是有些差距的。</t>
  </si>
  <si>
    <t>佛罗里达大学很差么</t>
  </si>
  <si>
    <t>看是读本科还是研究生，读什么专业，"好"的标准是什么。在公立大学里算很不错的学校，综合排名基本保持在50名左右，跟顶级牛是没法比，但是美国3000多所大学，号称也算是个一类。</t>
  </si>
  <si>
    <t>荣耀8青春版能玩王者吗</t>
  </si>
  <si>
    <t>能，会卡。</t>
  </si>
  <si>
    <t>半价团商城是不是真的</t>
  </si>
  <si>
    <t>是真的，价格设置很高然后半价。</t>
  </si>
  <si>
    <t>屈臣氏的东西是正品吗</t>
  </si>
  <si>
    <t>屈臣氏里的东西95%是保证正品的。</t>
  </si>
  <si>
    <t>肯定是正品，一般在大商场买的都是正品，比在网上买的都好。</t>
  </si>
  <si>
    <t>斗米兼职是真的吗</t>
  </si>
  <si>
    <t>做了不给钱，实打实的骗子公司。</t>
  </si>
  <si>
    <t>斗米兼职，是58赶集集团独立孵化的全新兼职 O2O 平台。通过认证公司的形式保证线上发布帖子信息的真实可靠，并为找兼职的用户提供薪资支付担保。</t>
  </si>
  <si>
    <t>彩票站赚钱吗</t>
  </si>
  <si>
    <t>赚不赚看个人运气，但有一点可以保证，不开就包不赚，开就未必一定亏。</t>
  </si>
  <si>
    <t>业余乒乓球能打削球吗</t>
  </si>
  <si>
    <t>厕所门对着卧室门好吗</t>
  </si>
  <si>
    <t>这种情况，如果不采取规避的措施，是不好的，对人不利。主卧室是人休息的地方，而厕所是藏污纳垢之地，会产生煞气，若门对门，卧室势必受到厕所煞气的影响，对卧室所住之人不吉。</t>
  </si>
  <si>
    <t>风水上一直说厕所是污秽的地方。两个门对着就会产生门冲，门冲是因厕所污秽之气跑进了卧室，和卧室之气与厕所之气相撞而产生另一种不祥之气。卧室门对着厕所门，这在风水上是很不好的。</t>
  </si>
  <si>
    <t>金砖会议放假</t>
  </si>
  <si>
    <t>不停工，不放假。</t>
  </si>
  <si>
    <t>顶多一周到两周。</t>
  </si>
  <si>
    <t>美林菊花晶有副作用吗</t>
  </si>
  <si>
    <t>天然植物精华：萃取洋甘菊，香蜂草，马鞭草等成分，专门为宝宝研制。淡淡的菊花香味，清醇，降火，开胃，小甘菊具有助消化，健神经和镇静额作用，常常用来泡给睡得不好的宝宝，可以消除恶梦，治失眠，抑制恶心等。</t>
  </si>
  <si>
    <t>六福珠宝是一线品牌吗</t>
  </si>
  <si>
    <t>算是一线品牌，六福和周生生都是黄金系列的，香港的。</t>
  </si>
  <si>
    <t>黄磊老婆三胎生了吗</t>
  </si>
  <si>
    <t>生了。</t>
  </si>
  <si>
    <t>有找瓦工活的吗北京</t>
  </si>
  <si>
    <t>只能去找包工头，也就是劳务公司应聘。</t>
  </si>
  <si>
    <t>银行卡换卡能保留原账号吗</t>
  </si>
  <si>
    <t>如果是卡片损坏、到期换新卡，卡号一般是不会变的。如果是挂失后重新补卡，卡号是肯定会变。</t>
  </si>
  <si>
    <t>换一张卡，卡号就变了，以前的卡就消户了，不能再用了。</t>
  </si>
  <si>
    <t>换卡后只能换卡号，卡是已经制作好的了，不可能还使用以前的卡号，而且以前的号码不存在了，汇不上钱。</t>
  </si>
  <si>
    <t>护眼宝有用吗</t>
  </si>
  <si>
    <t>非常好用。</t>
  </si>
  <si>
    <t>管点用。</t>
  </si>
  <si>
    <t>快贷上征信吗</t>
  </si>
  <si>
    <t>快贷不上征信。</t>
  </si>
  <si>
    <t>风暴英雄需要购买吗</t>
  </si>
  <si>
    <t>风暴英雄是免费游戏，只有皮肤，购买英雄收费。但是可以通过做日常任务，练英雄到5，9，15，20级赚钱，你玩家等级到40级一般会有40000快左右，英雄有2000，4000，7000，10000等价位，但和英雄强弱无关，只和出的早晚有关，新出的英雄卖一阵子后也会降价，最新的15000，2周后降到10000。</t>
  </si>
  <si>
    <t>猫跳蚤会到人身上吗</t>
  </si>
  <si>
    <t>会的。</t>
  </si>
  <si>
    <t>未来战士凯特琳值得买吗</t>
  </si>
  <si>
    <t>可以买。</t>
  </si>
  <si>
    <t>虎皮鱼好养吗</t>
  </si>
  <si>
    <t>虎皮鱼是鲤科，须鲃属。此鱼活泼，好动，喜欢群居，适宜单独饲养，因为此鱼有攻击其它鱼尾巴的习性。水温要求24---27摄氏度，有条件的情况下最好用雨水饲养，对饲料要求不高，水蚤，水蚯蚓，虾卵，干鱼食等都可以吃。它是卵生鱼类，繁殖水温28摄氏度，PH值5.6--7.2，雌鱼将卵产在水草上，产卵结束后，捞出雌鱼和雄鱼，2天就可以孵化出仔鱼，一年可以繁殖多次。</t>
  </si>
  <si>
    <t>1、在挑选虎皮鱼过程中，尽量避免买到病鱼。体质不错的虎皮鱼发展状况变化很大，容易饲养。体质过弱，很难适应一个新环境，直接会导致死亡的后果。2、避免过量投食，喂食干净；3、虎皮鱼对温度变化很敏感，水温恒定在24~28°之间，当水温低于18摄氏度时，虎皮鱼就会患病，水温低于15摄氏度时，虎皮鱼就会死亡。尤其换水过程中，低温很容易导致鱼病；4、虎皮鱼喜欢群居，如果密度过大，生活空间变的狭小，水质容易败坏，不利于虎皮鱼发展。所以专用水族缸必须满足够大，混养小型热带鱼不能太多，数量适当限制。</t>
  </si>
  <si>
    <t>仁王好玩吗</t>
  </si>
  <si>
    <t>好玩。</t>
  </si>
  <si>
    <t>不好玩，网络质量不好。</t>
  </si>
  <si>
    <t>etcp停车收费有漏洞吗</t>
  </si>
  <si>
    <t>fgo国服会不会封石头号</t>
  </si>
  <si>
    <t>会。</t>
  </si>
  <si>
    <t>一般不会。</t>
  </si>
  <si>
    <t>100%是极限词吗</t>
  </si>
  <si>
    <t>2017年端午节高速免费吗</t>
  </si>
  <si>
    <t>2017年端午节高速不免费。</t>
  </si>
  <si>
    <t>支付宝余额宝可靠吗</t>
  </si>
  <si>
    <t>有风险的，但是存少一些进去不怕，不能当银行，把全副家当存进去。</t>
  </si>
  <si>
    <t>只要支付宝安全了，那余额宝就绝对安全。</t>
  </si>
  <si>
    <t>论文查重橙色部分需要改吗</t>
  </si>
  <si>
    <t>点击橙色的句子然后观察右面的相似片段，如果两个句子完全不相关可以不用修改。</t>
  </si>
  <si>
    <t>秒白条上征信吗</t>
  </si>
  <si>
    <t>秒白条是会上征信系统的。</t>
  </si>
  <si>
    <t>不会的，可以放心的借，还款之后还能循环借。</t>
  </si>
  <si>
    <t>五四青年节有假期吗</t>
  </si>
  <si>
    <t>按照国务院公布的《全国年节及纪念日放假办法》的规定，“青年节(5月4日)，14周岁以上的青年放假半天”，但这一规定没有明确放假适用人群的年龄上限。</t>
  </si>
  <si>
    <t>2017青年节放假规定：5月4日(星期四，农历四月初九)半天。</t>
  </si>
  <si>
    <t>只有14-28岁的青年可以放按照国务院公布的《全国年节及纪念日放假办法》的规定，“青年节（5月4日），14周岁以上的青年放假半天”。</t>
  </si>
  <si>
    <t>蛇莓能吃吗</t>
  </si>
  <si>
    <t>可以吃，但是并不好吃。不大卫生和安全，吃一点点不会中毒，不过最好不要吃。</t>
  </si>
  <si>
    <t>床头挂婚纱照好不好</t>
  </si>
  <si>
    <t>又重又大的结婚照不宜挂在床头。</t>
  </si>
  <si>
    <t>在婚房的床头摆放婚纱照是很有利于夫妻双方的感情和睦的。</t>
  </si>
  <si>
    <t>床头挂置结婚照，其状似灵堂之布置，会影响身体健康。</t>
  </si>
  <si>
    <t>惠州市龙门县很穷吗</t>
  </si>
  <si>
    <t>最穷山区。</t>
  </si>
  <si>
    <t>真的好穷。</t>
  </si>
  <si>
    <t>龙门县是比较贫穷的地方。</t>
  </si>
  <si>
    <t>红军肃反是毛指示的吗</t>
  </si>
  <si>
    <t>毛泽东本人在中共“八大”预备会议第二次全体会议上，谈及往事，对于中央苏区肃AB团，说了一句语重心长的话：“肃反时犯了错误，第一次肃反肃错了人。</t>
  </si>
  <si>
    <t>体检早上可以喝水吗</t>
  </si>
  <si>
    <t>体检当天清晨，起床后可以喝200毫升的白开水，是不会影响体检结果的。</t>
  </si>
  <si>
    <t>一般情况，体检当天早上不能进食，而且最好也不要喝水。如果真的有饮水的需要，最晚要在检前半小时的时候喝，因为这样才不至于对检查结果造成影响。体检的时候，有几个特殊项目是需要空腹检查的，像肝功能检查、空腹血糖检查、血脂检查以及腹部B超检查等。做这些项目要求保持空腹8小时，这样才有利于保证检查结果的准确性。</t>
  </si>
  <si>
    <t>王石还是万科董事长吗</t>
  </si>
  <si>
    <t>王石是万科的董事长。</t>
  </si>
  <si>
    <t>早不是了啊。是郁亮啊。</t>
  </si>
  <si>
    <t>同一手机号能注册两个微信吗</t>
  </si>
  <si>
    <t>蓝可儿破案了吗</t>
  </si>
  <si>
    <t>尚未侦破。</t>
  </si>
  <si>
    <t>已经侦破。</t>
  </si>
  <si>
    <t>征信一个月查询7次严重吗</t>
  </si>
  <si>
    <t>非常严重，保证本人贷款不批。</t>
  </si>
  <si>
    <t>征信会记录何人何时因为何种原因查询，自己查询影响不大，如果被他人或机构查询次数过多，作为银行判断征信状况的根据之一有不利影响。</t>
  </si>
  <si>
    <t>阿米尔汗结婚了吗</t>
  </si>
  <si>
    <t>结婚了。阿米尔汗有两任妻子，与前妻ReenaDutta离婚后与现任妻子基兰结婚。</t>
  </si>
  <si>
    <t>商务局这个单位好不好</t>
  </si>
  <si>
    <t>如果是地市级以下的一点前途都没有。地市级以上就好很多，权限分工明细，直接接触上层。</t>
  </si>
  <si>
    <t>没什么意思，前身就是外经贸委，近些年随着市场化经济体制的发展，职责弱化得厉害，目前主要职责是物流体制。</t>
  </si>
  <si>
    <t>好啊，反正不愁工资了，不过没法当官。</t>
  </si>
  <si>
    <t>熊猫金库理财靠谱吗</t>
  </si>
  <si>
    <t>熊猫金服是一种P2P理财产品。P2P是peer-to-peer的缩写，P2P投资泛指互联网金融，借助互联网、移动互联网技术的网络信贷平台及相关理财行为、金融服务。需要用钱的客户通过向熊猫金服平台支付一定的利息借得自己所需资金，然后平台将客户的债权通过标的方式出售给投资者，并给投资者一定的利益。平台的收益来自于借款人和投资人之间的利差。</t>
  </si>
  <si>
    <t>安全。</t>
  </si>
  <si>
    <t>没有信誉，肆意胡来的流氓公司。</t>
  </si>
  <si>
    <t>曹云金听云轩生意好吗</t>
  </si>
  <si>
    <t>听云轩生意很好，每周都爆满。</t>
  </si>
  <si>
    <t>可以先考科目三再考科目二吗</t>
  </si>
  <si>
    <t>串号解锁苹果id可靠吗</t>
  </si>
  <si>
    <t>高铁上有wifi吗</t>
  </si>
  <si>
    <t>目前少数高铁上是有wifi的，动车暂时还没有。</t>
  </si>
  <si>
    <t>高铁上一般没有WIFI。</t>
  </si>
  <si>
    <t>高铁和动车由于技术等原因，暂时不会有无线Wi-Fi覆盖。</t>
  </si>
  <si>
    <t>笔记本自带迈克菲好么</t>
  </si>
  <si>
    <t>麦咖啡这个软件的确不适合中国人用，但是毕竟是正版，没有别的付费杀毒软件的话就用这个好了，若已经有别的那就换掉好了。</t>
  </si>
  <si>
    <t>不错，也是大牌杀毒软件，不过需要搞清楚是试用版的还是正式版的，一般试用版使用时间很短，过期后就需要自己付费购买了。</t>
  </si>
  <si>
    <t>不好,一般直接卸载掉就好。</t>
  </si>
  <si>
    <t>多肉补光灯有用吗</t>
  </si>
  <si>
    <t>有一定的用处，总的来说是有一定辅助作用的。</t>
  </si>
  <si>
    <t>有一定的用处，必须达到一定的功率和合适的光波段的可以，要看用什么灯，植物离灯的距离是多少，必须达到一定的功率和合适的光波段的可以。</t>
  </si>
  <si>
    <t>冬瓜荷叶茶能减肥吗</t>
  </si>
  <si>
    <t>58同城平面模特靠谱吗</t>
  </si>
  <si>
    <t>是假的。</t>
  </si>
  <si>
    <t>金刚狼3最后复活没</t>
  </si>
  <si>
    <t>金刚狼3中，金刚狼最后死了。老一批X战警的人物从此就没了，再出现续集就是新人物。</t>
  </si>
  <si>
    <t>小米手机意外险有用吗</t>
  </si>
  <si>
    <t>有用，购买保险后，用户可以享受手机意外受损的换新服务，期限为1年。区别于传统碎屏险，新推出的意外险大大扩大了承保范围。根据权威机构的调查，手机最易发生的意外故障分别是碎屏、进水以及意外挤压，而这些影响用机体验的损伤，均在承保范围内，并且包括手机掉落，大大满足了床上手机族。简言之，非人为损伤，都在承保范围之内。意外险的承保方式为直接换新，并且寄送手机运费会被报销。</t>
  </si>
  <si>
    <t>肯定的，小米手机意外险是针对小米手机用户推出的专属保险，现在主要对最受欢迎的小米 Note 2、小米 MIX 以及红米4等热销机型推出。购买保险后，用户可以享受手机意外受损的换新服务，期限为1年。区别于传统碎屏险，新推出的意外险大大扩大了承保范围。而且这份保险有别于其他厂商的碎屏险，具有理赔速度快、承保范围大等优点。消费者曾对于手机维修带来的时间延误、换屏价格不定以及维修带来的二次维修，多表示担忧。小米意外险提供的一年内换新服务让用户避免纠结，更直接快速的处理可能发生的手机意外。小米手机意外险价格为249元/年。</t>
  </si>
  <si>
    <t>发动机护板有必要装吗</t>
  </si>
  <si>
    <t>如果只在城市里开不装也没有影响，如果去乡村道路以及自驾的话还是装一个为好。</t>
  </si>
  <si>
    <t>你经常走沙石路或山路就有必要装。如果经常走柏油路-----那就没必要装了。</t>
  </si>
  <si>
    <t>有用,在跑坏路的时候防托底，防飞石！尽管概率不是很高，但有条件还是应该装一个！坏处：1、增加车重,增加油耗！2、有些车型装了以后换机油的时候有点不方便！</t>
  </si>
  <si>
    <t>山地车能追上公路车吗</t>
  </si>
  <si>
    <t>公路上公路车快，越野山地车速度和性能都完虐公路车。</t>
  </si>
  <si>
    <t>看人，看配置。</t>
  </si>
  <si>
    <t>胖大海可以吃下去吗</t>
  </si>
  <si>
    <t>胖大海是可以吃的。</t>
  </si>
  <si>
    <t>胖大海不能泡茶服用(吃)，因为有的患者可能会出现过敏反应，如全身皮肤发痒、口唇水肿等，长期大量饮用还可能危及生命。</t>
  </si>
  <si>
    <t>胖大海泡水喝可清肺润喉解毒，具有很好的保健功效。剩余的残物不能吃，因为已经没有什么药用价值了。</t>
  </si>
  <si>
    <t>申请微信号一定要手机号码吗</t>
  </si>
  <si>
    <t>首先手机中安装好微信，版本无所谓。最好是最新版本。老版本直接登录qq已经不可以了，在老版本中直接用qq号登录会提示登录失败（1，-100）。打开微信软件，进入微信登录界面。第二步，点击“注册”按钮。现在必须得先注册才能登录。注册就几分钟时间，很快的。先找一个手机号没注册过微信的或者注册过的也没关系！先登录注册过的微信，进入微信首页--&gt;右上角三个小横杠（主菜单）--&gt;设置--&gt;我的账号--&gt;手机号更换一个自己知道的手机号（只要能收到验证码就行）。主要是解绑！解绑后就有了可用的手机号就可以注册。按要求输入自己的手机号，注册完毕。进入到微信主菜单--&gt;设置--&gt;我的账号--&gt;QQ ！输入QQ号，QQ密码，绑定QQ号！绑定后就可以用QQ号直接登录了。</t>
  </si>
  <si>
    <t>现在申请微信号一定要用手机注册，注册之后可以绑定QQ然后解除手机绑定，操作步骤如下：1、打开微信注册窗口，用手机号注册一个微信号。2、接着将注册到的微信号与QQ号进行绑定。3、然后用这个微信号与手机号码解除绑定，这样以后就可以用QQ号进行登陆和操作了。</t>
  </si>
  <si>
    <t>红鸭子保健品是真的吗</t>
  </si>
  <si>
    <t>现在可以在网上查，都可以查得到的。据说是老医师收集的配方研发的，来历很悬。</t>
  </si>
  <si>
    <t>中国武术到底能不能打</t>
  </si>
  <si>
    <t>中国武术有打的能力，这一点是毋庸置疑的。无论外家内家，少林武当，只要这个人学的是真东西，基本的格斗能力都是有的，很多武术的格斗思想还很先进。首先，武术训练对套路重视过度，而忽略实战操演。套路固然是由一个个攻防动作组成的，但是只练套路意味着只进行模拟格斗训练而脱离实际。那么一旦遇到真实的格斗场景，与自己平时演练的必然有很多不同，那么所练习的自然就不可能用得上。这就好像一个学游泳的人只在岸上换气伸臂蹬腿却从不下水，那这样的人一旦入水结果可想而知。其次，武术对无氧运动的训练忽略。中国武术对养生有一套自己独特的理论，其中之一是认为练拳时保持呼吸平缓是对身体最有益处的。评书里常听到夸赞某人＂面不更色，气不长出＂。因此练习套路时，对动作的设计也都是以有氧运动为主，内家拳尤其如此。但真实的格斗场景对体能消耗巨大，职业拳击散打运动员无不把体能训练作为重要的必修课。武术的这一缺失，是很多人一动手就趴下的又一原因。</t>
  </si>
  <si>
    <t>其实武术有点类似中医，都有其效用所在，但都喜贬低西式科学来抬高自己。而且这样的理论往往还能吸引较多拥护者，原因何在？说开一点，第一是我国社会，公民科学精神尚不具备，一些超越科学的神话理论往往更易被接受。第二是对武术、中医的过度吹捧可以满足民粹思想。武术与中医的一个理论依据都是＂千年传承，老祖宗智慧，必远胜今人与西人＂。其实西方医学与拳术也都有千百年的历史，而且不同处在于西人总处于不断发展与进化中，中国人却总是厚古薄今，认定古人就是比现代人强。所以中医与武术时至今日，理论体系都与千百年前差异不大。其实千年前的任何学问、技术，今天一定都已经过时了，所以武术没落，就可以理解了。</t>
  </si>
  <si>
    <t>中国武术的现状是很有趣的，各项武术赛事基本上都是考核武术套路，是练法而不是打法。所以不要看某某全国武术冠军，也许真的打起来他不一定就很厉害。中国武术有内外家之分，外家下了苦功夫就能练，成效快，效果明显。内家功夫不光要靠勤练还要靠感悟，最好有好师父指导，不然容易练歪。所以练半年散打的能轻松打过练3年太极的。拳行里也有一句老话：“形意三年打死人，太极十年不出门。”但到了后期，内家功夫能自然而然地练到外身去，远不是外家功夫可比拟了。</t>
  </si>
  <si>
    <t>淘宝可以用微信支付吗</t>
  </si>
  <si>
    <t>目前淘宝不支持微信钱包支付。</t>
  </si>
  <si>
    <t>微信可以两个手机同时登陆吗</t>
  </si>
  <si>
    <t>只要两部手机都通过验证就可以同时登录同一个微信账号，同样，一部手机也可以同时登录两个或多个微信账号(有的手机自带双开功能，没有的下一个就可以了)。</t>
  </si>
  <si>
    <t>在微信帐号未保护的情况下是可以同时登录的，开启帐号保护后在其他手机上登录时就需要验证你的手机号码才能登录的。</t>
  </si>
  <si>
    <t>嘉禾乐天是乐天吗</t>
  </si>
  <si>
    <t>魅力惠是正品吗</t>
  </si>
  <si>
    <t>真货到是真的，只不过都是卖不掉的尾单，有的还是瑕疵品。</t>
  </si>
  <si>
    <t>便宜没好货这句话是千年不变的真理，护肤的产品更要小心，而且官网打这么低的折扣总觉得不靠谱，还是谨慎为好。</t>
  </si>
  <si>
    <t>百媚china直播能提现吗</t>
  </si>
  <si>
    <t>百媚china直播提现方法：1、个人中心，财富值，查看自己的财富！2、点击提现，填写自己的银行卡信息。3、提现需要是100元的整数倍。4、提现之后一般要等审核一段时间才能到账，所以要等一等，不要着急。</t>
  </si>
  <si>
    <t>冠军锤石是限定吗</t>
  </si>
  <si>
    <t>锤石的只要45，不限定。</t>
  </si>
  <si>
    <t>是限定。</t>
  </si>
  <si>
    <t>近视会遗传吗</t>
  </si>
  <si>
    <t>会遗传的,不过不是百分百,遗传几率有点大。</t>
  </si>
  <si>
    <t>奥迪q3怎么样 值得买吗</t>
  </si>
  <si>
    <t>奥迪Q3前脸继承了家族化的设计元素，作为奥迪SUV系列中的年轻成员，Q3也代表了奥迪最新的设计理念。标志性的六边形大面积进气格栅配合炯炯有神的LED日间行车灯，看起来气势十足。整车风格运动简洁，平直微斜的腰线与车顶弧度交相呼应，却又不乏力量感，十分耐看。</t>
  </si>
  <si>
    <t>Q3属于奥迪中低端罕见的性价比低。</t>
  </si>
  <si>
    <t>3系也好不到哪去，朋友的3系好像说是没几公里就开始烧机油，开到3万多公里的时候基本100多公里就烧一升，4S也没办法，最后没办法只能卖了。</t>
  </si>
  <si>
    <t>激战2好玩吗</t>
  </si>
  <si>
    <t>前期觉得很惊艳。玩两个月就腻了，一起玩的没有一个坚持三个月以上。</t>
  </si>
  <si>
    <t>激战2游戏玩法较休闲，和传统游戏不太一样。这游戏设计非常细致，给人感觉是很生动真实的，不经意发现一个彩蛋就会有意外的惊喜。</t>
  </si>
  <si>
    <t>刚公测的时候好玩，当单机不错，满级就可以弃了，世界战场也还可以，代理太垃圾。</t>
  </si>
  <si>
    <t>力帆迈威质量很差吗?</t>
  </si>
  <si>
    <t>如果娱乐性的开着玩是可以的，跑长途要捏一把汗。1、国产品牌，质量上难以保证。2、力帆之前是摩托车的品牌，质量上升要一段时间。</t>
  </si>
  <si>
    <t>很差。</t>
  </si>
  <si>
    <t>肝癌传染吗</t>
  </si>
  <si>
    <t>肝癌本身不具有传染性，属于恶性肿瘤，不通过任何途径传播。</t>
  </si>
  <si>
    <t>少年班是真实故事吗</t>
  </si>
  <si>
    <t>《少年班》这部片子是根据真实的事件改编而成。</t>
  </si>
  <si>
    <t>电影《少年班》该片以西安交大1994级少年班学生为人物原型。</t>
  </si>
  <si>
    <t>董明珠有钱吗</t>
  </si>
  <si>
    <t>有钱。</t>
  </si>
  <si>
    <t>糖尿病人能吃樱桃吗</t>
  </si>
  <si>
    <t>樱桃的主要功效：降血压、降血糖，保护肠胃。樱桃中富含一种花色素苷，可有效地降低糖尿病患者体内的含糖量。</t>
  </si>
  <si>
    <t>樱桃为升糖指数高的水果，糖尿病可以吃樱桃，但需要限制摄入量。</t>
  </si>
  <si>
    <t>糖尿病人是可以吃樱桃的，如果吃新鲜的樱桃，每天不要超过10个。樱桃中富含的花色素苷能够增加人体内部胰岛素的含量，从而有效地降低糖尿病患者血糖。此外，樱桃含有丰富的维生素E，对于糖尿病人防治肾脏并发症有益。同时，维生素E还能帮助糖尿病患者预防心血管系统的并发症。</t>
  </si>
  <si>
    <t>防冻液可以混用吗</t>
  </si>
  <si>
    <t>同种颜色的防冻液可以混用，但不建议混加。不同颜色的防冻液不能混加。</t>
  </si>
  <si>
    <t>防冻液不能混用，颜色不同说明型号不同，是不能混用的。</t>
  </si>
  <si>
    <t>自然流产后需要清宫吗</t>
  </si>
  <si>
    <t>自然流产后不一定都要做刮宫术，只有胚胎组织流出不完整的情况下才需要行刮宫术。而这个判定要由专业医师通过检查问诊来判断，所以建议自然流产的患者最好在流产后等出血较少时去医院做一次常规检查，之后才可以断定此次自然流产是否需要刮宫。</t>
  </si>
  <si>
    <t>如果出血少，没有超过10天，一般是流干净的表现。如果出血多，或者出血时间长，可能有宫内残留的表现。建议到正规医院做盆腔超声检查，查看是否有宫内残留，如果有残留，体积较大，需要清宫。</t>
  </si>
  <si>
    <t>怀孕能吃榴莲吗</t>
  </si>
  <si>
    <t>像榴莲这样温燥甜腻的水果之王，孕妇不宜把它作为补品进补。健康人一天食用榴莲不要超过两瓣，孕妇只能浅尝辄止。</t>
  </si>
  <si>
    <t>孕妇是可以吃的，虽然孕妇可以吃榴莲，但是也应该少吃，最好不吃。</t>
  </si>
  <si>
    <t>钢化膜真的能防碎屏吗</t>
  </si>
  <si>
    <t>仓鼠咬人要打针吗</t>
  </si>
  <si>
    <t>1、无伤口：如果仓鼠只是啃啃，并没有真的咬破皮，那么就不需要有任何的处理。2、流血：如果被咬出血了，首先把血挤出来一些，然后用肥皂水洗洗。3、被咬部位肿起：如果被咬流血处理之后第二天被咬部位肿起来了，就需要去医院打破伤风针。</t>
  </si>
  <si>
    <t>不需要。</t>
  </si>
  <si>
    <t>伤口深的话，打破伤风就行了。</t>
  </si>
  <si>
    <t>市场监管局是好单位吗</t>
  </si>
  <si>
    <t>1、人均工作量大。2、讲工作情绪要讲对面人群以及数量。3、晋升空间有限。4、市场监督的压力来自上级。</t>
  </si>
  <si>
    <t>至于公务员待遇是否好、有否前途，那是根据你个人的认知。</t>
  </si>
  <si>
    <t>微信零钱还信用卡收手续费吗</t>
  </si>
  <si>
    <t>这个一分钱都不需要的，打开钱包之后，里面有一项是信用卡还款，打开这个之后，先要绑定，然后才能进行还款的操作。</t>
  </si>
  <si>
    <t>闯红灯一定会被拍照吗</t>
  </si>
  <si>
    <t>不一定，需要调取三张照片确实证明闯了才行。</t>
  </si>
  <si>
    <t>ps4 500g够用吗</t>
  </si>
  <si>
    <t>不够用的。</t>
  </si>
  <si>
    <t>够了。</t>
  </si>
  <si>
    <t>有和vagaa一样的软件吗</t>
  </si>
  <si>
    <t>有POCO\PP\电驴....等。</t>
  </si>
  <si>
    <t>微信分销是传销吗</t>
  </si>
  <si>
    <t>不是传销，现在连国家都允许的。</t>
  </si>
  <si>
    <t>肠梗阻严重吗</t>
  </si>
  <si>
    <t>肠梗阻是一种常见的外科急性症。病情危重、复杂多变。如果是单纯性的如粪石梗阻引起的，解决病因即可。如果是血运性、肿瘤等所导致，需要手术治疗，术后并发症较多，预后差些。</t>
  </si>
  <si>
    <t>肠梗阻是一种非常严重的疾病，是发病与肠腔内的一种疾病，肠梗阻的病情发展的非常的快，如果肠梗阻的患者不及时的进行治疗的话，是很有可能导致患者死亡的。</t>
  </si>
  <si>
    <t>根据肠梗阻的程度。一般分为完全性肠梗阻和不完全性肠梗阻。不完全性一般通过禁食和应用解痉药物治疗可缓解。严重的一般通过禁食和手术治疗。</t>
  </si>
  <si>
    <t>猫认主人吗</t>
  </si>
  <si>
    <t>猫咪一般来说没有固定的主人，其认主人也不一定从小养起。一般和一个人相处几个月关系不错的话，就会认这个人为主人。</t>
  </si>
  <si>
    <t>肯定会认识。</t>
  </si>
  <si>
    <t>新中冠是苹果授权吗</t>
  </si>
  <si>
    <t>这不是苹果授权的经销商。</t>
  </si>
  <si>
    <t>孕妇可以喝红茶吗</t>
  </si>
  <si>
    <t>答案是不可以。</t>
  </si>
  <si>
    <t>一般红茶不会对孕妇产生影响，所以并无怀孕禁忌。</t>
  </si>
  <si>
    <t>最好是不要喝的，对胎儿不好。</t>
  </si>
  <si>
    <t>土拨鼠会认识主人吗</t>
  </si>
  <si>
    <t>不会的，不是所有动物都通人性的。</t>
  </si>
  <si>
    <t>碳水化合物会长胖吗</t>
  </si>
  <si>
    <t>这是肯定的，碳水化合物进入人体后大部分转化为糖、多余的糖，都会变成脂肪积聚在体内。</t>
  </si>
  <si>
    <t>一带一路放假吗</t>
  </si>
  <si>
    <t>2017年“一带一路”国际合作高峰论坛将于5月在北京召开。经国务院批准，除保障高峰论坛和国事活动、城市运行等必要的工作岗位外，在京中央和国家机关、事业单位和社会团体，北京市机关、事业单位和社会团体，5月11日至5月16日调休放假，共6天。</t>
  </si>
  <si>
    <t>肉松是棉花?</t>
  </si>
  <si>
    <t>115网盘破解版是真的吗</t>
  </si>
  <si>
    <t>不可能的。</t>
  </si>
  <si>
    <t>有的吧。</t>
  </si>
  <si>
    <t>server服务可以禁用吗</t>
  </si>
  <si>
    <t>server—局域网文件/打印共享需要的（网络打印机的必须品）。</t>
  </si>
  <si>
    <t>在电脑系统中，如果server服务关闭就会有许多文件夹不能使用。</t>
  </si>
  <si>
    <t>排卵期白带会多吗</t>
  </si>
  <si>
    <t>在排卵期因为雌激素的升高，有可能会出现白带增多。</t>
  </si>
  <si>
    <t>光波炉可以当烤箱用吗</t>
  </si>
  <si>
    <t>不能。这是两种不同的厨房加热设备，只有少许功能相互重叠，可以代替，大部分功能是不能相互替代的，如果是用于成品加热，去潮，少量的坚果干货烘烤倒是勉强，专业烘培还是要用烤箱的，光波炉无能为力。</t>
  </si>
  <si>
    <t>不完全可以。</t>
  </si>
  <si>
    <t>microsoft onedrive可以卸载吗</t>
  </si>
  <si>
    <t>可以的。</t>
  </si>
  <si>
    <t>win8win10自带的，删不掉，可以关闭同步，在OneDrive应用下打开系统选项，关闭OneDrive同步文件功能。</t>
  </si>
  <si>
    <t>c盘appdata可以删除吗</t>
  </si>
  <si>
    <t>1.appdata就是xp里的application data. 有在各种程序里的自定义设置,包括程序里可以个性化设置而不能影响替他用户文件,临时文件夹,快速启动文件夹等. 它是重要的系统文件夹,建议别删,删了会出问题的.2.如果硬盘空间紧张，可以删掉AppData\Local\Temp\* 的文件。Application Data：XXX\application data 是应用程序资料、应用程序数据的意思，这个文件夹存储的是某些软件的MSI安装文件，一般不需要删除它们，因为有些软件运行时会对此有需要。如果确实需要删除也可以，因为这里面的数据一般来说是用不到的，只是一个自动备份，但是如果软件出问题你要修复的话就不可能了。而且删除之前建议做个备份，万一有问题可以随时恢复!3.XXX\local setting\application data是访问网络时产生的一些数据.包括上网的一些个人习惯和一些客户端的个人设定等。这个文件删除后，游戏的个人设置、和个人电脑的一般设置将会删除,其中的Quick Launch文件夹是用来存放快速启动栏的快捷方式的。</t>
  </si>
  <si>
    <t>京东加班严重吗</t>
  </si>
  <si>
    <t>京东的平均下班时间为23:16。是下班最晚的公司，周末加班最多的公司。</t>
  </si>
  <si>
    <t>针女效果命中有用吗</t>
  </si>
  <si>
    <t>端午免过路费吗</t>
  </si>
  <si>
    <t>不会免费的！2017年端午节高速公路是照常要收费、没有免过路费的。</t>
  </si>
  <si>
    <t>2017年端午节高速正常收费，上高速需要缴通行费。</t>
  </si>
  <si>
    <t>端午节不在免费通行的时间范围，高速公路照常收费。</t>
  </si>
  <si>
    <t>吃玉米可以减肥吗</t>
  </si>
  <si>
    <t>可以的，玉米含有大量的膳食纤维和懒氨酸等元素对减肥和身体都是有一定好处的。</t>
  </si>
  <si>
    <t>玉米的营养价值还是很高的，但是减肥效果可能就相对差一点。</t>
  </si>
  <si>
    <t>雪花秀孕妇可以使用吗</t>
  </si>
  <si>
    <t>我之前在韩国帮人买东西真问过。。雪花秀可以 。</t>
  </si>
  <si>
    <t>我现在怀孕也在用雪花秀。</t>
  </si>
  <si>
    <t>桥本甲状腺炎好治吗</t>
  </si>
  <si>
    <t>现代医学治疗桥本氏甲状腺炎手段目前尚有限，而中医中药治疗此病时有明显的优势，可以从患者的局部病变与全身症状着手，整体调节。</t>
  </si>
  <si>
    <t>这样的疾病只要放心治疗，积极配合医生治疗，治疗的效果是很好的。</t>
  </si>
  <si>
    <t>神州牛歌是不是骗局</t>
  </si>
  <si>
    <t>不是，山东工商局都能查询的。</t>
  </si>
  <si>
    <t>牙齿穿髓会出血吗</t>
  </si>
  <si>
    <t>一般是不会有出血的症状的及时的去医院检查就可以的。一般是不会有什么危险的。多喝水注意休息均衡营养多吃新鲜蔬菜水果 。</t>
  </si>
  <si>
    <t>紫槐花能吃吗</t>
  </si>
  <si>
    <t>食用价值不大，平常最好还是不要食用。</t>
  </si>
  <si>
    <t>钻石d级贵不贵</t>
  </si>
  <si>
    <t>贵。颜色为D的钻石这个级别是最高的。</t>
  </si>
  <si>
    <t>伯希和是假洋品牌吗</t>
  </si>
  <si>
    <t>Pelliot伯希和，自称是法国顶级户外品牌，但在法国亚马逊上没有销售。一个法国人给出如下回答：1.从没听说过；2.该品牌提供的“法国地址”是一个邮政信箱，这样的信箱地址在法国只要支付$200一年的费用就可以获得了；3.不论是英文官网还是中文官网，网址只有.cn结尾域名，没有.fr结尾；4.网站英文部分用的是谷歌翻译。</t>
  </si>
  <si>
    <t>法国专业户外装备品牌PELLIOT（伯希）诞生于法国巴黎，是欧洲最著名的户外品牌之一，也是世界顶级户外品牌。</t>
  </si>
  <si>
    <t>法国高端户外品牌，在欧洲也算是知名品牌。</t>
  </si>
  <si>
    <t>唐马儒离开暴走了吗</t>
  </si>
  <si>
    <t>离开了。</t>
  </si>
  <si>
    <t>hpv52阳性严重吗</t>
  </si>
  <si>
    <t>建议及时治疗，hpv52高危阳性，一般是注射干扰素，口服转移因子至少用药2-3月，人类乳头瘤病毒（简称HPV）是一种嗜上皮性病毒。建议最好是到医院做个检查。</t>
  </si>
  <si>
    <t>检查TCT结果正常，但HPV存在高危感染这种情况，还是比较多见的，也不要太担心。目前所用的是干扰素，对HPV感染有一定疗效。至于转阴时间，这个一般不固定，与机体免疫力及HPV量有一定关系。</t>
  </si>
  <si>
    <t>吃面条会胖吗</t>
  </si>
  <si>
    <t>经常吃面条不会长胖的，面条最适合中午吃。面条可以为人体提供足够的能量，产生较强的饱腹感。它脂肪不多，但特别能给人饱腹感。面条要温乎乎地吃。</t>
  </si>
  <si>
    <t>总的来说，吃适量的面食并不会发胖，但多吃还是容易导致脂肪的囤积。面食虽然含淀粉多，但同时还有丰富微量元素，且总体热量不算高，不属于易发胖的食物。但是过量的面食，碳水化合物过多，容易转化为脂肪储存起来。</t>
  </si>
  <si>
    <t>洋觅网站可靠吗</t>
  </si>
  <si>
    <t>是真的，跟官网没差，还是澳洲直邮。</t>
  </si>
  <si>
    <t>安全的。身边的朋友都在上面买过没什么不好的影响。</t>
  </si>
  <si>
    <t>荨麻疹传染吗</t>
  </si>
  <si>
    <t>荨麻疹不传染只是过敏而已。</t>
  </si>
  <si>
    <t>三里人家青汁有用吗?</t>
  </si>
  <si>
    <t>早在几十年前日本就有种麦苗的热潮，家家户户都种了一盆麦苗，他们用麦苗榨汁来喝。喝麦苗汁的目的，不仅能降三高，还能有抗癌、防癌的功效。麦苗中含有的大量叶绿素，是有名的“绿色血液”。它的分子结构，跟人体的血红蛋白很像。绿色血液进入人体后，分子中的镁离子，会被铁离子置换出来，直接转换成血液，从而强化心脏，恢复身体活力。而且，叶绿素修复细胞的同时，麦苗汁还能改善人体酸碱度。大伙都知道癌细胞，只能存活在缺氧的酸环境下，青汁的中和作用，可以使人体的酸碱平衡，癌细胞失去了酸的环境，那它自然就无法生存了。另外，身体里的药物残留和毒素，也能被清理干净，达到清血、清肝的功效。专家介绍，麦苗里，含有十几种氨基酸和酶，而且各成分比例平衡。这些氨基酸和酶，能重建人体细胞，活化受损细胞。有了它们，人体的皮肤、肌肉、血管等，都能保持最佳状态。所以，这青汁，可谓是长生不老之药。</t>
  </si>
  <si>
    <t>澳洲cw官网有假货吗</t>
  </si>
  <si>
    <t>一般淘宝认证了的是正品。</t>
  </si>
  <si>
    <t>iphone6s有nfc功能吗</t>
  </si>
  <si>
    <t>从iphone6以后的设备都是支持NFC功能的但此NFC功能仅限于applepay使用不对第三方开放权限。需要applepay功能在walletapp中添加银行卡即可。</t>
  </si>
  <si>
    <t>包商银行会倒闭吗</t>
  </si>
  <si>
    <t>银行可以兼并，不允许倒闭，一旦开不下去有银监会，银行开业前有储备金冻结在银监那里，防止挤兑。</t>
  </si>
  <si>
    <t>太平洋东方红是骗局吗</t>
  </si>
  <si>
    <t>东方红保险理财计划由中国太平洋保险推出分为针对少儿客户的“东方红·少年智保险理财计划”和针对成人客户的“东方红·老来福保险理财计划”，是一款为客户提供从教育金到养老金的全生命周期覆盖的保险理财产品。如果认为太平洋保险东方红是骗局，一般来自当初购买时是保险公司业务员的介绍，比如告诉你：这是一份高收益理财产品、或者说这是买理财赠送的一份保险。</t>
  </si>
  <si>
    <t>32寸显示器玩游戏爽吗</t>
  </si>
  <si>
    <t>太大了，两眼看不完屏幕图像，严重影响了战斗力。</t>
  </si>
  <si>
    <t>32寸显示器看高清电影合适，玩游戏会偏大。</t>
  </si>
  <si>
    <t>很不错啊。</t>
  </si>
  <si>
    <t>visa卡国内能用吗</t>
  </si>
  <si>
    <t>VISA信用卡在国内可以使用,只要商家开通Visa支付就可以。</t>
  </si>
  <si>
    <t>指南车洗车机是名牌吗</t>
  </si>
  <si>
    <t>是名牌。</t>
  </si>
  <si>
    <t>吃了避孕药月经会推迟吗</t>
  </si>
  <si>
    <t>会的。月经推迟，提前都是正常现象。</t>
  </si>
  <si>
    <t>坐月子能开空调吗</t>
  </si>
  <si>
    <t>可适当吹空调，但应控制在26摄氏度左右。</t>
  </si>
  <si>
    <t>发芽的红薯能吃吗</t>
  </si>
  <si>
    <t>红薯发芽后并不会像土豆一样产生对人体有害的成分，只要将红薯上长的芽去掉是可以吃的，更不会出现传说中的中毒症状。但有一点大家要注意，红薯长芽后由于营养和水分的大量流失，吃起来不仅口感不好，而且还会失去食用价值。</t>
  </si>
  <si>
    <t>红薯发芽后并不会像土豆一样产生对人体有害的成分，只要将红薯上长的芽去掉是可以吃的，更不会出现传说中的中毒症状。</t>
  </si>
  <si>
    <t>吃发芽红薯会中毒的说法，是没有任何依据的，也是不科学的，纯属生活中的误区。</t>
  </si>
  <si>
    <t>早泄正常吗</t>
  </si>
  <si>
    <t>偶尔早泄是正常的生理现象。</t>
  </si>
  <si>
    <t>qq音乐能录音吗</t>
  </si>
  <si>
    <t>QQ音乐不支持录音的。</t>
  </si>
  <si>
    <t>派克摸金派国家认可吗</t>
  </si>
  <si>
    <t>摸金派算不上传销，是一个资金游戏，但是牵扯到支付又没有国家颁发的牌照，所以会有很多问题。投资者产生的资金池缺乏监管，很容易滋生问题。摸金派的有些操作和网络黄金很相似。建议慎重投资，但是如果是抱着不管伤不伤人脉的赌博和交学费的心态那就无所谓了。</t>
  </si>
  <si>
    <t>食物中毒自己能好吗</t>
  </si>
  <si>
    <t>一般的食物中毒，只要等体内摄入的毒素经过代谢排出体外就好。</t>
  </si>
  <si>
    <t>身体素质好的话，一两天就没有事了。</t>
  </si>
  <si>
    <t>一个域名可以对应多个ip吗</t>
  </si>
  <si>
    <t>可以实现。</t>
  </si>
  <si>
    <t>使用负载均衡实现，传统和常规做法，其他方式需要特殊处理。</t>
  </si>
  <si>
    <t>一个域名只能对应一个 IP 地址，是一对一的关系。</t>
  </si>
  <si>
    <t>孕妇可以吃烧烤吗</t>
  </si>
  <si>
    <t>从营养学的角度来看，孕妇要慎吃烧烤。孕妇的身体免疫系统功能不像平常那样好，因此就更容易被所有导致食物中毒的细菌所感染，也更容易患病。不过虽然这些细菌可能使准妈妈感染严重的疾病，但它们却不会经由胎盘直接影响到宝宝。</t>
  </si>
  <si>
    <t>怀孕期间是不可以吃烧烤的，其中含有的添加剂有可能会影响到胎儿正常的发育。</t>
  </si>
  <si>
    <t>烧烤是能不吃就尽量不要吃，以免影响到自身的健康。</t>
  </si>
  <si>
    <t>三只松鼠可以加盟吗</t>
  </si>
  <si>
    <t>甜玉米是转基因的吗</t>
  </si>
  <si>
    <t>目前我们经常吃的这种甜玉米是非转基因的。</t>
  </si>
  <si>
    <t>甜玉米是传统育种技术的产物，和转基因技术没关系。</t>
  </si>
  <si>
    <t>小红书的东西是正品吗</t>
  </si>
  <si>
    <t>是真的。</t>
  </si>
  <si>
    <t>组合贷款提前还款可以先还商业贷款吗</t>
  </si>
  <si>
    <t>无论你想要提前还哪个贷款都是可以的。</t>
  </si>
  <si>
    <t>先偿还商业贷款部分还是公积金贷款部分，申请人是可以自由选择的。</t>
  </si>
  <si>
    <t>银行不许。</t>
  </si>
  <si>
    <t>csgo国服需要重新下载吗</t>
  </si>
  <si>
    <t>不用的，再steam里的csgo上启动项加上空格perfectworld，再首测开始后，即可直接进入，当然得激活了才行。</t>
  </si>
  <si>
    <t>王者荣耀用手柄好用吗</t>
  </si>
  <si>
    <t>手柄玩游戏的优势非常明显，大大提升玩家的操作空间，会显著提升游戏胜率。</t>
  </si>
  <si>
    <t>租租车国际驾照靠谱吗</t>
  </si>
  <si>
    <t>跟驾照公证件、翻译件相比，国际驾照认证件有效期长达3年，能在不同租车公司不限次数使用，直接解决了普通翻译件版本繁多且不易携带，公证件费用高昂费时费力的弊端。不仅如此，国际驾照认证件也成为横跨多个行业的“明星产品”。旅游、金融、保险、互联网等行业巨头高度认可国际驾照认证件对中国出境游带来的示范推动作用，纷纷加入国际驾照认证件使用行列。</t>
  </si>
  <si>
    <t>亲测有效。</t>
  </si>
  <si>
    <t>太伪劣了。</t>
  </si>
  <si>
    <t>京东全球购靠谱吗</t>
  </si>
  <si>
    <t>不靠谱。</t>
  </si>
  <si>
    <t>基本是假的。</t>
  </si>
  <si>
    <t>香港城市大学值得去吗</t>
  </si>
  <si>
    <t>香港城市大学，在国内排名都是前十的，在亚洲排名也是名列前茅，是全球一流的学府，不管是在师资力量方面还是在学术研究方面，都是一流的。香港城市大学，简称城大，是一所坐落于香港九龙塘的公立研究型大学，是香港特别行政区政府资助的八所大专院校之一，获教育部列入国家重点高校名单。</t>
  </si>
  <si>
    <t>主动辞职可以领失业保险金吗</t>
  </si>
  <si>
    <t>如果你主动提出解除劳动合同，就不符合“非本人原因”的条件，即使缴费时间满一年也不可以领取。</t>
  </si>
  <si>
    <t>如果员工按《劳动合同法》第三十八条规定主动辞职的，是可以申请失业保险金，以其它原因主动辞职的，无法领取失业金的。</t>
  </si>
  <si>
    <t>灵活组排有框框奖励吗</t>
  </si>
  <si>
    <t>不管在单双排还是灵活组排，只要打到相应的段位，都能领取应有的框框和赛季奖励。</t>
  </si>
  <si>
    <t>朱厚照是昏君吗</t>
  </si>
  <si>
    <t>不算是。舆论权掌控在士大夫手中，历史也是由这些人书写的。</t>
  </si>
  <si>
    <t>西安古城酒店有电梯吗</t>
  </si>
  <si>
    <t>西安城墙景区表示，修建电梯是为了进一步完善游览辅助设施，采用轻质、可逆的材料工艺，完善老年人、残障人士登城辅助设施轻质电梯。西安市文物局相关负责人介绍，之前曲江城墙管委会向文物部门申报过修电梯的方案，但当时只提供了设计草图，现在施工属于手续不全的行为，西安市文物局已要求其立即停工，完善相应的报批手续。而直至记者采访时，施工还在继续。</t>
  </si>
  <si>
    <t>有电梯。</t>
  </si>
  <si>
    <t>收到offer可以不去吗</t>
  </si>
  <si>
    <t>觉得不喜欢那就别去，免得后悔。</t>
  </si>
  <si>
    <t>可以不去的，毫无疑问，没有任何法律责任。</t>
  </si>
  <si>
    <t>只要没签合同，可以不去呀，只要给公司一个合理的解释，签了合同，就不是很好了。</t>
  </si>
  <si>
    <t>宇宙有边界吗</t>
  </si>
  <si>
    <t>宇宙的边界条件是宇宙没有边界,这样就真正科学地实现了宇宙“无中生有”的场景.</t>
  </si>
  <si>
    <t>茫茫宇宙无边无际，其深邃让人难以想象。</t>
  </si>
  <si>
    <t>无房产证的房子买卖合同有效吗</t>
  </si>
  <si>
    <t>有效。</t>
  </si>
  <si>
    <t>底盘装甲有用吗</t>
  </si>
  <si>
    <t>1、阻隔气候影响，2、防御沙石撞击，3、加强行驶安全，4、为车辆保值，5、提高驾驶舒适度，6、降低油耗，7、具有隔音的作用。</t>
  </si>
  <si>
    <t>底盘装甲的作用有很多，首先就是可以给汽车防腐蚀、防生锈，最重要的是可以不用担心环境的不好，导致一些溅起的石子对汽车底盘造成伤害。最重要的是可以对汽车隔音降噪。</t>
  </si>
  <si>
    <t>壁虎咬人吗</t>
  </si>
  <si>
    <t>壁虎在正常情况下是不会咬人的，若是激怒了小壁虎，它同样是会咬人的。</t>
  </si>
  <si>
    <t>液压椅子会爆炸吗</t>
  </si>
  <si>
    <t>液压不会发生爆炸的，即便有关崩裂也没有多大的力量，声音也不会大的。</t>
  </si>
  <si>
    <t>升降椅子会爆炸。</t>
  </si>
  <si>
    <t>液体没可压缩性，爆炸可能性极小。</t>
  </si>
  <si>
    <t>天津鑫茂润天是培训吗</t>
  </si>
  <si>
    <t>确实是培训机构。</t>
  </si>
  <si>
    <t>我有个朋友就在这家公司，是做手游的公司，听他说公司环境和同事都挺好的！是个正规公司，挺靠谱的！</t>
  </si>
  <si>
    <t>阿里巴巴国际站好做吗</t>
  </si>
  <si>
    <t>越来越不好。</t>
  </si>
  <si>
    <t>效果方面，阿里巴巴过来的客户很多都是数量比较小的客户，大客户也有很多，拼竞争力拼的比较厉害。</t>
  </si>
  <si>
    <t>钉钉定位是全天定位吗</t>
  </si>
  <si>
    <t>除非主动上传位置，或钉钉运营方通过后台留后门进行定位，否则不应该随时定位的可能，也即目前无此功能。</t>
  </si>
  <si>
    <t>不签到时只要不主动把位置分享出去普通人是看不到具体位置的，如果使用特殊手段即使不安装任何软件也可以知道位置。</t>
  </si>
  <si>
    <t>钉钉是一种考勤签到软件，一般会在打卡的时候会调取定位。</t>
  </si>
  <si>
    <t>邢帅教育可靠吗</t>
  </si>
  <si>
    <t>美牙仪有用吗</t>
  </si>
  <si>
    <t>确实还不如一天早晚两次刷牙。</t>
  </si>
  <si>
    <t>真的很有用！</t>
  </si>
  <si>
    <t>色戒 真有做吗</t>
  </si>
  <si>
    <t>当然是假的，毕竟是正规电影，不是岛国爱情动作片。</t>
  </si>
  <si>
    <t>梁朝偉跟湯唯是真做，因為體位、表情什麼都像真的</t>
  </si>
  <si>
    <t>迪丽热巴的男朋友是鹿晗吗</t>
  </si>
  <si>
    <t>雪花秀滋阴适合夏天吗</t>
  </si>
  <si>
    <t>滋阴水任何时候都可以用。</t>
  </si>
  <si>
    <t>飞猪机票靠谱吗</t>
  </si>
  <si>
    <t>还是靠谱的。</t>
  </si>
  <si>
    <t>固定资产可以抵扣进项税吗</t>
  </si>
  <si>
    <t>部分可以抵扣。</t>
  </si>
  <si>
    <t>呼兰大侠案件是真的吗</t>
  </si>
  <si>
    <t>乳房结节能治愈吗</t>
  </si>
  <si>
    <t>手术治疗可以。</t>
  </si>
  <si>
    <t>苹果手机会中病毒和木马吗</t>
  </si>
  <si>
    <t>苹果手机系统相对封闭，相对与安卓来说，病毒非常少，但也存在被病毒感染的可能。</t>
  </si>
  <si>
    <t>脱敏治疗有副作用吗</t>
  </si>
  <si>
    <t>注射法脱敏治疗过程中，常见的副作用为注射处的局部皮肤可有红肿、痒感，但多在几小时内消退。其他的反应尚有激发哮喘、荨麻疹等，但对症处理即可控制。</t>
  </si>
  <si>
    <t>当前来说，脱敏治疗是一个比较安全的方法，就像药物都有副作用一样，有些问题是不可避免都会发生的，但是肯定是在可控制的范围之内。</t>
  </si>
  <si>
    <t>房贷利率折扣是永久的吗</t>
  </si>
  <si>
    <t>房贷利率打折不是永久的。</t>
  </si>
  <si>
    <t>被松鼠咬了需要打针吗</t>
  </si>
  <si>
    <t>你的情况最好及时处理伤口比较好，用自来水或者肥皂水冲洗伤口。 从安全角度来说最好24小时内注射狂犬疫苗，同时可以注射血清疫苗等避免感染。</t>
  </si>
  <si>
    <t>只要被带毒动物比如狗.猫.鼠等啮齿类动物咬伤抓伤或直接舔及破损粘膜就都需要接种疫苗.所谓致伤不是肉眼看的出血或破皮.而是用酒精擦拭伤口.如果有刺痛感就是被致伤.反之就没有.</t>
  </si>
  <si>
    <t>只要有破损的情况出现，即使自身没有流血的情况也是有可能感染狂犬病毒的，因为很多狂犬病毒大多都在动物的唾液中，组织接触容易引起感染的情况发。</t>
  </si>
  <si>
    <t>霍金死了没</t>
  </si>
  <si>
    <t>霍金还没死。</t>
  </si>
  <si>
    <t>32g手机够用吗</t>
  </si>
  <si>
    <t>不够用。</t>
  </si>
  <si>
    <t>32G的存储容量能够满足大部分需求。</t>
  </si>
  <si>
    <t>狗狗都有弓形虫吗</t>
  </si>
  <si>
    <t>一般不该有的，狗和人都是弓形虫的非正常宿主。</t>
  </si>
  <si>
    <t>阴阳师鸦天狗值得培养吗</t>
  </si>
  <si>
    <t>不值得。就算把它练到七八千攻满爆，带出去组队也会被嫌弃。况且R卡成长空间太小。冷门都是那些主力式神毕业了的大佬无聊才练的，老老实实随大流。</t>
  </si>
  <si>
    <t>银行卡不用了需要销户吗</t>
  </si>
  <si>
    <t>一、储蓄卡的话不用了，注销或不注销都可以，不注销也没影响，不会产生欠费也不会影响个人信用；二、信用卡：未开卡激活：未开通的信用卡不用注销也可以，一般不会产生任何费用或影响个人信用的（特定的卡种除外，如有些白金卡即使未开通也要收取费用）；已开卡激活的：不用了应及时申请注销，以免因长期不使用而欠年费，从而影响个人信用。</t>
  </si>
  <si>
    <t>飞机上可以用ipad吗</t>
  </si>
  <si>
    <t>飞机上可以用iPad，请将WiFi功能关掉。</t>
  </si>
  <si>
    <t>真火壁炉能全屋取暖吗</t>
  </si>
  <si>
    <t>真火壁炉通过热对流、热辐射、热传导来实现室内的采暖，壁炉加热均匀，对流的新鲜空气自动调节和改善居室空气质量，取暖方式自然舒适。壁炉除具有舒适的取暖效果外，还具有良好的除湿功能，预防缺钙。特别适合冬季阴冷潮湿的气候环境，非常有利于健康。真火壁炉在取暖方面与空调、地暖具互补性。由于真火壁炉热效率高，局部升温快，能弥补空调及地暖升温慢、需长时间预热、细菌易繁殖、难搞困难等问题，无需在密闭的环境中就可保持很好的取暖效果，是一种非常健康的取暖方式。</t>
  </si>
  <si>
    <t>王子文王凯在一起了吗</t>
  </si>
  <si>
    <t>steam买了游戏可以退吗</t>
  </si>
  <si>
    <t>可以的，不过需要在购买的14天内，游戏时间不超过两小时才行，超过的话只能说是有几率能成功，并且一段时间内不能退款次数太多。</t>
  </si>
  <si>
    <t>毕业论文抄书里的会查重出来吗</t>
  </si>
  <si>
    <t>目前，高校对于硕博士论文,需要通过抄袭检测系统的检测才能算过关。对本科生来说，大部分学校也采取抽查的方式对本科论文进行检测。</t>
  </si>
  <si>
    <t>当然这还要看找的机构是否正规了，正规机构在操作中如果文章审核没通过会指导修改，保证发表成功，如果不成功正规机构会退款；当然，如果是作者自己要求撤稿的话可能就不会退款了。</t>
  </si>
  <si>
    <t>可以，最好每段换些相似的词语，或者改变句子的表述方式。</t>
  </si>
  <si>
    <t>电脑漏洞有必要修复吗</t>
  </si>
  <si>
    <t>电脑都是正版的微软系统，如家庭普通版，那么在购买电脑的第一天你也许就会看得到很多的漏洞，忙着修复。这里需要注意，看清漏洞在修复，360安全卫士提示漏洞是尽量不要进行漏洞的更新，最好要将其忽略，否则电脑会变得越来越卡。</t>
  </si>
  <si>
    <t>漏洞该不该全部修复是一个比较有争议的话题。首先修复漏洞的最大好处就是提高系统安全性，所以这里也只能给出个人观点。个人认为如果是个人用户，建议不修复，除非想尝试官方新增的某些功能 。目前一些简单的杀毒软件完全可以拦截一些常见攻击，再者得确定自己有足够的被攻击价值，而且有一些值得窃取的东西。如果平时只是单纯地拿电脑玩游戏，听音乐，看电影，购物等那么大可忽略那些漏洞，但如果身居要职，负责公司的某重大项目，当然这些得自己权衡了。如果是企业用户或有涉及商业机密或者高商业价值的电脑那肯定得推荐修复。</t>
  </si>
  <si>
    <t>159彩票网是正规的吗</t>
  </si>
  <si>
    <t>不正规。</t>
  </si>
  <si>
    <t>微信清除缓存 是不是聊天记录就没有了</t>
  </si>
  <si>
    <t>是。</t>
  </si>
  <si>
    <t>见过章泽天真人漂亮吗</t>
  </si>
  <si>
    <t>很漂亮。</t>
  </si>
  <si>
    <t>舒张压100严重吗</t>
  </si>
  <si>
    <t>舒张压比较高，这个是问题不是很大，可以进行低盐低脂的饮食应该可以自己控制的。</t>
  </si>
  <si>
    <t>舒张压正常范围是60-90，平静的状态下多次达到100则可以诊断高血压了。</t>
  </si>
  <si>
    <t>目前临界性高血压。这个不能确定高血压病。目前不需要担心和服用药物。</t>
  </si>
  <si>
    <t>杨洋去悟空传探班过吗</t>
  </si>
  <si>
    <t>杨洋探班悟空传 ，网曝杨洋在追求郑爽。</t>
  </si>
  <si>
    <t>车辆损失险需要买吗</t>
  </si>
  <si>
    <t>车辆损失保险属于商业保险。法律没有规定必须要买。</t>
  </si>
  <si>
    <t>枇杷酸放几天会甜吗</t>
  </si>
  <si>
    <t>一般枇杷在没有完全成熟的时候味道会比较酸，所以需要放置3-4天才可以食用，但是枇杷并不是放的越久越甜的，如果已经成熟的枇杷，就只能放二到三天，不然就容易坏，不成熟的枇杷稍微长一点，不过也不要超过10天。</t>
  </si>
  <si>
    <t>任剑辉白雪仙是情侣吗</t>
  </si>
  <si>
    <t>不，只是很好的朋友关系。</t>
  </si>
  <si>
    <t>绿茶伤胃吗</t>
  </si>
  <si>
    <t>绿茶中的茶多酚含量较高，对胃的刺激会明显一些。</t>
  </si>
  <si>
    <t>绿茶刮胃，胃有问题的人一般不要喝绿茶。</t>
  </si>
  <si>
    <t>信用卡有利息吗</t>
  </si>
  <si>
    <t>1、信用卡刷卡消费，并在最后还款日以前还清账单款，没有利息；2、信用卡刷卡消费，并在最后还款日以前没有还清账单款，但还够最低金额，不算逾期，但有利息；3、信用卡刷卡消费，并在最后还款日以前没有还够最低金额，算逾期，加收滞纳金，而且有利息；4、信用卡取现金，并在最后还款日以前还清账单款，不算逾期，但有利息；5、信用卡取现金，并在最后还款日以前没有还清账单款，但还够最低金额，不算逾期，但有利息；6、信用卡取现金，并在最后还款日以前没有还够最低金额，算逾期，加收滞纳金，而且有利息。</t>
  </si>
  <si>
    <t>信用卡是能够享受最长超过五十天的免息时间的，而在这段时间内之前的刷卡金额都不会产生利息。而如果是超过免息期的话，信用卡则产生利息。</t>
  </si>
  <si>
    <t>用信用卡在ATM取现，从取现当日开始计息，每天0.05%；信用还在还款日前未能还清当期欠款，从消费之日开始计息，每天0.05%，不能享受免息期；逾期还款，除了每天0.05%利息外，还有滞纳金；申请的现金分期需要手续费。</t>
  </si>
  <si>
    <t>产假法定节假日顺延吗</t>
  </si>
  <si>
    <t>不能累积顺延假期。</t>
  </si>
  <si>
    <t>法律并无明确规定。</t>
  </si>
  <si>
    <t>产假包含法定节假日，要是产假最后一天是法定节日或者周末，可以再休一天或者节日完。 晚育产假也是产假一种，只不过多休几天而已。</t>
  </si>
  <si>
    <t>人人车买车靠谱吗</t>
  </si>
  <si>
    <t>靠谱。</t>
  </si>
  <si>
    <t>瑞和宝好用吗安全不</t>
  </si>
  <si>
    <t>瑞和宝有着完善的资金周转结构与流程，支付转账是需要通过层层验证，不必担心资金风险问题。</t>
  </si>
  <si>
    <t>艾草和艾蒿一样吗</t>
  </si>
  <si>
    <t>艾叶和蒿草都属于菊科植物，蒿草的学名叫蒌蒿，而艾草学名则为艾蒿，名字相似，都喜欢在田埂地边、池塘边等土壤水分丰富的地方。但细分来看，它们之间最大的区别，就是高度和叶面形态，而且，艾草的生长周期长，从3月份开始，一直可以长到5月，但蒿草过了清明节，也就过了最嫩的时候。</t>
  </si>
  <si>
    <t>艾蒿药用艾叶起温经散寒、调经作用。青蒿为清热截疟药。二者无论是药用植物还是中药药理都不是一回事。不可混淆。</t>
  </si>
  <si>
    <t>艾草，苦蒿，是两种植物，艾草和苦蒿相似有区别，艾草叶相对苦蒿叶稍尖长，植株比苦蒿高，叶背面白色毛更白，两种在一起眼能分清。艾草属温性暖宫圣药，炙穴位可除温镇痛强身，而苦蒿清热除风。</t>
  </si>
  <si>
    <t>查尔斯卡米拉离婚了吗</t>
  </si>
  <si>
    <t>离了。</t>
  </si>
  <si>
    <t>360系统重装大师靠谱吗</t>
  </si>
  <si>
    <t>360系统重装大师不好用。</t>
  </si>
  <si>
    <t>松木家具的气味有害吗</t>
  </si>
  <si>
    <t>松木本身释放的味道也较为浓厚，这种气味是对人体是没有害处。</t>
  </si>
  <si>
    <t>乔家大院能否归还乔家</t>
  </si>
  <si>
    <t>声音难听有办法改善吗</t>
  </si>
  <si>
    <t>青春期还未变声，所以现在的声音和未来的声音本来就不一样。而且音色会是什么样本来就是天生注定的，唯一的办法是说话轻声细语，嗓门不大，这样音色的不足就不会很明显了。切忌故意装嗲或咋咋呼呼，这样会让声音的缺陷更明显。多喝蜂蜜水，少用嗓子，好好保养，至少保持清亮至少不会沙哑，变声期嗓子最容易受伤害。实在还不满意长大可以做削薄声带的手术，通过让声带震动频率提高来使嗓音变细（初中物理应该学过原理）。</t>
  </si>
  <si>
    <t>像声带息肉、声门闭合不全、声带良性肿瘤、声带小节等病理性嗓音问题，确实可以通过声带手术改善嗓音。极小部分因为声带过分紧张而导致“男声女调”的患者，可以通过手术把声带放松，再学会正确发音，嗓音就能获得矫正。如果是共鸣腔、声带长度、厚度等引起的嗓音差异，手术是不能解决问题的。非手术方法是治疗嗓音疾患的重要方法。许多声音嘶哑是由急、慢性喉炎及声带小节等引起的，这些问题使用药物治疗及嗓音保健就能解决。有些人的声音嘶哑是长期滥用声、误用声引起的，这类患者不能简单地通过手术处理，而是要减少用声，保持适当的发音休息。还应在专业人员的指导下，学会正确的发音方法，调整呼吸及发音，充分利用胸腔、喉腔、口腔、咽腔、鼻腔和头颅的共鸣作用，并通过听觉反射不断循序渐进，以求达到最佳发音效果。大部分“男声女调”的患者，在专业医生的指导下，改变发音习惯，降低音调，即可获得男性声音。有些嗓音问题是精神因素引起的，这种情况还同时需辅以心理治疗，才能获得满意的疗效。</t>
  </si>
  <si>
    <t>福建南平是不是很穷</t>
  </si>
  <si>
    <t>GDP若是硬道理，那么泉州最富南平最穷。</t>
  </si>
  <si>
    <t>iseul好不好iseulbeauty</t>
  </si>
  <si>
    <t>用了那个多维精华，感觉吸收满快的。</t>
  </si>
  <si>
    <t>效果不错，一个日本的品牌。</t>
  </si>
  <si>
    <t>ISEUL，是日本维生素科技应用在护肤领域的领导者，核心专利成分VITAMONE™️将17种基础营养：酵母维生素、双极维生素、矿物离子通过科学配比及纳米技术，提升自身细胞抵抗力和抗氧化能力，还原肌肤最初的纯净状态；ISEUL 初颜力量！ISEUL从品牌创立之初，就坚信“极简科学护肤”的理念，将尖端科技运用在维生素上，使其能直达皮肤细胞，为皮肤细胞得到基础养分，大大延缓皮肤衰老现象，所以从08年起就联合韩国FFD研究团队和日本COSMO实验室合作，专注研究维生素与肌肤健康。</t>
  </si>
  <si>
    <t>南非mih是工行控股吗</t>
  </si>
  <si>
    <t>工商银行是mih的间接控股股东之一。</t>
  </si>
  <si>
    <t>国企党群工作部好不好</t>
  </si>
  <si>
    <t>这个工作挺好的，接近领导层，可以更多地了解企业整体状况，了解领导的工作，为自己将来的发展奠定扎实的基础，你还有机会重新作为领导干部下基层。所以你一定要努力学习怎样做领导的知识，包括理论基础和工作方法，还有注意自己的形象，不要把自己等同于一个普通百姓，要严格要求自己，说话、办事都要注意自己的身份。</t>
  </si>
  <si>
    <t>离组织近、能力提升快、政治素养强。</t>
  </si>
  <si>
    <t>梦幻m2真的有那么好吗</t>
  </si>
  <si>
    <t>不一定。</t>
  </si>
  <si>
    <t>控油很经典的就是M2。</t>
  </si>
  <si>
    <t>会计证好考吗</t>
  </si>
  <si>
    <t>会计证说难不难说简单也不简单，只要肯学都可以的。</t>
  </si>
  <si>
    <t>司法考试难吗</t>
  </si>
  <si>
    <t>不算难。</t>
  </si>
  <si>
    <t>37.5度算发烧吗</t>
  </si>
  <si>
    <t>人的正常体温一般是36-37.3度之间，但有些个人特殊人体体温是属于偏低或者稍微偏高体温。只要没有什么症状和其他一些感染，这些情况都是正常的。</t>
  </si>
  <si>
    <t>低热37.3-38；中等度热38.1-39；高热39.1-41；超高热41+。</t>
  </si>
  <si>
    <t>是低热。</t>
  </si>
  <si>
    <t>听诊器可以隔墙听春吗</t>
  </si>
  <si>
    <t>159素食全餐减肥好吗</t>
  </si>
  <si>
    <t>不好。</t>
  </si>
  <si>
    <t>真不错。</t>
  </si>
  <si>
    <t>深圳去香港要签证吗</t>
  </si>
  <si>
    <t>需要。</t>
  </si>
  <si>
    <t>速卖通个人可以开店吗</t>
  </si>
  <si>
    <t>可以，不过需要认证。</t>
  </si>
  <si>
    <t>樱桃核可以种吗</t>
  </si>
  <si>
    <t>收集吃剩了樱桃核。水洗干净。用老虎牙轻轻夹碎外壳。注意别把里面夹烂了，是个技术活，得手巧的人来。去掉外壳，这样的种子才好发芽。否则连壳一起种，基本发不了芽。把种子埋在装好土壤里花盆里，保持土壤湿度，每天浇水。然后就静静地等待发芽。</t>
  </si>
  <si>
    <t>樱桃采收后，将果皮果肉划破取出果核，并以清水洗除附着果核外的果肉，而后将的放在阴凉处晾干1～2日即可播种。播种时将果核直接播在浅盆中，播后约10～30天发芽。待幼苗长至5～250px时，再将它移植于塑胶软盆中。樱桃种子发芽容易，但其发芽并不整齐且有些植株所产生的种子常缺乏具有活力的胚，发芽率常低于30%。实生法达结果年龄较迟，苗株间品质变异大。</t>
  </si>
  <si>
    <t>能种，最好是种樱桃果，在樱桃树根附近种，等长出后再移出。</t>
  </si>
  <si>
    <t>旺铺智能版有必要吗</t>
  </si>
  <si>
    <t>要看各人需要，智能版功能大，但收费高。</t>
  </si>
  <si>
    <t>草图大师好学吗</t>
  </si>
  <si>
    <t>还行。</t>
  </si>
  <si>
    <t>挺好学的。</t>
  </si>
  <si>
    <t>双色球是不是骗局</t>
  </si>
  <si>
    <t>当然是一个骗局了。</t>
  </si>
  <si>
    <t>当然是不可能的，为了保证公平；公正；公开性，只不可能的，而且每次买人数加起来的金额是500万的好几倍，就算每期都中，也不亏钱。所以没必要做成一个忽悠人的。有人中过！这个只是几率小而已。</t>
  </si>
  <si>
    <t>钉钉能查看员工轨迹吗</t>
  </si>
  <si>
    <t>查不到的，只有主动提交了位置信息才会在后台记录到位置信息，其余不会主动暴露的。</t>
  </si>
  <si>
    <t>可以随时查看员工签到记录。</t>
  </si>
  <si>
    <t>尼尔好玩吗</t>
  </si>
  <si>
    <t>facetime要钱吗</t>
  </si>
  <si>
    <t>用 Face Time 来打电话是不收取任何费用的，只收发流量，流量由运营商收取费用。使用 FaceTime 视频通话无需话费，FaceTime 视频通话由于并没有使用通话的网络因此不会收取大家任何的费用，因使用WiFi网络而产生的费用除外。FaceTime 是通过 Wi-Fi 连接的，所以不用担心运营商收费的问题。进行呼叫 FaceTime 的号码可以是手机号码，也可以是苹果的ID号码，不管使用哪一种方式的号码呼叫，都是免费的。FaceTime 在 iOS6之前只允许在链接有 Wi-Fi 的环境进行使用，升级到 iOS6之后，就可以不再受限于 Wi-Fi 网络了，运营商的3G 网络也对 FaceTime 敞开了大门，建议还是在 Wi-Fi 的网络下进行，或者在有更高流量的套餐的前提下可以进行。</t>
  </si>
  <si>
    <t>只要两部都是 iphone 手机，并激活 Facetime，且处于有效的 Wi-Fi 网络下，就可以进行 Facetime 视频通话功能，不分国内国外，不收费。视频通话是算网络应用的，如果用家庭办公室 wifi，不收费，如果用3G，按流量收。</t>
  </si>
  <si>
    <t>走 WIFI 网络的话，不收费。如果是走3G 或者4G 网络，耗费手机卡的流量，除此之外没有其他费用。</t>
  </si>
  <si>
    <t>太阳能充电宝好不好</t>
  </si>
  <si>
    <t>从绿色环保的角度考虑，太阳能移动电源还是不错的，只是实际用处并不大，只能用来应急。因为太阳能充电宝对光照要求较高，一般需要全天候充足光照，多阴雨天气的地区甚至无法使用，比起普通插电型充电宝，靠光能充电，速度也较缓慢。不建议消费者购买此类移动电源。</t>
  </si>
  <si>
    <t>市面上太阳能移动电源款式满多的，D-S8000 太阳能移动电源效果还是可以用的，绿色环保。</t>
  </si>
  <si>
    <t>不实用。光能转化为电能与电能转化为电能也是完全不能比较的，就目前的太阳能产品，其电能转化率平均在15%左右，如果在其他条件都相同的情况下，光充电的效率就远低于线充电。也就是说太阳能充电概念居多，可有可无的功能，没有实际使用价值。</t>
  </si>
  <si>
    <t>宋勉喜欢蓝胭脂吗</t>
  </si>
  <si>
    <t>蓝胭脂和宋勉肯定是互相喜欢的，但不是爱情。</t>
  </si>
  <si>
    <t>宋勉对蓝胭脂没有爱意，所以他保持一定的距离。</t>
  </si>
  <si>
    <t>宋勉不喜欢蓝胭脂，在宋勉心中，军令如山、绝对服从，所以他不得不利用起胭脂的热情，让她替自己以身犯险，后来胭脂和陆毅饰演的周宇浩真心相爱，而宋勉喜欢的是林天沐。</t>
  </si>
  <si>
    <t>22寸行李箱能带上飞机吗</t>
  </si>
  <si>
    <t>不行，要托运。</t>
  </si>
  <si>
    <t>可以在值机的时候问问柜台，管的不严的话或者可以给你带进去。</t>
  </si>
  <si>
    <t>没有问题的，只要不大于60厘米的拉杆箱，都是可以带上飞机的。</t>
  </si>
  <si>
    <t>足底筋膜炎还能跑步吗</t>
  </si>
  <si>
    <t>国学机销售是骗局吗</t>
  </si>
  <si>
    <t>只能说这些并不是真正的国学教育专家，只是一些贴牌的盗版厂商，打着教育的名义，对已购买国学机的用户，不顾不管，孩子在学习过程中需要指导却得不到专家的帮助，以及对孩子学习过程没有专业的售后跟踪指导，所以要选择好的国学机厂商很重要！要说国学机厂商选择攻略其实也不算是攻略，更像是在批斗各种国学机厂商，接下来批斗开始。</t>
  </si>
  <si>
    <t>就是个骗局。</t>
  </si>
  <si>
    <t>国学机是学习国学、陶冶孩子性情的好工具，但要坚持使用才有效果。</t>
  </si>
  <si>
    <t>京东白条可以提前还款吗</t>
  </si>
  <si>
    <t>淋吧癌治疗期间能吃香菇杏鲍菇吗</t>
  </si>
  <si>
    <t>衣联网进货可靠吗</t>
  </si>
  <si>
    <t>衣联网是中国互联网100强企业、全国可信网站示范单位。依托衣联网进货的服装零售店超过60万家，入驻衣联网的服装批发商超过7000家，卖家和买家的 规模均居全行业第一。 衣联网上的实体批发商主要来自十三行、沙 河、白马、虎门等服装批发基地，您可以直接向他们拿一手货。作为全国可信网站示范单位，有健全的保障体系，只要通过衣联收银台付款，您就能得到非常安全的进货保障。</t>
  </si>
  <si>
    <t>还行。衣联网是中国互联网100强企业、全国可信网站示范单位。依托衣联网进货的服装零售店超过79万家，入驻衣联网的服装批发商超过9000家，卖家和买家的规模均居全行业第一，是中国服装批发领域新的领导者。 在衣联网开展直批（服装厂直接向服装店供货）业务的实体商家规模堪称全国之最，其数量已远远超过白马等实体市场。衣联网上的实体批发商主要来自十三行、沙河、白马、虎门等服装批发基地，您可以直接向他们拿一手货。作为全国可信网站示范单位，有健全的保障体系，只要通过衣联收银台付款，您就能得到非常安全的进货保障。</t>
  </si>
  <si>
    <t>不可靠，千万别买，都是垃圾货，付账之前有问必答，付完之后，质量出现问题，都不会理你了，就是欺骗消费者的衣联网，衣服质量也差。</t>
  </si>
  <si>
    <t>苹果手机32g内存够用吗</t>
  </si>
  <si>
    <t>对于喜欢拍照喜欢听歌的人不大够。</t>
  </si>
  <si>
    <t>略显紧张。</t>
  </si>
  <si>
    <t>基本够用了。</t>
  </si>
  <si>
    <t>魔术贴纱窗好用吗</t>
  </si>
  <si>
    <t>好用；魔术贴的，相对简单方便 防风性能好，易清洗；磁铁纱窗安装相对要上钉和钻孔，胶磁铁失去磁性或变型后，防风性能降低，也不方便清洗。</t>
  </si>
  <si>
    <t>薄荷驱蚊效果好吗</t>
  </si>
  <si>
    <t>首先薄荷中含有的薄荷油、薄荷酮和薄荷醇容易被发散，在一定的程度上能将蚊子驱散。其次薄荷中还含有驱虫精油，这种精油气味十分温和，对人体是无害的。因此能够被当做室内用的驱虫阔香，在夏天用来喷洒或熏香的效果最为明显。</t>
  </si>
  <si>
    <t>薄荷的驱蚊效果不好，基本上只有香味效果。</t>
  </si>
  <si>
    <t>pmp续证 有必要吗</t>
  </si>
  <si>
    <t>为了保证证书的有效性，续证还是很有必要的。</t>
  </si>
  <si>
    <t>不一定，这个要看本身情况，不过建议还是续证。</t>
  </si>
  <si>
    <t>远程教育证书有用吗</t>
  </si>
  <si>
    <t>有用的。</t>
  </si>
  <si>
    <t>十渡火车站离景区远吗</t>
  </si>
  <si>
    <t>不远。驾车路线：全程约7.7公里。</t>
  </si>
  <si>
    <t>2017年异地同行取款要手续费吗</t>
  </si>
  <si>
    <t>2017年1月1日起同行异地存取现与转账全免费。</t>
  </si>
  <si>
    <t>豆沙色口红适合黄皮吗</t>
  </si>
  <si>
    <t>豆沙色是提升气场神器，更重要是不挑皮肤，黄皮肤用了显白。</t>
  </si>
  <si>
    <t>不适合，涂了等于没涂。</t>
  </si>
  <si>
    <t>订婚后可以睡一起吗</t>
  </si>
  <si>
    <t>看你们的关系怎么样，如果关系很亲密，那就不要在意太多。前提是你们决定成婚。还有父母长辈在，你可以问问他们的意见，不过女孩要会保护自己。</t>
  </si>
  <si>
    <t>奶粉排行榜10强第一是合生元吗</t>
  </si>
  <si>
    <t>十大国产奶粉品牌第一位：伊利。</t>
  </si>
  <si>
    <t>信用卡还多了,可以取出现金来吗</t>
  </si>
  <si>
    <t>1、如果多还的金额已经抵扣了卡上的全部欠款（包括已出账单和未出账单），则多的这部分属于溢缴款，可以取出，无影响，当然也用不早还。在信用卡开户行所在省内的建行网点或ATM取信用卡上的溢缴款就免收取现手续费。2、如果未出账单上已经有新增交易，多还的款抵扣了未出账单后没有多余的，则不建议取现，因为此时取现属于透支取现，会产生手续费和利息。境内取现手续费是取现金额的0.5%，最低2 元，最高50 元人民币。从取现入账日起按日息万分之五计算利息，按月计收复利。</t>
  </si>
  <si>
    <t>蓝猫好养吗</t>
  </si>
  <si>
    <t>猫好不好养并不归功于猫的品种，比如有些猫天生就爱闹，但有些猫温温顺顺的，只要给他一个舒适的环境，他就很乖了，俄罗斯蓝猫喜欢安静，在我看来没有哪只猫好养。</t>
  </si>
  <si>
    <t>醋吃多了对身体有害吗</t>
  </si>
  <si>
    <t>不仅伤筋，对于骨骼虚弱、有肠胃宿疾的人也不宜多喝醋。</t>
  </si>
  <si>
    <t>maxisize 有效果吗</t>
  </si>
  <si>
    <t>假的，就是一管润滑液。</t>
  </si>
  <si>
    <t>低压50正常吗</t>
  </si>
  <si>
    <t>成年人的正常血压范围是：收缩压90-140毫米汞柱，舒张压60-90毫米汞柱。你的舒张压是50毫米汞柱，低于正常水平，建议去医院多测试几次。</t>
  </si>
  <si>
    <t>这是低血压。</t>
  </si>
  <si>
    <t>孕妇能吃红枣吗</t>
  </si>
  <si>
    <t>答案是肯定的。红枣营养丰富、性平味甘，是很好的滋补营养品有改善虚弱体质、滋补神经、补血安神、养胃健脾、补中益气等功效，对孕妇非常有好处。另外，红枣还能提高孕妇免疫能力，避免生病时服用药品影响胎儿的健康。所以，孕妇能吃红枣。</t>
  </si>
  <si>
    <t>呼吸37度孕妇能用吗</t>
  </si>
  <si>
    <t>可以用。</t>
  </si>
  <si>
    <t>欧洲人有单眼皮吗</t>
  </si>
  <si>
    <t>单眼皮是隐性遗传基因，只有父母都是该隐性基因的携带者才有可能生出单眼皮的后代．如果父母都是单眼皮，子女必是单眼皮；如果父母有一个单，一个双，那么如果那个双的是显性的（不含隐性基因），肯定生双眼皮的，如果那个双的是隐性的，则有1／2的概率生单的；如果父母都是双眼皮，那么只有父母都带有隐性基因才有1／4的概率生单眼皮的．人类不同人种间的遗传基因99．9％都是相同的，所以外国人肯定有单眼皮。</t>
  </si>
  <si>
    <t>消费贷款影响房贷吗</t>
  </si>
  <si>
    <t>影响。</t>
  </si>
  <si>
    <t>不会影响房贷。</t>
  </si>
  <si>
    <t>中国一重会退市吗</t>
  </si>
  <si>
    <t>中国一重股票并非不可退市，如果达到退市条件一样是要退市的。</t>
  </si>
  <si>
    <t>中国一重作为国家重要的重工业央企 ，担负着很多重大项目建设， 不能简单的用赚钱， 赔钱来衡量， 就好比中国远洋， 即使亏再多 ，也不能退市。</t>
  </si>
  <si>
    <t>公积金余额可以做首付吗</t>
  </si>
  <si>
    <t>章光101是骗局吗</t>
  </si>
  <si>
    <t>章光没用，骗子。</t>
  </si>
  <si>
    <t>章光101是最大的骗子。</t>
  </si>
  <si>
    <t>只是个骗子。</t>
  </si>
  <si>
    <t>北京商住房卖不出去吗</t>
  </si>
  <si>
    <t>政策就是卖不了。</t>
  </si>
  <si>
    <t>端午节银行上班吗</t>
  </si>
  <si>
    <t>节假日、双休日银行各营业网点正常上班，机关管理人员放假、公营业务双休日不办理。国有银行个人储蓄业务全年365天都要营业，节假日、双休日公营业务停止营业。营业时间早上9：00到下午5：00。</t>
  </si>
  <si>
    <t>有的。节假日银行网点轮休制。小的支行基本会休假。大的分行营业部基本都是上班的。</t>
  </si>
  <si>
    <t>银行正常的上班时间表如下：全年365天，天天营业。营业时间是周一到周五：上午8点半到下午5点，中午会关闭部分窗口；周六周日是从上午9点半到下午4点，不提供对公业务办理。双休日、节假日各营业网点照常营业，储蓄业务和个人业务正常开展，营业时间按照节假日营业时间安排。双休日、节假日银行机关和管理人员放假，不开展公营业务。</t>
  </si>
  <si>
    <t>邛崃天台山封山了吗</t>
  </si>
  <si>
    <t>对，已经封闭了，要等明年才开放了。</t>
  </si>
  <si>
    <t>餐费补贴要不要算个税</t>
  </si>
  <si>
    <t>需要计入工资薪金收入。对于全体员工发放的餐补是要合并工资薪金交税的，因特殊原因个别的午餐补助才是可以免税的。</t>
  </si>
  <si>
    <t>京东实名认证安全吗</t>
  </si>
  <si>
    <t>京东肯定安全。</t>
  </si>
  <si>
    <t>安全的，现在实名认证已经是一种趋势了。</t>
  </si>
  <si>
    <t>王者荣耀电脑可以玩吗</t>
  </si>
  <si>
    <t>可以，通过电脑模拟器来实现。</t>
  </si>
  <si>
    <t>安卓32g够用吗</t>
  </si>
  <si>
    <t>够用，实在不够搞个二合一的卡。</t>
  </si>
  <si>
    <t>1、如果是学生的话，16g肯定不够，可以买32G或者64G的，因为学生可能要存自己的学习资料还有电影什么的，如果是女生的话还有每天几百张的自拍张，也得需要空间来存储，个人推荐32G足够用了。2、商务人士，推荐使用64G，经常要给客户演示视屏或PPT、Excel、Word还有各种商务材料，这个大小最够，当然商务人士一般都比较任性，经济方面允许的话，当然是越大越好。3、IT人士，推荐64G足够，当然有钱任性也行，越大越好。</t>
  </si>
  <si>
    <t>成人社交 app 靠谱吗</t>
  </si>
  <si>
    <t>不靠谱，有很多骗局。</t>
  </si>
  <si>
    <t>gpl智能合约是骗局么</t>
  </si>
  <si>
    <t>合法，有国家批准的红头文件，有实体托底。上海浙商副会长领头，收益合理，域名有备案在国内。</t>
  </si>
  <si>
    <t>cc皮肤管理器会封号吗</t>
  </si>
  <si>
    <t>1、不建议使用第三方皮肤插件，否则可能会导致被封号。 2、可以前往英雄联盟客户端商城购买官方皮肤使用。</t>
  </si>
  <si>
    <t>曾用过一个换肤软件，第一次用不封号，第二次用封了三天。</t>
  </si>
  <si>
    <t>择天记圣后死了吗</t>
  </si>
  <si>
    <t>死了。</t>
  </si>
  <si>
    <t>算死了吧。</t>
  </si>
  <si>
    <t>qq钱包提现要手续费吗</t>
  </si>
  <si>
    <t>qq提现是免手续费的。</t>
  </si>
  <si>
    <t>大连大宗商品是骗局吗</t>
  </si>
  <si>
    <t>转转验机靠谱吗</t>
  </si>
  <si>
    <t>转转验机非常靠谱，骗子都不敢走转转验机，去转转看就知道了，好多骗子写着支持验机，你一问就说只支持同城面交，就是知道面交买家不可能发现他的机器有什么暗病，但是验机就不一样了，会拆机器验的。</t>
  </si>
  <si>
    <t>杭州晖硕是培训公司吗</t>
  </si>
  <si>
    <t>培训机构。杭州晖硕信息技术是一家致力于技术开发，和电商服务的互联网技术公司。为客户提供技术支持、方案解决、教育培训等服务，并与中国Google大学合作，多次获得浙江省科学技术厅、杭州市科学技术委会认证。晖硕信息研发了自己的营销系统和技术研发体系，创办了杭州晖硕教育科技有限公司，培育我培训IT技术，并斥资打造了“有码”微信运营平台，致力于电商服务。</t>
  </si>
  <si>
    <t>杭州晖硕公司，以招聘为名招培训，不管你多优秀，都会推荐你培训。我是从BOSS直聘是被忽悠过去的，本身认为BOSS上应该好点，现在看看要求，确实是个不折不扣的培训。如是写到是把，考核合格签订劳动合同，起薪不低于5500，关于这个我手上有截图。还有他们公司实际很多岗位是不招的。至于他们的培训水平，我当时被骗的是WEB前端，反正老师水平是很差，我一个刚刚毕业的，也好意思说很多东西比她清楚。然后就是所谓的就业推荐。我是去年6月份受骗的，也算是去年年底结束的培训。同期的人跟我说他们收到了年后有工作推荐的电话，反正年后他们是没有收到。如果你不自己过去，他们根本不可能给你推荐，也没有实际的合作单位，他们为非是包装简历，他们给你间接投递。最后一点，这公司名声已经很差，毕竟为了钱，不择手段。已经搞了个杭州北昂跟杭州也行当下个路子了。望大家注意。</t>
  </si>
  <si>
    <t>杭州晖硕是一家科技型公司，总部位于杭州拱墅区乐富智汇园。杭州晖硕目前主要经营app定制，IT技术培训，技术服务。经营范围:计算机软硬件、网络技术、通信设备的技术开发、技术咨询、技术服务、成果转让；计算机系统集成；计算机网络工程的设计、施工；企业管理咨询；会议会展服务；市场营销策划；广告的设计、制作、代理、发布（除网络广告的发布）。</t>
  </si>
  <si>
    <t>土拨鼠可以当宠物吗</t>
  </si>
  <si>
    <t>如果你居住空间太小没有条件供猫猫狗狗活动，或者害怕被抓伤咬伤，那么就选择体型巧性温柔土拨鼠吧。</t>
  </si>
  <si>
    <t>土拨鼠其实最好别养，它爱咬人，还跑的很快、一旦跑了就很难抓住。</t>
  </si>
  <si>
    <t>ele面膜有激素吗</t>
  </si>
  <si>
    <t>天猫支付宝可以转账到个人支付宝吗</t>
  </si>
  <si>
    <t>可以转账， 填写好收账人支付宝账号，按步骤即可成功转账。</t>
  </si>
  <si>
    <t>肝血管瘤能自愈吗</t>
  </si>
  <si>
    <t>肝血管一般不能自愈。</t>
  </si>
  <si>
    <t>过期的茶叶还能喝吗</t>
  </si>
  <si>
    <t>过期了的话最好就别喝了。因为茶叶过期了，就会慢慢湿润，产生很多霉菌，里面的成分就会改变，营养价值也流失了。如果把过期的茶叶进行冲泡，浸泡在水里，温度下降之后，细菌就会腐蚀泡烂了的茶叶，产生微生物，对人体的健康存在威胁。所以，过期的茶叶最好就不要喝。</t>
  </si>
  <si>
    <t>茶叶属干制再泡食品，不存在过期问题，但存在变质问题！（受潮就会长毛）如果是袋装的茶叶，密封的好，还是可以喝国家对食品都要求注明“保质期”期限，虽然是茶叶，但也会有保质期。</t>
  </si>
  <si>
    <t>微信4.5版本还能用吗</t>
  </si>
  <si>
    <t>现在都更新了，旧的版本都替换了，用不了得。</t>
  </si>
  <si>
    <t>从7.11微信就强制升级了，下载了旧版本，都会闪退的。</t>
  </si>
  <si>
    <t>咻一咻抢红包是真的吗</t>
  </si>
  <si>
    <t>假的，凑足500红包依然不能提现。</t>
  </si>
  <si>
    <t>香港怪谈有死过人吗</t>
  </si>
  <si>
    <t>可能是假的，但是也有可能是真的，信就有，不信就没有。</t>
  </si>
  <si>
    <t>中国有僵尸出现过吗</t>
  </si>
  <si>
    <t>在丧葬仪式的时候,听到棺椁里有奇异的声响，不同的人听到的不同，古人称为尸变，或是炸尸，也就是僵尸了，僵尸是不是存在，是。但是咬人，走路，会法术的僵尸迄今为止还没有那个考古人员有发现过。</t>
  </si>
  <si>
    <t>世界上根本就没有僵尸 ，不管近代古代。</t>
  </si>
  <si>
    <t>诶茵诶到底有没有效果</t>
  </si>
  <si>
    <t>属于传销的一种，但却是真实可信的，产品效果不错。</t>
  </si>
  <si>
    <t>使用过的人会很清楚诶茵诶效果真的很好，用过后整个人都舒服了很多，而且还能起到减肥的效果。</t>
  </si>
  <si>
    <t>云联惠的模式违法吗</t>
  </si>
  <si>
    <t>合法的。</t>
  </si>
  <si>
    <t>是一种欺诈行为。</t>
  </si>
  <si>
    <t>奶啤 含酒精吗</t>
  </si>
  <si>
    <t>奶啤含有一定量的酒精。</t>
  </si>
  <si>
    <t>唐筛看男女准吗</t>
  </si>
  <si>
    <t>孕期进行唐筛检查时，最主要的目的是看宝宝是否是唐氏儿。一般情况下，b-HCG的MOM值若是少于0.4的话，胎儿的性别一般是属于男性，要是这个值在1.0以上，那么就更有可能是怀上小公主了。</t>
  </si>
  <si>
    <t>1、当AFP的mom值大于1，且hcg的mom值小于0.5时是男孩。2、当AFP的mom值小于1，且hcg的mom值大于1时是女孩。3、当HCG的值在0.5和1之间，AFP大于1则是男孩，AFP小于1是女孩。</t>
  </si>
  <si>
    <t>手机护眼模式有用吗</t>
  </si>
  <si>
    <t>护眼模式对眼睛的保护能力相对有限。</t>
  </si>
  <si>
    <t>新车第六年需要上线吗</t>
  </si>
  <si>
    <t>第六年是需要上检车线的。</t>
  </si>
  <si>
    <t>跑滴滴快车赚钱吗</t>
  </si>
  <si>
    <t>前年和去年上半年很挣钱，现在一般了。</t>
  </si>
  <si>
    <t>不赚钱。</t>
  </si>
  <si>
    <t>宫颈息肉手术疼不疼</t>
  </si>
  <si>
    <t>手术不痛，因为小而浅的宫颈息肉可以直接摘除，无需麻醉，但宫颈本身不具神经，无痛觉，若有大而深的息肉，医生会麻醉，因此无需担心疼不疼的问题。</t>
  </si>
  <si>
    <t>脚贴排毒有用吗</t>
  </si>
  <si>
    <t>不可以排毒，只是利用人体足底出汗，与足贴中的淀粉粒发生反应，只要遇水就会如此，变油变黑只是假象。</t>
  </si>
  <si>
    <t>有作用的。</t>
  </si>
  <si>
    <t>全自动赚钱系统充值198成vip是真的吗</t>
  </si>
  <si>
    <t>这个软件铁定是骗子。</t>
  </si>
  <si>
    <t>八九不离十是骗人的。</t>
  </si>
  <si>
    <t>右脑开发真的是骗局吗</t>
  </si>
  <si>
    <t>不是的，我在这里学过，真的可以波动速度，我一个学得好的同学一秒一页两本书，抽页复述，不过需要正确的方法，勤奋的练习。不然的话有不少人也是练不成的。另外一定要18岁以下的时候开始训练。</t>
  </si>
  <si>
    <t>现在确实存在着右脑开发的课程，右脑开发到不是个骗局，关键是有些机构打着右脑开发的旗号去行骗就需要警惕了，所以选择的时候要慎重。</t>
  </si>
  <si>
    <t>樱桃子可以种吗</t>
  </si>
  <si>
    <t>是可以种的。</t>
  </si>
  <si>
    <t>桑叶是中药吗</t>
  </si>
  <si>
    <t>桑叶，中药名。是桑科植物桑的干燥叶，又名家桑、荆桑、桑椹树、黄桑叶等，全国大部分地区多有生产，桑叶提取物脱氧野尻霉素与葛根提取类黄酮物质结合形成一种新物质——洗胰清糖素，适合用于治降血糖、血脂、抗炎等作用。蚕的主要食物。完整叶片呈或宽卵形，长约15厘米，宽约10厘米，叶柄长约4厘米，叶片基部心脏形，顶端微尖，边缘有锯齿，叶脉密生白柔毛。老叶较厚黄绿色。嫩叶较薄，暗绿色。质脆易，握之扎手。气淡，味微苦涩。药用一般认为霜后采者质佳。到2014年，有人将桑叶的芽头做成了菜式，而使桑叶有了食疗的价值，因其桑叶的芽头营养价值丰富而被大众喜爱，被现代人称为桑芽菜。又以南浔辑里村，国丝文化园的桑树芽最为出众，考虑到穿珠湾水的灌溉，其桑叶芽的微量元素比一般桑芽的要高出很多。</t>
  </si>
  <si>
    <t>桑叶是一种植物，用途较广，可以食用，也可以用来制作药物，我国很多地方都有，除了药理作用和美容作用之外，桑叶还能作为不错的食品食用，也可以用来泡茶。</t>
  </si>
  <si>
    <t>【中药名】桑叶 sangye【别名】冬桑叶、霜桑叶。【英文名】Mori Folium。【来源】桑科植物桑Morus albaL.的叶。</t>
  </si>
  <si>
    <t>兴动麻将作弊器好用吗</t>
  </si>
  <si>
    <t>好用。</t>
  </si>
  <si>
    <t>36岁生二胎好不好</t>
  </si>
  <si>
    <t>注意本人的身体素质即可，其他方面没什么不好，36岁生育二孩现在来说很常见，40几岁再生育的也不少，经济方面比以前宽裕，有好处。</t>
  </si>
  <si>
    <t>36不算大，就是畸形率高一点，但是在前期检查都能检查出来。</t>
  </si>
  <si>
    <t>没问题的，我们小区38岁还有生第一胎的，孩子很健康。</t>
  </si>
  <si>
    <t>高层有蚊子吗</t>
  </si>
  <si>
    <t>有的。</t>
  </si>
  <si>
    <t>一般来说，10层往上就基本不会有蚊子了，最重要的是夏天的时候你的住宿的地方不要有垃圾，注意卫生，蚊子就很少光顾了。</t>
  </si>
  <si>
    <t>百家号视频有收益吗</t>
  </si>
  <si>
    <t>遵照《百家号视频发布规范指导》发布视频，都将获得视频收益。</t>
  </si>
  <si>
    <t>iphone6s有32g吗</t>
  </si>
  <si>
    <t>iPhone632G 已经上市了 在第三方网站可以买 价格为3399元 苹果官网可以查已经买了 官网以认证 可以去官网点开技术支持就可以查到了输入序列号就可以了。</t>
  </si>
  <si>
    <t>有的，刚线上。</t>
  </si>
  <si>
    <t>新增32GB版本，并将于9月9日正式开卖。其目前在国内官网已经上架，并下架了16GB和64GB的版本。具体售价方面，32GB版本的iPhone 6s售价4588元，128GB版本则为5388元；而6s plus的32GB则为5388元，128GB版为6188元。</t>
  </si>
  <si>
    <t>身份证可以在异地补办吗</t>
  </si>
  <si>
    <t>今年7月1日起，公安部将在全国范围实施身份证异地受理、挂失申报和丢失招领工作。目前，全国共设立居民身份证异地受理点13800多个，其中北京、天津、吉林、上海、安徽、福建、广东、陕西等地在辖区内所有派出所均设立了身份证异地受理点。</t>
  </si>
  <si>
    <t>农行安心得利亏损过吗</t>
  </si>
  <si>
    <t>农行目前为止卖的所有理财产品都没有亏损过而且都是按照预期收益全额兑付的，四大行的理财产品还是有保障的，就是收益太低了。建议考虑下招行或者其他行的理财，有能力的话做下其他投资，只买银行理财真心的收益不高。</t>
  </si>
  <si>
    <t>农行推出的理财产品除了一款与黄金挂钩的理财在去年亏本了，其他理财都能保证收益。高风险高收益，理财利息一般也就5%左右吧，低收益伴的是低风险。</t>
  </si>
  <si>
    <t>注册微信公众号要钱吗</t>
  </si>
  <si>
    <t>现在来说申请一个微信公众账号不需要任何费用。</t>
  </si>
  <si>
    <t>微信公众号的申请，使用，都是免费的。如果是营业执照申请的，认证时候收费300。</t>
  </si>
  <si>
    <t>体检可以用医保卡吗</t>
  </si>
  <si>
    <t>健康体检的费用是不进入医保的，所以不能刷医保卡。</t>
  </si>
  <si>
    <t>在医保定点医院门诊体检是可以用医保卡的，用你的医保卡里个帐来付体检费即可。</t>
  </si>
  <si>
    <t>过期茶叶能喝吗</t>
  </si>
  <si>
    <t>过期了的话最好就别喝了。</t>
  </si>
  <si>
    <t>所有茶，只要不受潮发霉，过了保质期，都依然可以饮用。</t>
  </si>
  <si>
    <t>试管婴儿能决定男女吗</t>
  </si>
  <si>
    <t>做试管婴儿可以选择性别。</t>
  </si>
  <si>
    <t>公积金卡可以当储蓄卡用吗</t>
  </si>
  <si>
    <t>护膝有用吗</t>
  </si>
  <si>
    <t>有用.</t>
  </si>
  <si>
    <t>千万不要选择带护膝跑步，这个办法只能让你的的股四头肌越来越少，因为跑步时需要大腿去支撑的一部分力量由护膝代替，不利于肌肉的发展。当然了如果你有膝关节韧带方面的疾病，那戴上护膝就能有效保护膝关节，但也不主张天天都戴，只是在需要的时候。</t>
  </si>
  <si>
    <t>win10需要装nvme驱动吗</t>
  </si>
  <si>
    <t>到微软官网下载个WIN10官方引导，装在U盘里面，然后U盘启动。自带NVME驱动。</t>
  </si>
  <si>
    <t>美皮护能治疗色素沉着吗</t>
  </si>
  <si>
    <t>效果甚微。</t>
  </si>
  <si>
    <t>浙江温岭富裕吗</t>
  </si>
  <si>
    <t>温岭人太富裕了。</t>
  </si>
  <si>
    <t>京东网购可以分期付款吗</t>
  </si>
  <si>
    <t>1、京东白条2、信用卡支付之后，在信用卡里分期还款。以下是具体步骤：第1步：在商品页，点击【白条支付】区域。第2步：选择合适的分期数。第3步：点击【立即激活】。第4步：根据提示填写相关信息。第5步：选择需要打白条的银行卡，或者添加新的银行卡。第6步：输入银行预留手机号，即可完成激活。信用卡分期步骤：第一步：选择【快捷支付】或【京东支付】。第二步：如果默认的银行卡是信用卡，可以直接支付。不是的话，点击银行卡。第三步：选择需要付款的信用卡。第四步：点击【立即支付】即可。</t>
  </si>
  <si>
    <t>看网站有教程,要签一个协议什么的,就是你银行卡必须有大与未付手机款的钱,在付完款前是不能取出来滴!分期付款有利息的,比原价贵不少,建议你不要用分期付款。</t>
  </si>
  <si>
    <t>买的时候支付的时候会提示你可以，可以分多少期限都可以，打白条的时候有。</t>
  </si>
  <si>
    <t>visa能在国内用吗</t>
  </si>
  <si>
    <t>没法用。</t>
  </si>
  <si>
    <t>消毒柜放在燃气灶下面好吗</t>
  </si>
  <si>
    <t>不安全。灶具下面不适合放消毒柜，因为灶具是发热的，而消毒柜是电器，所有的电器化产品长时间受热，对电器本身老化比较快。</t>
  </si>
  <si>
    <t>这个是安全的，不会有什么危险的。</t>
  </si>
  <si>
    <t>追女孩子要天天联系吗</t>
  </si>
  <si>
    <t>最好不要。</t>
  </si>
  <si>
    <t>异地的话要经常联系。</t>
  </si>
  <si>
    <t>天天联系可以。</t>
  </si>
  <si>
    <t>京东取消订单优惠券会退还吗</t>
  </si>
  <si>
    <t>订单取消后，如果不存在子订单，优惠券会在24小时之内退回。如果是有子订单，且没有一起取消，优惠券不退回。</t>
  </si>
  <si>
    <t>会退回来，之前取消过一次第三方卖家的订单，优惠券被原样退回了。不放心的话，可以在退之前再咨询一下客服。</t>
  </si>
  <si>
    <t>孕妇穿防辐射服有用吗</t>
  </si>
  <si>
    <t>起不到防护作用。</t>
  </si>
  <si>
    <t>防辐射服是有用的。</t>
  </si>
  <si>
    <t>防辐射服理论上是有用的。</t>
  </si>
  <si>
    <t>老司机91网址换了吗</t>
  </si>
  <si>
    <t>换了。</t>
  </si>
  <si>
    <t>没换。</t>
  </si>
  <si>
    <t>盆腔炎能治好吗</t>
  </si>
  <si>
    <t>三国演义的刘禅傻吗</t>
  </si>
  <si>
    <t>刘禅其实并不傻，虽然不是一个聪明有为的君主，也不是一个完全懦弱无能的人，他起码拥有中等的智慧。</t>
  </si>
  <si>
    <t>不傻，而且很厉害！</t>
  </si>
  <si>
    <t>不傻，因为刘禅是史上投降退位后活得最久的皇上并且是安乐而死。</t>
  </si>
  <si>
    <t>dnf制裁秒淘宝能解么</t>
  </si>
  <si>
    <t>制裁解不了的。</t>
  </si>
  <si>
    <t>dnf用同步器会封号吗</t>
  </si>
  <si>
    <t>以前用过，不封。</t>
  </si>
  <si>
    <t>用的太厉害肯定会被封的，要不不会。</t>
  </si>
  <si>
    <t>心肌炎有后遗症吗</t>
  </si>
  <si>
    <t>1、心脏早搏：通常急性病毒性心肌炎患者在急性期经过正规治疗后，不会有严重的后遗症，但约有一半的人会发生早搏。且在下次感冒后早搏会复发甚至增多，当然，若早搏只是偶然发作，则不做处理也不影响生活及健康。患者不必为之恐惧或担忧。如部分患者频发早搏则经适当抗心律失常药物治疗后，早搏可消失或明显减少，症状也会逐渐减轻或消失。2、心肌缺血：心脏的血液灌注减少，导致心脏的供氧减少，心肌能量代谢不正常，不能支持心脏正常工作的一种病理状态。一旦出现心肌缺血，应找准病因对症治疗，才可避免潜在的严重后果。3、心律失常：这是许多人会出现的一个状况，但须注意的是，有的心律失常并不一定是心肌炎引起的，所以，一定要查明原因。</t>
  </si>
  <si>
    <t>心肌炎的治疗，急性期建议静点极化液等一到两周,卧床休息1-3个月，口服药物3个月到半年，限制运动一年左右。药物可以应用荣心丸，辅酶Q10，果糖，维生素C等/心肌炎的治疗要有信心绝大部分心肌炎患者都可以痊愈，部分会遗留后遗症，只有很少的患者发展为慢性或者扩张型心肌病。</t>
  </si>
  <si>
    <t>移动流量可以转赠吗</t>
  </si>
  <si>
    <t>1、打开app，没登录的可以先登录，采用动态密码的方式登录也是可以的2、登录完毕后，可以到自己的一些信息，如余额、剩余流量等，也可以查询其它方面的的信息，这里点进流量管家选择项4、在流量管家里面，可以看到细分了各种流量的情况，包括国内通用流量，4G流量、闲时流量等，能区分就区分吧，这里不细说5、点选右上角三个点的位置，弹出一个对话框，在这里就可以看了转赠流量的选项了！因为我这里办理了，所以显示会有点不一样6、如果没开通过的，就会一个开能说明，内容图片所示，需要注意的是如果要转赚给他人需要5元的功能费，且最多4人的限制，同时赠送的流量只能是它指的流量才能赠送给他人使用7、在app上根据软件的提示操作即可，输入你所要赠送人的号码，选择所需赠送的流量等级，然后开启即可，同时会短信提示8、完成后，可以看赠送人所使用的流量情况，也可以对赠送的流量进行修改设置，更可以在添加更多的赠送人，需要注意首次使用半小时生效，后面的再设置修改都需要下个月1日才能生效了。</t>
  </si>
  <si>
    <t>1、首先先用百度搜索移动官网，进入移动官网。2、进入官网之后看到上边有个登入选项，点击进入登入界面。3、输入自己的手机号和密码进行登入。4、登入后进入首页，在首页那看到有个网上营业厅，点击进入网上营业厅界面。5、进入网上营业厅界面后，找到办业务，将鼠标移到办业务那，便可看到一个小框，找到流量求赠与赠予，点击进入即可。6、进入后看到上边有流量赠予与流量求赠，还有个输入手机号框，根据自己的需要进行设置。</t>
  </si>
  <si>
    <t>档案回生源地好不好</t>
  </si>
  <si>
    <t>一般国家正式干部对档案比较重视，其他无所谓了，回生源地就是回老家，到当地人社局人才中心办理，交钱然后又个调档函，就把档案拿回来了，需要本人亲自拿走，不可以丢失。</t>
  </si>
  <si>
    <t>一般进国企、事业单位才需要档案，进私企档案基本用不到，但必须要保管好，以后用到时方便调转，打回户籍地可以长期免费保存，调转也容易。</t>
  </si>
  <si>
    <t>a1699是全网通吗</t>
  </si>
  <si>
    <t>是全网通。</t>
  </si>
  <si>
    <t>宫腔镜手术要住院吗</t>
  </si>
  <si>
    <t>一般是需要住院5-7天的时间，具体是因人而异的。</t>
  </si>
  <si>
    <t>在门诊就可以做宫腔镜的，不需要住院。</t>
  </si>
  <si>
    <t>dnf2.0公约充钱解毒吗</t>
  </si>
  <si>
    <t>心悦三解毒嗷嗷叫。</t>
  </si>
  <si>
    <t>月球上有外星人吗</t>
  </si>
  <si>
    <t>直到目前，还没有在月球上发现过有生命活动的迹象。这就是月球上有无外星人的结论。</t>
  </si>
  <si>
    <t>iphone6用ios10卡吗</t>
  </si>
  <si>
    <t>苹果5S都不会卡，可以放心升级。</t>
  </si>
  <si>
    <t>内存够的话不卡，总体流畅性比9好多了。</t>
  </si>
  <si>
    <t>那是肯定不会卡的，ios10针对6s有优化。</t>
  </si>
  <si>
    <t>红楼梦张莉是杀人犯吗</t>
  </si>
  <si>
    <t>不是，红楼梦里的张莉现在是一个很厉害的商人。</t>
  </si>
  <si>
    <t>香港有人敢动陈惠敏吗</t>
  </si>
  <si>
    <t>当然有。</t>
  </si>
  <si>
    <t>不是不敢，是没必要。</t>
  </si>
  <si>
    <t>lol不能改名了吗</t>
  </si>
  <si>
    <t>英雄联盟召唤师名称在你第一次登入游戏，给自己的召唤师起过名字以后是无法更改的。但是官方提供了一种方式更改：1、打开英雄联盟商店；2、选择左侧的其他选项；3、右侧出现一个改名卡，需要4900点卷;我们买了以后就可以使用。</t>
  </si>
  <si>
    <t>商城里面有改名卡，可以改。</t>
  </si>
  <si>
    <t>太仓限购吗</t>
  </si>
  <si>
    <t>户籍限购政策，首付比例限购政策。</t>
  </si>
  <si>
    <t>lpk.dll一定是病毒吗</t>
  </si>
  <si>
    <t>是木马病毒，建议：在安全模式下选用其木马专杀。</t>
  </si>
  <si>
    <t>感觉不像病毒，怀疑有病毒影响，只需使用360安全卫士快速查杀，3－5分钟即可知道结果。百度一下360安全卫士，从头条链接下载。</t>
  </si>
  <si>
    <t>这是一个盗号木马，其感染Drix的相关文件并加载起来，一旦杀毒软件删除被感染的文件，就会导致相关组件缺失，游戏及浏览器等常用软件运行不起来。此时如果用户自行下载一个版本不对的文件手工修复是不太安全的，最好使用权威安全软件修复此问题。建议下载最新版的360系统急救箱恢复丢失的DLL文件，下载后，打开程序，点击开始急救等出现“引擎初始化完成”字样后点击“恢复丢失的DLL文件”，立即修复即可。</t>
  </si>
  <si>
    <t>chinaren同学录还有吗</t>
  </si>
  <si>
    <t>已经不维护了。现在大部分班级都进不去了。</t>
  </si>
  <si>
    <t>借呗和网商贷一样吗</t>
  </si>
  <si>
    <t>简单来讲两者服务的人群不同，服务的提供方不同，提供的服务也不全相同，但有一点相同，就是都是支付宝蚂蚁大家庭的一员。</t>
  </si>
  <si>
    <t>fresh孕妇可以用吗</t>
  </si>
  <si>
    <t>最好不要用。</t>
  </si>
  <si>
    <t>演员李羚真的病逝了吗</t>
  </si>
  <si>
    <t>这类空穴来风的内容，不要误传为好。</t>
  </si>
  <si>
    <t>电脑上可以玩王者荣耀吗</t>
  </si>
  <si>
    <t>下载腾讯的游戏平台，账号进行登录，找到手游电脑版看，点击游戏进行下载，直接在平台中点击试玩，注意窗口右下角的键位提示，需要重新建立账号数据。</t>
  </si>
  <si>
    <t>不行的，电脑上只有安卓系统。</t>
  </si>
  <si>
    <t>可以的，我的就是手机上的号转到电脑上面玩的，直接玩没有影响。</t>
  </si>
  <si>
    <t>路由器天线越多越好吗</t>
  </si>
  <si>
    <t>无线信号强弱关键是看天线增益，数量没什么太大意义。除了有些支持MIMO技术的又2根或者3根天线之外，大多数都是1根的。数量多了信号是会好点，但是通过加大功率来增强信号，这样辐射也大，所以选择2-3个天线的就足够了。</t>
  </si>
  <si>
    <t>光明大陆pc端和安卓端通用吗</t>
  </si>
  <si>
    <t>不互通。</t>
  </si>
  <si>
    <t>微信能转账到别人的银行卡吗</t>
  </si>
  <si>
    <t>微信不能直接转账到银行卡，可以给好友转账，然后再提现到银行卡。</t>
  </si>
  <si>
    <t>鹿晗迪丽热巴可能吗</t>
  </si>
  <si>
    <t>不可能，节目效果。</t>
  </si>
  <si>
    <t>迅雷快鸟有用吗</t>
  </si>
  <si>
    <t>没有多大的用。</t>
  </si>
  <si>
    <t>淘宝上知网查重靠谱吗</t>
  </si>
  <si>
    <t>还算靠谱，报告真假好辨认，唯一怕的是被泄露了。</t>
  </si>
  <si>
    <t>知网是高校通用的，学校查重时用的就是知网。不过知网是不对公众开放的。</t>
  </si>
  <si>
    <t>不思议迷宫幼龙头骨每局 唯一吗</t>
  </si>
  <si>
    <t>一次只能出一个，但出了第一个的时候可以不捡，多准备几十个骨仗刷，一次刷三个。</t>
  </si>
  <si>
    <t>一局一个啊，打到什么时候都不会出了。</t>
  </si>
  <si>
    <t>天使投资失败要赔钱吗</t>
  </si>
  <si>
    <t>天使投资人的钱确实不用还。</t>
  </si>
  <si>
    <t>没有所谓的赔偿。</t>
  </si>
  <si>
    <t>枸杞和茶叶能一起泡吗</t>
  </si>
  <si>
    <t>可以，但不适宜。</t>
  </si>
  <si>
    <t>枸杞与茶叶不宜一起泡茶。</t>
  </si>
  <si>
    <t>在途家预订房间靠谱吗</t>
  </si>
  <si>
    <t>李小龙双节棍打乒乓是真的吗</t>
  </si>
  <si>
    <t>打品乓球的人是石天龙，不是李小龙，双节棍的动作是真的，球是电脑特效。那个是N96的广告，不是真实记录片。</t>
  </si>
  <si>
    <t>2017闪电借款上征信吗</t>
  </si>
  <si>
    <t>个人的逾期还款记录会进入这些征信机构的系统。</t>
  </si>
  <si>
    <t>微信闪电借款是否上征信并没有明确的规定。</t>
  </si>
  <si>
    <t>不上。</t>
  </si>
  <si>
    <t>无固定期合同是好事吗</t>
  </si>
  <si>
    <t>订立无固定期限的劳动合同，劳动者可以长期在一个单位或部门工作。这种合同适用于工作保密性强、技术复杂、工作又需要保持人员稳定的岗位。这种合同对于用人单位来说，有利于维护其经济利益，减少频繁更换关键岗位的关键人员而带来的损失。对于劳动者来说，也有利于实现长期稳定职业，钻研业务技术。有一些意见认为，连续签订两次固定期限的劳动合同，有可能累计时间却很短。这一项规定仅以签订固定期限劳动合同的次数为判断标准，容易导致用人单位对一些低技能、岗位专业性不强的劳动者采取到期不续签的做法，从而规避签订无固定期限劳动合同的法律义务，加重了劳动合同短期化的问题。这一项之所以这样设计，就是为了解决劳动合同短期化的问题。</t>
  </si>
  <si>
    <t>空调移机要加氟吗</t>
  </si>
  <si>
    <t>首先，空调移机过程中，存在 拆装的两个过程中，在这两个过程中，存在 氟的泄漏和对外排放。因此，从出厂品质的角度 来说，移机加氟，是可以保证空调制冷制热效果的重要手段。其次，空调移机如果不加氟，短期来说，也不会影响空调的正常使用。但是从安装者的角度，他会建议你加氟。一是可以增加收费项目，二是可以让移机后的空调制冷制热效果没有变化。所以，可以加，也可以不加。 但是，拆装过程中，一定会有氟排放。</t>
  </si>
  <si>
    <t>中盐皓龙的盐能不能吃</t>
  </si>
  <si>
    <t>苏志燮2017年有新剧吗</t>
  </si>
  <si>
    <t>苏志燮新剧《该隐与亚伯》来中国取景。</t>
  </si>
  <si>
    <t>京东自营全球购有假货吗</t>
  </si>
  <si>
    <t>自营不会有假货的，坚信自营全是真货，要是买到自营假货那就赚大了。</t>
  </si>
  <si>
    <t>哪里没假重点是能不能识别出来。</t>
  </si>
  <si>
    <t>自营有假货的机率太小了。</t>
  </si>
  <si>
    <t>小气泡清洁有副作用吗</t>
  </si>
  <si>
    <t>尽量都不要随便用，注意安全比较好。</t>
  </si>
  <si>
    <t>顶层的房子能买吗</t>
  </si>
  <si>
    <t>顶楼有好处，当然也有弊端，关键看购房人的年龄、经济实力等因素。</t>
  </si>
  <si>
    <t>看看是不是平顶的，因为顶层会受太阳光直接照射，夏天吸热，所以会比较不舒服，还有，一般顶层都有很多暖气管儿，这样的话装修的时候要考虑进去。</t>
  </si>
  <si>
    <t>paperright查重准吗</t>
  </si>
  <si>
    <t>准。</t>
  </si>
  <si>
    <t>日本捷星航空好不好啊</t>
  </si>
  <si>
    <t>虽然捷星航空是廉价航空但是价格便宜内置服务也是不错滴。所以捷星还是一个不错的廉价航空。</t>
  </si>
  <si>
    <t>肌肉酸痛是在长肌肉吗</t>
  </si>
  <si>
    <t>表示训练对肌肉造成了一定的良性损伤，在休息的时候进行恢复。</t>
  </si>
  <si>
    <t>肌肉细胞无氧呼吸生成乳酸，所以会酸痛，按摩一下帮助血液循环，带走乳酸排出就好了。长肌肉，可不是短时间可以搞定的。</t>
  </si>
  <si>
    <t>刚开始训练会肌肉酸痛，是因为肌肉突然间受到较长时间的收缩放松运动，导致体内自动合成了很多的乳酸。</t>
  </si>
  <si>
    <t>辣条在国外真的火吗</t>
  </si>
  <si>
    <t>假的。</t>
  </si>
  <si>
    <t>应该火了。</t>
  </si>
  <si>
    <t>妥否 请批示后面有句号吗</t>
  </si>
  <si>
    <t>请示一般用于请求指示,结尾通常使用“妥否,请批示.”或“以上请示妥否,请领导批示.”。也有情况是用于请求批准,结尾可用“当否,请批复”结尾要加标点符号的,都是使用句号。</t>
  </si>
  <si>
    <t>宫外孕影响以后生育吗</t>
  </si>
  <si>
    <t>一般有过宫外孕的人，以后怀孕再次宫外孕的几率也有，但是建议您既然知道自己有宫外孕的经历了，最好去医院做一下全面检查，宫外孕就是卵细胞没有拍到子宫里面，而是在其他的地方受孕了，建议疏通一下输卵管。</t>
  </si>
  <si>
    <t>一般不会影响. 你先不要着急,首先建议男女双方在排卵期前禁欲三到5天,在排卵期同房试试,男上女下姿势,并且每次同房之后性生活后不要急于拔出阴茎,女方臀部下垫个枕头也可以增加受孕的机率.性生活过于频繁也可能影响受孕的。</t>
  </si>
  <si>
    <t>这个要看手术方式而定，如果是采取了一些保守性的手术方式，保留了生育能力，就可以再生育。</t>
  </si>
  <si>
    <t>培高连锁正规吗</t>
  </si>
  <si>
    <t>正规。</t>
  </si>
  <si>
    <t>档案可以自己保管吗</t>
  </si>
  <si>
    <t>不能自己保管。</t>
  </si>
  <si>
    <t>杭州西子实验学校好吗</t>
  </si>
  <si>
    <t>西子不建议去，一个同事的孩子就在那边读了2个月就转学了，说是教的也不好，老师也不负责的。</t>
  </si>
  <si>
    <t>那里还不错的感觉。</t>
  </si>
  <si>
    <t>美白针真的有效吗</t>
  </si>
  <si>
    <t>美白针对于改善全身皮肤具有非常显著的功效。</t>
  </si>
  <si>
    <t>发胶可以带上高铁吗</t>
  </si>
  <si>
    <t>可以，但不能超过600毫升。</t>
  </si>
  <si>
    <t>移动电源可以带上飞机吗</t>
  </si>
  <si>
    <t>25000mAh以下是基本能通过安检。第一、 移动电源严禁在行李中托运，只能随身携带登机，并要做好绝缘措施； 第二、 每人最多只能携带2个累计不大于160Wh的锂电池登机，如果单个锂电池容量超过100Wh的话就必须报备。</t>
  </si>
  <si>
    <t>20000mAh以下的可以带上飞机。规定中，充电宝额定能量不超过100Wh(瓦特小时)。</t>
  </si>
  <si>
    <t>因为移动电源内有大容量锂电池，容易因故障自燃爆炸，所以不能放在托运行李中托运，只能随身携带登机。但对随身携带登机的移动电源的容量是有限制的。每位乘客最多只能带两只移动电源登机，移动电源加上携带的其它锂电池的总容量不能超过100瓦时，如超过100瓦时但不超过160瓦时要事先向航空公司申请经过航空公司批准才能携带。超过160瓦时是不能携带登机的。移动电源在机上不允许使用，有电源开关的移动电源应关闭电源开关。移动电源的容量应有标注，或能通过标注的额定电压和安时数计算出容量，例如额定电压是5V，20,000毫安时的移动电源就是100瓦时。如不能确定容量的移动电源也不能携带登机。</t>
  </si>
  <si>
    <t>买雅阁9.5代有后悔的吗</t>
  </si>
  <si>
    <t>目前有点后悔。</t>
  </si>
  <si>
    <t>买了半个月，不后悔。</t>
  </si>
  <si>
    <t>买两年了，从不后悔。</t>
  </si>
  <si>
    <t>五联疫苗有必要打吗</t>
  </si>
  <si>
    <t>要结合宝宝的体质、身体状况考虑，如果孩子身体状况好的话，没必要打五联针。</t>
  </si>
  <si>
    <t>名下有一套房 买第二套会有影响吗</t>
  </si>
  <si>
    <t>二套房买入契税90平以上是2%，90平以下契税1.5%贷款利率上浮百分之10。</t>
  </si>
  <si>
    <t>首付比例提高，贷款利率上浮1.1倍。</t>
  </si>
  <si>
    <t>首付需不低于40%。</t>
  </si>
  <si>
    <t>葡萄干能减肥吗</t>
  </si>
  <si>
    <t>葡萄干营养丰富，热量也较高，吃的量多了自然会发胖。</t>
  </si>
  <si>
    <t>善林金融可靠吗</t>
  </si>
  <si>
    <t>觉得还行。投过，感觉靠谱。</t>
  </si>
  <si>
    <t>非常可靠的。</t>
  </si>
  <si>
    <t>友金所安全吗</t>
  </si>
  <si>
    <t>安全的。</t>
  </si>
  <si>
    <t>win10怎么样 好用吗</t>
  </si>
  <si>
    <t>windows10 感觉很不错，软件不兼容情况暂时还没有发现。</t>
  </si>
  <si>
    <t>相对于Win7，Win10在性能方面并没有太多提升，在桌面软件的兼容性方面表现还算良好。在Win10中，微软更多的是对用户体验的改进。微软的目标是让Win10能够在更多尺寸的设备中更好地运行，Win10通用应用的出现、可变尺寸的开始菜单（屏幕）、平板模式、Continuum连续模式等都是为实现这一大目标而服务的。对于纯粹的桌面使用环境，Win10在操作体验上也有所改进的，升级的Aero Snap以及虚拟桌面等都能提高用户使用效率和办公生产力，小娜Cortana的加入也让用户的搜索体验上升到了一个新的层次。如果不确定自己的电脑硬件是否能够很好的支持Win10，不妨先安装双系统体验一下，如果没问题，再考虑彻底升级。</t>
  </si>
  <si>
    <t>养陆龟犯法吗</t>
  </si>
  <si>
    <t>实际上饲养陆龟是违法行为，基本上所有的陆龟都在CITES（华盛顿公约-濒危野生动植物种国际贸易公约）的目录里面，最近二十几年来的大大都很喜欢体现中国的国际影响力，所以对于这些公约基本都是完全支持并贯彻执行的，也就造就了在CITES目录里的动物，在国内最低也是二级保护的级别起，而且中国从来都不支持野生动物个人饲养，所以很多国外合法饲养的动物在国内私人饲养都是不允许的，除了动物园、保育机构、科研单位可以申请饲养、繁殖资格，很少私人能申请到陆龟的饲养许可。而国内对于贩卖的规定也是很冲突的，必须拥有饲养资格和销售资格的养殖场或者个人，才能进行繁殖和销售，这是合法的。但饲养的本身又是需要许可的，也就是说如果合法的饲养场或个人卖陆龟不犯法，但买陆龟的人如果没有许可，就是犯法。唯一合法的交易渠道就是买卖双方都拥有许可。</t>
  </si>
  <si>
    <t>201不锈钢能做餐具吗</t>
  </si>
  <si>
    <t>201组成为17Cr-4.5Ni-6Mn-N，是节Ni钢种，301钢的替代钢。经冷加工后具有磁性，用于铁路车辆。201是含锰较高,表面很亮带有暗黑的亮,含锰较高容易生锈。</t>
  </si>
  <si>
    <t>201不锈钢属于低镍不锈钢，它的防锈性能比较差，一般用于接触环境比较干燥的产品，而餐具是要经常接触到水啊，油盐之类的，所以201不能餐用餐具，当然也有一些厂家为了降低成本，不顾行业标准，使用201做餐具的。</t>
  </si>
  <si>
    <t>绝经年龄越晚越好吗</t>
  </si>
  <si>
    <t>对于女性朋友来说延缓绝经期就是预防衰老，保持青春活力的一个最好的方法了，因此对于女性来说日常的保健是非常重要的。</t>
  </si>
  <si>
    <t>有些女性为了保持容颜和青春，以为绝经越晚越好，但专家称，绝经晚可能会保持女性的美丽，但乳腺癌、卵巢癌、子宫内膜癌的患病几率增加，尤其是超过55岁才绝经的女性。</t>
  </si>
  <si>
    <t>是可以这样说的，绝经越晚越好。因为对于一个女性来说，绝经意味着衰老。女性来月经是把体内的毒素排出来，加速血液循环，是对身体好的。绝经以后，排卵也会越来越少以至于不排卵，会加速衰老。所以说绝经越晚越好，现在科技很发达，也可以吃一些补品来延迟绝经。绝经是根据女性的个人体质，所以女性要在绝经以后注意饮食，吃一些有营养的食物保养。</t>
  </si>
  <si>
    <t>癜痫病可以根治吗</t>
  </si>
  <si>
    <t>癫痫的治疗是一个慢性的治疗过程，家属要对治疗有信心，癫痫并非不治之症，只要积极的治疗，以及合理的用药，选择科学的治疗方案，都是能够见到治愈后的效果的，希望癫痫患者积极的面对病情，早日的摆脱癫痫疾病发作以及先兆带来的困扰， 对于癫痫来说，最可靠的预防就是按时、按量地服用抗癫痫药物。</t>
  </si>
  <si>
    <t>癫痫是一种神经系统的病变，现在临床上的治疗方法是利用药物的控制，防止癫痫的发作。</t>
  </si>
  <si>
    <t>癫痫是一种比较特殊的病症，在发作的时候会令周围的人大吃一惊，有时会很可怕。但这是对癫痫病理解的一种偏见，只有少数合并智力障碍或残疾的病人从外表能看出来，但大多数癫痫病人在发作间歇期和正常人没有两样，外表是看不出来的。可以和正常人一样地生活、工作和学习，也可以恋爱、结婚、生孩子。因此，不要对癫痫患者有任何的歧视和偏见，给予安慰和帮助，让癫痫患儿都能生活在一个温馨、和谐的环境中，早日获得康复。</t>
  </si>
  <si>
    <t>tgp现在不能查别人战绩了吗</t>
  </si>
  <si>
    <t>凤梨吃前需要盐水泡吗</t>
  </si>
  <si>
    <t>需要用盐水泡。</t>
  </si>
  <si>
    <t>小苏打药店有卖吗</t>
  </si>
  <si>
    <t>超市就有，药店好像没有。</t>
  </si>
  <si>
    <t>药店也有，碳酸氢钠1.5元一瓶。</t>
  </si>
  <si>
    <t>swisse藤黄果有效果吗</t>
  </si>
  <si>
    <t>有啊，燃烧脂肪。</t>
  </si>
  <si>
    <t>挺不错的，会瘦，效果很明显。</t>
  </si>
  <si>
    <t>twitch要翻墙吗</t>
  </si>
  <si>
    <t>用wifi可以，换3g必须翻。</t>
  </si>
  <si>
    <t>jamie女生可以用吗</t>
  </si>
  <si>
    <t>amie是James的昵称，但是随着日益风靡逐渐成为一个单独的名字。Jamie是我爱或者取代者的意思，是男名普遍使用的词，男女姓中被使用频率次之。在英国，在最受欢迎的姓名中，Jamie排行第32位。有不少女歌手的英文名为此。jaimie作为男名一般译为吉米、杰米，女名则为吉沫，总之两个都不错至于选哪一个，觉得根据自己的喜好吧。</t>
  </si>
  <si>
    <t>个人更喜欢jamie。jamie是男女通用的名字，现在中性的名字很酷哦。而且jamie来自法语的“我爱”的意思，非常浪漫，我也曾经一度想用作英文名呢。</t>
  </si>
  <si>
    <t>最高级前面一定要加the吗</t>
  </si>
  <si>
    <t>不一定的，形容词最高级前通常要加定冠词the,而以下几种情况一般不需要加定冠词the:1.形容词最高级前有序数词、物主代词、指示代词或名词所有格等限定词修饰时,最高级前不用the.2.形容词最高级在句中作表语而比较范围又不明确时,最高级前不用the.3.如果两个形容词最高级并列修饰同一个名词时,第二个形容词最高级前不加the.4.如果形容词最高级用来加强语气,作"十分;非常"之意时,前面不加the.但形容词最高级作单数名词的定语时,可用不定冠词a/an.5.作宾语补足语的形容词最高级前不加the.6.在一些固定用法中,最高级前通常省略the.</t>
  </si>
  <si>
    <t>并不是所有情况下都要的。大部分情况下是要的。不需要的情况：1、最高级前有序数词。2、最高级用来表“非常”意思的时候（通常前面加at）。3、个别固定词组（at most ）。</t>
  </si>
  <si>
    <t>在形容词的最高级前面一定要加，在副词最高级前面可加可不加。</t>
  </si>
  <si>
    <t>陪产假有工资吗</t>
  </si>
  <si>
    <t>陪产假期间，用人单位同样要向职工支付工资的。</t>
  </si>
  <si>
    <t>一般7到10（晚育）天地陪产假，陪产假期工资的支付有两种形式，1.单位给缴纳生育保险的，并符合按相关当地政策可以申领生育津贴的，员工资料准备齐全，单位负责申报，一般是按当地社会平均工资标准由生育保险进行支付。单位给缴纳生育保险的，若员工工资低于社会平均工资企业可以不支付工资，若员工工资高于社会保险的，企业要进行补差额。2.单位为缴纳生育保险或者不符合申领生育津贴条件的，一般企业按合同工资的标准进行支付工资，或者每个月正常工资标准进行支付。但，一般以合同工资为准是没有错的。</t>
  </si>
  <si>
    <t>问大家可以删除吗</t>
  </si>
  <si>
    <t>可以删除自己发出的提问。</t>
  </si>
  <si>
    <t>坦克世界可以开语音吗</t>
  </si>
  <si>
    <t>点开启小队语音，然后按Q键说话。</t>
  </si>
  <si>
    <t>15号离职公司给交社保吗</t>
  </si>
  <si>
    <t>交。</t>
  </si>
  <si>
    <t>论文查重致谢算吗</t>
  </si>
  <si>
    <t>这个也是要查重的，如果想要避免重复，那么可以稍微修改一下说话的方式，调整一下就好。</t>
  </si>
  <si>
    <t>正规论文查重软件是不会算进去的，比如Gocheck、知网；按道理，论文中的致谢与声明是应该不算重复率中的。但是现在又有论文系统的竞争太大，有部分论文检测系统会把标题、致谢、声明等算入重复率中，以提高系统检测的重复率，以这种方式的提高对论文查重并没有任何提高，导致论文作者花更多的钱一遍一遍的检测；甚至为了检测率就不顾论文质量胡编乱凑！</t>
  </si>
  <si>
    <t>论文的每个部分都会查重。</t>
  </si>
  <si>
    <t>宫颈囊肿会自己消失吗</t>
  </si>
  <si>
    <t>不会自己消失的。</t>
  </si>
  <si>
    <t>华为p10还能买吗</t>
  </si>
  <si>
    <t>想买就买，使用上不会让人失望，徕卡镜头不错，语音系统也很有意思，手感比苹果7好一点。</t>
  </si>
  <si>
    <t>可以买，p10 是很赞的一款旗舰手机，麒麟960的处理器、莱卡双镜头。</t>
  </si>
  <si>
    <t>医学影像学适合女生吗</t>
  </si>
  <si>
    <t>医学影像学是适合女生的。</t>
  </si>
  <si>
    <t>中华草龟可以干养吗</t>
  </si>
  <si>
    <t>完全可以干养，只要湿度够，每天泡一会就可以。</t>
  </si>
  <si>
    <t>不可以，也要放一点水，最好是反满石头再放一层水，这样泡不着他，渴了还可以喝点水。而且，养龟水深一般比龟背稍高的深度即可，无须太深，最多不要超过龟背高度的2倍,提供的石头可以让龟爬上去晒背。</t>
  </si>
  <si>
    <t>当然是水，龟比较小的花水位过背三四厘米就可以，如果比较大了可以深一点 ，草龟是水龟，如果长期不接触任何水的话，那么会导致脱水死亡 ，而且草龟进食和排便都要在水中。</t>
  </si>
  <si>
    <t>泰国青草膏孕妇能用吗</t>
  </si>
  <si>
    <t>最好别。</t>
  </si>
  <si>
    <t>青草药膏是副作用很少，孕妇可以适当涂抹，并无大碍。</t>
  </si>
  <si>
    <t>金鱼吊兰有毒吗</t>
  </si>
  <si>
    <t>无毒。甚适于温室和室内花园用附生法盆栽，也可作家庭居室内悬垂植物观赏。</t>
  </si>
  <si>
    <t>没听过有毒，倒可以吸收有毒气体。</t>
  </si>
  <si>
    <t>苹果手机系统升级好不好</t>
  </si>
  <si>
    <t>取决于手机型号和内存，iPhone5之前就不要升级了，系统与硬件已经不匹配了；还有，机存储要足够大，这样你的就可以一直升级，其次升级每次都是有新添加的功能，新添加的功能会有漏洞，后期就会不断的改善，然后就会一直升级，占用的内存就越来越大，手机就会越来越卡，系统升级后，相应的软件APP都要升级，这样才不会出现闪退的现象。</t>
  </si>
  <si>
    <t>苹果手机系统不升级不会怎样。苹果手机系统升级的利弊在于：1、好处：首先是表面上，全新功能的体验，苹果必定会在新系统中加入新功能，新体验。还有是内在的升级，这是对于软件和游戏开发者而言的，会在新的游戏中进行改进和升级，而这些软件和游戏，需要新的系统才能运行，这就是为什么有的软件不能在老的系统下运行。2、坏处：新系统刚刚出来必定会有一些不成熟的因素，需要进行好几个微版本才能真正完美。而且新系统还带来一个大问题，就是原来的越狱不能用了。黑客需要比较长的时间才能研究出新的越狱。在这段时间，如果升级了新系统，手机就只能活在狱中了。总的来说，系统升级利大于弊，毕竟新的体验才是最重要的。不过还是得由使用者权衡利弊才能做出决定，毕竟每个人的想法不一样。</t>
  </si>
  <si>
    <t>护花神对人有害吗</t>
  </si>
  <si>
    <t>剧毒，建议立刻清洗，使用肥皂水，如感到身体不适请前去就医。</t>
  </si>
  <si>
    <t>和中药一样的有浓重气味，主要有心理危害，注意通风的话对人身的危害不大。以前有一次晚上喷了没开窗，第二天腹泻，我认为是和护花神有关系的。</t>
  </si>
  <si>
    <t>注意使用，没什么特殊危害。</t>
  </si>
  <si>
    <t>iphone7plus防水吗</t>
  </si>
  <si>
    <t>防水。</t>
  </si>
  <si>
    <t>房屋代持协议是否合法</t>
  </si>
  <si>
    <t>不合法。</t>
  </si>
  <si>
    <t>陈长生死了吗</t>
  </si>
  <si>
    <t>黄璐在盲山里是真露吗</t>
  </si>
  <si>
    <t>checkpass查重严格吗</t>
  </si>
  <si>
    <t>checkpass系统是基于互联网大数据为基本，通过自主研发的检测抄袭对比算法来进行检测；Checkpass论文检测系统适用于对学位论文（专科、本科、硕士、博士）、新投稿论文等进行检测。Checkpass论文检测系统基于强大的精准检测算法以及稳定快速的检测云服务器；严格、准确、高效的论文检测系统，能够全面的查出文献中所存在的学术不端等问题。</t>
  </si>
  <si>
    <t>碘甘油用后需要漱口吗</t>
  </si>
  <si>
    <t>碘甘油在口腔里呆一会后需要用清水漱漱口。</t>
  </si>
  <si>
    <t>涂碘甘油，后不用漱口。</t>
  </si>
  <si>
    <t>哑铃飞鸟能在床上做吗</t>
  </si>
  <si>
    <t>不可以。</t>
  </si>
  <si>
    <t>做完痔疮手术要住院吗</t>
  </si>
  <si>
    <t>陈老师泄油瘦身汤可信么</t>
  </si>
  <si>
    <t>陈老师泄油瘦身汤就是个骗局。</t>
  </si>
  <si>
    <t>h7n9鸡蛋能吃吗</t>
  </si>
  <si>
    <t>煮熟了吃没有问题。</t>
  </si>
  <si>
    <t>别吃。</t>
  </si>
  <si>
    <t>兵役登记后必须参军么</t>
  </si>
  <si>
    <t>不是的，兵役登记是每个适龄青年都应该进行的一种普查性登记，有利于国家掌握适龄青年的现状，我国兵役制是义务制，非强制性。</t>
  </si>
  <si>
    <t>五四青年节放假吗</t>
  </si>
  <si>
    <t>青年节(5月4日)，14周岁以上的青年放假半天。国务院法制办曾明确，“青年节”放假的适用人群为14至28周岁青年。</t>
  </si>
  <si>
    <t>神武玲珑塔重新杀还有奖励吗</t>
  </si>
  <si>
    <t>每周有三次重复挑战，有奖励。</t>
  </si>
  <si>
    <t>磁力链接能云点播吗</t>
  </si>
  <si>
    <t>可以的，还支持电驴链，http链，ftp链等。可以搜索云点播beta，然后把磁力链复制进去尝试播放的。但是务必磁力链是完整的，是包含影音文件的。如果磁力链包含的是压缩包等文件，是无法播放的。</t>
  </si>
  <si>
    <t>滴滴顺风车有发票吗</t>
  </si>
  <si>
    <t>用户申请后，发票将于7个工作日内递，如开票金额超过200元，滴滴平台将为用户包邮快递，快递单号可以在APP内查询。需要注意的是，开票的部分不包含优惠券和打折的部分。</t>
  </si>
  <si>
    <t>滴滴出行支持按行程和金额开票，前者还提供电子行程单。</t>
  </si>
  <si>
    <t>小姐一品威客网真的吗</t>
  </si>
  <si>
    <t>大部分是真的。</t>
  </si>
  <si>
    <t>硅胶娃娃搞得舒服吗?</t>
  </si>
  <si>
    <t>用起来跟人差不多。</t>
  </si>
  <si>
    <t>武松打虎是真的吗</t>
  </si>
  <si>
    <t>历史上武松打的是“蔡虎”（蔡京的儿子蔡鋆），这段真实的记载。</t>
  </si>
  <si>
    <t>当然不是，不管人有多大的力气，是不可能赤手空拳的打死一头老虎的。</t>
  </si>
  <si>
    <t>这是传说，传说亦真亦幻，但打虎的事肯定有发生过，但打没打过老虎就不一定了。</t>
  </si>
  <si>
    <t>钱咖赚钱是真的吗</t>
  </si>
  <si>
    <t>首先可以肯定的说是真的。</t>
  </si>
  <si>
    <t>金牌主播德莱文是以文森特为原型的吗</t>
  </si>
  <si>
    <t>不是，文森特是个3次元的人，现有德莱文才有文森特。</t>
  </si>
  <si>
    <t>文森特世界第一德莱文原型。</t>
  </si>
  <si>
    <t>有qlv格式的转换器吗</t>
  </si>
  <si>
    <t>1、登录格式工厂，点击“视频”，选择“所有转到MP4”。 2、点击“输出配置”进行设置，再点击“添加文件”，选择PSV格式文件后，点击“确定”。 3、在该界面点击“开始”即可开始转换格式。</t>
  </si>
  <si>
    <t>痛风能喝白酒吗</t>
  </si>
  <si>
    <t>痛风可以少喝点白酒。医生告诫人们：痛风患者应不沾酒，特别是不能喝啤酒。但现实中，有的通风患者喝啤酒，马上就有“反应”；而喝白酒时则没什么“反应”。这说明适量饮用白酒是可以的。</t>
  </si>
  <si>
    <t>痛风病人不可喝酒的啊，酒不止是含高嘌呤,而且也会抑制尿酸的排泄,很容易引起痛风的急性发作。不是止是酒,碳酸饮料也要少喝。</t>
  </si>
  <si>
    <t>痛风是一种叫嘌呤的物质代谢紊乱引起的。“成功人士”工作压力大，应酬多；喜欢美食豪饮，动辄甲鱼海鲜、大鱼大肉，还常常一喝酒就喝到深更半夜。正是这种不良生活习惯和饮食结构，导致了痛风的发作。</t>
  </si>
  <si>
    <t>304不锈钢有磁性吗</t>
  </si>
  <si>
    <t>通常来说，不锈钢有带磁性的，也有不带磁性的。</t>
  </si>
  <si>
    <t>奥氏体型是无磁或弱磁性，马氏体或铁素体是有磁性的。通常用作装饰管板的不锈钢多数是奥氏体型的304材质，一般来讲是无磁或弱磁的，但因冶炼造成化学成分波动或加工状态不同也可能出现磁性，</t>
  </si>
  <si>
    <t>SUS304本身没有磁性，在经过机械加工后，材料分子发生变化，可能产生磁性，这是可以通过回火处理后将磁性消除。</t>
  </si>
  <si>
    <t>蚂蚁hr交社保可靠么</t>
  </si>
  <si>
    <t>挺好的，每个月都按时缴纳的，而且手机上操作很方便。</t>
  </si>
  <si>
    <t>会签合同，而且每月都有发票寄送。挺靠谱的。</t>
  </si>
  <si>
    <t>尼尔机器纪元好玩吗</t>
  </si>
  <si>
    <t>不怎么好玩呀，动作比不上鬼泣。</t>
  </si>
  <si>
    <t>感觉还行。</t>
  </si>
  <si>
    <t>脱毛膏对皮肤有害吗</t>
  </si>
  <si>
    <t>脱毛膏会伤害皮肤。</t>
  </si>
  <si>
    <t>一般来说是没有任何伤害的，关键看用什么产品。</t>
  </si>
  <si>
    <t>小米手环2测心率准吗</t>
  </si>
  <si>
    <t>小米手环2测量心率非常准。</t>
  </si>
  <si>
    <t>不正确的佩戴姿势以及佩戴位置都有可能造成心率测量误差甚至失败。</t>
  </si>
  <si>
    <t>墙布环保吗</t>
  </si>
  <si>
    <t>墙布花色单一，不易打理，大部分属于化纤类产品，这类产品在生产时必须使用化工类原料，很难达到绿色环保，部分厂家只是符合国家生产标准有害物质的成份在国家的允许范围之内，长期大面积使用还是有一定的危害，无缝壁布的损耗也比较大，遇到窗户门口的地方都要裁掉。</t>
  </si>
  <si>
    <t>国汇亚洲平台有危险吗</t>
  </si>
  <si>
    <t>国汇亚洲是一个完全没有监管的黑平台。</t>
  </si>
  <si>
    <t>国汇亚洲并没有什么骗局，这是一个正规的受英国FCA监管的国际性大平台。</t>
  </si>
  <si>
    <t>激活iphone必须要sim卡吗</t>
  </si>
  <si>
    <t>阿拉斗牛有挂么</t>
  </si>
  <si>
    <t>月经提前7天正常吗</t>
  </si>
  <si>
    <t>推迟或提前一周之内都属正常。</t>
  </si>
  <si>
    <t>正常女性的月经周期为28天左右，如果月经来潮周期总是提前7天以上，甚至1个月内两次来潮者，则称为“月经先期”，亦称“月经提前”或“经早”。如仅超前3～5天，且无其他明显症状，属正常范围。偶尔超前一次，也不算经期提前。月经提前是月经不调的一个症状。患者切记不要盲目的用药，为了保险起见，建议您及时到医院检查，明确病因，以便遵医嘱及早针对性的治疗。平时注意生活起居规律，不要食用辛辣寒凉的食物。</t>
  </si>
  <si>
    <t>一般月经提前在10天之内，而且不是连续性的提前10天以上，也属正常；如果提前10天以上，并连续几个月都如此，建议你及时就医。</t>
  </si>
  <si>
    <t>川崎病可以吃草鱼吗</t>
  </si>
  <si>
    <t>精液黄正常吗</t>
  </si>
  <si>
    <t>正常的，射在白纸上面了，在白纸的衬托下显得发黄一些，射在透明的玻璃杯里面在看看，就不会这么黄了，精液发黄也不是问题，精液的颜色和饮食等一些因素都有关的，颜色不重要，关键看质量。精液长时间不射，就会发黄，颜色不代表什么，即不能代表有问题，也不能代表没问题，精液中主要是看精子质量如何，要想知道精子的质量如何，就必须到医院化验精液，费用100元左右，现在没必要去化验。等结婚后想要孩子了，在化验不迟。现在没事的，精液的颜色和饮食也有关系，吃的碱性食物多也会发黄的。这个颜色什么都不影响的。</t>
  </si>
  <si>
    <t>正常情况下男性正常的精液呈半透明蛋清样乳白色，如果禁欲时间较长，由于理化性质改变，精液颜色会发黄些。这都是正常的。异常的精液包括：精液呈乳白色或黄绿色，甚至在精液中出现血丝，这表明生殖道内有炎症，很可能是前列腺和精囊的化脓性感染。若精液呈黄色，可能是得了细菌性前列腺炎等。而间隔较长的性行为，所产生的精液颜色也较黄。出现精液发黄这种现象可以到男科医院进行精子检测，查清病因，并对症治疗。</t>
  </si>
  <si>
    <t>湿毒清胶囊能去湿气吗</t>
  </si>
  <si>
    <t>腮腺炎传染吗</t>
  </si>
  <si>
    <t>腮腺炎是由腮腺炎病毒侵犯腮腺引起的急性呼吸传染病，这个病是会传染的。是儿童和青少年中常见的呼吸道传染病，成人中也有发病，由腮腺炎病病毒所引起。</t>
  </si>
  <si>
    <t>腮腺炎患者是细菌携带者，可通过飞沫传播进行疾病传染。未患过腮腺炎的人在接触患者飞沫后2周左右便会发病。所以一旦发现腮腺炎患者，尤其是在幼儿园或学校区域内，一定要及时对患者采取隔离手段，防止疾病造成流行。</t>
  </si>
  <si>
    <t>流行性腮腺炎是儿童和青少年中常见的呼吸道传染病，由腮腺炎病毒所引起。早期病人和隐性感染者。病毒存在于患者唾液中的时间较长，腮肿前6天至腮肿后9天均可自病人唾液中分离出病毒，因此在这两周内有高度传染性。病毒在唾液中通过飞沫传播。如果没打过疫苗也没得过腮腺炎，就有被传染的可能。</t>
  </si>
  <si>
    <t>原地跑步能减肥吗</t>
  </si>
  <si>
    <t>只要掌握了正确的跑步减肥步骤就能减肥瘦身。</t>
  </si>
  <si>
    <t>原地跑步是可以减肥的，但只有运动时间持续大约四十分钟以上，人体内的脂肪才会被动员起来与糖元一起供能。</t>
  </si>
  <si>
    <t>原地跑步是能减肥的。</t>
  </si>
  <si>
    <t>薄荷可以水培吗</t>
  </si>
  <si>
    <t>离职日期是最后工作日吗</t>
  </si>
  <si>
    <t>离职日期应该是最后工作日的第二天。</t>
  </si>
  <si>
    <t>要看办理离职时间了，有些是当天工作交接结束后办理离职，当天是带薪的，如果单独过来办理离职，那天是无薪的。离职日期一般都是离职当天的日期。</t>
  </si>
  <si>
    <t>河滨分校是野鸡大学吗</t>
  </si>
  <si>
    <t>不是野鸡大学。</t>
  </si>
  <si>
    <t>上海青浦区是贫民区吗</t>
  </si>
  <si>
    <t>不是，青浦这几年发展不错。</t>
  </si>
  <si>
    <t>春天湿气重吗</t>
  </si>
  <si>
    <t>重。</t>
  </si>
  <si>
    <t>汇仁肾宝治疗早泄吗</t>
  </si>
  <si>
    <t>效果一般，暂时不吃辛辣、酒，不抽烟，坚持锻炼身体，增强体质才行的。</t>
  </si>
  <si>
    <t>服用汇仁肾宝片，这是“肾透支后温补肾阳”的调理滋补类高档中药，有温补肾阳、调和阴阳、扶正固本的功效，补、调、固三功能三位一体。肾阳足了，肾的封藏、固摄功能提升，自然可以缓解早泄症状了。</t>
  </si>
  <si>
    <t>达内培训 好不好</t>
  </si>
  <si>
    <t>总体来说，在那学没问题，也如其他人所言，要自己认真学才行。</t>
  </si>
  <si>
    <t>培训的不错，但要认真学才行。</t>
  </si>
  <si>
    <t>声线可以改变吗</t>
  </si>
  <si>
    <t>成年之后无法改变。</t>
  </si>
  <si>
    <t>做声线手术，有风险。</t>
  </si>
  <si>
    <t>谷歌浏览器打开新的标签页能指定网站么</t>
  </si>
  <si>
    <t>同花顺神奇电波靠谱吗</t>
  </si>
  <si>
    <t>骗人的，不准。</t>
  </si>
  <si>
    <t>决定股市的涨跌的因素太多了，神奇电波只是一个参考。</t>
  </si>
  <si>
    <t>洗车泥伤车漆吗</t>
  </si>
  <si>
    <t>洗车泥不会伤漆，因为它是用火山灰为主要原料。 全能水会伤漆的，因为它里面含有化学溶剂，溶解污渍的同时也会伤害到漆面的。这个事不会坏车漆的，不过如果用洗车泥打过建议吧打过的地方冲洗干净后，打一下蜡，就更好了。</t>
  </si>
  <si>
    <t>是没有影响的，但是要加清洗剂用，不能干擦。</t>
  </si>
  <si>
    <t>支付宝心愿储蓄 能提前终止</t>
  </si>
  <si>
    <t>目前已设置的余额宝心愿储蓄可以操作终止，但心愿设置的当天不能终止心愿，具体还要以页面提示为准。</t>
  </si>
  <si>
    <t>曲婉婷母亲判决了吗</t>
  </si>
  <si>
    <t>华育国际真的能就业吗</t>
  </si>
  <si>
    <t>是真的，016年10月14日下午，华育国信成立新闻发布会在北京日坛国际酒店召开。发布会由工信部人才交流中心和华育国际集团共同主办。发布会上，举行了华育国信项目启动及EDUASK双创工程启动仪式，还举行了知名企业与华育国信人才合作签约仪式，华育国信线上打造直播视频通道，线下组织专场招聘会，实现人才和雇主的精准对接。同时“双创”即订单实训的创新和人才培养模式的创新，将华育国际的人才培养与华育国信人才就业相结合，形成了完整的人才服务衔接，将更好的服务于人才和用人单位。</t>
  </si>
  <si>
    <t>映客可以用电脑直播吗</t>
  </si>
  <si>
    <t>1、在电脑上安装[Bluestacks蓝叠]模拟器;2、下载[映客app]到电脑设备上;3、打开[Bluestacks蓝叠]模拟器;4、将下载完成的[映客]安装包拖到[Bluestacks蓝叠]模拟器中;5、点击即可安装;</t>
  </si>
  <si>
    <t>可以在电脑端直播的；本身就没有电脑版本的客户端，得下载一个安卓模拟器，去模拟安卓的运行环境。</t>
  </si>
  <si>
    <t>lol训练模式可以邀请好友吗</t>
  </si>
  <si>
    <t>训练模式只能玩家自己一个人和电脑进行对战。训练模式的地图也是固定的，是在召唤师峡谷中，而且你只能选择加入蓝色方或者红色方，至于另一方的地方则只能选择添加电脑玩家，无法邀请好友一起游戏。</t>
  </si>
  <si>
    <t>晚上不吃饭好吗</t>
  </si>
  <si>
    <t>无害，成年人不吃晚餐不会影响身体健康。</t>
  </si>
  <si>
    <t>refa有效果吗</t>
  </si>
  <si>
    <t>这东西在脸上身上滚着确实挺舒服，像美容院姐姐的手法，至于有没有效果，自己用就知道了。</t>
  </si>
  <si>
    <t>鹿晗有孩子吗</t>
  </si>
  <si>
    <t>是谣言，鹿晗工作室已经出来辟谣了。</t>
  </si>
  <si>
    <t>脑梗塞能治好吗</t>
  </si>
  <si>
    <t>嫁妆是否属于夫妻共同财产</t>
  </si>
  <si>
    <t>依照我国不少地方的民间传统风俗习惯，女方娘家陪送的嫁妆，应被视为女方的婚前财产或属于女方所有的个人财产，而不属赠与给结婚的夫妻双方共有的财产。</t>
  </si>
  <si>
    <t>面膜放冰箱好吗</t>
  </si>
  <si>
    <t>维持面膜湿度和弹性；促进面膜精华吸收；帮助紧致毛孔；有利于镇静肌肤。</t>
  </si>
  <si>
    <t>独立片装的可以放在冷藏格里，这样，尤其是在夏天的时候，使用后会收缩毛孔和冰爽的感觉。</t>
  </si>
  <si>
    <t>土地永久性转让合法吗</t>
  </si>
  <si>
    <t>土承包经营权流转能改变原土用途土转包能超转包承包限转包超承包合同限部效。</t>
  </si>
  <si>
    <t>不合法。中国土地是属于国家和集体所有，其他个人和组织只有使用权，是有使用年限的。</t>
  </si>
  <si>
    <t>不合法，土地只有使用权没有所有权，所有权属于集体和国家。</t>
  </si>
  <si>
    <t>社保能取出来吗</t>
  </si>
  <si>
    <t>个人交的社保在你个人的帐户里存着的，是可以取出来的，单位交的社保在统筹基金里面，这部分是个人交的2倍，这个是不能取出来的，等你退休的时候会用到的。</t>
  </si>
  <si>
    <t>支付宝网商银行可靠吗</t>
  </si>
  <si>
    <t>蚂蚁金服集团还是靠谱的，所以支付宝网商银行可靠。</t>
  </si>
  <si>
    <t>支付宝漏洞太大了，目前要修改（支付密码），就输入手机接收到的验证码就行了，连身份证号，或银行卡号都不用，想想都怕。</t>
  </si>
  <si>
    <t>干股分红要承担亏损吗</t>
  </si>
  <si>
    <t>干股是要负责公司亏损的，因为你占有了公司整体的股份的比例，所以要承担风险，分红股是不需要承担公司风险的，因为分红股是按照每年公司的纯盈利和分配方式来给你分红的。</t>
  </si>
  <si>
    <t>是的。不过不用交钱的。只是以所持有的股份，承担有限责任。</t>
  </si>
  <si>
    <t>汽车补漆能补一小块吗</t>
  </si>
  <si>
    <t>针对一小块的汽车漆面损伤是完全可以修补的，而且通过快速补漆技术还可以将修复后的漆面达到长达十年以上的质保。</t>
  </si>
  <si>
    <t>前后保险杆可以补漆，其他地方如果想要没有色差的话只有整做。</t>
  </si>
  <si>
    <t>喷漆是不可以喷一小块的，都是一个面喷。如果喷一小块还明显可以看出来。</t>
  </si>
  <si>
    <t>孕妇能不能吃西瓜</t>
  </si>
  <si>
    <t>怀孕期间是可以吃西瓜的，适当的吃就可以。西瓜含有丰富的维生素和矿物质对身体的健康和胎儿的成长都是有帮助的，西瓜性凉吃过多的话可能会导致肠胃不适的，而且含糖比较高，但是少量吃一些的话是没影响的。</t>
  </si>
  <si>
    <t>孕妇在妊娠早期吃些西瓜，可以生津止渴、除腻消烦，对止吐也有较好的效果。所以孕初期孕妇是能吃西瓜的。</t>
  </si>
  <si>
    <t>运费险是自动退吗</t>
  </si>
  <si>
    <t>是的，自动进支付宝。</t>
  </si>
  <si>
    <t>生化危机电影还有7吗</t>
  </si>
  <si>
    <t>不会再出生化危机第七部。</t>
  </si>
  <si>
    <t>有各种小道消息称《生化危机7》的确存在。</t>
  </si>
  <si>
    <t>爱钱进投资有人亏过吗</t>
  </si>
  <si>
    <t>史玉柱被套了，人们总是爱炒上次赚过钱的股票，这回史玉柱估计是短线亏本了。</t>
  </si>
  <si>
    <t>天津尚赫公司正规吗</t>
  </si>
  <si>
    <t>是的，确实是合法的。</t>
  </si>
  <si>
    <t>牙齿涂氟有必要吗</t>
  </si>
  <si>
    <t>3~6岁涂氟很有必要。牙齿涂氟就是牙科医生用一种含氟的物质，对每一颗牙齿表面进行氟化处理。</t>
  </si>
  <si>
    <t>超薄是不是极限词</t>
  </si>
  <si>
    <t>应该算是的。</t>
  </si>
  <si>
    <t>密林猎手提莫珍贵吗</t>
  </si>
  <si>
    <t>没什么用。</t>
  </si>
  <si>
    <t>这种皮肤是无法进行购买的，只有在活动时候抽奖等方式才能够获得，有钱都买不到。</t>
  </si>
  <si>
    <t>比较稀少。</t>
  </si>
  <si>
    <t>宋小宝死了吗</t>
  </si>
  <si>
    <t>宋小宝没有逝世，因为身体等各方面原因决定暂别演艺圈。</t>
  </si>
  <si>
    <t>镇魔曲好玩吗</t>
  </si>
  <si>
    <t>个人感觉一般，周边玩的人也不多。</t>
  </si>
  <si>
    <t>三江学院是贵族学校吗</t>
  </si>
  <si>
    <t>不是，学费和苏大文正差不多，饮食什么都和其他三本一样，住宿条件还偏差，有空调有电扇有阳台落地窗，但房间格局不大，卫浴公用。四个宿舍合一个大宿舍，没有客厅空间，走道很容易脏，导致宿舍关系不太和谐（男生除外）。</t>
  </si>
  <si>
    <t>大部分是普通学生，也有开着保时捷的富二代。</t>
  </si>
  <si>
    <t>关闭445端口还能共享吗</t>
  </si>
  <si>
    <t>信用卡有逾期能贷款买房吗</t>
  </si>
  <si>
    <t>根据信用逾期的严重程度，大致可分为以下2种情况：1.仅有一两次信用卡逾期此种银行一般不会拒贷，但是有可能会适当提高贷款利率，就是上面说的第一种情况。购房者可以多询问几家银行，因为如果楼盘合作银行房贷利率有优惠的话，在部分银行申请贷款是可以享受优惠的，选一家利率最低的即可。2.两年内连续3次或累计6次的信用卡逾期通常而言，银行在审批房贷时会参考个人近2年的逾期次数，一般情况下若夫妻一方两年内连续三次逾期还款，或累计六次逾期还款将不能获得贷款。需要指出的是，连续三次逾期还款的含义是，比如一笔资金还款期限是一个月，连续三个月未还；而累计六次，比如逾期一次，还了；又发生了逾期，如此发生六次。通常，不良信用记录会被央行征信中心保留5年,5年后将删除。但是信用污点一旦产生，即使是无心之过，在5年之内也不可消除，所以提醒各位务必重视自己的信用记录。</t>
  </si>
  <si>
    <t>支付宝刷脸登录安全吗</t>
  </si>
  <si>
    <t>开启刷脸登录并不是十分安全。</t>
  </si>
  <si>
    <t>hpv可以治愈吗</t>
  </si>
  <si>
    <t>能治好。hpv病毒尖锐湿疣的病原体，同时也是尖锐湿疣反复发作的诱因hpv病毒是尖锐湿疣的病原体，同时也是尖锐湿疣反复发作的诱因。一般经过积极的抗病毒治疗，一般都能。</t>
  </si>
  <si>
    <t>李成敏有情色片吗</t>
  </si>
  <si>
    <t>苹果5s升级10.3流畅吗</t>
  </si>
  <si>
    <t>卡，并不流畅。</t>
  </si>
  <si>
    <t>看的出来作为IOS10的最后一个大的版本，苹果对于老产品还是很看重的，尽可能的优化，让老设备能够流畅的运行。</t>
  </si>
  <si>
    <t>王者荣耀李白要改吗</t>
  </si>
  <si>
    <t>已经改完了，削弱了大招的群体伤害，但是提升的攻速的成长，总体感觉就是单挑更强刷野更快打团变弱，逆风无力，毕竟大招在人群里只有70%的伤害，尽量在对面人群边缘开大可以提升一下输出。</t>
  </si>
  <si>
    <t>二手车销售统一发票可以抵扣吗</t>
  </si>
  <si>
    <t>《增值税暂行条例实施细则》第二十六条规定，纳税人自用的应征消费税的摩托车、汽车、游艇，其进项税不得从销项税额中抵扣。据此，若企业购买的车辆属于应征消费税的，其进项税不得抵扣。</t>
  </si>
  <si>
    <t>拼多多上的东西是正品吗</t>
  </si>
  <si>
    <t>拼多多上的东西不是真的。</t>
  </si>
  <si>
    <t>肾炎严重吗</t>
  </si>
  <si>
    <t>专家表示，肾炎早发现，早治疗，是可以治好的。所以肾炎只要及时治疗，并不严重。</t>
  </si>
  <si>
    <t>肾炎是很严重的。</t>
  </si>
  <si>
    <t>女狙击手凯特琳 有特效吗?</t>
  </si>
  <si>
    <t>女警狙击无特效。</t>
  </si>
  <si>
    <t>一个人跟团旅游尴尬吗</t>
  </si>
  <si>
    <t>尴尬。</t>
  </si>
  <si>
    <t>得了小三阳能治好吗</t>
  </si>
  <si>
    <t>乙肝没有根治的方法。</t>
  </si>
  <si>
    <t>目前可能还有困难。</t>
  </si>
  <si>
    <t>全网通手机能用两张电信卡吗</t>
  </si>
  <si>
    <t>华为品牌的全网通手机及其其他品牌的全网通手机均不支持同时使用两张电信卡的。</t>
  </si>
  <si>
    <t>信用卡能转账到储蓄卡吗</t>
  </si>
  <si>
    <t>可以的啊，相当于预借现金。</t>
  </si>
  <si>
    <t>信用卡中的款项只能通过转帐的方式转入，是不能转出的。</t>
  </si>
  <si>
    <t>欧马龙滴剂是激素药吗</t>
  </si>
  <si>
    <t>不含激素。成分：欧龙胆、报春花、酸模、洋接骨木、马鞭草；辅料乙醇的含量为19%。</t>
  </si>
  <si>
    <t>这种药只是缓解孩子流鼻涕的症状，是中成药，不是抗生素。</t>
  </si>
  <si>
    <t>林正英是不是泄露天机</t>
  </si>
  <si>
    <t>可以这样认为，但不切实际。</t>
  </si>
  <si>
    <t>阴阳师万年竹绝版吗</t>
  </si>
  <si>
    <t>不会。</t>
  </si>
  <si>
    <t>小米6只有黑色吗</t>
  </si>
  <si>
    <t>只有黑色的。</t>
  </si>
  <si>
    <t>绿萝招蚊子吗</t>
  </si>
  <si>
    <t>绿萝不会招虫。但如果养护不好就会生虫。</t>
  </si>
  <si>
    <t>520民政局上班吗</t>
  </si>
  <si>
    <t>上。</t>
  </si>
  <si>
    <t>今年5月20日恰逢周六，为了保证新人顺利办理结婚证，5月20日，成都全市婚姻登记机关将正常上班。此外，需要提醒大家的是拟在5月20日办证的新人，不需预约，带齐相关证件，按时到户口所在地的婚姻登记处，符合条件的都能顺利办证，实现幸福心愿。</t>
  </si>
  <si>
    <t>由于5月20日为周六，想要在当天领证的新人们须提前进行网络预约，未预约则现场不提供办理婚登手续。因为根据市民政局的规定，周六婚登处只对预约市民办公，对不预约的市民不提供服务。</t>
  </si>
  <si>
    <t>微信把对方删了 他好友里还有我吗</t>
  </si>
  <si>
    <t>微信的添加删除不是相互同步的，删除对方后，好友列表里面没有了他，但他的好友列表里面还是会有你的。</t>
  </si>
  <si>
    <t>眼镜王蛇打得过蜜獾吗</t>
  </si>
  <si>
    <t>眼镜王蛇没有蜜獾重,它是很长,但算不上很大,蜜獾吃最毒的蜈蚣,蝎子,蟾蜍,蒙吧蛇以及眼镜蛇连最毒的上百万毒蜂都不一定蜇的死蜜獾,你觉得眼镜王蛇就一定能奈何的了么,有一点忘了,蜜獾不死是绝对不会罢休的。</t>
  </si>
  <si>
    <t>从动物自我危机感来说，蜜獾不会轻易的对这样的大体型毒蛇入手，会平衡厉害关系，一般不会贸然攻击眼镜王蛇，一旦真的开战胜负只能说是五五开。</t>
  </si>
  <si>
    <t>外科风云好看吗</t>
  </si>
  <si>
    <t>觉得好好看。</t>
  </si>
  <si>
    <t>殷红的恋歌有资源吗</t>
  </si>
  <si>
    <t>还没出。</t>
  </si>
  <si>
    <t>王者荣耀皮肤有隐藏属性吗</t>
  </si>
  <si>
    <t>有的是错觉有的是真的。</t>
  </si>
  <si>
    <t>有些皮肤确实有一些“隐性属性”加成。</t>
  </si>
  <si>
    <t>支气管扩张能治好吗</t>
  </si>
  <si>
    <t>支气管扩张难治愈。这个有支气管扩张了，是属于支气管的器质性改变了，也就是有结构改变，气管的软骨塌陷，平滑肌损伤，失去支撑，而扩大，这个通过保守治疗办法是较难予以扭转了的，特别是广泛的全肺的支气管扩张，如果是单纯的局部的支气管扩张，可以通过手术切除病变部分而治疗好，而全肺的，一般都是予以加强免疫力，防止感染，防止支扩的急性发作，要根治一般是需要予以肺移植，但是目前使用很少。</t>
  </si>
  <si>
    <t>不能根治，只有保养，注意饮食，休息，每天坚持锻炼，让这个病不发展。特别要小心不要让自己伤感又不及时看治。</t>
  </si>
  <si>
    <t>此病为良性病，目前医疗水平不能根治。症轻保护预防感冒，多散步等较轻锻炼和正常人一样。乐观对待，不要过于劳神劳力，作息规律很重要。如年轻，感染程度不超一个肺叶可选手术治疗，防止手术反复发作。</t>
  </si>
  <si>
    <t>beatsx安卓能用吗</t>
  </si>
  <si>
    <t>能用。</t>
  </si>
  <si>
    <t>得看是什么安卓手机，有的不能用。</t>
  </si>
  <si>
    <t>微信还信用卡有手续费吗</t>
  </si>
  <si>
    <t>目前，用微信给信用卡还款“免收手续费”。</t>
  </si>
  <si>
    <t>在哪里的信用卡还款都是没有手续费的，如果想用微信钱包里的钱还款，还可以避免微信提现的手续费。</t>
  </si>
  <si>
    <t>目前微信还信用卡不需要手续费。</t>
  </si>
  <si>
    <t>春缇舍氧元素是真的吗xiaochundl</t>
  </si>
  <si>
    <t>真的，制作调理不错。</t>
  </si>
  <si>
    <t>也叫小春，它源自沙漠奇宝沙棘，它的功效很强大，既能内服也能外用，内服清热解毒，降血压，抗癌，缓解各种炎症，益智补脑，外用祛痘淡斑，促进伤口恢复，淡化疤痕，蚊叮虫咬，皮肤过敏，效果显著。它提取自沙棘精华，无不适用人群，无任何副作用，入眼都没有任何刺激。它的很多功效还未被发现，如果你有什么困扰，可以说给我听，说不定小春可以帮到你哦，精华，无不适用人群，无任何副作用，入眼都没有任何刺激。</t>
  </si>
  <si>
    <t>晚上喝酸奶会胖吗</t>
  </si>
  <si>
    <t>如果说是喝酸奶的话，那么应该不会导致你变胖的，因为酸奶的话，主要就是富含一些乳酸杆菌的，仅仅是调节肠道菌群的，是没有富含能量的物质的，所以不会导致肥胖的。</t>
  </si>
  <si>
    <t>酸奶是由优质的牛奶经过乳酸菌发酵而成的，本质上属于牛奶的范畴;而酸奶饮料，只是饮料的一种，不是牛奶。喝酸奶有助减肥，而喝酸奶饮料只会适得其反。一般来说，酸奶饮料都是加入过多糖分的饮品。所以，喝酸奶饮料减肥会导致你摄入过多的热量。</t>
  </si>
  <si>
    <t>慢性胃炎可以吃大蒜吗</t>
  </si>
  <si>
    <t>慢性胃炎可以吃大蒜。</t>
  </si>
  <si>
    <t>对于有胃炎的人最好是不要吃，因为对于胃炎患者来说，这个时候的胃酸分泌是比较少的，所以需要尽量的少吃一些有刺激性的食物，吃一些容易消化的食物，有刺激性的最好就不要吃了。</t>
  </si>
  <si>
    <t>胃病尽量避免吃生的蒜头以及生冷辛辣刺激容易上火的食物,以免症状加重。因为大蒜素有杀菌,包括杀死幽门螺杆菌的作用,可以食用,但最好是熟的,生的刺激性太大。</t>
  </si>
  <si>
    <t>拔乳牙疼吗</t>
  </si>
  <si>
    <t>不疼。</t>
  </si>
  <si>
    <t>拔乳牙其实一点也不疼，医生会为小朋友们准备非常香甜的草莓表面麻醉膏，只要轻轻的涂在牙龈上，医生用小钳子一夹，小乳牙就下来了。</t>
  </si>
  <si>
    <t>乳牙的牙根很浅，只有用些表麻或不用麻药就可以拔。拔乳牙不会有疼痛，或者只有很轻微的疼痛，孩子是可以忍受的。</t>
  </si>
  <si>
    <t>武藤游戏是历代最强吗</t>
  </si>
  <si>
    <t>通过参加决斗王国和战斗城市卡片决斗大赛并获得胜利，奠定了史上最强决斗者的称号。</t>
  </si>
  <si>
    <t>滴滴快车合法吗2017</t>
  </si>
  <si>
    <t>滴滴虽然合法，但每个地区执行不同，还是有被抓的风险。</t>
  </si>
  <si>
    <t>不合法，行驶证上标明了非运营。</t>
  </si>
  <si>
    <t>平安财富宝有亏钱的吗</t>
  </si>
  <si>
    <t>风险是相对的。平安的很难说，尤其是现在的平安普惠系，什么都可能。</t>
  </si>
  <si>
    <t>平安财富宝的安全性问题不大。</t>
  </si>
  <si>
    <t>有，收益越高风险越大。</t>
  </si>
  <si>
    <t>小米6是曲面屏吗</t>
  </si>
  <si>
    <t>小米6是4曲面玻璃，不是曲面屏，可以对比小米NOTE2（是曲面屏，目前价格还远高于小米6），曲面玻璃不是曲面屏。</t>
  </si>
  <si>
    <t>黄灯最后一秒过去算闯红灯么</t>
  </si>
  <si>
    <t>黄灯最后一秒过了停止线不算闯红灯。</t>
  </si>
  <si>
    <t>seo技术可以自学吗</t>
  </si>
  <si>
    <t>没有qs标志的食品能卖吗</t>
  </si>
  <si>
    <t>小三阳能自然转阴吗</t>
  </si>
  <si>
    <t>通过人体自己的免疫功能，小三阳是能够自然转阴的。</t>
  </si>
  <si>
    <t>如果患者保养的好，也是有可能自主转阴的。但是也有的患者几年内可能导致疾病进一步恶化。关键还是要积极治疗，千万不能抱着侥幸的心理，因为病情自主转阴的几率是很小的。</t>
  </si>
  <si>
    <t>男方第一次去女方家 女方家长要给红包吗</t>
  </si>
  <si>
    <t>每个地方和每个地方的风俗习惯不一样，一般女方去男方家，男方父母给女方钱，男方去女方家里，女方父母不用给钱，不过这也得看父母的。</t>
  </si>
  <si>
    <t>玻尿酸隆鼻好不好</t>
  </si>
  <si>
    <t>如果不想手术，注射玻尿酸是一种很好的改善目前塌鼻梁的方案。使用通过CFDA认证的玻尿酸材料，选择正规的医院和医生，安全性是可以保证的。</t>
  </si>
  <si>
    <t>玻尿酸注射隆鼻的效果是立竿见影，做完当时就可以看到效果，主要是有年限之分，可以管1到2年左右。</t>
  </si>
  <si>
    <t>口头协议有法律效力吗</t>
  </si>
  <si>
    <t>有法律效应的。</t>
  </si>
  <si>
    <t>甲鱼蛋能吃吗</t>
  </si>
  <si>
    <t>甲鱼蛋是可以吃的。</t>
  </si>
  <si>
    <t>甲鱼蛋也是非常的美味的食物，并且甲鱼蛋的药用价值也是非常高的了，在生活中经常吃一些甲鱼蛋对于人体的健康也是非常的有好处的了，所以在生活中可以多吃一些甲鱼蛋的。</t>
  </si>
  <si>
    <t>糠酸莫米松乳膏有激素吗</t>
  </si>
  <si>
    <t>含激素。</t>
  </si>
  <si>
    <t>身份证到期能买火车票吗</t>
  </si>
  <si>
    <t>dnf制裁多了会封号吗</t>
  </si>
  <si>
    <t>试管婴儿可以控制男女吗</t>
  </si>
  <si>
    <t>第三代可以控制性别，主要是为了控制遗传病遗传给下一代。</t>
  </si>
  <si>
    <t>移动漫游费取消了吗</t>
  </si>
  <si>
    <t>飞机上手机开飞行模式可以吗</t>
  </si>
  <si>
    <t>目前中国民航以及国际上大多数民航都严格要求，手机在飞行过程中必须关机，不认可飞行模式。</t>
  </si>
  <si>
    <t>耳朵长毛的男人好不好</t>
  </si>
  <si>
    <t>耳朵长毛的男人运气是否好，主要还是看这个人耳朵上的毛长在什么位置，有些位置有毛的人寿命会比较强，有些位置的毛会影响我们的整体运势，也有些位置的毛对人生，没有多大的影响。</t>
  </si>
  <si>
    <t>耳朵长毛：耳朵长毛分为两种类型，一种是耳廓上长毛，一种是耳洞内长毛，无论是何种，命中总是福气旺盛，财力雄厚，天生就是聪明人，长有“顺风耳”，擅长把握生财机会，一生受人崇敬，官禄运佳，无论男女都有望成为达官贵人。</t>
  </si>
  <si>
    <t>耳朵长毛的人一般寿命会比较长，主要还是看耳朵上的毛长在什么位置，如果是在耳朵外面，那么一般对事业没有什么影响，但是如果是长在耳朵里面的话就会影响运势，长在耳朵外面的毛可能会影响美观。</t>
  </si>
  <si>
    <t>空客330是大飞机吗</t>
  </si>
  <si>
    <t>分公司可以独立开票吗</t>
  </si>
  <si>
    <t>分公司也可以开发票，但是合同也要以分公司名义签订。只要到当地税务机关进行纳税登记，并在所在地纳税。</t>
  </si>
  <si>
    <t>可以开发票。但必须取得营业执照以及国、地税务登记证。分公司在进行了税务登记后，可以向税务局申领发票。</t>
  </si>
  <si>
    <t>黑暗权能徽章值钱吗</t>
  </si>
  <si>
    <t>不值钱。</t>
  </si>
  <si>
    <t>固态硬盘120g够用吗</t>
  </si>
  <si>
    <t>480都不够。</t>
  </si>
  <si>
    <t>够，128G或120G是最佳性价比。</t>
  </si>
  <si>
    <t>主要看干什么用。</t>
  </si>
  <si>
    <t>黑木耳泡久了有毒吗</t>
  </si>
  <si>
    <t>可能有毒。</t>
  </si>
  <si>
    <t>柴犬适合家养吗</t>
  </si>
  <si>
    <t>适合大多数中国家庭饲养。</t>
  </si>
  <si>
    <t>能看家护院。</t>
  </si>
  <si>
    <t>利民网靠谱吗</t>
  </si>
  <si>
    <t>目前看来没什么大问题。</t>
  </si>
  <si>
    <t>这个平台是不准备做大的,只想短期骗钱。</t>
  </si>
  <si>
    <t>瘦腿针反弹后会更粗吗</t>
  </si>
  <si>
    <t>会的，最好平时结合运动来瘦身瘦小腿。</t>
  </si>
  <si>
    <t>小米6有耳机孔吗</t>
  </si>
  <si>
    <t>比较遗憾取消了传统3.5mm耳机接口。但是妇幼耳机转换接头。有了这个转换接头，就可以实用耳机听歌了。一端连接传统3.5mm耳机，一端连接手机充电口，即便可以听歌还是有个弊端的，就是不能一边充电一边听歌。</t>
  </si>
  <si>
    <t>王者荣耀充值商城是真的吗</t>
  </si>
  <si>
    <t>王者荣耀充值中心和充值商城都是骗子，已经举报。</t>
  </si>
  <si>
    <t>异地违章能在本地处理吗</t>
  </si>
  <si>
    <t>本地交通违规是可以在异地处理的。</t>
  </si>
  <si>
    <t>1、不可以，违章只能在违章地处理或者车辆号牌核发地处理。本地的车辆，在本地违章的，只能在本地处理，不能到外地处理违章。2、根据公安部在2009年4月1日起施行的《道路交通安全违法行为处理程序规定》，第四条交通警察执勤执法中发现的违法行为由违法行为发生地的公安机关交通管理部门管辖。第五条交通技术监控资料记录的违法行为可以由违法行为发生地、发现地或者机动车登记地的公安机关交通管理部门管辖。</t>
  </si>
  <si>
    <t>不一定，违章只能在违章地或者车辆号牌核发地的交警队处理。如果是现场违章，比如直接被交警当场抓住的违章，必须在违章地处理。如果是非现场违章，比如被交通摄像头抓拍的违章，既可以在违章地处理，也可以在机动车号牌核发地处理。</t>
  </si>
  <si>
    <t>dnf星期一能打团吗</t>
  </si>
  <si>
    <t>现在改版了，周一到周日都可以打团。</t>
  </si>
  <si>
    <t>星期一不能打团。</t>
  </si>
  <si>
    <t>俄罗斯蓝鲸游戏封了吗?</t>
  </si>
  <si>
    <t>俄罗斯蓝鲸游戏已经被封锁了。</t>
  </si>
  <si>
    <t>黑天鹅是保护动物吗</t>
  </si>
  <si>
    <t>澳大利亚是，在中国不是。</t>
  </si>
  <si>
    <t>哈士奇智商很低吗</t>
  </si>
  <si>
    <t>香港打的贵吗</t>
  </si>
  <si>
    <t>贵。</t>
  </si>
  <si>
    <t>肺炎好治吗</t>
  </si>
  <si>
    <t>一般7～10天多可治愈。</t>
  </si>
  <si>
    <t>肺炎是唯一可以完全治愈的肺部疾病，一般不留痕迹，除非是拖太长时间不治。</t>
  </si>
  <si>
    <t>好治。</t>
  </si>
  <si>
    <t>世界上有指甲刀人魔吗</t>
  </si>
  <si>
    <t>因此到现在指甲刀人魔一族的人数，已经屈指可数了。这就是指甲刀人魔的历史了。</t>
  </si>
  <si>
    <t>上海社保可以转到外地吗</t>
  </si>
  <si>
    <t>在当事人符合以下条件之一，并且当地的社保部门同意接收的前提下，可以转入的：1、当事人在当地（上 海）实现就业后，可以把社保关系转入到用人单位所在地的社保部门，由用人单位统一参保（具体参看我国《社会保险法》第19条、32等规定）；2、在当事人的户口已经迁入当地，并且当地的社保部门愿意接收当事人的社保关系的前提下，社保关系可以转入当地继续参保（具体应事先咨询当地的工作人员）。</t>
  </si>
  <si>
    <t>经期可以喝玫瑰花茶吗</t>
  </si>
  <si>
    <t>中医认为，玫瑰花味甘微苦、性温，最明显的功效就是理气解郁、活血散淤和调经止痛。此外，玫瑰花的药性非常温和，能够温养人的心肝血脉，舒发体内郁气，起到镇静、安抚、抗抑郁的功效。女性在月经前或月经期间常会有些情绪上的烦躁，喝点玫瑰花可以起到调节作用。在工作和生活压力越来越大的今天，即使不是月经期，也可以多喝点玫瑰花，安抚、稳定情绪。</t>
  </si>
  <si>
    <t>月经期间喝玫瑰花茶会加重月经量，建议月经期间不要喝玫瑰花茶，桂圆、红枣等补血的食物月经后再吃。</t>
  </si>
  <si>
    <t>itools模拟器能玩ios游戏吗</t>
  </si>
  <si>
    <t>只能下安卓游戏。</t>
  </si>
  <si>
    <t>ued体育恢复了吗</t>
  </si>
  <si>
    <t>永久不回归。</t>
  </si>
  <si>
    <t>暂时不回归。</t>
  </si>
  <si>
    <t>有人在天地和装修过吗</t>
  </si>
  <si>
    <t>红小豆能常吃吗</t>
  </si>
  <si>
    <t>尿频的人应注意少吃。其他人无所谓。</t>
  </si>
  <si>
    <t>毕业设计程序查重吗</t>
  </si>
  <si>
    <t>需要的。</t>
  </si>
  <si>
    <t>桃谷绘里香有步兵吗?</t>
  </si>
  <si>
    <t>通过查阅，桃谷绘里香还没有步兵番号的。</t>
  </si>
  <si>
    <t>二建全国考题一样吗</t>
  </si>
  <si>
    <t>每个省份都是同一份试卷。</t>
  </si>
  <si>
    <t>在膳食中应使蔬菜类酸性食品 对吗</t>
  </si>
  <si>
    <t>错误。</t>
  </si>
  <si>
    <t>与粮、豆、肉、鱼和蛋等“碱性食品”保持一定的比例，这样有利于人体维持酸碱平衡。</t>
  </si>
  <si>
    <t>碰碰香有毒吗</t>
  </si>
  <si>
    <t>无毒。</t>
  </si>
  <si>
    <t>会计证取消了吗</t>
  </si>
  <si>
    <t>会计从业资格证书将在会计法修改后正式取消。</t>
  </si>
  <si>
    <t>ddr3和ddr4插口一样吗</t>
  </si>
  <si>
    <t>完全不一样，防呆接口位置不同。</t>
  </si>
  <si>
    <t>插槽一样，看主板支持不支持DDR4。</t>
  </si>
  <si>
    <t>菠菜开花能吃吗</t>
  </si>
  <si>
    <t>菠菜开花后食用不会给人造成伤害。只要菠菜不是特别老，茎部没有纤维化，市民就可以放心吃。</t>
  </si>
  <si>
    <t>能吃，但口感不好。长花的菠菜比较老了，一般不食用，营养还是有的，但口感很差，营养也远不及嫩菠菜。</t>
  </si>
  <si>
    <t>鹤望兰能放室内吗</t>
  </si>
  <si>
    <t>可以的。鹤望兰喜温暖湿润气候，怕霜雪；喜光，但忌强光，光线弱生长纤细，出芽少，开花不正常或不开花。生长适温为18-24℃，冬季室内温度不宜低于5℃。</t>
  </si>
  <si>
    <t>要是卧室空间不大，采光不好，建议不要放在卧室。</t>
  </si>
  <si>
    <t>共享单车可以骑回家吗</t>
  </si>
  <si>
    <t>公共自行车是为了方便市民出行的最后一公里为主。也就是车站、地铁站到小区的这段路程。既然是公共自行车，就是大家都需要使用的。可以骑到小区附近，但是不能说扛回家或者加把私锁之类的，私人独享一台公共自行车，这种行为就和偷盗差不多了。</t>
  </si>
  <si>
    <t>polo sport是山寨吗</t>
  </si>
  <si>
    <t>这个polo sport就是个山寨品牌，图标和Ralph Lauren的非常相似。</t>
  </si>
  <si>
    <t>只有保罗拉夫尔劳伦才是真的美国保罗，圣大保罗和美国马球俱乐部等品牌均为国产，只是买了个国外非营利性马球俱乐部商标的中国使用权贴上去就身价翻数倍卖给人傻钱多的中国老百姓，更有些POLO SPORT和POLO WORLD等品牌连商标都不买，直接商标仿照拉尔夫劳伦再取个polo沾边的英文名就卖很高价，实际就是个街边天天喊着打折那些假鳄鱼的一样的质量。</t>
  </si>
  <si>
    <t>悦美可靠吗</t>
  </si>
  <si>
    <t>苹果6s id锁能不能破解</t>
  </si>
  <si>
    <t>ID锁只有原ID密码才可以解锁的。ID锁是在iOS 7及更高版本系统下开启了“查找我的iPhone”功能，在“查找我的iPhone”状态下刷机或者升级系统，需要重新激活绑定手机上Apple ID账号才能进入桌面，否则就手机就陷入“刷机-激活-刷机-激活”的死循环，变成传说中的“砖头”。苹果随iOS7系统推出了ID锁功能，是出于保护苹果用户。</t>
  </si>
  <si>
    <t>孕后期吃燕窝好吗</t>
  </si>
  <si>
    <t>提供和补充孕产期所需营养物质，事实证明，孕妇在怀孕初期由于呕吐等原因一半进食很少，相对来说营养物质的摄入吸收就会受到很大的影响。而燕窝每天只需食用1-2调羹，其所能补充的营养就能大于等于孕妇平常1日三餐所摄入的营养。补充胎儿所需之“燕窝酸”怀孕的头三个月时对胎儿神经系统和各种器官生长发育最关键的时期，燕窝中含有一种高达10%的生物活性成分、人体必需的重要成分“神经氨酸”“燕窝酸”，“燕窝酸”这种珍贵成份仅仅存在于母乳中最好的初乳和燕窝中。预防妊娠纹燕窝里含有一种多肽类物质——表皮生长因子（EGF），它能刺激多种细胞分裂增殖，促进细胞分化，补充胶原蛋白，对受损皮肤进行快速修复，特别对于妊娠纹的预防有非常明显的效果。</t>
  </si>
  <si>
    <t>蚌精吃暴击吗</t>
  </si>
  <si>
    <t>不吃。</t>
  </si>
  <si>
    <t>公寓值得投资吗</t>
  </si>
  <si>
    <t>值得投资。</t>
  </si>
  <si>
    <t>要看市场反应。</t>
  </si>
  <si>
    <t>空包网发空包安全吗</t>
  </si>
  <si>
    <t>比较放心。</t>
  </si>
  <si>
    <t>很安全的。</t>
  </si>
  <si>
    <t>周汤豪是不是喜欢鬼鬼</t>
  </si>
  <si>
    <t>单仰萍离开越剧院了吗</t>
  </si>
  <si>
    <t>并没有，只是暂时未演出而已。</t>
  </si>
  <si>
    <t>肝炎会传染吗</t>
  </si>
  <si>
    <t>不会传染。</t>
  </si>
  <si>
    <t>一般会通过血液传染以及性传播传染，当然如果父母是肝炎患者的话，也会通过母婴传染的。 指导意见： 这种情况只要是没有血液接触传染的额=可能性不大，当然，为了避免特殊情况的感染，最好还是尽量避免与乙肝患者共餐或者是共饮。</t>
  </si>
  <si>
    <t>肝炎一般是不通过消化道传播的，一般是母婴传播，血液传播和性生活传播。</t>
  </si>
  <si>
    <t>黑芝麻糊会发胖吗</t>
  </si>
  <si>
    <t>黑芝麻糊长期食用不会发胖的，因为芝麻中含有防止人体发胖的物质：蛋黄素、胆碱、肌糖，即使吃多了也不会发胖。它具有滋养身体、补充热量、乌润、衰老及美容等作用。也是民间很传统的养生食品。其吃法简单，先将黑芝麻磨成末状后，食用时用沸过的开水冲调，成为糊状物就可食用。</t>
  </si>
  <si>
    <t>长期吃黑芝麻糊多了，真的会导致肥胖，这是因为黑芝麻糊热量很高，可以适量吃。</t>
  </si>
  <si>
    <t>win10自带的杀毒软件好用吗</t>
  </si>
  <si>
    <t>是微软最好的杀毒软件。</t>
  </si>
  <si>
    <t>316不锈钢是食品级吗</t>
  </si>
  <si>
    <t>是的，316不锈钢是指在铁元素中添加18%的铬元素和10%的镍元素，在钢中添加铬元素和镍元素可以提高钢的抗化学氧化性能，这种不锈钢有更好的耐用和加耐蚀性能，完全没有金属离子析出，主要属于“医用不锈钢”，这类不绣钢在餐具上的使用通常有特殊说明。</t>
  </si>
  <si>
    <t>316规格分为工业级不锈钢材质、食品级材质、和卫生级材质</t>
  </si>
  <si>
    <t>方舟生存手机可以玩吗</t>
  </si>
  <si>
    <t>手机没有这个游戏。</t>
  </si>
  <si>
    <t>提前退租能否退还押金</t>
  </si>
  <si>
    <t>只要没有造成什么大影响，都是可以的。</t>
  </si>
  <si>
    <t>异地买房可以提取公积金吗</t>
  </si>
  <si>
    <t>达内培训 好不好官</t>
  </si>
  <si>
    <t>好，达内能够给的保证就是，终身推荐就业，凭借的就是全国140多个校区以及将近7万多家的合作公司。</t>
  </si>
  <si>
    <t>达内教育集团是在美国NASDAQ上市的中国最大的职业教育集团。</t>
  </si>
  <si>
    <t>海南定安县冬天潮湿吗</t>
  </si>
  <si>
    <t>潮湿。</t>
  </si>
  <si>
    <t>菊花和玫瑰花能一起喝吗</t>
  </si>
  <si>
    <t>玫瑰花最好不要与茶叶泡在一起喝。因为茶叶中有大量鞣酸，会影响玫瑰花舒肝解郁的功效。但需注意的是：因玫瑰花有收敛作用，便秘者不宜饮用。此外，玫瑰花活血散淤的作用比较强，月经量过多的人在经期最好不要饮用。</t>
  </si>
  <si>
    <t>两个可以一起冲泡。具有开胃健脾，活血化瘀，明目养颜的功效。</t>
  </si>
  <si>
    <t>烟丝泡水杀虫有效果吗</t>
  </si>
  <si>
    <t>里面有烟碱成分，是除治蚜、青虫等虫害的，对虫害有一定除治作用。</t>
  </si>
  <si>
    <t>用烟丝水喷洒染有虫害的植物几次，即可轻易消灭害虫。浇到盆土里也可以杀虫。</t>
  </si>
  <si>
    <t>白带增多是不是怀孕了</t>
  </si>
  <si>
    <t>白带增多并不代表是怀孕的征兆。</t>
  </si>
  <si>
    <t>一般怀孕初期白带会多一些。</t>
  </si>
  <si>
    <t>白带增多并不能代表怀孕</t>
  </si>
  <si>
    <t>安居客怎么样 靠谱吗</t>
  </si>
  <si>
    <t>1.2亿装机量，70%移动市场份额，找房卖房首选；1000万套租售房产，最专业的房产搜索引擎；100多万房东已成功在安居客卖房，40多万经纪人协助服务；业界一流的二手房新房推荐系统，用大数据猜你喜欢的房子；业内最强大小区数据库，定制你关注的房源房价；地图搜房，搜索附近房产，地铁房、轨交房、打折楼盘；数百万房东在此卖房，帮助房东快速找到心仪买家；闪电卖房：最快1天即可卖房；海量房源：二手房、新房、租房、商业地产；房东委托：委托卖房、专属房东房源房价展示、房东房源管理；定制房价：小区房价、房价走势、房价评估；特色找房：地图搜房、附近找房、轨交淘房；新房折扣：新房团购，新房免费班车，新房独家优惠；房产工具：房贷计算器、房产百科、二手房新房看房笔记。安居客的房子都是靠谱的。</t>
  </si>
  <si>
    <t>假的，都是有套路。</t>
  </si>
  <si>
    <t>百度网盘可以多人同时登陆吗</t>
  </si>
  <si>
    <t>百度网盘支持同一账号多人登录。</t>
  </si>
  <si>
    <t>共享单车要押金吗</t>
  </si>
  <si>
    <t>ofo要。</t>
  </si>
  <si>
    <t>摩拜和一步要，永安行不要。</t>
  </si>
  <si>
    <t>ofo非学生需要交99元押金。</t>
  </si>
  <si>
    <t>微信转账收手续费吗</t>
  </si>
  <si>
    <t>信方面规定，从3月1日开始，微信提现将按照提现金额的0.1%收取手续费，每笔至少0.1元。也就是说提现1000元需要支付1元的手续费，不过每位用户可获赠1000元的免费提现额度。注意，这个1000元并不是每次提现都有1000元免收手续费，而是每人提现的金额累积起来1000元以内都是不收费的，超过额度后即使提现1元也仍需缴纳0.1元手续费。腾讯表示，提现收取手续费并不是为了让微信营利，因为这笔钱是银行收取的，以前都是微信来交。不过在提现收费的同时，微信转账手续费这次倒是取消了，不过各大银行也取消了转账手续费，所以微信取消转账手续费也是必然的。</t>
  </si>
  <si>
    <t>微信好友间转账不收手续费。但是零钱提现需要收取手续费。</t>
  </si>
  <si>
    <t>国企的子公司是国企吗</t>
  </si>
  <si>
    <t>属于。</t>
  </si>
  <si>
    <t>名鞋库的鞋子是真的吗</t>
  </si>
  <si>
    <t>1.假的，没有名鞋库这个经销商；2.名鞋库真假混着卖。</t>
  </si>
  <si>
    <t>1.极少部门是由于货源的不同，或者是专柜打折店，又或者是私人的单件物品是真的；2.最好还是在专卖店上面找专柜正品的东西，并且要问清商家是否是正品。</t>
  </si>
  <si>
    <t>炉甘石洗剂孕妇可以用吗</t>
  </si>
  <si>
    <t>暗恋老师会被看出来吗</t>
  </si>
  <si>
    <t>会的。人与人之间的关系很微妙，尤其是直觉。</t>
  </si>
  <si>
    <t>铁道警察学院包分配吗</t>
  </si>
  <si>
    <t>现在警察学校毕业了都不分配了。</t>
  </si>
  <si>
    <t>只是铁公专升铁警院优势更加大了，其实包分配也差不多是，今年国考各地的铁路公安招考很多要求公安专业（铁路方向），这个方向只有铁警有，和公大刑院差不多了，只是一本二本的区别。但是每年毕业生总有几个不努力或运气不好的，比以前包分配有根本区别。</t>
  </si>
  <si>
    <t>不动产证是永久产权吗</t>
  </si>
  <si>
    <t>就业协议书能乱签吗</t>
  </si>
  <si>
    <t>学校要求签就业协议，其实只是为了统计就业率 ，就业协议书您可以根据实际情况决定签与不签。</t>
  </si>
  <si>
    <t>360云盘不能上传了吗</t>
  </si>
  <si>
    <t>10月20日，360云盘宣布关闭个人云盘服务，转型企业云服务。</t>
  </si>
  <si>
    <t>免费的360云盘已经关闭上传服务，只能下载，但现在企业云盘可以上传了。个人也可以申请。</t>
  </si>
  <si>
    <t>魏国强是安迪的父亲吗</t>
  </si>
  <si>
    <t>狗可以吃芒果吗</t>
  </si>
  <si>
    <t>得看看狗狗对芒果是否过敏，不过敏就可以。</t>
  </si>
  <si>
    <t>可以吃，不多吃就可以。</t>
  </si>
  <si>
    <t>次贷人有贷款记录吗</t>
  </si>
  <si>
    <t>男人分手后想念情人吗</t>
  </si>
  <si>
    <t>看现在过得好与不好，好不会想对方，不好就会。</t>
  </si>
  <si>
    <t>王者荣耀不同操作系统可以一起玩吗</t>
  </si>
  <si>
    <t>可以一起玩，ios的微信区可以邀请安卓的微信区好友一起玩，同理ios的QQ区玩家可以邀请安卓的QQ区玩家一起玩，但是ios和安卓数据是不互通的。</t>
  </si>
  <si>
    <t>可以一起玩，但是不会有亲密度。</t>
  </si>
  <si>
    <t>德国ba保镖药房可靠吗</t>
  </si>
  <si>
    <t>我朋友在德国的实体店买过，还不错，发货很快。</t>
  </si>
  <si>
    <t>崩坏3深渊结算中还会炸吗</t>
  </si>
  <si>
    <t>在结算前到时间了会炸。</t>
  </si>
  <si>
    <t>算时间有33分钟，只要在这结算时间内，倒计时结束，那么炸弹也会引爆的。</t>
  </si>
  <si>
    <t>会炸的。</t>
  </si>
  <si>
    <t>拉布拉多犬好养吗</t>
  </si>
  <si>
    <t>好养。</t>
  </si>
  <si>
    <t>芒果tv有弹幕吗</t>
  </si>
  <si>
    <t>看电视时右上角。</t>
  </si>
  <si>
    <t>芒果TV现在只有直播节目有弹幕的。</t>
  </si>
  <si>
    <t>keynote可以删除吗</t>
  </si>
  <si>
    <t>可以删除。</t>
  </si>
  <si>
    <t>胸腔积液能治好吗</t>
  </si>
  <si>
    <t>出现胸腔积液并不是每个人所希望的，因为胸腔积液所造成的危害是非常大的，胸腔积液泡，产生的原因是不同的，所以治疗的方法也会有所不同。胸腔积液的产生主要是肺部出现了感染，比如结核性的胸膜炎或者是肾脏病变、心脏病变都会直接的引起胸腔积液。当出现胸腔积液的时候，患者只要积极的去进行治疗是完全可以治好的。</t>
  </si>
  <si>
    <t>胸腔积水有些能治好，有些难以治疗好。</t>
  </si>
  <si>
    <t>蒸桑拿能祛湿吗</t>
  </si>
  <si>
    <t>桑拿不但不能去除湿气，反而会使湿更重。</t>
  </si>
  <si>
    <t>蒸桑拿的好处，不是去湿气，主要是促进血液。</t>
  </si>
  <si>
    <t>孕妇做彩超和b超有区别吗</t>
  </si>
  <si>
    <t>彩超一般在孕中期第一次排畸的时候使用。主要是筛查胎儿各个器官是否畸形（面部及口唇除外）。第一次筛查大概是在22-24周，排查严重的、明显的畸形，如果孕妈妈非常的胖，建议在26周左右再去做彩超。孕早期的时候用普通B超就可以了，早期只是检测胎儿大概情况，比如检测是否在宫内、胎儿的头围、股骨长、羊水等指标。一般在怀孕8-12周做一次黑白B超确定在宫内和胎龄。</t>
  </si>
  <si>
    <t>纹眉疼吗咨询名师朱蕊</t>
  </si>
  <si>
    <t>纹眉是把针垂直的刺在皮肤上，会有一定的痛感，上色时间较长。</t>
  </si>
  <si>
    <t>纹绣行业迅速爆棚的今天，市场上的纹绣师的技术水平相差很多，而且纹眼线的时候距离眼睛的距离很近，皮肤比较敏感，会出现很痛、不上色等情况，所以必须要找专业的纹绣师才比较安全、而且不会痛、效果好！其实纹眼线痛吗找名师朱蕊做的不痛、纹得效果好，能够做出“睁眼有神，闭眼无痕”的效果。</t>
  </si>
  <si>
    <t>粉笔公考680值不值</t>
  </si>
  <si>
    <t>自制力够强，还是值得的。</t>
  </si>
  <si>
    <t>不咋样。</t>
  </si>
  <si>
    <t>贵阳适合居住吗</t>
  </si>
  <si>
    <t>贵阳很适合居住。</t>
  </si>
  <si>
    <t>不适合，贵阳是天无三日晴经常阴雨天气，因为在云贵高原。</t>
  </si>
  <si>
    <t>全志是不是快倒闭了</t>
  </si>
  <si>
    <t>快了。</t>
  </si>
  <si>
    <t>旧版系统windows.old的文件可以删除吗</t>
  </si>
  <si>
    <t>这是升级新系统后，保留下来的以前系统的备份目录。如果以后一个月内不准备还原到以前系统，可以删除它。</t>
  </si>
  <si>
    <t>皮下脂肪瘤会癌变吗</t>
  </si>
  <si>
    <t>一般来说，脂肪瘤是不会发生癌变的，小的脂肪瘤甚至可以不用理会，但是会影响美观，很多患者为了美观就会去及时的治疗脂肪瘤。</t>
  </si>
  <si>
    <t>皮下脂肪瘤会有癌变的，但是癌变的几率是比较低，所以要特别重视。如果早期症状并不是特别的明显，并不是用特殊方式进行治疗，如果发现有疼痛的症状，可以对症治疗，用药控制病症，如果已经有癌变的现象，同时还需要到专业的肿瘤科医院进行治疗。</t>
  </si>
  <si>
    <t>如果脂肪瘤大小无变化,可以放置不管,如果有增大迹象,建议立即手术治疗，属于良性肿瘤，多不会癌变。</t>
  </si>
  <si>
    <t>成都华阳有男科吗</t>
  </si>
  <si>
    <t>三星s7用久了会卡吗</t>
  </si>
  <si>
    <t>白殿风能治好吗</t>
  </si>
  <si>
    <t>白癜风是可以康复的。</t>
  </si>
  <si>
    <t>星露谷物语小鸡要喂吗</t>
  </si>
  <si>
    <t>是要在鸡舍里添加牧草，要注意牧草的消耗，冬天的时候要建造暖气设备。</t>
  </si>
  <si>
    <t>如果农场中有种牧草(那种锄头打不掉的连成一片的高草)，可以把鸡舍外面的小门打开，这样每天鸡会自己出来遛弯觅食，除了下雨天和冬天它们都可以自己吃，下雨天和冬天则需要稻草hay才可以喂鸡。</t>
  </si>
  <si>
    <t>英雄联盟违规id会送改名卡吗</t>
  </si>
  <si>
    <t>不送，被系统改成了违规昵称要自己买改名卡，系统不给免费的。</t>
  </si>
  <si>
    <t>金刚狼3死了会复活吗</t>
  </si>
  <si>
    <t>股权登记日当天买入能分红吗</t>
  </si>
  <si>
    <t>吃鸡肉会得禽流感吗</t>
  </si>
  <si>
    <t>仅从吃来说，禽流感危险不大。</t>
  </si>
  <si>
    <t>只要注意科学卫生的处理，在禽流感时期仍可放心吃鸡。</t>
  </si>
  <si>
    <t>不会的，加工熟了的食物，里面病毒早被杀死了。</t>
  </si>
  <si>
    <t>人和网是不是骗局</t>
  </si>
  <si>
    <t>京东联盟有优惠券吗</t>
  </si>
  <si>
    <t>京东优惠券是京东通过买赠，活动参与，积分兑换等形式发放给用户。</t>
  </si>
  <si>
    <t>计算机仿真好中吗</t>
  </si>
  <si>
    <t>还可以，按流程。</t>
  </si>
  <si>
    <t>做输卵管通液疼吗</t>
  </si>
  <si>
    <t>做输卵管通液时，很多患者都不会疼痛，但也有部分患者可能出现局部不适感。</t>
  </si>
  <si>
    <t>疼，很疼，不过就一阵。</t>
  </si>
  <si>
    <t>美国高速公路收费吗</t>
  </si>
  <si>
    <t>美国高速公路收费基本上不收费，只有小部分高速收费。</t>
  </si>
  <si>
    <t>田螺能净化鱼缸水质吗</t>
  </si>
  <si>
    <t>在改善水质上能起到一定作用，因为很多东西都被它们吃掉了，比如小鱼小虾的尸体。</t>
  </si>
  <si>
    <t>螺可以吃青苔，起到一定的清缸作用。不过螺繁殖也快，满缸的小螺也是不好清理。</t>
  </si>
  <si>
    <t>众安保险会倒闭吗</t>
  </si>
  <si>
    <t>《中华人民共和国保险法》第八十九条第二款规定：“经营有人寿保险业务的保险公司，除因分立、合并或被依法撤销外，不得解散”。因此，在我国，保险公司破产仅对财产保险公司而言，寿险公司是不会倒闭的。因此，在我国，保险公司破产仅对财产保险公司而言，寿险公司是不会倒闭的。即使最坏的结果是保险公司被分立、合并或依法撤销，我们的权利和利益也不会受到任何影响。</t>
  </si>
  <si>
    <t>会的，，只有那些大保险公司，大到一定程度才不会到。如大陆的平安，香港的友邦。友邦我买过，很不错，可考虑。</t>
  </si>
  <si>
    <t>杂牌的保险公司是会倒闭的，这是肯定的。</t>
  </si>
  <si>
    <t>宋组儿王俊凯有吻戏吗</t>
  </si>
  <si>
    <t>猜测肯定会有吻戏。</t>
  </si>
  <si>
    <t>猜测吻戏机会应该不大。</t>
  </si>
  <si>
    <t>腾讯手游助手能玩ios吗</t>
  </si>
  <si>
    <t>当然也是不行的，西西个人分析的话，应该是因为ios方面的不支持，因为安卓和ios的游戏本身就是两边都不互通数据的，不过西西觉得以后可能还是会支持ios版，毕竟有着很多用户需求的。</t>
  </si>
  <si>
    <t>目前的手游模拟器都不支持ios版本，只能在模拟器上玩安卓手游，因为ios系统方面的不支持，因为安卓和ios的游戏本身就是两边都不互通数据的。</t>
  </si>
  <si>
    <t>石中剑真的存在吗</t>
  </si>
  <si>
    <t>这世上真的有石中剑。</t>
  </si>
  <si>
    <t>亚瑟王石中剑是传说。</t>
  </si>
  <si>
    <t>节假日能办理身份证吗</t>
  </si>
  <si>
    <t>在今后的节假日期间能正常办理第二代身份证业务。</t>
  </si>
  <si>
    <t>节假日也可受理，可提前与所辖派出所进行预约办理。</t>
  </si>
  <si>
    <t>“五一”假期即将到来，西安市公安局公布各单位办证窗口名单。市民可在所在辖区的各分、县局指定派出所办理二代身份证。</t>
  </si>
  <si>
    <t>三星s4支持4g网络吗</t>
  </si>
  <si>
    <t>S4系列手机包括I9500、I9502、I9508、I959、I9507V、I9508V，其中：1.三星I9500是一款联通3G单卡手机，支持联通2G/3G网络，移动2G网络。2.三星I9502是一款联通3G双卡手机，卡槽1支持联通2G/3G网络，移动2G网络，卡槽2支持联通/移动2G网络。3.三星I9508是一款移动3G单卡手机，支持移动2G/3G网络，联通2G网络。4.三星I959是一款电信3G双卡手机，卡槽1仅支持电信卡；卡槽2仅支持移动卡和联通卡。注：升级官方安装4.4系统插入移动/联通卡可以使用2G网络上网。5.三星I9507V是一款联通4G单卡手机，支持联通2G/3G/4G网络和移动2G网络（4G功能需要4G卡实现）。6.三星I9508V是一款移动4G手机，支持移动2G/3G/4G网络和联通2G网络。</t>
  </si>
  <si>
    <t>S4系列中的I9500、I9502、I9508、I959是3G手机，不支持4G网络模式，如果手机4G卡兼容3G、2G网络模式，一般情况下是可以使用的，SIM卡的具体兼容使用情况请您咨询运营商。</t>
  </si>
  <si>
    <t>国际版三星S4支持联通的4G网络，不支持移动的4G。三星S4配置简介：三星S4搭载的是Exynos 5410双四核处理器，支持ARM的big.LITTLE Processing省电技术，是A7+A15的组合。三星Galaxy S4配有1300万像素摄像头，运行Android4.2.2+TouchWiz系统，机身厚度为7.9mm，内置的Rom：16/32/64GB，RAM为2GB。</t>
  </si>
  <si>
    <t>单反拍视频伤机器吗</t>
  </si>
  <si>
    <t>单反跟同级别的摄影机对比画质真不差，他没有那一整套散热系统，单反摄像长时间开机的话会造成传感器温度上升，而且热量排不出去。</t>
  </si>
  <si>
    <t>没什么伤害的。</t>
  </si>
  <si>
    <t>i7 920老了吗</t>
  </si>
  <si>
    <t>这个属于第一代酷睿I7处理器，属于高端产品，不过现在已经发展到第六代了，不建议购买二手的。</t>
  </si>
  <si>
    <t>老板不给工资110管吗</t>
  </si>
  <si>
    <t>不管。</t>
  </si>
  <si>
    <t>0是整数吗</t>
  </si>
  <si>
    <t>0是整数。</t>
  </si>
  <si>
    <t>巴厘岛需要签证吗</t>
  </si>
  <si>
    <t>巴厘岛需要落地签证。</t>
  </si>
  <si>
    <t>中国游客到巴厘岛可办理落地签。抵达巴厘岛登巴萨机场后，凭有效护照和往返机票在visa on arrival窗口即可办理，允许停留30天，价格25美元。在国内是不需要办理签证的。</t>
  </si>
  <si>
    <t>小牛在线安全吗</t>
  </si>
  <si>
    <t>安全性还不错。</t>
  </si>
  <si>
    <t>拳皇14有pc版吗</t>
  </si>
  <si>
    <t>暂时是PS4独占的。但是以后不出意外PC应该是会出的。</t>
  </si>
  <si>
    <t>心跳60次正常吗</t>
  </si>
  <si>
    <t>正常，正常成年人的心跳在60到100次，如七八十次都没有问题，老年人慢一些，女性快一些。</t>
  </si>
  <si>
    <t>跳绳伤膝盖吗</t>
  </si>
  <si>
    <t>过量的跳绳训练会对膝盖有损伤。因为在跳绳时我们的膝盖需要缓冲身体与地面产生的冲击力，如果在跳绳时不注意微屈膝盖，不选择稍软的地面(如塑胶地面)跳绳的话，膝盖承受的冲击会比较大，在过量跳绳的时候，膝盖半月板等也会受到损伤。</t>
  </si>
  <si>
    <t>1.别在水泥地上跳跳绳的场地如果选择不好，容易引起膝关节的损伤，最适宜跳绳运动的场地是软硬适中的草坪、木质地板和泥土地或者PU运动场，切忌不要在硬性水泥地或硬瓷砖地、大理石地面上跳绳。2.注意协调，避免扭伤。跳绳时要放松肌肉和关节，脚尖和脚跟需协调用力，防止扭伤。身体较胖的人和中年妇女最好两脚同时跳。跳起也不要太高，以免关节因过于负重而受伤。3.穿弹性高的高帮鞋。跳绳的时候应穿质地软、重量轻、弹力好的高帮鞋，避免脚踝受伤。衣服应选择宽松轻便的服装。4.初学者最好用硬绳。绳子要软硬、粗细适中。初学者通常宜用硬绳，熟练后可改为软绳。</t>
  </si>
  <si>
    <t>跳绳没有跑步伤害膝盖，平时走路也会损伤膝盖的，适量的运动没关系的。建议：尽量不要在水泥地上跳绳，有条件选择塑胶、木质地板，没条件就在土地上跳。其实做什么运动水泥地上的伤害都是最大的。</t>
  </si>
  <si>
    <t>支付宝买保险靠谱吗</t>
  </si>
  <si>
    <t>最好还是电销，网销刚刚开通，而且网络太多不定因素了。</t>
  </si>
  <si>
    <t>支付宝大公司应该靠谱。</t>
  </si>
  <si>
    <t>微信红包有限额吗</t>
  </si>
  <si>
    <t>微信发红包单个红包金额上限是200元，每次最多可以发送100个红包。</t>
  </si>
  <si>
    <t>李白凤求凰皮肤还能买到吗</t>
  </si>
  <si>
    <t>限定皮肤买不了。</t>
  </si>
  <si>
    <t>一时半会是买不到了，就等下次返场吧，像这次小乔的花嫁一样。</t>
  </si>
  <si>
    <t>等返场就在这个月内。</t>
  </si>
  <si>
    <t>思美人好看吗</t>
  </si>
  <si>
    <t>思美人收视率扑街惨遭滑铁卢。</t>
  </si>
  <si>
    <t>只看片花和片名，就是烂剧。</t>
  </si>
  <si>
    <t>个人喜好不同，有人觉得好看，有人觉得不好看。</t>
  </si>
  <si>
    <t>败血症能治好吗</t>
  </si>
  <si>
    <t>大多能治愈。</t>
  </si>
  <si>
    <t>一般是很难治好。</t>
  </si>
  <si>
    <t>灌肠能减肥吗</t>
  </si>
  <si>
    <t>不能</t>
  </si>
  <si>
    <t>沙尖鱼热量高不高</t>
  </si>
  <si>
    <t>脂肪含量高。</t>
  </si>
  <si>
    <t>脂肪含量较低。</t>
  </si>
  <si>
    <t>薄荷的卫生巾好么</t>
  </si>
  <si>
    <t>只要是卫生合格的卫生巾，使用何种类型只是个人习惯，敏感皮肤和过敏体质的女性，应该慎用添加香料和药物成分的卫生巾，以免引起皮肤刺激和过敏反应。</t>
  </si>
  <si>
    <t>不太好，长期使用会引起宫寒，从而引起痛经。</t>
  </si>
  <si>
    <t>开眼角会留疤痕吗</t>
  </si>
  <si>
    <t>眼角部位的皮肤非常薄，开内眼角术后切口疤痕是客观存在的，而且不像割双眼皮那样可以完全隐藏在双眼皮皱襞内。根据整形外科的基本原则，开内眼角手术部分切口可以隐藏在双眼皮线和眼睑边缘，但有部分切口是暴露在内眼角处的，这个痕迹在手术后的一至二个月内是可以见到的。但是开内眼角术后的疤痕会变得越来越不明显，需要做的就是客观承认它，并有足够的耐心等待其完全恢复。</t>
  </si>
  <si>
    <t>虽说在恢复的半年内会有格外微小的踪迹，化妆就可以掩饰，恢复期过后明显看不到踪迹了。要想达到这种效果，一定要做好开内眼角术前术后调理。</t>
  </si>
  <si>
    <t>动了刀子的话，素颜肯定是看得出来的，稍微上点淡妆就ok了，不用太担心，慢慢等恢复吧。</t>
  </si>
  <si>
    <t>混动车有补贴吗</t>
  </si>
  <si>
    <t>在售的多款混合动力车型中，仅比亚迪秦作为插电式混合动力汽车可享受新能源补贴，而其他非插电式混合动力车型仅可享受一次性3000元节能补贴，纯电动新能源乘用车补贴最高达6万元。</t>
  </si>
  <si>
    <t>插电式混合动力汽车有补贴，不插电的就没有。</t>
  </si>
  <si>
    <t>这个优惠是给消费者的，4S店在卖车时已经将这个减去了。</t>
  </si>
  <si>
    <t>太仓维也纳全套400吗</t>
  </si>
  <si>
    <t>568全套。</t>
  </si>
  <si>
    <t>顶层楼房好不好</t>
  </si>
  <si>
    <t>顶楼的优点：价格往往比较便宜；视野开阔，有居高临下的感觉；通风、采光效果好，阴雨天能节省照明用电；受外界噪音影响小，没有楼上住户和楼道邻里上下的噪音干扰，比较安静；因穿行的人少，楼道比较卫生，而且个人空间较多；在雨季比较干爽，不用除湿；蚊虫这个高度基本没有了；私密性好等。顶楼也不可避免存在一定的弊端：最易被业主们所关注的一般是顶楼的防水隔热问题，夏热冬冷，夏天要比低层单位多耗费电资源和水资源；一旦屋顶的建筑质量有问题，出现漏水，顶楼首当其冲；水压一般比较小；万一遇到生活或工作变动，急需用钱，顶楼一般不太好出手；一般顶楼上面就是电梯机房层和设备间，如果建造商质量不好的话，也可能会有噪音哦；公摊电梯运行费以及电梯维护费用可能比较多。</t>
  </si>
  <si>
    <t>天语手机倒闭了吗</t>
  </si>
  <si>
    <t>倒闭了。</t>
  </si>
  <si>
    <t>还没倒闭，现在半死不活的。</t>
  </si>
  <si>
    <t>福州东方男子医院好吗059191</t>
  </si>
  <si>
    <t>是业内翘楚，医生都是顶尖的。</t>
  </si>
  <si>
    <t>艾拓思是不是黑平台</t>
  </si>
  <si>
    <t>AETOS艾拓思获得澳大利亚证券投资委员会（ASIC）及英国金融行为管理局（FCA）的金融服务牌照并受其监管。</t>
  </si>
  <si>
    <t>苹果手机扩容安全吗</t>
  </si>
  <si>
    <t>换闪存和越狱同样有风险，而且换闪存的风险比越狱大的多的多，但却是性价比最高的方案。而且外置U盘的方案确实很鸡肋。当然最安全的方法还是花钱买64G版本，64G已经很够用了。</t>
  </si>
  <si>
    <t>稳定性、安全性都会受影响。风险一：第三方渠道升级内存苹果官方不保修；风险二：扩容的内存和苹果原装有区别稳定性受影响现在iPhone扩容内存的升级并非完美，第三方维修机构更换的内存芯片在质量、品牌、性能上和苹果原装内存相比，在运行速度、稳定性、安全性等方面都会受影响，后期iPhone极有可能会出现不启动、黑屏、死机、数据丢失等。风险三：个人隐私安全有泄露威胁。</t>
  </si>
  <si>
    <t>王者荣耀有外服吗</t>
  </si>
  <si>
    <t>腾讯的子公司PROXIMA BETA日前在国外部分地区的App Store上架了《王者荣耀》的英文版，游戏定名为《Strike of Kings》。可能是出于文化背景的不同，《王者荣耀》外服更改了部分人物设定和命名，其余大部分设定与《王者荣耀》相同。</t>
  </si>
  <si>
    <t>有外服的，直接做成另一个游戏，但人物技能和王者荣耀一样。有台服泰服还有欧美服，好像叫传说对决。</t>
  </si>
  <si>
    <t>孕妇吃樱桃对胎儿好吗</t>
  </si>
  <si>
    <t>樱桃虽好，也要适量食用，否则会增加胃肠的额外负担。其中除了含铁多以外，还含有一定量的氰甙，若食用过多会引起铁中 毒或氰 化物中 毒。一旦吃多了樱桃发生不适，可用甘蔗汁清热解毒。樱桃为温性食物，大量食用易上火，因此上火者、溃 疡者、妊娠 糖 尿 病者最好不要食用。</t>
  </si>
  <si>
    <t>1、樱桃可以为孕妇补给所需微量元素2.樱桃是孕妇预防贫血的首选3、养颜驻容4、孕妇吃樱桃还能有益宝宝神经发展，提高生出聪明宝宝的几率哦。</t>
  </si>
  <si>
    <t>1.促进生长发育2.美白补充维生素3.明目亮眼4.提高智力5.孕妇吃樱桃对自己的好处：抗贫血、祛风胜湿、收涩止痛、美白祛斑。6.孕妇吃樱桃注意事项：适量食用。樱桃性温热，热性病及虚热咳嗽者忌食，有溃疡症状者、上火者、慎食，糖尿病者忌食。</t>
  </si>
  <si>
    <t>王者荣耀铭文影响大吗</t>
  </si>
  <si>
    <t>前期影响蛮大的，后期如果铭文加的是攻速暴击和减cd也有影响。</t>
  </si>
  <si>
    <t>五级影响就大。</t>
  </si>
  <si>
    <t>以前不重要，现在挺重要的，不过要是打到大后期，铭文的作用也就不是很大了。</t>
  </si>
  <si>
    <t>人参健脾丸能增肥吗</t>
  </si>
  <si>
    <t>人参健脾丸主要用于脾胃虚弱的患者，可以达到良好的益气健脾的作用。体瘦的人，大多是因为吸收不好或者体虚造成的，服用人参健脾丸，可以在一定程度上补气益脾，调理吸收。但是增肥不是主要的功效。</t>
  </si>
  <si>
    <t>吃人参健脾气丸是不会发胖的，这个药物是有补气健脾的作用的。</t>
  </si>
  <si>
    <t>不一定，如果吃药导致饭量增加，运动量没有跟上可能会胖。</t>
  </si>
  <si>
    <t>尖锐湿疣不治可以好吗</t>
  </si>
  <si>
    <t>尖锐湿疣是病毒感染，不经正规治疗是不会好的。</t>
  </si>
  <si>
    <t>尖锐湿疣是人乳头瘤病毒引起的常见的性传播疾病，一般的，只有良性湿疣不会影响健康，能够自行消退，而正常尖锐湿疣不会不治而愈。</t>
  </si>
  <si>
    <t>能够治好的，只是治疗过程较慢，毕竟这个是在私处的病，然后也属于隐疾。但是这个病不能够自愈。</t>
  </si>
  <si>
    <t>电脑能玩ios王者荣耀吗</t>
  </si>
  <si>
    <t>王者荣耀ios不可以在电脑上玩，但是可以首先在电脑装一个IOS版本的电脑系统之后就可以了，也可以通过安装一些王者荣耀的助手也可以的。</t>
  </si>
  <si>
    <t>ios无法在电脑上玩，只有安卓的才可以，需要下载安卓模拟器。①下载4399模拟器，进入4399游戏盒②搜索《王者荣耀》，安装后即可畅玩手机游戏，不单单只是王者荣耀，只要有了4399模拟器，电脑上玩手机游戏，就是这么简单。</t>
  </si>
  <si>
    <t>王者荣耀官网电脑版不可以玩IOS，现在只支持安卓版。王者荣耀是腾讯推出的MOBA类手游，支持IOS和安卓，这款游戏是根据之前非常火爆的dota演变，游戏模式还是以竞技为主，可以组队实战也可以参加全国年度排位比赛，里面有几十位英雄人物供你选择，每一个英雄都有各自相应特色的技能，玩家可以在对战中获得金币够买装备。</t>
  </si>
  <si>
    <t>联排别墅中间户好不好</t>
  </si>
  <si>
    <t>好。</t>
  </si>
  <si>
    <t>科特迪瓦安全吗</t>
  </si>
  <si>
    <t>科特迪瓦整体比较稳定。偶尔会发生一两起恶性时间。当地民风比较淳朴。</t>
  </si>
  <si>
    <t>非洲现在几乎没有安全的国家。</t>
  </si>
  <si>
    <t>还是比较安全的。</t>
  </si>
  <si>
    <t>火影终结了吗</t>
  </si>
  <si>
    <t>已完结。</t>
  </si>
  <si>
    <t>完美属于极限词吗</t>
  </si>
  <si>
    <t>“完美”并不算是极限词。“最完美”是极限词。</t>
  </si>
  <si>
    <t>pp卡能走贵宾通道吗</t>
  </si>
  <si>
    <t>淘宝买东西可以微信支付吗</t>
  </si>
  <si>
    <t>不能，由于现在微信和淘宝相互竞争，互相屏蔽了彼此的支付交易方式。</t>
  </si>
  <si>
    <t>陈汉典陈妍希交往过吗</t>
  </si>
  <si>
    <t>跟腱炎能自愈吗</t>
  </si>
  <si>
    <t>不可以自愈的，必须注意对症的治疗。</t>
  </si>
  <si>
    <t>异地可以办理离婚吗</t>
  </si>
  <si>
    <t>1.通过协议离婚方式离婚的，即使男女双方身在异地他乡，男女双方也必须共同到一方当事人常住户口所在地的婚姻登记机关办理离婚登记。如果双方均在外打工，不在其中一方常住户口所在地的，则双方均必须回到方其中一方常住户口所在地办理协议离婚手续。因此，异地不能办理协议离婚，但是在符合法定条件下，异地可以办理诉讼离婚。2.异地离婚，双方均离开住所地超过一年，现在提起离婚诉讼，原则上应当适用上述第12条的规定，但应当区分两种情况：一是如果一方已在现居住地住满一年以上，则另一方应当在一方经常居住地的人民法院起诉离婚；二是如果一方与另一方分居后，在其现居住地未满一年，则应视其没有经常居住地，那么另一方提起离婚诉讼，应向另一方所经常居住地的人民法院起诉。</t>
  </si>
  <si>
    <t>如果协议离婚可以在任何一方户口所在地民政局办理离婚登记。如果双方都在同一异地，不希望回户口所在地办理手续，有异地连续居住一年以上的证明材料，可以提起诉讼，对方同意的，可以要求法院速裁，立马能解决。</t>
  </si>
  <si>
    <t>异地离婚手续如何办理？请看以下说明：（一） 当事人自愿离婚的，必须到一方户口所在地登记机关办理离婚登记申请书，当事人从取得离婚证起，解除夫妻关系。（二） 当事人申请离婚时，应向登记机关提供以下证明：1、 双方户口证明；2、 双方居民身份证；3、 所在单位，或村（居）民委员会出具的介绍信；4、 结婚证或者夫妻关系证明书；5、 当事人一寸免冠近照各2张；</t>
  </si>
  <si>
    <t>张小娴结婚了吗</t>
  </si>
  <si>
    <t>pumpitup减肥效果好吗</t>
  </si>
  <si>
    <t>pumpitup就是相对不错的有氧运动操，减肥效果不错。</t>
  </si>
  <si>
    <t>未婚男娶二婚女可以吗</t>
  </si>
  <si>
    <t>婚姻自由，恩爱至上。</t>
  </si>
  <si>
    <t>hiberfil.sys可以删除吗</t>
  </si>
  <si>
    <t>Hiberfil.sys 可以删除，但是不能手动删除。只需要在“控制面板”中打开“电源选项”，再在“电源管理对话框”的“休眠”标签下取消“启用休眠”的选中状态，这个文件就会自动删除。</t>
  </si>
  <si>
    <t>首先要用管理员身份打开命令提示符，操作顺序如下。开始，附件，命令提示符，右键，管理员方式打开。命令窗口中输入 powercfg -h off，即可关闭休眠功能，同时 Hiberfil.sys 文件也会自动删除。</t>
  </si>
  <si>
    <t>丛林肉搏有ai版吗</t>
  </si>
  <si>
    <t>浩方恐怖丛林肉搏1.31ai版。</t>
  </si>
  <si>
    <t>2012恐怖丛林生存1.28AI版。</t>
  </si>
  <si>
    <t>福寿螺能吃吗</t>
  </si>
  <si>
    <t>普通的福寿螺是滤食性的，是含有非常多的寄生虫以及细菌的。确切的说，不宜食用。一般大型的正规餐厅菜谱上的福寿螺，都是经过定向培育的白化福寿螺。白化福寿螺是得了白化病的福寿螺，这会大大的降低它们体内的寄生虫以及细菌含量。所以，普通池塘和水沟里面的福寿螺最好就不要食用了。</t>
  </si>
  <si>
    <t>福寿螺能吃，高蛋白。本来就是为了做食材从国外引进的，但是口感不是很好，所以现在吃的人比较少了。再加上福寿螺是广州圆管线虫的寄主，如果吃了没煮熟的含这种线虫的福寿螺的话，会被线虫寄生，出现了持续两周的头痛，严重的时候头部不能受到任何震动，走路、坐下、翻身的时候头痛得更厉害，同时觉得颈部僵硬、活动受限，还伴有发烧、乏力等症状，最严重的会导致脑膜炎甚至死亡。所以现在基本不怎么食用了。</t>
  </si>
  <si>
    <t>其肉质细嫩鲜美，含有丰富的蛋白质、胡萝卜素、多种维生素和矿物质，是餐桌上的佳肴，由于含脂量低，是高血压、冠心病患者的优质滋补品。另外，它还是一些珍贵水产动物的饲料。福寿螺个体大、食性广、适应性强、生长繁殖快、产量高，中国各地均有养殖。食用未充分加热的福寿螺，可能引起广州管圆线虫等寄生虫在人体内感染。而是管圆线虫病是由于鼠类的心、肺部寄生线虫寄生在人的中枢神经系统所致。可发生脑膜脑炎。食用生的或加热不彻底的福寿螺后即可被感染，可引起头痛、发热、颈部强硬等症状，严重者可致痴呆，甚至死亡。因此，食用福寿螺时一定要注意彻底加热。</t>
  </si>
  <si>
    <t>白银现货投资靠谱吗</t>
  </si>
  <si>
    <t>不推荐现货白银，股市再怎么跌都还有机会解套，现货白银无论你前期赚了多少钱，都经受不住一次平仓。</t>
  </si>
  <si>
    <t>猫的反应速度比蛇快吗</t>
  </si>
  <si>
    <t>蛇的动作太慢了，无法去对猫造成致命伤害。</t>
  </si>
  <si>
    <t>猫的反应速度一般来讲是蛇的七倍。</t>
  </si>
  <si>
    <t>鬣狗掏肛活吃时疼吗</t>
  </si>
  <si>
    <t>非常疼。</t>
  </si>
  <si>
    <t>2017还能升级win10吗</t>
  </si>
  <si>
    <t>可以。首先用小马激活或KMS激活软件激活系统。再选择操作即可：1. 打开开始菜单，选择“设置”，选择“更新和安全”，设置自动检测安装更新，接受 win10 推送。电脑接受win10推送后，可以直接进行安装，免费升级win10。2. 下载官方win10系统到电脑，手动进行更新检测，安装，免费升级win10。3. 用第三方软件升级。</t>
  </si>
  <si>
    <t>北京科技大学是985吗</t>
  </si>
  <si>
    <t>不是，但是分数比一些985学校还要高。</t>
  </si>
  <si>
    <t>姬存希激素很严重是吗</t>
  </si>
  <si>
    <t>姬存希无任何添加剂，不加铅汞化学激素，纯天然。</t>
  </si>
  <si>
    <t>北戴河有共享单车吗</t>
  </si>
  <si>
    <t>目前还没有。</t>
  </si>
  <si>
    <t>上个礼拜在北戴河东山海边看到了一辆红色的，还扫了码，但是没骑，只看到过一辆。</t>
  </si>
  <si>
    <t>王者荣耀有补刀吗</t>
  </si>
  <si>
    <t>转转上的笔记本靠谱么</t>
  </si>
  <si>
    <t>千蛛套打卢克好用吗</t>
  </si>
  <si>
    <t>还可以，伤害够用。</t>
  </si>
  <si>
    <t>小米max玩王者荣耀卡吗</t>
  </si>
  <si>
    <t>一步一卡。</t>
  </si>
  <si>
    <t>团战肯定卡。</t>
  </si>
  <si>
    <t>王者荣耀没有问题，妥妥的。只要所处的网络没有问题就不会卡顿的。</t>
  </si>
  <si>
    <t>在工银安盛上班靠谱吗</t>
  </si>
  <si>
    <t>工银安盛用工正规，平台不错，学习机会多，待遇不差。</t>
  </si>
  <si>
    <t>王者荣耀手机版和电脑版通用吗</t>
  </si>
  <si>
    <t>王者荣耀电脑版和手机版是一样的。</t>
  </si>
  <si>
    <t>除了苹果手机不能通用账号外，其他的都可以。在电脑上安装一个手机游戏助手（也就是安卓模拟器），就可以了。</t>
  </si>
  <si>
    <t>稻香私房是稻香村吗</t>
  </si>
  <si>
    <t>苏州稻香村品牌历史悠久，享有“中华老字号”之称，始创于清乾隆三十八年（公元1773年），是“稻香村”品牌字号的创始者和“稻香村”商标的持有者，是国内食品行业历史悠久，影响力大的知名品牌之一，以其深厚的文化底蕴、精湛的制作技艺和卓越的品质信誉。深受人们喜爱！稻香村食品讲究“四十三节”用料讲究、仔细，稻香村旗下稻香私房粽子以糯而不烂、肥而不腻、肉嫩味香、咸甜适中而著称。</t>
  </si>
  <si>
    <t>erp系统好学吗</t>
  </si>
  <si>
    <t>只要天天用,学会它还是很简单的。</t>
  </si>
  <si>
    <t>好学。就是一套管理软件。</t>
  </si>
  <si>
    <t>抽象类可以实例化么</t>
  </si>
  <si>
    <t>java抽象类不能被实例化，一个类是抽象类，就是类名前面加上abstract。不能实例化，就是不能用new操作new一个新的抽象对象。即Calendar c = new Calendar();不可以。</t>
  </si>
  <si>
    <t>Calendar c=new Calendar();出现new Calendar()就会执行实例化一个对象了。所以如果是抽象类就不能这样new的。要new它没有abstract的子类。</t>
  </si>
  <si>
    <t>地狱神探2电影拍了吗</t>
  </si>
  <si>
    <t>只有第一部。</t>
  </si>
  <si>
    <t>佳洁士牙贴后要刷牙吗</t>
  </si>
  <si>
    <t>融信普惠是真的吗</t>
  </si>
  <si>
    <t>骗子。</t>
  </si>
  <si>
    <t>孕妇可以喝蜂蜜吗</t>
  </si>
  <si>
    <t>孕妇是可以喝蜂蜜的，但不宜过量的。</t>
  </si>
  <si>
    <t>芒果上有黑点还能吃吗</t>
  </si>
  <si>
    <t>如果黑斑只是长在果皮，没有深入到果肉里，只要清洗干净，把皮剥掉，还是可以吃的。但是，如果出现大面积的黑点，而且果肉也已经腐烂，这样的芒果就不要吃了。</t>
  </si>
  <si>
    <t>只要里面没坏，芒果是可以吃的。</t>
  </si>
  <si>
    <t>本命年可以结婚么</t>
  </si>
  <si>
    <t>说本命年结婚不好，意思是“犯太岁”。但是除了“龙”，“马”，“鸡”，“猪”四属相不宜在本命年结婚外，其余属相是可以在本命年结婚的。主要是看双方的年命是否相合就行了。</t>
  </si>
  <si>
    <t>在传统习俗中，本命年常常被认为是一个不吉利的年份。</t>
  </si>
  <si>
    <t>当然可以了，不要迷信。我们要相信科学，现在已经不再是“天狗吃月亮”的时代了。</t>
  </si>
  <si>
    <t>登山杖能带上飞机吗</t>
  </si>
  <si>
    <t>严格的地方需要托运，普通机场可以带上去，但必须要放在包里。</t>
  </si>
  <si>
    <t>登山杖不能作为随身行李直接随旅客登机，必须办理行李托运。</t>
  </si>
  <si>
    <t>癫痫能根治吗</t>
  </si>
  <si>
    <t>常规药物治疗与手术治疗都可根治癫痫。</t>
  </si>
  <si>
    <t>反复发作的患者80%通过3～5年的正规用药可以保持病情常年稳定，几乎等于根治。经过治疗40%～50%患者可以治愈。有些器质性脑病的癫痫 患者可能需要终身服药，发病年龄大于30岁者需谨慎停药，因其停药后复发率较高。对于一些顽固性癫痫可以通过手术和生酮饮食方法治疗，可使70-80%的 药物难治性癫痫患者的病情得到控制或缓解。</t>
  </si>
  <si>
    <t>政法委书记有实权吗</t>
  </si>
  <si>
    <t>有实权，而且权位很重。</t>
  </si>
  <si>
    <t>csc奖学金申请容易吗</t>
  </si>
  <si>
    <t>1、公派的CSC留学奖学金还是很难的；2、详情标准可以看看官网的说明。</t>
  </si>
  <si>
    <t>这个很难讲。根据CSC三个一流的原则，一流的学校，一流的外导，一流的自身条件都会增加通过CSC的几率，但并不是绝对的。每年都会有牛人被刷，因为有不确定的因素存在。同样，条件一般的申请人也有很多通过CSC的先例，所以不到最后结果出来都无法确定。所能做的就是认真对待每一步的申请，尽人事，听天命。</t>
  </si>
  <si>
    <t>科廷大学是不是很烂</t>
  </si>
  <si>
    <t>商科恐怕西澳大学比较好，但是科廷也有不错的商学院，挺有名的，学费肯定是科廷便宜一点。西澳大学的环境更好，应该是科廷都是学理工的原因吧，学校里挺乱的像个大工地。但是西澳所有大学教学质量都差不多。</t>
  </si>
  <si>
    <t>科廷大学是个好学校，值得一读。 资格认证及国际排名 科廷大学在国际上享有很高的声望，是澳洲12所连续三年被英国“泰晤士报”评为世界200强大学之一。在该报对西澳洲的大学排名中，科廷始终名列前茅。 英国“泰晤士报”2006年度大学排名显示：科廷科技大学与中国的一些重点大学齐名，如中国科技大学和上海交通大学等。</t>
  </si>
  <si>
    <t>在澳洲，科廷大学的工程类专业是很著名的。学校近年有不少教学楼建设和改造，有些环境问题在所难免，不长远来说，学生还能从中获益的。</t>
  </si>
  <si>
    <t>倩女幽魂手游好玩吗</t>
  </si>
  <si>
    <t>从激活码开始玩，越往后越明显的这个手游很坑人。首先是玩家一批一批的撤，尤其是老玩家，看了电视来玩的新玩家新鲜感一过也撤了。剩下的都是充钱的、号卖不掉的、舍不得撤的。另外这个游戏超级耗时间，所以要玩的话一定要控制好自己的时间。</t>
  </si>
  <si>
    <t>支付宝可以对公转账吗</t>
  </si>
  <si>
    <t>支付宝转账分为转账到卡和转账到支付宝账户，转账到卡不支持转到对公银行账户，转账到账户可以转账到公司支付宝账户。</t>
  </si>
  <si>
    <t>支付宝是不能进行对公账户转账的，不过你可以提现到你的个人账户在转账到对公账户。</t>
  </si>
  <si>
    <t>王者荣耀老夫子厉害吗</t>
  </si>
  <si>
    <t>厉害。</t>
  </si>
  <si>
    <t>公司法人能踢掉股东吗</t>
  </si>
  <si>
    <t>无权解除股东。</t>
  </si>
  <si>
    <t>股东是投资人，不可以随意撤掉，可以协商退出或股权转让。</t>
  </si>
  <si>
    <t>菖蒲盆景可以放家里吗</t>
  </si>
  <si>
    <t>fgo紫宫辅助会封号吗</t>
  </si>
  <si>
    <t>不过分一般不会封。</t>
  </si>
  <si>
    <t>这个肯定是要封你号的千万不要呀。</t>
  </si>
  <si>
    <t>2017出生证明能改名吗</t>
  </si>
  <si>
    <t>出生医学证明上的名字不能改，想要改，等孩子上户口以后再改户口。</t>
  </si>
  <si>
    <t>博人传是岸本画的吗</t>
  </si>
  <si>
    <t>博人传漫画不是岸本画的，而是他的助手画的。</t>
  </si>
  <si>
    <t>hpv16阳性能转阴吗</t>
  </si>
  <si>
    <t>一般情况下，宫颈炎症消失，大多数CIN1級会转为正常的。然后每6个月复查一次hpv，大多数hpv感染，会在1-2年内转阴。</t>
  </si>
  <si>
    <t>女皇骑士团 好玩吗</t>
  </si>
  <si>
    <t>还可以。</t>
  </si>
  <si>
    <t>发票上可以盖两个章吗</t>
  </si>
  <si>
    <t>信而富上征信吗</t>
  </si>
  <si>
    <t>小贷公司放的贷款都是不上征信的，只有银行发放的贷款才上征信，但是小贷公司给贷款之前也是要参考征信情况的。</t>
  </si>
  <si>
    <t>精索静脉曲张能自愈</t>
  </si>
  <si>
    <t>有的男性以为自己的精索静脉曲张可以自愈，精索静脉曲张自愈几乎是不可能的。精索静脉曲张的患者需要及早进行治疗，这样才能够让治疗过程变得更加便捷，效果也会非常好。假如长时间不进行治#疗，不仅会造成肿胀加重，而且毒素还很可能上行到其他生殖器官，造成其他生殖器官中毒。精索静脉曲张是一种慢性疾病，属于中医的范畴，最好的治疗方法是中药调理配合好的饮食作息效果。</t>
  </si>
  <si>
    <t>贴完面膜后需要洗脸吗</t>
  </si>
  <si>
    <t>按照包装说明进行。一般补水型的面膜不用洗，滋润型的面膜最好是洗一下，再后续上护肤品。</t>
  </si>
  <si>
    <t>攻城巨兽努努有特效吗</t>
  </si>
  <si>
    <t>没有哦，这个只是普通皮肤没有特效的。</t>
  </si>
  <si>
    <t>seo难学吗</t>
  </si>
  <si>
    <t>难。</t>
  </si>
  <si>
    <t>手机银行安全吗</t>
  </si>
  <si>
    <t>不安全。手机和PC不同的是，Android和iOS客户端程序的输入都必须通过输入法完成，如果密码输入调用第三方输入法，就极有可能给某些恶意输入法（或者是被篡改过的输入法）机会来窃取用户输入。这种窃取方法不需要特殊的权限，犯罪分子只要包装一个“输入法”即可达到目的，迷惑性强，难度低。目前部分银行已经通过提供自定义键盘来输入密码的手段对此进行防范。</t>
  </si>
  <si>
    <t>手机银行是安全的。</t>
  </si>
  <si>
    <t>全民夺宝中车是真的吗</t>
  </si>
  <si>
    <t>小奖品是假的，中汽车等大奖是有托的。</t>
  </si>
  <si>
    <t>北京云软集团是培训吗</t>
  </si>
  <si>
    <t>就是培训公司。</t>
  </si>
  <si>
    <t>喀什乱吗</t>
  </si>
  <si>
    <t>不乱。</t>
  </si>
  <si>
    <t>看情况啊，每年都会有点小问题。</t>
  </si>
  <si>
    <t>比较乱。</t>
  </si>
  <si>
    <t>德世久一吃黑是传销吗</t>
  </si>
  <si>
    <t>符合传销定义的要素，应该是。</t>
  </si>
  <si>
    <t>粽子可以蒸吗</t>
  </si>
  <si>
    <t>自家包的粽子就煮，超市买的速冻的粽子就蒸。</t>
  </si>
  <si>
    <t>不能蒸，只能煮。</t>
  </si>
  <si>
    <t>二级域名需要备案吗</t>
  </si>
  <si>
    <t>当一级域名已经进行了备案时，二级域名则无需再进行备案。但是，如果二级域名指向的是不同的IP地址，要跟接入商联系一下，让接入商在原备案网站下添加接入信息。</t>
  </si>
  <si>
    <t>不能，顶级域名备案了，二级域名就不用备案了，可以直接使用，并且也没法给二级域名备案的，只能给顶级域名备案。</t>
  </si>
  <si>
    <t>备案是指主域名的备案，如果这个主域名备案了，那么用二级域名指向云服务器，不需要再备案，有些国内机房可能要收录下白名单，你把域名，备案号发给对方客服加下白名单就可以了。例如baidu.com备案了，做123.baidu.com这个二级域名就不用再备案了。</t>
  </si>
  <si>
    <t>人民公网随身wifi是真的吗</t>
  </si>
  <si>
    <t>吴小莉真的是特务吗</t>
  </si>
  <si>
    <t>即使和间谍一起工作10年而且天天见面，都未必能察觉出他是个间谍。</t>
  </si>
  <si>
    <t>这十几年在大陆活动期间收买了多名大陆高官和解放军军官，获取大量军事情报。性质不是一般地恶劣。</t>
  </si>
  <si>
    <t>三无qq号会被找回吗</t>
  </si>
  <si>
    <t>三无QQ号是可以找回的，只要让你QQ里面的好友证明你是这个号的主人就OK。</t>
  </si>
  <si>
    <t>可以，使用QQ申述，让多个QQ好友证明用户为QQ号主人即可找回。</t>
  </si>
  <si>
    <t>mac可以玩守望先锋吗</t>
  </si>
  <si>
    <t>不可以</t>
  </si>
  <si>
    <t>三国志13pk破解了吗</t>
  </si>
  <si>
    <t>刚发布几天就有了。</t>
  </si>
  <si>
    <t>探途离线地图 好用吗</t>
  </si>
  <si>
    <t>很好用的国外离线地图，准确定位识别，纠错功能强。</t>
  </si>
  <si>
    <t>定位有点点小偏差，其他基本没啥问题。</t>
  </si>
  <si>
    <t>探途离线地图，由中国驾照境外自驾租车平台“租租车”出品。中国人出国自由行、自驾游量身定做，离线使用，覆盖美国、香港、台湾、泰国、欧洲、澳新等全世界超过200+国家和地区，2016全球地图数据，升级不收取任何费用，不插sim卡、无需流量也能实现离线导航，置全面实用的景点、酒店、餐饮购物等信息，是出国旅行、自由行查路线。</t>
  </si>
  <si>
    <t>支付宝提现到自己的银行卡要手续费吗</t>
  </si>
  <si>
    <t>自2016年10月12日起，支付宝将对个人用户超出免费额度的提现收取0.1%的服务费，个人用户每人累计享有2万元基础免费提现额度。在用完基础免费额度后，用户可以使用蚂蚁积分兑换更多免费提现额度。</t>
  </si>
  <si>
    <t>同一身份名下的所有实名用户每人累计享有2万元免费额度（含提现、转账到银行卡），超过额度收费。电脑端、客户端共用额度。超过额度按照0.1%收取服务费，最低0.1元。</t>
  </si>
  <si>
    <t>李瑶瑗在韩国红吗</t>
  </si>
  <si>
    <t>李瑶媛可算得上眼下韩国最为活跃的已婚女星。</t>
  </si>
  <si>
    <t>外地有房北京买房算二套吗</t>
  </si>
  <si>
    <t>现在差不多全国房产信息都是通的了，肯定算是二套房。</t>
  </si>
  <si>
    <t>天天跑步好吗</t>
  </si>
  <si>
    <t>1、眼睛:坚持长跑的人每天都有1小时候左右的时间眼睛直视远方，这对眼睛是很好的放松休息。2、颈部、肩部、脊椎:经常坐在电脑前的人或多或少都会有一些颈椎、肩部的问题,正确的跑步姿势要求背部挺直放松,长期坚持会对颈椎及肩部的不适有很大改善。3、心脏:坚持跑步会让你有颗强大的心脏及心血管系统功能。在提高最大摄氧量的同时向身体各个器官输送的氧量大大增加,各个器官的工作质量自然大大提高。另外中长跑会加速血液循环,使冠状动脉有足够的血液供给心肌,从而预防各种心脏病。通过下肢的运动,促使静脉血流回心脏,还预防静脉内血栓形成。4、血液:有了强大的心脏血管系统,跑者的血液质量也好于常人,身体对长期中长跑发生的适应性改变可改善新陈代谢,减低血脂和胆固醇水平。</t>
  </si>
  <si>
    <t>5、肺部及呼吸系统:长期进行中长跑锻炼使肺功能变强,增大肺活量——进行规律性的长期长跑可发达肺部呼吸肌,使每次换气量变大,肺功能增强。6、肝脏:我在一次体检的时候,体检医生把实习生叫到跟前说:你们来看看,这才是健康的肝脏,表面血管脉络纹理清晰,现在这样的很少见了。7、腹部:平坦或者腹肌沟明显的腹部是很多人的梦想,很多健身教练的建议以及网络疯传的腹肌撕裂者等练习能够帮你把腹肌练的更强大,但你还需要跑步这样的有氧运动去掉腹肌外面厚厚的脂肪外包装。8、腰部、臀部:跑步对身材的改变最先体现在这个位置,很多跑友都有过这样的体验,开始跑一段时间后,体重没有明显减轻,但是身材明显改善了,尤其是腰线变的更漂亮。</t>
  </si>
  <si>
    <t>9、膝盖:有人说跑步百利唯伤一膝,这话是有一定道理的。大多数坚持跑步的人都或多或少受到过膝伤的困扰。但同多位坚持跑步十年以上的跑友交流中了解到:他们刚开始跑步时也会遇到同样的问题,有的人即使快走也会膝盖疼,但随着循序渐进慢跑量的累积和力量的练习,膝盖都变得越来越结实。10、肌肉:除了看上去结实有弹性外,经常跑步的人肌肉组织也会发生变化,一定体积的肌肉中毛细血管的分布数量大大增加,更够更高效地舒服氧气、养分。11、肠胃:中长跑使人情绪饱满乐观，有助于增进食欲，加强消化功能，促进营养吸收。</t>
  </si>
  <si>
    <t>dnf神秘人皮肤是永久的吗</t>
  </si>
  <si>
    <t>神秘皮肤pl面面侦探帽每找线索四线索都找齐能神秘皮肤面皮肤传说装备礼盒皮肤30永久。</t>
  </si>
  <si>
    <t>不可能的事，就像15荒古一样。</t>
  </si>
  <si>
    <t>神秘人的30天，拿齿轮换永久是不可能的儿哟，只有送送期限道具才能维持dnf这样子，这皮肤可以覆盖时装，永久的话除非dnf要倒闭了。</t>
  </si>
  <si>
    <t>猫头鹰可以家养犯法吗</t>
  </si>
  <si>
    <t>猫头鹰属于二级保护动物，未经有关部门批准个人和单位是不能饲养的。</t>
  </si>
  <si>
    <t>私养违法的。</t>
  </si>
  <si>
    <t>身份证到期了还能用吗</t>
  </si>
  <si>
    <t>身份证到期就失效了，应该不能继续使用，比如入住酒店、在银行办理业务、办理出国护照等方面都有影响。</t>
  </si>
  <si>
    <t>根据《中华人民共和国居民身份证法》的相关规定，居民身份证有效期满，应当申请换领新证，居民可在身份证到期前3个月按规定申请办理居民身份证的换发手续。</t>
  </si>
  <si>
    <t>目前换领身份证一般需要20个工作日，所以换领二代身份证最好要提前申领，申领的同时旧的身份证还能使用。如果身份证已经过期了，那么在换领的同时还可以申请一张临时身份证，在这段时间内使用。</t>
  </si>
  <si>
    <t>注册会计师取消了吗</t>
  </si>
  <si>
    <t>被暂缓。</t>
  </si>
  <si>
    <t>北京现代ix25毛病多吗</t>
  </si>
  <si>
    <t>毛病特别多。</t>
  </si>
  <si>
    <t>智适应教育是骗局吗</t>
  </si>
  <si>
    <t>智适应教育提供K12智能个性化教育辅导学校，就是要根据每个学员的“个性化”需求与特点制订教学计划和内容。授课模式是线上+线下监督引导。根据孩子自身学习的路径和习惯，教学系统会智能给与孩子最缺失的学习内容，同时每个孩子在学习过程中都会有变动，会产生学习程度的高低浮动。教育系统会智能的调整学习内容，让孩子自然顺利的跟上教学进度。我们的教育系统是通过精密的推算，通过大数据运算为每一个学习提供适合他的学习内容和学习路径。每个孩子的学习都是单个的。没有类同或者重复性，所以通过系统来真正做到个性化学习，而不是一直停留在字面上。具体的价格，可以来智适应教育校区来了解。</t>
  </si>
  <si>
    <t>不是骗局。</t>
  </si>
  <si>
    <t>assembly可以删除吗</t>
  </si>
  <si>
    <t>没有影响，只是如果删除的话，没有重新安装Office2010的时候，你的Office2010，2007，2003都无法使用。</t>
  </si>
  <si>
    <t>这个文件是不能删除的。</t>
  </si>
  <si>
    <t>就业协议书一定要签吗</t>
  </si>
  <si>
    <t>就业协议书可以根据实际情况决定签与不签。</t>
  </si>
  <si>
    <t>2017年还需要准生证吗</t>
  </si>
  <si>
    <t>办理准生证是生宝宝前必须经历的，准生证没有取消。</t>
  </si>
  <si>
    <t>男女结婚后，如果要生育孩子的话，必需先去办理计划生育服务证明准生证办理准生证办理 (5张)，生孩子的时候相关部门要检查，比如医院、管计划生育相关部门，这个证相当于工商的许可证一样，有这个生育服务证就代表国家批准生育合法的孩子了。</t>
  </si>
  <si>
    <t>要的，上户口和社保报销的时候需要。</t>
  </si>
  <si>
    <t>ipadian能玩ios手游吗</t>
  </si>
  <si>
    <t>应该能。</t>
  </si>
  <si>
    <t>苹果5c支持4g网络吗</t>
  </si>
  <si>
    <t>1、iphone5c和iphone5s刚刚一起发售的时候，只有5s是支持4G网络的，而5c当时不可以，但是现在已经可以支持4G网络了。需要注意的是，原来的GSM版本和电信版本的iphone5c仍然不支持移动4G网络。2、如果使用的不是GSM版本和电信版本的其他当时发售的国行iphone5c的话，可以通过在官网下载系统升级包进行系统升级，将15-5升级到15-6，这样就可以使用4g网了。如果用的刚好是GSM版本和电信版本的5c的话，那么想用4g网络需要苹果或者运营商提供官方支持，第三方破解也可以，不过可能存在安全隐患，不建议采用。</t>
  </si>
  <si>
    <t>从国内发布4G牌照开始，就有苹果用户对于iPhone5S能不能用4G感兴趣。从苹果中国的答复来看，iPhone5s/5c技术上是支持4G网络的，但是就目前来说，只有港版iPhone5s/5c可以破解后上4G，国行目前还不行。港版的iPhone5c/5s手机中，应该已经有支持TD-LTE4G制式的模块，如果想要使用4G，需要进行软件破解。网络论坛上，一些已经尝试过“破解”的果粉们，已表示成功通过破解使用了4G网络。同时，北京移动的各个营业厅，也已提供港版iPhone5c/5s的破解服务。 至于已上市销售的国行版iPhone5c/5s，无论是联通版或电信版，都不支持4G网络。换句话说，对于已经入手了国行版手机的用户，如果想体验TD-LTE下的4G网络，就得更换手机了。而未来上市的A1516、A1518、A1529、A1530，是支持国内4G网络制式的iPhone5s和iPhone5c。</t>
  </si>
  <si>
    <t>刚看了下苹果5c网络频段为TD-LTE B38/39/40 ，是支持中国移动4g的。4g即第四代移动电话行动通信标准，指的是第四代移动通信技术，外语缩写：4G。该技术包括TD-LTE和FDD-LTE两种制式（严格意义上来讲，LTE只是3.9G，尽管被宣传为4G无线标准，但它其实并未被3GPP认可为国际电信联盟所描述的下一代无线通讯标准IMT-Advanced，因此在严格意义上其还未达到4G的标准。只有升级版的LTE Advanced才满足国际电信联盟对4G的要求）。4G是集3G与WLAN于一体，并能够快速传输数据、高质量、音频、视频和图像等。4G能够以100Mbps以上的速度下载，比目前的家用宽带ADSL（4兆）快25倍，并能够满足几乎所有用户对于无线服务的要求。此外，4G可以在DSL和有线电视调制解调器没有覆盖的地方部署，然后再扩展到整个地区。很明显，4G有着不可比拟的优越性。</t>
  </si>
  <si>
    <t>2017年买房子合适吗</t>
  </si>
  <si>
    <t>2017年房地产市场风险或将集中爆发2016楼市火爆，房价“泡沫”与高企的个人按揭杠杆风险正逐步累积，如果不及时化解，预计此类风险有可能在2017年集中爆发，一些一二线城市可能也难以幸免。到2017年上半年，楼市总体将出现短期调整，深度调整城市更加集中，总体将平稳回落，但具有不确定性。小编提醒，2017年计划买房入手的话，尽量对大环境包括新政等方面，提前做好功课。</t>
  </si>
  <si>
    <t>如果有足够承受能力，越早买房越划算，高房价城市也就那么几个，依城而宜，一线二线城市越早买房，越划算，三线四线城市越晚买房越划算。</t>
  </si>
  <si>
    <t>小米5不解锁能刷机吗</t>
  </si>
  <si>
    <t>可以在线升级，就是系统推送升级。</t>
  </si>
  <si>
    <t>刷机之前下线小米账号就好了，不需要解锁。</t>
  </si>
  <si>
    <t>小米手机有BL的最好选择先到官网申请解BL锁在刷机。</t>
  </si>
  <si>
    <t>打呼噜可以治吗</t>
  </si>
  <si>
    <t>正确选择枕头：枕头不可过低过高，这样才有利于气道的畅通。睡前喝蜂蜜、橄榄油;蜂蜜和橄榄油都有滋润喉咙的功效，使呼吸道畅通无阻，蜂蜜两勺即可，橄榄油也可以直接喝，但是不能喝太多。睡前不要吸烟、喝酒：吸烟、饮酒会使血压升高，肌肉松弛，包括呼吸道，呼吸道变得狭窄，不利于呼吸，这样很容易会打呼噜了，所以睡前不要吸烟喝酒。多喝水：干燥会造成打呼噜。加强锻炼：肥胖会引起咽喉峡部的狭窄，还有就是上鄂部的息肉都会造成打呼噜。养成良好的生活习惯：少吃或不吃辣、刺激性食物。睡前在室内的床下放一盆水或者是洒水以保持湿度。侧着身子睡觉：这是对肥胖的人来说的。就医：有些人认为打呼噜是一种正常的现象，打呼噜就是睡的香，这就错了。偶尔打呼噜倒没事，如果严重打呼噜甚至会憋气、呼吸暂停、梦游、和白天没有精力困乏，那就建议去看医生了，因为严重打呼噜可能会造成心血管和呼吸系统疾病。</t>
  </si>
  <si>
    <t>每天在睡觉之前将一截新鲜的葱白咬碎然后吞噬，连续吃一个星期，如果有效果那么就要继续坚持。需要特别注意的是，咬葱白不能够太过，应该根据自身情况来决定具体的量是多少。用花椒泡开水之后祛除花椒，服用一杯花椒水之后再睡觉。坚持一个星期，可以有效缓解打呼噜的情况。将枣仁炒好之后备用，每天晚上温水泡脚之后取出一些嚼着，连续服用一个星期。如果这个治疗打呼噜的偏方有效，那么就需要继续服用，直到治好为止。将龙胆草和当归放在水中浸泡一个小时，然后放入锅中加入适量的清水，大火烧开之后小火熬煮二十分钟，然后取出药渣继续熬煮一遍，两次的药液混合之后每天晚上服用一次，连续服用三天。</t>
  </si>
  <si>
    <t>端午节有放假吗</t>
  </si>
  <si>
    <t>端午节放假是国家规定的。自2008年起端午节被列为国家法定节假日。</t>
  </si>
  <si>
    <t>信用卡可以转账到储蓄卡吗</t>
  </si>
  <si>
    <t>信用卡不能自己转账到储蓄卡，可以下载APP提现到储蓄卡。</t>
  </si>
  <si>
    <t>杨洋有哥哥吗</t>
  </si>
  <si>
    <t>并没有。</t>
  </si>
  <si>
    <t>facebook中国能用吗</t>
  </si>
  <si>
    <t>中国也是可以使用的。</t>
  </si>
  <si>
    <t>国内使用facebook就必须要用vpn软件，也就是说需要代理国外的ip，即可正常登陆和使用了。登陆后，在官网上直接注册，就可以使用了。</t>
  </si>
  <si>
    <t>知网查重严格吗</t>
  </si>
  <si>
    <t>严格。</t>
  </si>
  <si>
    <t>鬼是否存在</t>
  </si>
  <si>
    <t>信则有，不信则无。</t>
  </si>
  <si>
    <t>鬼只是人的一种幻象，精神集度虚弱，大脑产生幻象，进入眼睛。</t>
  </si>
  <si>
    <t>专利第二发明人有用吗</t>
  </si>
  <si>
    <t>发明人作用主要用于显示创造此技术专利的人员，以便提高知名度及影响方面作用。其最主要用途用于评定职称或者申请相关职业或行业等级评定等一些作为考核的依据。第一第二的区别主要就贡献的主次或者多少，说白了就一名声或说俗话好看~专利其最主要还是申请人也就是专利权人才是主要的。</t>
  </si>
  <si>
    <t>9158网盘是真的吗</t>
  </si>
  <si>
    <t>不是真的。</t>
  </si>
  <si>
    <t>4g流量卡50元2g划算吗</t>
  </si>
  <si>
    <t>还行吧，如果还不够的话，可以办理流量至尊卡。</t>
  </si>
  <si>
    <t>蟹公寓是个骗局吗</t>
  </si>
  <si>
    <t>貌似都上央视了，如果是坑人的那央视岂不砸自己的脚？貌似不是什么阿猫阿狗随便花点钱就能上央视的吧，央视选择项目节目应该会审核一下。</t>
  </si>
  <si>
    <t>很多人把蟹公寓仅仅看做是设备！其实真正利用起来 它是一个新的产业！是一个整套的系统。经过这五年的市场考验，事实证明：蟹公寓用于螃蟹，龙虾，海参，牛蛙，部分鱼类的养殖，暂养，育肥等模式是非常可行的。</t>
  </si>
  <si>
    <t>古代守宫砂是真的吗?</t>
  </si>
  <si>
    <t>deliveryoptimization里面的文件可以删除</t>
  </si>
  <si>
    <t>传递优化文件 可以磁盘清理。</t>
  </si>
  <si>
    <t>左旋肉碱真的有用吗</t>
  </si>
  <si>
    <t>没用。</t>
  </si>
  <si>
    <t>我觉得减肥药这种东西肯定会瘦一点。</t>
  </si>
  <si>
    <t>金刚狼4还有吗</t>
  </si>
  <si>
    <t>金刚狼4可能不会拍摄了，狼叔老了，大家都只认定休杰克曼这一个狼叔，没有别人了，但是不排除奇迹出现。</t>
  </si>
  <si>
    <t>排除复活等其他因素，如果有应该不叫金刚狼4，狼3是老时间线的终结，金刚狼也不在了，而新电影的剧情会承接新时间线《天启》。</t>
  </si>
  <si>
    <t>择天记完结了吗</t>
  </si>
  <si>
    <t>目前小说还没完结，电视剧也仅仅只是出了一季。</t>
  </si>
  <si>
    <t>移动号码可以改归属地吗</t>
  </si>
  <si>
    <t>移动省内手机号码的归属地是可以更改的。</t>
  </si>
  <si>
    <t>中国移动动感地带号码归属地不能改。</t>
  </si>
  <si>
    <t>移动全球通手机号码不可以改归属地。</t>
  </si>
  <si>
    <t>中国双创是传销吗</t>
  </si>
  <si>
    <t>政治局权利大吗</t>
  </si>
  <si>
    <t>中央政治局权利比国务院权力大。</t>
  </si>
  <si>
    <t>目前中央政治局的权力比全国人大权力大，而且至高无上。</t>
  </si>
  <si>
    <t>一般的中央委员当然没有政治局常委大，但是政治局常委一定同时是政治局常委、政治局委员、中央委员。中央委员更进一步会进政治局成为政治局委员，政治局委员再进一步会进政治局常务会议成为政治局常委。</t>
  </si>
  <si>
    <t>蚂蚁借呗利息高吗</t>
  </si>
  <si>
    <t>借一万元一天利息是4元，一个月就是120元，借呗算贷款中最便宜实惠的一种了。</t>
  </si>
  <si>
    <t>杭州买房不能落户了吗</t>
  </si>
  <si>
    <t>根据杭州最新的购房政策，暂不支持购房落户。 可以通过其他方式落户。</t>
  </si>
  <si>
    <t>豌豆发芽能吃吗</t>
  </si>
  <si>
    <t>豌豆发芽没有毒的。豌豆苗又叫“龙须菜”、“龙须豆苗”、“蝴蝶菜”等等。属于苗菜类，即小植体菜。主要是食用豌豆所生成的幼嫩茎叶和嫩梢。</t>
  </si>
  <si>
    <t>如果发的芽不长，豌豆没有空，就可食用。像黄豆、豌豆等豆类在适宜的环境下都会长芽，内部营养不会有太大的变化。</t>
  </si>
  <si>
    <t>改签的火车票能退吗</t>
  </si>
  <si>
    <t>在原车票开车前48小时以上，旅客可任意选择有余票的列车。已取得纸质车票的，可在车站指定售票窗口办理;未换取纸质车票的，也可在12306网站办理。</t>
  </si>
  <si>
    <t>在12306买火车票，每张火车票可以免费改签一次，改签过的车票不能再次改签。12306火车票网上改签后能退票。铁路部门实施梯次退票方案。即：票面乘车站开车前48小时以上的，退票时收取票价5%的退票费；开车前24小时以上、不足48小时的，退票时收取票价10%的退票费；开车前不足24小时的，退票时收取票价20%退票费。</t>
  </si>
  <si>
    <t>1:火车票只能改签一次，票价相同无需手续费，2:改签一次后只能选择退票，提前一天扣百分之五，临近开车退扣百分之二十。</t>
  </si>
  <si>
    <t>snapchat国内能用吗</t>
  </si>
  <si>
    <t>不可以用，要翻墙。另外Snapchat是一个强关系的社交App（不能关注名人，也没有什么公众号），所以你最好要有几个朋友在上面，不然会觉得很无聊，最多只能看看几个广告。</t>
  </si>
  <si>
    <t>欢乐颂安迪最后疯了吗</t>
  </si>
  <si>
    <t>安迪不堪重压最终还是疯了。</t>
  </si>
  <si>
    <t>齿痕舌会自愈吗</t>
  </si>
  <si>
    <t>齿痕舌属于脾虚寒湿类型体质的对应表现，补脾祛湿就可以消除了。</t>
  </si>
  <si>
    <t>会好的，建议服用理中丸，多喝红豆薏米水。</t>
  </si>
  <si>
    <t>江苏苏州绿叶可信吗</t>
  </si>
  <si>
    <t>不建议做，新公司。</t>
  </si>
  <si>
    <t>还可以，高品质低价格。</t>
  </si>
  <si>
    <t>苹果7关机还能追踪到吗</t>
  </si>
  <si>
    <t>在iphone7上打开AppStore先下载软件“查找我的iphone”并安装。下载完成后在iphone的桌面上打开“查找iphone”的图标；打开后会显示登录界面，在登录界面输入你的AppleID、密码后进行登录“查找我的iphone”软件（注意：如果iCloud帐户尚未关联AppleID将无法进行登录，所以要先到设置选项中的“iCloud”激活iCloud帐户再进行操作）；利用网页登录iCloud来操作查找iphone。也可以用iCloud来操作查找我的iphone，首先用电脑打开iCloud官网并用AppleID登录iCloud帐户；登录成功后可以看到iCloud界面中左下角有个“查找我的iphone”的图标，点击打开该图标并再次输入AppleID密码以使用“查找我的iphone”功能，然后在登录成功后在界面顶部选择好iphone设备，如果iphone的定位没有打开的则看不到iphone在哪里，只有在定位打开了就能看到iphone在哪里。</t>
  </si>
  <si>
    <t>斜颈能自愈吗</t>
  </si>
  <si>
    <t>斜颈多数不能自愈。已超过1岁则应进行手术治疗。</t>
  </si>
  <si>
    <t>不会，慢慢会有斜颈并发症状，大小脸和偏头，并逐渐加重。超过一岁，面部五官变化很难恢复正常。所以要尽早治疗。</t>
  </si>
  <si>
    <t>斜颈不能自愈。意见建议：斜颈可分为先天性肌性斜颈和先天性骨性斜颈。前者是由于一侧胸锁乳突肌挛缩引起的头颈歪斜的先天性颈部畸形，相当多见；后者是因颈椎骨质发育畸形所致的斜颈，较少见。一般情况就是选择手术的，但对于成年人，因畸形已存在多年，术后不仅面部畸形将更加明显，且视力也因不适应术后的新体位而发生改变，故多不宜施行手术。</t>
  </si>
  <si>
    <t>学慧网靠谱吗</t>
  </si>
  <si>
    <t>销售的职业素质差，央广有过曝光。</t>
  </si>
  <si>
    <t>骗子公司，受害学员500多人，还退不到钱，该机构的客服素质不高，不是一个正规的教育机构。</t>
  </si>
  <si>
    <t>彩金保值吗</t>
  </si>
  <si>
    <t>彩金很受现代人喜欢，但从保值来说还是要选黄金。</t>
  </si>
  <si>
    <t>四驱车比两驱车安全吗</t>
  </si>
  <si>
    <t>ysl气垫10号色会太白吗</t>
  </si>
  <si>
    <t>看个人肤色德情况，皮肤偏白的适合10号或者20。</t>
  </si>
  <si>
    <t>明尼苏达大学很差吗</t>
  </si>
  <si>
    <t>挺不错的一所学校，世界一流大学明尼苏达大学2012年的教育预算高达25亿美元，在美国所有公立大学中位居第三，仅次于加州大学伯克利和密歇根大学。明尼苏达大学的化工系、机械工程系、计算机系、经济学系、应用经济学系、心理系、教育系、应用数学、人力资源管理、信息管理系统、森林、药学及医疗系统管理等多门学科在全美始终位居前列。在美国新闻和世界报道、美国国家研究委员会和多个权威的教育排名表上明尼苏达大学始终名列前茅。</t>
  </si>
  <si>
    <t>fgo所罗门抽的到吗</t>
  </si>
  <si>
    <t>暂时无法获得。</t>
  </si>
  <si>
    <t>梦中之物随机能完成么</t>
  </si>
  <si>
    <t>可以，任务物品在老鹿身边记得捡。</t>
  </si>
  <si>
    <t>无法在随机难度中完成。</t>
  </si>
  <si>
    <t>手工水槽好不好</t>
  </si>
  <si>
    <t>手工水槽是用304不锈钢板折弯焊接而成，与通常的水槽本质上的区别就是需要焊接的地方较多。通常的水槽虽然也有焊接的地方，但是都是在槽盆一体冲压好以后，将边缘焊接，而手工水槽要将四周全部焊接起来，无疑加大了开焊的概率。手工水槽厚度一般都是比较厚的，一般都是在1.3mm-1.5mm左右，这种厚度便于焊接，并且厚度均匀，不会出现拉伸水槽局部过薄的现象。拉伸水槽是不可能达到这个厚度的，因为厚度越大，所需要的冲压力就越大，如果到1.2mm，那么500吨的冲压机根本无济于事。所以从材质上看，手工水槽肯定会更耐磨些。</t>
  </si>
  <si>
    <t>外观上说，手工水槽直上直下，有棱有角，质感更强。现在的手工水槽表面处理也有珍珠砂或者拉丝水槽，不要担心美观性。不过这样直上直下的边缘给以后清理残渣也带来了一定的麻烦。尤其是90°拐角处最难清理。一体拉伸水槽由于大部分边缘都做了圆角处理，做台下盆比较牵强，但手工水槽可以轻松做台下盆，避免了台面渗水的现象。手工水槽的底部也是有一定的坡度的，虽然肯定会有些影响，但是问题不大。好了，总结一下，手工水槽在美观方面略强于一体拉伸水槽，不过在实用上来讲有些差强人意。虽然厚度很厚，但一般出现问题都是在边缘的焊接上，所以并不推荐大家购买手工水槽。</t>
  </si>
  <si>
    <t>还好吧，就是觉得美观度没想象的好。</t>
  </si>
  <si>
    <t>苹果皮上有蜡能吃吗</t>
  </si>
  <si>
    <t>前市场上的果皮蜡主要有三种：果蜡、人工果蜡、工业蜡。果蜡是一种脂类，是苹果表面生成的植物保护层，可以有效防止外界微生物、农药等入侵果肉，起保护作用，是刮不出来的。人工果蜡，一般是以天然动物、植物蜡作为成膜剂制成的，这种物质对身体并无害处，其作用主要是保鲜，防止苹果在长途运输、长时间储存中腐烂变质。而工业蜡，含有汞和铅，可通过果皮渗透进果肉，给人体带来危害。</t>
  </si>
  <si>
    <t>如果是符合国家卫生安全标准的食用腊则相对安全，但如果长期大量食用这种苹果还是有一定危害的。如果是工业蜡，其中含有的汞和铅则对人体有害。为了减少买到打工业蜡苹果的可能性，尽量去信誉度高的超市去买。</t>
  </si>
  <si>
    <t>最好别吃，据说苹果打蜡，一种是食用蜡，一种是工业蜡，前者可以少量吃，后者有毒，为了安全起见，还是削皮吃最好。</t>
  </si>
  <si>
    <t>小猫抓伤用打针吗</t>
  </si>
  <si>
    <t>需要打针，没有损伤到皮下组织的话应该没什么事，因为皮肤上的鳞状上皮细胞可以阻止细菌病毒的侵入，但是破皮并且出血了就必须要打针了。</t>
  </si>
  <si>
    <t>需要立刻去附近医院注射狂犬疫苗，并定期复查。</t>
  </si>
  <si>
    <t>泰国免税店手表便宜吗</t>
  </si>
  <si>
    <t>比国内的便宜，特别是那种名牌的手表比国内便宜很多。</t>
  </si>
  <si>
    <t>是比较优惠的。</t>
  </si>
  <si>
    <t>可以减免部分税金。</t>
  </si>
  <si>
    <t>陈勤勤最后肉偿了吗?</t>
  </si>
  <si>
    <t>腾讯qq有人工客服吗</t>
  </si>
  <si>
    <t>首先我们打开QQ主页面板，点击“主菜单”，你会看到以下页面。点击“帮助”后，再点击“腾讯客服”。接下来会弹出一个页面，再点击“联系腾讯客服”，箭头处。会打开一个网页，再点击“游戏”，看图片有标明。你可以选择一个玩过的游戏，例如“DNF 地下城与勇士”，你玩过的就可以了。在右边的中间处你会看到“在线客服”。点击它。如果你之前登录了QQ,会弹出一个页面，需要你选择确定。弹出一个聊天窗口，会有选项，点击”人工服务“。然后输入一下你的信息，看图片，出问题时间在当天之前就可以了 例如：2014-08-16，问题描述方面：随便都可以的。输入”有问题“都可以了。10填写完成后会提交，客服就出现了，如果你的问题不是游戏方面，客服会帮你转接。</t>
  </si>
  <si>
    <t>打开与腾讯客服的在线聊天窗口，找到界面中的“QQ号码保护模式问题”这一栏，并点击选择进入下一步。找到弹出表单中的“号码保护模式解除”这一栏，并点击进入下一步。此时右侧会弹出一个需要填写的输入框，将自己不能够登陆的QQ号码填入方框中，然后点击下方的“提交”按钮，进入下一步。此时可以通过修改密码恢复正常使用，如果不能够使用，就需要联系人工客服，找到页面下方的“点此联系人工客服”，进入下一步。5此时稍微等待，就会显示客服的号码已经接入到了聊天窗口。</t>
  </si>
  <si>
    <t>腾讯官方免费服务热线：8008309138，未开通800电话的地区和手机用户请拨打：4008812345。（早上8点到晚上23点）。</t>
  </si>
  <si>
    <t>vr眼镜对眼睛有损伤吗</t>
  </si>
  <si>
    <t>简单的讲就是短时间的佩戴和使用是没有任何问题的，并不会对视力有所影响，如果你想长时间的玩vr眼镜，那就最好半个小时就拿下来休息一下，然后对眼镜做一定的放松，多看看一些绿色的植物让眼镜得到充分的压力释放。</t>
  </si>
  <si>
    <t>空调装在床头上方好吗</t>
  </si>
  <si>
    <t>惊心食人族3上映了吗</t>
  </si>
  <si>
    <t>2017年上映。</t>
  </si>
  <si>
    <t>微信收藏删除了还能恢复吗</t>
  </si>
  <si>
    <t>微信只收藏的链接或者文件，如果删除了收藏，必须知道添加收藏的链接地址和方式，特别是微信好友发送的图片，才能重新添加，否则删除了收藏是无法恢复的。</t>
  </si>
  <si>
    <t>微信收藏的东西删掉了是无法找回的。</t>
  </si>
  <si>
    <t>百度学术查重准确吗</t>
  </si>
  <si>
    <t>只能是所有查重里面最差的了。</t>
  </si>
  <si>
    <t>尿酸500多严重吗</t>
  </si>
  <si>
    <t>挺高的，它正常范围是149到416，要警惕痛风。</t>
  </si>
  <si>
    <t>要不要补牙</t>
  </si>
  <si>
    <t>牙医才能决定是否需要补牙。牙科医生会用一面很小的镜子检查每颗牙齿的表面。如果发现异常，就会用特别的仪器进一步仔细检查。牙科医生还可以用X光检查整个口腔或口腔的某个部分。牙医根据牙齿的腐烂程度来采取相应的治疗方式。</t>
  </si>
  <si>
    <t>千百块打联系人电话吗</t>
  </si>
  <si>
    <t>第一次一般都会打，之后有可能不打了，不过也有可能打。</t>
  </si>
  <si>
    <t>iphonese 16g够用吗</t>
  </si>
  <si>
    <t>不够。</t>
  </si>
  <si>
    <t>够用。</t>
  </si>
  <si>
    <t>能量锎是不是金融骗局</t>
  </si>
  <si>
    <t>只是用锎来做幌子，第一次粗略的看一次就知道了。这个是很难研究出来的东西，不可预测的，类似于神经网络，金融曲线预测这些，都是幌子。</t>
  </si>
  <si>
    <t>被能量锎骗了差不多2W。</t>
  </si>
  <si>
    <t>能量锎这个项目，人为操盘包装去推广是真的，但是骗钱还真说不上。</t>
  </si>
  <si>
    <t>三草两木是三无产品吗</t>
  </si>
  <si>
    <t>1、三草两木自成立初就通过了国家工商局审核;2、其上市所有产品均通过国家食品药品监督管理局认证;3、其产品获得Ecocert欧盟有机认证。</t>
  </si>
  <si>
    <t>是质检不合格，好多产品不合格，要求整改，不过还是有合格的，严格来说部分不算三无。</t>
  </si>
  <si>
    <t>微信公众号能定时发送吗</t>
  </si>
  <si>
    <t>您可以预先将编辑好的微信内容，包括图片、语音、视频、图集，设置在未来某一分钟由小懒人定时精灵代您自动发送。</t>
  </si>
  <si>
    <t>微信公众平台在内测原创保护、内文链接、评论以及赞赏等诸多功能，下一步，定时发送，也并非不可能。</t>
  </si>
  <si>
    <t>冒椒火辣可以加盟吗</t>
  </si>
  <si>
    <t>一个餐饮加盟好项目，以醇、鲜、香、辣，食后令人荡气回肠，回味之悠长堪称为美味中之绝品，引领川味美食热潮，是个不错的餐饮创富品牌。</t>
  </si>
  <si>
    <t>真有外星人来过地球吗</t>
  </si>
  <si>
    <t>虽说宇宙中会有外星人存在的，但现代天文观测已经排除太阳系内存在外星人的可能性。</t>
  </si>
  <si>
    <t>陈果复旦结婚了吗</t>
  </si>
  <si>
    <t>一直收腹好吗</t>
  </si>
  <si>
    <t>好的，因为经常收腹可以塑造完美身材。要塑造完美体态坐着、站立或者走路都要挺胸收腹提臀。</t>
  </si>
  <si>
    <t>喝可乐会胖吗</t>
  </si>
  <si>
    <t>喝可乐会让人发胖。</t>
  </si>
  <si>
    <t>王者荣耀最强王者难吗</t>
  </si>
  <si>
    <t>不是太难，不过也要打很多局练熟悉才能上。</t>
  </si>
  <si>
    <t>蓓俪芙是正规的吗</t>
  </si>
  <si>
    <t>牛皮鲜会会传染吗</t>
  </si>
  <si>
    <t>牛皮癣并不是一种传染病，只是具有一定的遗传性。</t>
  </si>
  <si>
    <t>银行卡掉了能补办同样卡号的卡吗</t>
  </si>
  <si>
    <t>不一样的,除了卡号以外都是一样的.</t>
  </si>
  <si>
    <t>一般银行卡补办不是原卡号，但银行高级客户可以申请原卡号补办。</t>
  </si>
  <si>
    <t>三证合一后还有税务登记证吗</t>
  </si>
  <si>
    <t>企业三证合一之后，各证件的号码分别是：营业执照：全部代码；税务登记证：从第三位开始至倒数第二位；组织代码证：第九位（字母）开始至倒数第二位。</t>
  </si>
  <si>
    <t>护照还有一年到期可以换吗</t>
  </si>
  <si>
    <t>护照的有效期还有一年，一般情况下不可以给予更换新护照。中国公民护照的更新，在正常情况下是从有效期到期前的六个月起开始接受延期和更新申请，除非是由于频繁使用，该护照的有效签证页已基本被用完，不得不提前更新者。没有特殊原因一般不会接受提前一年更新护照的请求。</t>
  </si>
  <si>
    <t>有材料证明有效期不符合前往国要求，经公安机关认可的。可申请换发护照。</t>
  </si>
  <si>
    <t>胎记能治好吗</t>
  </si>
  <si>
    <t>你好，可以去做激光治疗，该方法通过选择性光热作用破坏黑色素细胞，治疗结果较理想，成功率较高，副作用也相对较小 本回答由提问者推荐。</t>
  </si>
  <si>
    <t>阴阳师能在电脑上玩吗</t>
  </si>
  <si>
    <t>不可以，实现不了。</t>
  </si>
  <si>
    <t>苹果6cpu坏了能修吗</t>
  </si>
  <si>
    <t>首先我们需要知道的是iPhone6 cpu是和主板连接在一起的，如果cpu坏了，目前只能更换整个主板套件，无法单独进行维修。根据苹果官方公布的消息，超过1年质保之后，iPhone 6单独更换屏幕的价格为109美元（约合669元人民币），iPhone 6 Plus稍高，为129美元（约合792元人民币），与之前的iPhone 5s、5c基本一致。如果是机身损坏（包括主板等零件），iPhone 6的维修价格为299美元（约合1836元人民币），iPhone Plus为329美元（约合2020元人民币）。需要注意的是，如果是人为损坏，即便在1年质保期内，苹果也不会免费保修。</t>
  </si>
  <si>
    <t>修当然是可以修的，只是会更贵。理论上，更换一块cpu比更换一块主板的成本更高，主板整个成品更换简单快捷，维修店都可以做，而更换cpu则只能返厂。</t>
  </si>
  <si>
    <t>可以修，iPhone6 cpu是和主板连接在一起的，如果cpu坏了，目前只能更换整个主板套件，无法单独进行维修。 所以说价格会非常昂贵。</t>
  </si>
  <si>
    <t>美少年学社开拍了吗</t>
  </si>
  <si>
    <t>开拍了。已于2017年5月14日起每周日在优酷独家上线。</t>
  </si>
  <si>
    <t>雷达杀虫剂对人有害吗</t>
  </si>
  <si>
    <t>粽叶需要煮吗</t>
  </si>
  <si>
    <t>因为粽子叶子采摘下来不是那么的干净，煮一下能够杀菌又能够很好的清洁，所以，粽子叶要煮一下为好。</t>
  </si>
  <si>
    <t>维简单服饰是不是骗局</t>
  </si>
  <si>
    <t>维简单服饰有限公司，骗子公司，骗人钱财。</t>
  </si>
  <si>
    <t>汽车空调清洗剂有用吗</t>
  </si>
  <si>
    <t>如果是传统的泡沫清洗、喷的清洗剂那种就没什么用，主要是这种就简单洗个出风口，过一段时间就还是会有味道的。车发发用可视空调清洗机器，可以直接洗到蒸发箱、空调管道这些、洗的干净，洗完之后制冷好些，清洗过程可以真真切切看到。</t>
  </si>
  <si>
    <t>用过，效果不明显，通常是有轻微异味时使用，太大异味时要一一拆检风道。</t>
  </si>
  <si>
    <t>非常有必要，净化车内空气，清理空调管道，效果非常明显。</t>
  </si>
  <si>
    <t>luna洗脸仪有用吗</t>
  </si>
  <si>
    <t>传统洗脸方式难以清除顽固残留余妆，许多女性受到卸妆困扰，导致肌肤加速老化、暗沉。露娜通过科学排序的密集触点刷头，配合透肤声波脉动，深层清洁肌肤，扫净余妆，油垢，脏污，还你百分百的无妆净透裸肤。露娜标准版的舒缓模式通过同心波纹的曲面传递脉动，促进胶原蛋白和弹性蛋白的生成，让肌肤光滑的同时有效淡化皱纹，常驻青春。LUNA露娜mini拥有1300个光滑的硅胶触点，以科学的特定顺序排列，帮助你深层清洁易出油的区域，有效避免痘痘滋生。LUNA露娜通过每分钟8000次的脉动，积极作用于你的肌肤，深层清洁的同时有效舒缓疲劳状态，短短60秒就能焕发明星光彩。露娜LUNA通过T-SONIC透肤声波脉动，促进肌肤表面下血液循环，有效缓解面部浮肿，还你自然紧致轮廓。</t>
  </si>
  <si>
    <t>1.温和不刺激2.清洁力很好3.皮肤有所透亮4.有些人觉得黑头减少了5.少数人觉得痘痘减少了，少数人觉得毛孔好像变小了6.按摩功能很舒服。</t>
  </si>
  <si>
    <t>android pay 国内能用吗</t>
  </si>
  <si>
    <t>蛋糕放香蕉减少面粉吗</t>
  </si>
  <si>
    <t>聚币网靠谱吗</t>
  </si>
  <si>
    <t>拼多多一元购是真的吗</t>
  </si>
  <si>
    <t>是真的，但花费1元钱是买不到的，它拼团成功后需要抽取名额，抽到的才可以1元钱购买。但付款的1元钱，买不到会退款的。</t>
  </si>
  <si>
    <t>switch有中文吗</t>
  </si>
  <si>
    <t>目前没有中文系统。</t>
  </si>
  <si>
    <t>猫有狂犬病吗</t>
  </si>
  <si>
    <t>普罗米修斯是异形前传吗</t>
  </si>
  <si>
    <t>小米5s 3g 内存够用吗</t>
  </si>
  <si>
    <t>现在是足够。</t>
  </si>
  <si>
    <t>够用锤子。</t>
  </si>
  <si>
    <t>只要不玩大型游戏！没有任何问题。</t>
  </si>
  <si>
    <t>达内培训四个月靠谱吗</t>
  </si>
  <si>
    <t>挺靠谱的，是一家上市的IT职业教育机构。</t>
  </si>
  <si>
    <t>从市场调研反馈的数据显示，四个月是有用的。</t>
  </si>
  <si>
    <t>效果还是比较明显的。</t>
  </si>
  <si>
    <t>中控台密封条有用吗</t>
  </si>
  <si>
    <t>基本没什么用。</t>
  </si>
  <si>
    <t>总体作用不算太大。</t>
  </si>
  <si>
    <t>有作用。</t>
  </si>
  <si>
    <t>鸡血藤手镯可以碰水吗</t>
  </si>
  <si>
    <t>鸡血藤手镯不可以碰到水。</t>
  </si>
  <si>
    <t>可以碰水。</t>
  </si>
  <si>
    <t>熟的胡萝卜热量很高吗</t>
  </si>
  <si>
    <t>胡萝是蔬菜类，所以热量较低。</t>
  </si>
  <si>
    <t>胶质瘤是癌症吗</t>
  </si>
  <si>
    <t>神经胶质瘤简称胶质瘤，也称为胶质细胞瘤，是最常见的原发性中枢神经系统肿瘤，约占所有颅内原发肿瘤的一半，广义是指所有神经上皮来源的肿瘤，狭义是指源于各类胶质细胞的肿瘤。</t>
  </si>
  <si>
    <t>肿瘤分为良性肿瘤和恶性肿瘤，一般所说的癌即指恶性肿瘤而言。然而脑胶质瘤为恶性，那么脑胶质瘤是癌症。胶质瘤因起源于神经胶质细胞而得名，是最常见的脑和脊髓肿瘤。</t>
  </si>
  <si>
    <t>分期乐是真的吗</t>
  </si>
  <si>
    <t>是真的啊，5S土豪金，验了，凭商品的SN码到官网上查的。</t>
  </si>
  <si>
    <t>小米笔记本可以加内存吗</t>
  </si>
  <si>
    <t>笔记本硬盘能装在台式机上吗</t>
  </si>
  <si>
    <t>可以。但不能直接安装，需要一个3.5寸支架。如果没有支架，只能竖着放在机箱里，但不稳定，受到大的撞击会很容易脱落或接触松动。目前的笔记本和台式机硬盘都是SATA接口，这种接口的统一也就确认了在按照标准供电时不会造成硬盘出现问题。但笔记本硬盘因为体积和技术限制，速度比台式机的大硬盘慢。如果对电脑要求较严苛，尽可能使用台式机3.5寸大硬盘。</t>
  </si>
  <si>
    <t>可以用，但是不建议用。因为速度会慢，拖慢电脑的一般就是硬盘，还用笔记本硬盘，那不更慢了啊。笔记本硬盘都是5400转，2.5寸的。台式机硬盘是7200转或者更高，大小为3.5寸的。有些机箱还需要2.5寸转3.5寸模块才可以使用。另外笔记本也不能使用台式机硬盘，散热过高，硬盘震动过大，对电脑都有损伤。建议台式机还是重新买硬盘比较好，此硬盘可以买个移动硬盘盒做移动硬盘使用。</t>
  </si>
  <si>
    <t>a360desktop能卸载吗</t>
  </si>
  <si>
    <t>卸载了不影响基本的画图。但是 ，想看特性里的东西 ，就看不了。面积、长度标高、线宽。都固定不会变。</t>
  </si>
  <si>
    <t>如果是安装CAD的时候所带该程序，卸载后肯定影响，、如果是单独安装的该程序，一般不会影响</t>
  </si>
  <si>
    <t>可以删除的一般也用不到。</t>
  </si>
  <si>
    <t>资格复审一般会卡人吗</t>
  </si>
  <si>
    <t>一般不会卡。</t>
  </si>
  <si>
    <t>万合天宜真的垮了吗</t>
  </si>
  <si>
    <t>不是，有新戏好像在拍还是杀青了。</t>
  </si>
  <si>
    <t>支付宝没有人工客服吗</t>
  </si>
  <si>
    <t>有的。成功登录支付宝后，在支付宝个人中心首页的右侧可以看到一个浮动的卡通人物头像，点击就可以打开支付宝客服了。</t>
  </si>
  <si>
    <t>有的。拨打95188，按照提示，进入人工客服。</t>
  </si>
  <si>
    <t>增值税专用发票丢失,复印件可以入帐吗</t>
  </si>
  <si>
    <t>如果购货方丢失抵扣联，可继续完成发票查询系统发票勾选确认或使用发票联认证，并将发票联复印件留存备查。如果丢失发票联，则应将抵扣联作为记账凭证，抵扣联复印件留存备查。如果两联均丢失，购买方应向销售方请求提供的相应专用发票记账联复印件及销售方主管税务机关出具的《丢失增值税专用发票已报税证明单》，通过发票查询系统确认或使用记账联复印件认证后，作为增值税进项税额的抵扣凭证，并留存备查。如果销售方丢失了记账联，可以向购买方索取发票复印件作为记账凭证。</t>
  </si>
  <si>
    <t>甲亢能生孩子吗</t>
  </si>
  <si>
    <t>如果甲亢已经完全康复，考虑要孩子是没有问题的。</t>
  </si>
  <si>
    <t>如果是女性在治疗甲亢的期间怀孕了，那么这些药物会有可能导致自己腹中的胎儿受到影响，计量过度的话会有可能导致胎儿发育不完全，所以说患上了甲亢的女性尤其需要注意到这一点，在备孕之前就要治疗好自己的疾病，否则会影响到自己的下一代身体健康。</t>
  </si>
  <si>
    <t>不宜怀孕生孩子。</t>
  </si>
  <si>
    <t>dnf暴击率超过100就百分百暴击吗</t>
  </si>
  <si>
    <t>暴击率100％确实不一定次次暴击，还有怪物暴击抗性之类的。</t>
  </si>
  <si>
    <t>暴击几率超过100就是刀刀暴击，但是附加伤害的小字和面板暴击无关。</t>
  </si>
  <si>
    <t>真的有鬼吗</t>
  </si>
  <si>
    <t>有鬼。 神鬼相对，有神就有鬼。但是神鬼都不是我们日常见的物体形态。它属于意识领域，由精神作用而成。万事由心造，鬼神皆心出，就是这个道理。</t>
  </si>
  <si>
    <t>查重参考文献算吗</t>
  </si>
  <si>
    <t>论文查重，参考文献不选的。当然这里的论文查重，说的是用cnki知网的查重软件，因为那个软件相对于其他查重软件，会智能一些。毕竟论文最终机检也是用cnki查重，所以这点你不必担心。如果是用paperpass检测的话，可能就把参考文献重复的算作抄袭率了。</t>
  </si>
  <si>
    <t>参考文献一般是不参与检测的，但是知网根据参考文献来判别引用，也就是说如果你的检测论文没有包含参考文献，那么知网就不会判为引用。相较于这点，维普做得比较人性化，其引用识别功能深受广大论文写作者的欢迎。而且知网是不对个人开放的，维普个人版搜gocheck论文检测，还能免费试用哦。</t>
  </si>
  <si>
    <t>参考文献不算抄袭内容，但检测时要参与检测，是为了保证检测的完整性，我发一份修改秘籍给你，按上面的内容进行修改通过学校检测没啥问题的。</t>
  </si>
  <si>
    <t>乐喜力丝育发是否真实</t>
  </si>
  <si>
    <t>洗发水一般只具有清洁头皮的效果。</t>
  </si>
  <si>
    <t>这可是有完整的记载的。2002年2月，日本政府为应对经济萧条，削减政府预算，一批科研机构被剥离政府，日本通产省工业技术院的这支研究团队创办了ADVANGEN去继续自行开展研究，推动科研成果的向产品的转化。技术经过多次升级，解决了止脱和生发技术的难题，2005年开始从技术变为商品，这就是LEXILIS了。</t>
  </si>
  <si>
    <t>省呗安全吗</t>
  </si>
  <si>
    <t>不安全。</t>
  </si>
  <si>
    <t>非常安全。</t>
  </si>
  <si>
    <t>女人戴金蟾吊坠好吗</t>
  </si>
  <si>
    <t>可以的，金蟾吊坠不仅有装饰作用，还可以避邪、招财。据说，金蟾必须开光后才有作用，可以帮助佩戴者修慧修福，清净内心，开运改运，镇妖避邪，逢凶化吉，从而获得帮助改善生活、事业、财运、爱情、健康、精神等一系列善果。</t>
  </si>
  <si>
    <t>好</t>
  </si>
  <si>
    <t>清理微信存储空间会清除聊天记录吗</t>
  </si>
  <si>
    <t>新仙剑网页游戏好玩吗</t>
  </si>
  <si>
    <t>觉得略坑。</t>
  </si>
  <si>
    <t>迷橙上的东西是真的吗</t>
  </si>
  <si>
    <t>迷橙卖假货。</t>
  </si>
  <si>
    <t>空腹可以吃香蕉嘛</t>
  </si>
  <si>
    <t>svi胜威国际是真实的吗</t>
  </si>
  <si>
    <t>无痛分娩有副作用吗</t>
  </si>
  <si>
    <t>暂时性的发抖、低血压、呕吐等不适，但这些不适都不会很严重，短时间内就可以自然消失，并且不会对产妇身体造成太大的影响，也没有不良后果。极少数妈妈会出现头痛、腰酸背痛、感染、抽筋、药物过敏或麻醉止痛不全等情况。</t>
  </si>
  <si>
    <t>对记忆力有很大的影响，无痛分娩有风险 ，可能会影响母乳喂养。</t>
  </si>
  <si>
    <t>少数人头疼，掌握不到阵痛就不容易用力，反而影响产程，影响宫缩力度 延长产程。</t>
  </si>
  <si>
    <t>百合花香味对人体有害吗</t>
  </si>
  <si>
    <t>百合花香味对人体有害还是有益，从总体来讲，百合花它所散发出来的香味能提高人的中枢神经的兴奋度，这无宜对维持人的良好精神状态是有益的；而如果室内放的花太多，花香过分浓烈，人在里面待的时间又过长，就会促使人过度兴奋而影响睡眠。所以说，百合花的香味对人是有利有弊，其实在花卉中像合花同样情况的花有很多，人们并没有将它们拒之门外。我们可以扬长避短，将百合花放在客厅或书房里，数量上也不必过多，如果适当放一点在卧室内，起到调节一下卧室主人的情绪也不是坏事。万事不过度，适可而止。</t>
  </si>
  <si>
    <t>百合花的香味对人体是没有危害的，因它的花香被人们所接受，如果有毒早就被人们所淘汰，但对百合花的香味有过敏的人最好远离些，以防闻后过敏。</t>
  </si>
  <si>
    <t>百合花的香味闻久了对身体不好。1、百合花的味道非常的浓郁，闻久了这种花香味容易让人的神经过度兴奋，从而产生失眠的状况。2、百合花里面有很多花粉，有过敏性哮喘病的病人吸入这种花粉很可能会发病，百合花的香味，闻久会使人的中枢过度兴奋而引起失眠。</t>
  </si>
  <si>
    <t>汗疱疹会传染吗</t>
  </si>
  <si>
    <t>不会。汗疱疹是湿疹的一种，汗疱疹又称出汗障碍疹，常伴有多汗，夏季多见，好发于青年人。同时汗疱疹是一种自身免疫性的疾病。是不会传染给别人的。患者不必担心，家属应当积极鼓励患者增-加战胜疾病的信心，这样才能促进疾病的康复。汗疱疹的发病与很多因素都有关如：手足出汗、精神因素（精神紧张、过-度疲劳、情绪抑郁等）常为汗疱疹发病的重要因素，其他如便秘、胃肠功能紊乱等，亦可能与汗疱疹的发生有关，也可能是霉菌活动性-感染的发疹性反应，接触刺激物品，细菌、食物、药物过敏，个人体质等等也可与汗疱疹的发生有关。</t>
  </si>
  <si>
    <t>角蛙有毒吗</t>
  </si>
  <si>
    <t>无任何毒性。</t>
  </si>
  <si>
    <t>win10的defender好用吗</t>
  </si>
  <si>
    <t>秒钱安全吗</t>
  </si>
  <si>
    <t>挺好的。</t>
  </si>
  <si>
    <t>感觉不靠谱。</t>
  </si>
  <si>
    <t>秒钱在安全方面具有以下五重保障：1、零风险、保障体系；2、本息保障；3、融资租赁、毋庸置疑；4、损失率低；5、风险审核、全面把控。</t>
  </si>
  <si>
    <t>苏州高博是正规学校吗</t>
  </si>
  <si>
    <t>名办高职，学风不是很好。</t>
  </si>
  <si>
    <t>孕妇能吃香蕉吗</t>
  </si>
  <si>
    <t>孕妇是可以吃香蕉的，因为香蕉的营养价值很高。</t>
  </si>
  <si>
    <t>盐城有机场吗</t>
  </si>
  <si>
    <t>盐城有两个机场。</t>
  </si>
  <si>
    <t>盐城有一个国际机场——南洋国际机场，该机场与当地空军公用。另外还有每个县都有1个小型通用机场（正在建设或已经建成）。</t>
  </si>
  <si>
    <t>全民k歌礼物能换钱吗</t>
  </si>
  <si>
    <t>不可以，没这规定。</t>
  </si>
  <si>
    <t>不能。没认证的主播，收到礼物就是打水漂。没有任何的奖励或者经验增值。认证的主播可以，主播三官方七，得到的礼物将会转化为经验。</t>
  </si>
  <si>
    <t>1YB=1RMB=1000红钻=1000蓝钻。 刷100块钱的礼物，主播能拿﹙100×50％﹚×80％=40RMB或者﹙100×40％﹚×80％=32RMB，不同礼物提成不一样一般第一行礼物是40％，其他50％。</t>
  </si>
  <si>
    <t>客厅和阳台打通好不好</t>
  </si>
  <si>
    <t>打通的好处：①使客厅变得更加宽敞明亮。视野变得宽阔。②采光性好，阳光直接照射进客厅，利用阳光对室内起到很好的杀菌作用。③有利于空气流通，起到了很好的散热的作用。④摆放一套沙发，会成为悠闲时享受阳光、呼气新鲜空气的一个良好的平台。打通的弊端：①不干净卫生，少了一层挡灰窗，不能有效的阻挡风沙，灰尘，雨水的侵袭。安全性较差。②不可以用于洗衣服，晒衣服。现在许多人喜欢将阳台打造成为一个小型的洗衣服，如果和客厅打通，用来洗衣服和晒衣服就会将洗衣池与衣架上的衣服一览无遗的看到，影响了美观性，如果不想影响美观还必须要安装帘子。不建议打通的原因：1、打通以后不利于夏天隔热和冬天保温，还容易增加空调的能耗费用。2、阳台不打通必要的时候还可以晾衣服、洗衣服，实用性更强。3、打通之后隔音效果不太理想。</t>
  </si>
  <si>
    <t>悦美上面的医院靠谱不</t>
  </si>
  <si>
    <t>靠谱，悦美网作为国内最大的专业整形咨询平台，经卫生部和国家药监局认证许可，所有的医院和医生均通过严格审核，资质有保障。</t>
  </si>
  <si>
    <t>大医院靠谱，不会像小医院一样无止境推销</t>
  </si>
  <si>
    <t>安琪酵母对人体有害吗</t>
  </si>
  <si>
    <t>属于食品添加剂类的，应该适量食用或者使用；对人体是否有害应该以实际食用量为准的 此外人体本身就有免疫系统，少量的不会有害的。</t>
  </si>
  <si>
    <t>敷完面膜要洗脸吗</t>
  </si>
  <si>
    <t>1.单片式面膜，可以不用洗掉。2. 免洗睡眠面膜，不可以洗。3.果冻面膜，要洗。4.撕拉面膜，这个面膜肯定是要洗掉的，洗完之后要用收缩毛孔的爽肤水。</t>
  </si>
  <si>
    <t>用完面膜一定要洗掉，不管多贵的 。 精华液在十五二十分钟的时间渗透到肌底的可能为零，多余的精华因为皮肤处于饱和状态很难吸收，不洗掉最显著的就是营养过剩。目前用过最好的方法就是，敷面膜后洗掉多余的精华，涂一点婴儿润肤露（主成分、水、乳木果油、鲸蜡醇、甘油 ）。</t>
  </si>
  <si>
    <t>1. 若在敷面膜前使用了精华液等，不建议清洗。2. 若在清洁后敷面膜，而且敷完面膜后觉得脸上黏糊糊不好受，用后续保养品会搓泥的话，那么可以适当清洗。3. 清洗时，不要用洗面奶大力搓，直接用清水洗一下就可以了，记得要有后续的保养工作跟进。</t>
  </si>
  <si>
    <t>真融宝安全吗</t>
  </si>
  <si>
    <t>真融宝存在严重安全隐患，开始拿储户填坑。</t>
  </si>
  <si>
    <t>真融宝投资的大部分资产方承诺100%本息保障。</t>
  </si>
  <si>
    <t>用了一年多感觉真的很好，但如果资金存管能落实下来那就更让人放心。</t>
  </si>
  <si>
    <t>dw手表防水吗</t>
  </si>
  <si>
    <t>身份证补办后原来的还能用吗</t>
  </si>
  <si>
    <t>原则上是不能用的。身份证上都是有芯片的，你登记补办的时候老的身份证芯片就已经失效了，所以也就不能用了，比如在银行等一些刷身份证的地方，你的身份证就刷不出来个人信息。但是有的地方只需要出示一下身份证就可以了，那老身份证还是可以使用的。</t>
  </si>
  <si>
    <t>心肌梗死能治疗好吗</t>
  </si>
  <si>
    <t>承德大宗是不是正规的</t>
  </si>
  <si>
    <t>大宗只能做白银没有其他品种，是正规的。</t>
  </si>
  <si>
    <t>此公司工商注册信息经营范围不包含现货期货类，属非正规平台。</t>
  </si>
  <si>
    <t>荣耀8 3g够用吗</t>
  </si>
  <si>
    <t>差不多应该。</t>
  </si>
  <si>
    <t>时间久了就会不够用的，日常用用可能够。</t>
  </si>
  <si>
    <t>如果不玩大型游戏，绝对没有问题。如果要玩大型游戏，可能不到1年就不太顺畅了。</t>
  </si>
  <si>
    <t>身份证过期了还能用吗</t>
  </si>
  <si>
    <t>身份证到期就失效了，应该不能继续使用，比如入住酒店、在银行办理业务、办理出国护照等方面都有影响。根据《中华人民共和国居民身份证法》的相关规定，居民身份证有效期满，应当申请换领新证，居民可在身份证到期前3个月按规定申请办理居民身份证的换发手续。</t>
  </si>
  <si>
    <t>琉球人会说中国话吗</t>
  </si>
  <si>
    <t>百分之九十九讲日语。极少数部落讲闽南语。</t>
  </si>
  <si>
    <t>世界上有没有美人鱼</t>
  </si>
  <si>
    <t>近日有美国研究者称美人鱼并不只是传说，它在我们现实世界中真的存在。</t>
  </si>
  <si>
    <t>个人持有反曲弓违法吗</t>
  </si>
  <si>
    <t>个人持有使用反曲弓是不违法的。非机械的弓箭类器材(反曲弓、复合弓)不属于公安机关的管理范畴,制造、销售、购买、持有、使用等环节均不需要向公安机关办理手续。</t>
  </si>
  <si>
    <t>猫需要遛吗</t>
  </si>
  <si>
    <t>猫是不需要带出去玩的。</t>
  </si>
  <si>
    <t>iphone官换机靠谱吗</t>
  </si>
  <si>
    <t>1、少数用户出售：当用户手中“保修内”iPhone出现非人为损坏故障，通过苹果售后更换的新机器，卖给手机市场。2、“官换机”专业户（官换机99%的货源）：二手在保修期的iPhone经过回收，然后再有“专人”去换新机，哪怕是进水、不开机等，经过高手的处理、他们的“关系”，也可以换出“新机”。1、“官换机”与“全新原封机”出身相同，但命运不同（价格低），性价比高；2、“官换机”与“全新原封机”出身相同，这意味着质量同样能够得到保证；3、“官换机”同样有官方保修服务（保修时间视情况而定）。</t>
  </si>
  <si>
    <t>买观致5suv有后悔的吗</t>
  </si>
  <si>
    <t>很后悔。</t>
  </si>
  <si>
    <t>阳台和客厅要不要隔断</t>
  </si>
  <si>
    <t>对于小户型来说，客厅和阳台不做隔断，可以扩大使用空间，增加客厅的采光性和通透性，让空间在整体上有统一感。但是缺点是晾晒衣服，从客厅看去一点都不美观，空间没有区分，户外的灰尘也很容易到客厅里，保温性能也差。</t>
  </si>
  <si>
    <t>对于正常户型和偏大一点户型房子来说，阳台与客厅尽量还是做隔断比较好。首先对于客厅的安全卫生来说是有保障的。</t>
  </si>
  <si>
    <t>对于家里有小孩的家庭来说，阳台与客厅尽量要做隔断，为了小孩子的安全着想。</t>
  </si>
  <si>
    <t>工业用地的房子能买吗</t>
  </si>
  <si>
    <t>工业用地上建的房子也是可以买卖的，只是比较麻烦。需要注意的是，这套房屋土地仍为国家所有，使用年限约为40年，比70年使用年限的普通住宅短很多。这套房屋土地证上标明使用期限一般约34年左右。</t>
  </si>
  <si>
    <t>1、擅自改变出让土地用途是不允许的。这种房产不仅没有房产证，而且没有土地证。因为房地产开发本身就属于违法，所以交易行为也不受保护。 2、如果是正常的房产交易，开发商必须为业主办理房产证、土地证和契证。这样自己的产权才收到保护。不会因为大家都没有房产证而在法律实践中采用则中的手段。 3、我国实行土地用途管制制度，每宗土地的用途必须符合规划和出让合同。在工业用地上盖商品房，这些商品房本身就是违章建筑。</t>
  </si>
  <si>
    <t>云南模乳节是真的吗</t>
  </si>
  <si>
    <t>sci代发靠谱吗</t>
  </si>
  <si>
    <t>靠谱，但是贵。</t>
  </si>
  <si>
    <t>西西弗书店看书要钱吗</t>
  </si>
  <si>
    <t>不要坐在咖啡厅里面就不要钱。</t>
  </si>
  <si>
    <t>书店里有免费的位置坐。</t>
  </si>
  <si>
    <t>毛主席纪念堂是真身吗</t>
  </si>
  <si>
    <t>微交易合法吗</t>
  </si>
  <si>
    <t>在美国，微交易交易受到高度的监管，法定的两个交易所为康托交易所（Cantor Exchange）和北美衍生品交易所（Nadex），而场外微交易交易是被禁止的。在英国及欧洲多个国家，都已经正式将微交易纳入合法行列，受相关法律保护。</t>
  </si>
  <si>
    <t>无极限是不是传销</t>
  </si>
  <si>
    <t>是传销。</t>
  </si>
  <si>
    <t>是直销，直销第一种。</t>
  </si>
  <si>
    <t>分享经济不就是传销吗</t>
  </si>
  <si>
    <t>两种是有区别的，传销是纯粹骗人的，不断拉人头赚取肠肠斑段职灯办犬暴华人头费，也没有实体的产品，最后发展到骗亲戚朋友，国家严令禁止的。社交分享这个是有实物商品流通的，也不用交钱，主要是通过社交圈子分享刺激消费获取奖励本质上不同。</t>
  </si>
  <si>
    <t>旺旺亮灯服务能禁止启动吗</t>
  </si>
  <si>
    <t>可以，首先,在任务管理器中将wwbiz最后,管理工具--服务中,将wwbizsrv服务停止并禁用。</t>
  </si>
  <si>
    <t>点击开始菜单－运行，或者快捷键WINKEY+R，然后输入services.msc，在打开的服务（本地）窗口双击你要禁止的服务，在启动类型选择“已禁用”。</t>
  </si>
  <si>
    <t>雷游好用吗</t>
  </si>
  <si>
    <t>雷神使用没法切换分辨率，并不好用。</t>
  </si>
  <si>
    <t>信用卡催收员工资高吗</t>
  </si>
  <si>
    <t>高，可以拿提成。</t>
  </si>
  <si>
    <t>择天记鹿晗有吻戏吗</t>
  </si>
  <si>
    <t>据说，剧里，古力娜扎和鹿晗会有吻戏，这也是鹿晗的银幕初吻。</t>
  </si>
  <si>
    <t>数据挖掘是青春饭吗</t>
  </si>
  <si>
    <t>年龄只是一个数字，相对你的经验和技能、适应性、还有乐于学习的态度，这个数字不重要。面对别人的怀疑、否定、讥讽，我们只需要坚定地前行，做给他看。行动是最好的证明，多坚持一秒，未来就会不同。</t>
  </si>
  <si>
    <t>天宫之城是传销吗</t>
  </si>
  <si>
    <t>大多数以项目为主题的，基本都是传销。</t>
  </si>
  <si>
    <t>这个不是传销，是游戏，是一种新模式。</t>
  </si>
  <si>
    <t>小米6耐摔吗</t>
  </si>
  <si>
    <t>肯定不耐摔 小米6是玻璃后盖 一摔就碎 使用时需要小心。</t>
  </si>
  <si>
    <t>360系统修复有用吗</t>
  </si>
  <si>
    <t>有用，但漏洞神马的最好不要修复，蓝屏、死机、卡机神马的大多是因为修补漏洞补的。</t>
  </si>
  <si>
    <t>360就是有时候管用，有时候莫名其妙。</t>
  </si>
  <si>
    <t>男生生理反应能控制吗</t>
  </si>
  <si>
    <t>是可以控制的，但不要过多的控制，身体还是需要发泄的。</t>
  </si>
  <si>
    <t>cpu温度70度正常吗</t>
  </si>
  <si>
    <t>不正常。</t>
  </si>
  <si>
    <t>卡牛会泄露个人信息吗</t>
  </si>
  <si>
    <t>卡牛很安全。</t>
  </si>
  <si>
    <t>卡牛家居专营店泄露用户信息。</t>
  </si>
  <si>
    <t>哺乳期可不可以吃有机菜花和大头菜</t>
  </si>
  <si>
    <t>可以吃的。卷心菜热量低，营养价值高，能提高人体免疫力，预防感冒，非常适合哺乳期妈妈食用。</t>
  </si>
  <si>
    <t>研究表明，妈妈吃十字花科的蔬菜时，宝宝更容易胀气。所以，哺乳妈妈应该少吃卷心菜、菜花等十字花科的食物。</t>
  </si>
  <si>
    <t>正常人扁桃体有结石吗</t>
  </si>
  <si>
    <t>扁桃腺结石，是一种比较常见的扁桃腺疾病。每个人都可能出现扁桃腺结石，但是有人可能会自行脱落吞下，有些人则会有喉咙异物感，或喉痒咳嗽及吞咽不顺等症状，甚至有的结石在脱落后有出血的现象，容易造成患者恐慌。若是结石变大而未排出，则会造成阻塞性感染，引起扁桃体胀痛、流脓及反覆发炎。伴随发出的臭味由口中传出，通常对患者人际关系造成不小的困扰。</t>
  </si>
  <si>
    <t>脓栓，自然是炎症的产物，健康人肯定是没有的。请观察你的扁桃体是否肿大。若肿大，常有这种白色或黄色干酪样分泌物。考虑是慢性扁桃体炎。扁桃体是人体的免疫器官之一，正因如此，很多人担心切除会有负面影响。但科学研究至今，扁桃体对于成年人的具体作用还是没有明确。然而慢性扁桃体炎的负面作用却很大（你可以自己查百度百科、维基百科等了解）。鉴于扁桃体切除手术利远大于弊，建议做切除手术。 ps：手术后会很疼，且会大约影响正常进食半月（不可吃硬的，较热的，刺激的，一般以温的流质食物为主）。</t>
  </si>
  <si>
    <t>身份证过期能住酒店吗</t>
  </si>
  <si>
    <t>不可以的，身份证过期之后就不能入住宾馆。身份证使用日期到期后会被公安机关注销，不能继续使用。身份证有效期结束后，公安机关会将身份证信息注销，也就意味着持有者不能继续使用，这对他们外出购买车票、机票、投宿乃至办理金融、劳动的相关业务，都会造成不便。相应的身份验证系统在扫描身份证时，会显示无效。为不影响正常使用，居民应在有效期满之日的3个月前，到户口所在地的派出所重新申报换领新证。</t>
  </si>
  <si>
    <t>每一家酒店对于入住登记管理制度是不一样的。相对比较高星级的酒店管理更加严格一些。但是一般情况下的酒店前台服务人员都不会特别注意这一点。其实宾馆要身份证也是根据公安机关的要求，只要把真实的身份提供给宾馆，都是联网的，一下就能查到是不是本人。实在是不放心的话可以在户口所在派出所开张户籍证明就好了。</t>
  </si>
  <si>
    <t>绝味鸭脖是统一配货吗</t>
  </si>
  <si>
    <t>加盟了就会统一配送。</t>
  </si>
  <si>
    <t>达康书记是好人吗</t>
  </si>
  <si>
    <t>随着剧情发展，达康书记内有妻子坑，外有下属瞒，上有前任留的债，左右还有同僚踩，堪称全剧第一背锅侠，不过达康书记本身应该算是好人，他不是贪官，一心只为了本市的GDP。</t>
  </si>
  <si>
    <t>他是一个好人，好官，好干部。</t>
  </si>
  <si>
    <t>脑梗会引起癫痫吗</t>
  </si>
  <si>
    <t>力量精华 pt h 共享吗</t>
  </si>
  <si>
    <t>并不，这次看来应该是所有难度独立拾取。</t>
  </si>
  <si>
    <t>pt和h共享掉落。</t>
  </si>
  <si>
    <t>2018年是无春年吗</t>
  </si>
  <si>
    <t>2018年除夕是立春，所以18年是有春年。</t>
  </si>
  <si>
    <t>三分时时彩是正规的吗</t>
  </si>
  <si>
    <t>骗局。</t>
  </si>
  <si>
    <t>薄荷可以扦插吗</t>
  </si>
  <si>
    <t>这个直接插在土里就是可以了。</t>
  </si>
  <si>
    <t>大都会人寿保险靠谱吗</t>
  </si>
  <si>
    <t>不靠谱，存在欺骗客户行为。</t>
  </si>
  <si>
    <t>宫颈糜烂二度严重嘛</t>
  </si>
  <si>
    <t>二度宫颈糜烂已经是宫颈糜烂中，程度最严重的了，患者的糜烂面积已经占了整个宫颈表面的1/3～2/3了。如果治疗不及时的话，会继续恶化为三度宫颈糜烂，一旦发展为三度宫颈糜烂的话，患者很容易就会出现不孕，而且癌变的几率也会大大提高。</t>
  </si>
  <si>
    <t>宫颈糜烂二度不是很严重，还是需要尽快治疗以免病情耽误时间过长导致病情加重或者有癌变的可能性。</t>
  </si>
  <si>
    <t>不严重，宫颈糜烂中度或重度糜烂用药物治疗效果不明显，可以选择采取“超声聚焦海极”的治疗技术，一次性治疗，临床效果较好，无痛无创，治疗时间短，恢复快，治疗后宫颈不留瘢痕，不影响以后的性生活质量与生育问题。</t>
  </si>
  <si>
    <t>磁吸支架对手机有影响吗</t>
  </si>
  <si>
    <t>配件有磁性使用久后容易对信号产生影响。</t>
  </si>
  <si>
    <t>1、对部分手机的休眠功能有影响。2、对电子罗盘有影响。3、对喇叭有微乎其微的影响。</t>
  </si>
  <si>
    <t>对于磁性较小的磁铁（如手机皮套上的小磁块，手机支架等）是不会影响手机的功能，如果磁铁磁性较大最好远离手机。</t>
  </si>
  <si>
    <t>小提琴好学吗</t>
  </si>
  <si>
    <t>小提琴声音优美可以陶冶性情，但拉得悦耳动听很难，普通的还是可以比较简单。</t>
  </si>
  <si>
    <t>不难，关键在于恒心。</t>
  </si>
  <si>
    <t>盐酸达泊西汀片能根治早泄吗</t>
  </si>
  <si>
    <t>没有效果。</t>
  </si>
  <si>
    <t>没有根治早泄的药。</t>
  </si>
  <si>
    <t>只能缓解症状。</t>
  </si>
  <si>
    <t>员工主动离职有经济补偿金吗</t>
  </si>
  <si>
    <t>施氏草本霜真的有效吗</t>
  </si>
  <si>
    <t>靠这款产品彻底的摆脱了鸡皮肤问题。</t>
  </si>
  <si>
    <t>尼尔机械纪元有4周目吗</t>
  </si>
  <si>
    <t>康宏金融集团是传销吗</t>
  </si>
  <si>
    <t>快速补漆好吗</t>
  </si>
  <si>
    <t>车漆快修速度更快，并且成本低。最佳的车漆快修作用是没有色差、针眼、气孔等表象，橘皮少而均匀、丰满不挂流、不发黄、不龟裂、经得起时间检测。传统的修正通常都要两三天才干补好，并且是要大面积的修正的！更不能碰到雨天或是洗车。</t>
  </si>
  <si>
    <t>苹果6sp跟7p区别大吗</t>
  </si>
  <si>
    <t>区别大了去了，尤其是7p没有落后的音频接口。</t>
  </si>
  <si>
    <t>win10重置此电脑 会删除其他盘的东西吗</t>
  </si>
  <si>
    <t>不会的。</t>
  </si>
  <si>
    <t>嘉兴房子有投资价值吗</t>
  </si>
  <si>
    <t>不是很值得。</t>
  </si>
  <si>
    <t>广州有白癜风专科医院吗</t>
  </si>
  <si>
    <t>广州新世纪白癜风防治研究院，是一家以白癜风为研究、治疗对象的专业机构，集白癜风预防、临床、科研一体，是专门从事白癜风科研与治疗的专业医疗单位。</t>
  </si>
  <si>
    <t>广东省中研白癜风医院是华南规模最大的白癜风专科医院，位于广州市天河区。</t>
  </si>
  <si>
    <t>亚索刀光特效会封号吗</t>
  </si>
  <si>
    <t>被查到肯定会封。</t>
  </si>
  <si>
    <t>富贵包可以刮痧消除吗</t>
  </si>
  <si>
    <t>小的富贵包可以通过按摩来消除，大的只能让它变小，需要用专门的精油才行。</t>
  </si>
  <si>
    <t>刮痧只是促进局部的血液循环，没有别的作用。</t>
  </si>
  <si>
    <t>先涂抹刮痧油，在堆肉部位局部刮痧，从上往下，把堆肉的棱慢慢刮开。也可以走罐，这是解决此处堆肉的最好办法。</t>
  </si>
  <si>
    <t>初三考地理么</t>
  </si>
  <si>
    <t>首先中考不考地理以及地理学科在高中阶段和本科阶段的文理之分都源自于不同学习阶段对于地理学科学习的要求是不同的。初中的地理主要要求学生记住一些我国及世界上的主要城市的特点特产矿藏等简要的，对于我们而言属于常识的一系列知识，因此在中考中就不会特别要求。在高中阶段，地理学习加上了自然气候洋流气流等自然科学的知识，但是并不存在大量的公式、计算以及实验，因此被归类为文科。到了本科阶段，地理学习对于学生的要求有了质的飞跃，遥感技术等课程对学生的计算及逻辑思维能力有较高的要求，因此被归类为理科。</t>
  </si>
  <si>
    <t>考的。</t>
  </si>
  <si>
    <t>一篇nature能当教授吗</t>
  </si>
  <si>
    <t>ipad辐射大吗,孕妇可以用吗</t>
  </si>
  <si>
    <t>辐射很强，建议不用。</t>
  </si>
  <si>
    <t>都要适量就好。</t>
  </si>
  <si>
    <t>ipad的辐射根本就不算什么，可以用。</t>
  </si>
  <si>
    <t>儿童白癜风能治愈吗</t>
  </si>
  <si>
    <t>治疗儿童白癜风一定要选择正规专业的白癜风医院进行治疗，最好采用中西结合的治疗方法，药物、中药熏蒸、光疗等综合性治疗，这样不仅治疗效果好，而且不容易出现复发现象。</t>
  </si>
  <si>
    <t>白癜风本身属于一个慢性病，所以一定要按照疗程坚持进一步系统性的治疗，这样白斑才会达到康复。在日常生活中，保持一个良好的心态，避免辛辣刺激的食物，养成良好的作息饮食规律，对病情是有好处的。</t>
  </si>
  <si>
    <t>只要白癜风患者能及时就医，与医生密切配合，耐心治疗，大部分患者的白癜风是可以控制的。</t>
  </si>
  <si>
    <t>ps未保存的文件关闭了可以找回吗</t>
  </si>
  <si>
    <t>第一步：打开编辑---首选项---文件处理，弹出首选项设置对话框第二步：在文件处理中勾选后再存储设置自动存储恢复信息时间间隔5分钟。第三步：新建个文档，建立时间1:50写点内容，等待5分钟以上，第四步：*号代表没有保存本文档，第五步：时间到了，五分钟以上了第六步：直接结束进程，模拟不正常关闭程序，记住：手动关闭的不能自动恢复，第七步：重新启动Photoshop  ，它就自己出来了。</t>
  </si>
  <si>
    <t>越南旅游安全吗</t>
  </si>
  <si>
    <t>越南这些地方太乱了，听说子弹都乱飞的，虽然夸张了，不过危险性肯定也是很高的，越穷的地方越不安全。</t>
  </si>
  <si>
    <t>一带一路能成功吗</t>
  </si>
  <si>
    <t>身份证提前5个月能换吗</t>
  </si>
  <si>
    <t>可以，《中华人民共和国身份证法》规定公民可于身份证到期前3个月申请换领，提前5个月按丢失、损坏等原因换证。</t>
  </si>
  <si>
    <t>公民须在身份证有效期满之前3个月内申请换领新证。</t>
  </si>
  <si>
    <t>红薯长芽还能吃吗</t>
  </si>
  <si>
    <t>发芽后虽然和土豆一样的毒素，但是只要将红薯上长的芽去掉是可以吃的，更不会出现传说中的中毒症状。所以是可以食用的。</t>
  </si>
  <si>
    <t>脊髓炎能彻底治愈吗</t>
  </si>
  <si>
    <t>老年代步车需要驾照吗</t>
  </si>
  <si>
    <t>四轮代步车需要上牌照，甚至要考驾照，不过这个政策主要针对的并非是全部的四轮代步车，而是针对时速超过每小时20公里，体重超过50公斤的电动摩托车，像普通的四轮代步车和老年人使用的代步车都不再这一范围之内。</t>
  </si>
  <si>
    <t>加油宝理财安全吗</t>
  </si>
  <si>
    <t>加油宝理财，从历史上看是没有逾期的情况。</t>
  </si>
  <si>
    <t>用了一阵子，还算安全，希望将来依然安全。</t>
  </si>
  <si>
    <t>不建议去做，小公司，最好找可靠的大公司，虽然收益少点，但是安全。</t>
  </si>
  <si>
    <t>园林绿化资质取消了吗</t>
  </si>
  <si>
    <t>住建部正式取消园林资质。</t>
  </si>
  <si>
    <t>没有，园林资质估计会转归市政方面，或者实行项目经理制度。</t>
  </si>
  <si>
    <t>蒙古是中国的吗</t>
  </si>
  <si>
    <t>1946年1月5日，国民政府正式承认外蒙古的独立。</t>
  </si>
  <si>
    <t>以前是。</t>
  </si>
  <si>
    <t>脂肪肝中度严重吗</t>
  </si>
  <si>
    <t>不严重。</t>
  </si>
  <si>
    <t>黄金视力眼贴有用吗</t>
  </si>
  <si>
    <t>硬盘坏了能修吗</t>
  </si>
  <si>
    <t>硬盘坏了，通常可以修复的“坏硬盘”有几种情况：1、引导出错，不能正常启动的。这种情况未必是“坏”，通常清除MBR，再重新分区就有70%好。如若不行，应归入第三类。2、可正常分区，可格式化，但扫描发现有“B”标记的，也就是通常所说的“出坏道”。这里可不分“物理坏道”或“逻辑坏道”，“B”数量少的话(少于100个)，基本上有80%可以修复为“好硬盘”。这种情况出需用一些通用的维修软件就可以解决。3、不可正常分区，或分区完后格式化不了。这种情况要用到专业维修软件，视不同的牌子，修复率不同。一般达到50%左右。</t>
  </si>
  <si>
    <t>不一定的，可以通过win自带的硬件修复工具，进行修复，如果不能修复，比如硬盘物理损坏，那么是很难修复，通常只能更换新的硬盘了。</t>
  </si>
  <si>
    <t>重庆限购了吗</t>
  </si>
  <si>
    <t>重庆会不会限购。</t>
  </si>
  <si>
    <t>可能性不大。</t>
  </si>
  <si>
    <t>暂时还没有出限购的政策。</t>
  </si>
  <si>
    <t>鱼鳞病能治愈吗</t>
  </si>
  <si>
    <t>本病目前无根治方法，治疗目的是缓解症状。</t>
  </si>
  <si>
    <t>平时应多注意护理，正确的护理可使皮肤得到很好的改善，护肤品 裕;林;活肤凝;胶，和护肤乳样，直接涂抹，能有效修复和改善鱼鳞病引起的皮肤干燥，瘙痒，鳞屑，淡化鱼鳞纹路。对鱼鳞皮肤和蛇皮肤具有很好的作用。</t>
  </si>
  <si>
    <t>公安厅长敢抓军长吗</t>
  </si>
  <si>
    <t>不敢，更不敢直接扣留。军长是军队高级将领，确实犯法的话地方也会包下来，包不住时就会联系军长协助调查，军长不理就会上报公安部，公安部联系军长，还不行就以国务院的名义联系军委，请军委下令军长协助调查。</t>
  </si>
  <si>
    <t>天下信用是真的吗</t>
  </si>
  <si>
    <t>真的。</t>
  </si>
  <si>
    <t>iphone7plus需要贴膜吗</t>
  </si>
  <si>
    <t>有一些用户可能会考虑到平时自己可能会把钥匙与iPhone放到一起，所以也会考虑为iPhone贴膜。其实iPhone手机上采用的玻璃对于一般的如钥匙类的物体，还是有一定的抗刮力的，所以在这方面不需要太担心。个人建议如果自己的强拆症不严重的话，是完全可以不用为iPhone贴膜的，正如之前所言，如果强迫症不严重的话，完全可以考虑不用贴膜的。</t>
  </si>
  <si>
    <t>要的，如果不贴膜屏幕容易刮花，不小心摔了屏幕就坏了，建议贴个钢化膜。</t>
  </si>
  <si>
    <t>不用，要想更好的体验感觉就不用，现在手机屏幕硬度这么高，正常使用是不会有划痕的。</t>
  </si>
  <si>
    <t>华南虎灭绝了吗</t>
  </si>
  <si>
    <t>在中国目前几乎在野外灭绝，仅在各地动物园、繁殖基地里人工饲养着100余只。</t>
  </si>
  <si>
    <t>现存的野生华南虎数量不会超过30只，而人工驯养的华南虎 也仅有100只左右。</t>
  </si>
  <si>
    <t>背背佳有效果吗</t>
  </si>
  <si>
    <t>如果自己内心不想着一定要伸直，只是靠背背佳来给你拉，那么是没有作用的，就算是当时带起的时候背在背背佳的作用下伸直了，当取了之后一样又弯回来了。</t>
  </si>
  <si>
    <t>频发室性早搏会自愈吗</t>
  </si>
  <si>
    <t>户口本上的学历可以改吗</t>
  </si>
  <si>
    <t>根据公安机关户籍部门的相关规定，公民申请变更户口本登记学历的。</t>
  </si>
  <si>
    <t>带毕业证和最高学历证书到户籍所在地派出所办理变更。</t>
  </si>
  <si>
    <t>拿上学历证明，户口薄及身份证，到户籍所在地去改过来就好了。</t>
  </si>
  <si>
    <t>2032年地球会毁灭吗</t>
  </si>
  <si>
    <t>但多位专家18日在接受新华社记者采访时澄清说，没有必要为此担忧或恐慌，因为刚刚发现的小行星有99.998％的几率可以排除它与地球相撞的可能性。</t>
  </si>
  <si>
    <t>最近乌克兰天文学家发现了一颗对地球有危险的小行星，在2032年有几率撞上地球，有些新闻在写这篇报道时引用了霍金对人类的预言，就被很多人拿来制造谣言，说霍金预言2032人类灭亡。其实想也不可能是真的吧，霍金是搞理论的，啥时候跟天文学家一样跑去预测小行星了，中央也支持霍金吗，所以啊，我们还是要提高自己的知识水平，提高防范谣言的能力。</t>
  </si>
  <si>
    <t>只想问：这如果是事实，报纸会说吗，不会，因为这是关乎人类生存的问题，必然是处于极高的机密等级中，如果是事实，一旦提早通报向群众，会发生什么——世界大乱，甚至有种杞人忧天的味道。所以，就算这是真实的事，人类将被这颗小行星毁灭，我们也只会在有明显体验，或者大限将至的时候才会从政府那边得知，因为此时的政府已经无计可施了。但是，现在可以“知道”这些事，如上假设，可想而知这是含有真实成分的虚假消息。</t>
  </si>
  <si>
    <t>汽车不在4s店保养还享受三包政策吗</t>
  </si>
  <si>
    <t>不在4S店保养对质保的影响有限，但当出现问题时，只要问题零部件没有进行过维修，又能提供相应证据的话，可以享受正常质保。</t>
  </si>
  <si>
    <t>信用卡提前还款好吗</t>
  </si>
  <si>
    <t>还款之后额度随即恢复，但是是分期账单的话，即使提前还款，手续费还是不减免的，并没有什么益处。提前还款会影响信用。</t>
  </si>
  <si>
    <t>信用卡提前还款没有任何好处，信用卡提前还款银行照收手续费。</t>
  </si>
  <si>
    <t>夫子三里人家是真的吗</t>
  </si>
  <si>
    <t>pola美白丸真的有效吗</t>
  </si>
  <si>
    <t>对于一个身体处于良好平衡状态的朋友来说，各种美白丸中的【L-半胱氨酸】的意义并不是很大。</t>
  </si>
  <si>
    <t>好用，效果非常明显，一个月就会出效果。</t>
  </si>
  <si>
    <t>一点用都没有。</t>
  </si>
  <si>
    <t>中年留守妇女容易泡吗?</t>
  </si>
  <si>
    <t>容易泡。</t>
  </si>
  <si>
    <t>被小孩咬了要不要打针</t>
  </si>
  <si>
    <t>病情分析：这个情况是不需要打狂犬疫苗的，狂犬疫苗是被狗咬伤了才要去打的;指导意见：人身上一般是不会携带狂犬病毒的，所以也不会通过咬伤而感染，所以只要是清洗就可以了，不需要打针。</t>
  </si>
  <si>
    <t>10.3.2好用吗</t>
  </si>
  <si>
    <t>修复了系统更新缓慢、流畅性等问题。</t>
  </si>
  <si>
    <t>荣鑫伟业集资合法吗</t>
  </si>
  <si>
    <t>一群托。</t>
  </si>
  <si>
    <t>iphone5升级ios10卡吗</t>
  </si>
  <si>
    <t>从一开始测试开机，就可发现 iOS10比 iOS9还慢约10秒才进入。在所有运作的流畅度上，iOS10与 iOS9其实差不了多少。打开内建 App 速度上明显都会比起 iOS9还慢一些，也不能说是很慢，会感觉开启时不是这么顺畅。</t>
  </si>
  <si>
    <t>由于 iPhone5/5s 硬件配置比较低，尤其是处理器与内存性能不够强大，而新的 iOS10加入了不少功能，势必会对 iPhone 硬件要求有所提升，因此很多朋友感觉升级 iOS10变卡，也是可以理解的。不过，只要不是打开过多应用或者大型应用，日常使用流畅度依旧有保障。</t>
  </si>
  <si>
    <t>5升级，确实会卡。</t>
  </si>
  <si>
    <t>巴基斯坦有种姓制度吗</t>
  </si>
  <si>
    <t>印度种姓制度只存在信仰印度教的国家印度，巴基斯坦信仰伊斯朗教，所以巴基斯坦没有种姓制度。</t>
  </si>
  <si>
    <t>微信投诉诈骗会退钱吗</t>
  </si>
  <si>
    <t>不会退的，钱多的话可以向当地报警，钱少公安不会立案的。</t>
  </si>
  <si>
    <t>燕郊金谷未来港靠谱吗</t>
  </si>
  <si>
    <t>未来港不是小产权，是租赁合同，不是买卖合同，如果不介意可以买。</t>
  </si>
  <si>
    <t>印度参加一带一路吗</t>
  </si>
  <si>
    <t>不参加。</t>
  </si>
  <si>
    <t>社保满15年可以不交吗</t>
  </si>
  <si>
    <t>个人缴费满15年，仅仅是领取基本养老金的一个基本条件，只要职工没有达到法定退休年龄，仍处于就业、有收入状态，就要按时足额缴纳基本养老保险费。</t>
  </si>
  <si>
    <t>云集微店产品有假货吗</t>
  </si>
  <si>
    <t>有 PICC 正品保证的。</t>
  </si>
  <si>
    <t>哪都有假货。</t>
  </si>
  <si>
    <t>网购都有一定风险，但是大企业的平台可信度更高一点。</t>
  </si>
  <si>
    <t>摔跤吧爸爸有国语版吗</t>
  </si>
  <si>
    <t>有国语版。</t>
  </si>
  <si>
    <t>dota2dlc要全部安装吗</t>
  </si>
  <si>
    <t>违章可以网上处理吗</t>
  </si>
  <si>
    <t>皇室战争安卓和ios互通吗</t>
  </si>
  <si>
    <t>数据是互通的。</t>
  </si>
  <si>
    <t>安卓和iOS是互通的。</t>
  </si>
  <si>
    <t>闪银大额贷打联系人吗</t>
  </si>
  <si>
    <t>交强险标志必须贴吗</t>
  </si>
  <si>
    <t>是的，这是必须的。</t>
  </si>
  <si>
    <t>上海拍卖房限购吗</t>
  </si>
  <si>
    <t>沪籍家庭可购2套房，第3套限购；外地人单身不能购房，非沪籍家庭限购1套住房，第2套限购，且需要提供至少5年社保或个税证明。</t>
  </si>
  <si>
    <t>b2照扣分要学习吗</t>
  </si>
  <si>
    <t>要去学习。有扣分就需要学习。</t>
  </si>
  <si>
    <t>根据新规定，从2012年5月1日开始，凡持有A1、A2、B1、B2驾驶证的，除两年一次提交身体条件证明以外，每年均需参加年度审验，而且只要有记分记录，哪怕只被记一分也要参加交通安全学习。新规定中，根据审核的不同记分情况，对驾驶人有不同的学习要求。</t>
  </si>
  <si>
    <t>记分情况不同，学习要求不同。年度内有5分以下记录的，接受不少于3小时的交通安全学习。记满6分、11分以下的，接受不少于半天的交通安全学习。记满12分的，要当场扣留驾驶证，并责令其参加为期7天的交通安全学习。</t>
  </si>
  <si>
    <t>骂警察犯法吗</t>
  </si>
  <si>
    <t>单纯的骂人只是民事侵权行为，也是违法的，但不会触犯治安管理处罚法，不应当受到行政处罚。</t>
  </si>
  <si>
    <t>lol卧虎藏龙贾克斯好吗</t>
  </si>
  <si>
    <t>并不好。</t>
  </si>
  <si>
    <t>摔跤吧爸爸是真的事吗</t>
  </si>
  <si>
    <t>电影《摔跤吧!爸爸》根据印度著名摔跤手马哈维亚·辛格·珀尕的真实事迹改编。</t>
  </si>
  <si>
    <t>win10还能免费升级吗</t>
  </si>
  <si>
    <t>可以。不过优惠时间有限：只有一年。</t>
  </si>
  <si>
    <t>微软在页面上标注：面向一般公众的Windows 10免费升级优惠将于7月29日结束。</t>
  </si>
  <si>
    <t>幸运叶子官方旗舰店是正品吗</t>
  </si>
  <si>
    <t>不是，仿冒的店。</t>
  </si>
  <si>
    <t>柳江古镇好玩吗</t>
  </si>
  <si>
    <t>柳江古镇，位于四川省眉山市洪雅县城西南35公里花溪河支流柳江两岸，这里有川西风情吊脚楼、中西合壁曾家园、访古寻悠水码头、亲水临河古栈道、百年民居汇老街，还有圣母山碑林、世界第一大睡观音、108棵千年古树等特色景观。柳江被称作“烟雨柳江”，古镇伴着淅沥的小雨、朦胧的灯火，让人仿佛置身于世外桃源。</t>
  </si>
  <si>
    <t>柳江古镇有很多古树，如果喜欢看古树的驴友们去柳江古镇还不错，但是柳江古镇始建于南宋，古民居为明清时期的古建筑，所以历史并不算悠久，古镇的文化韵味也并不是非常的浓烈。 周边比较好的古镇有很多，数贵州的古镇最美。</t>
  </si>
  <si>
    <t>也没有什么好玩的，不过有时间的情况下，转转也好。</t>
  </si>
  <si>
    <t>社保可以转到外省吗</t>
  </si>
  <si>
    <t>个人社保全国可以异地互转。</t>
  </si>
  <si>
    <t>王者荣耀好玩吗</t>
  </si>
  <si>
    <t>好玩。王者荣耀是MOBA类的竞技手游，和LOL优点类似，但是可以5V5，3V3，1V1等多种模式体验竞技。英雄多样可以策略搭配组成最强阵容，在加上好友一起匹配默契的配合，玩起来畅快淋漓。</t>
  </si>
  <si>
    <t>三尖瓣反流能自愈吗</t>
  </si>
  <si>
    <t>较小的缺损，有自愈的可能性。</t>
  </si>
  <si>
    <t>胡萝卜生吃有营养吗</t>
  </si>
  <si>
    <t>生吃胡萝卜，类胡萝卜素因没有脂肪而很难吸收，从而造成浪费。，没营养。</t>
  </si>
  <si>
    <t>智齿长歪了必须拔么</t>
  </si>
  <si>
    <t>一般智齿出现长歪，发炎或是阻生的情况都是需要拔除的。</t>
  </si>
  <si>
    <t>要是卡到肉的话需要拔掉，美观上没问题就不需要。</t>
  </si>
  <si>
    <t>正品运动商城是真的吗</t>
  </si>
  <si>
    <t>正品运动商城里的东西不是很可信，运动商品还是要到官网上买比较好。</t>
  </si>
  <si>
    <t>海豹吃人吗</t>
  </si>
  <si>
    <t>应该会的。</t>
  </si>
  <si>
    <t>权志龙知道王思聪吗</t>
  </si>
  <si>
    <t>应该知道。</t>
  </si>
  <si>
    <t>蚂蚁花呗能提现吗</t>
  </si>
  <si>
    <t>蚂蚁花呗不能提现的，只能在淘宝或天猫购物的时候使用。</t>
  </si>
  <si>
    <t>微信群可以禁言吗</t>
  </si>
  <si>
    <t>可以艾特某个人，让他撤回。在输入文字的页面上，选择输入法的@符号，在点击这个成员，他就可以收到通知，撤回是可以在2分钟内撤回的。委婉的警告。可以采用一些方法委婉的告诉他这样不对，予以警告，比方说如图这种图片，严肃又不失风趣。屡教不改者踢出去群。警告过后还不行，那么就踢出去群，点击群右边双人小人人，然后再点击群成员有个+-符号，点击-在选择这个人名字，移出群即可。</t>
  </si>
  <si>
    <t>大学生村官是公务员吗</t>
  </si>
  <si>
    <t>大学生村官岗位性质为“村级组织特设岗位”，系非公务员身份，大学生村官的工作管理及考核比照公务员有关规定进行，由县（市、区）党委组织部牵头负责、乡镇党委直接管理、村党组织协助实施。</t>
  </si>
  <si>
    <t>杨怡罗仲谦有孩子了吗</t>
  </si>
  <si>
    <t>二人暂时还没有孩子。</t>
  </si>
  <si>
    <t>居民家庭户口是农业户口吗</t>
  </si>
  <si>
    <t>现在很多城市都取消了城市户口和农村户口，一律称为为家庭户口.所以家庭户口是对城市户口和农村户口取消后的新名称。家庭户不代表是农业户还是非农业户，两者都有可能。</t>
  </si>
  <si>
    <t>轻骑铃木是正宗铃木吗</t>
  </si>
  <si>
    <t>只要是铃木标志，质量都是达到铃木要求的，是正宗铃木。</t>
  </si>
  <si>
    <t>花鸟卷吃暴击吗</t>
  </si>
  <si>
    <t>所有的奶妈都吃暴击，包括一目连的盾，也吃暴击，当然也会享受暴击伤害的加成，奶爸惠比寿不算在内。</t>
  </si>
  <si>
    <t>花鸟卷奶吃暴击。</t>
  </si>
  <si>
    <t>花鸟卷的技能是必吃暴击和暴击伤害的，但是对于花鸟卷技能效果的提升并没有实际用处。因此不建议主修奶妈的花鸟卷御魂六号位不要选择暴击和暴伤，应该选择生命。</t>
  </si>
  <si>
    <t>住房公积金异地可以用吗</t>
  </si>
  <si>
    <t>住房公积金是否可以在异地贷款买房使用，是需要根据买房地的政策规定决定的。目前大部分地区都开放了公积金异地贷款的政策，只要满足规定条件即可在异地使用。</t>
  </si>
  <si>
    <t>笔记本电脑电源一直插着好吗</t>
  </si>
  <si>
    <t>充好电了就应立刻断开电源线，一直接着会损害电池。</t>
  </si>
  <si>
    <t>三德公益有陷阱吗</t>
  </si>
  <si>
    <t>没有，只是一个电商平台，别人送积分，他们送爱心。</t>
  </si>
  <si>
    <t>有，是骗人的，随便一个营业执照都可以查到。</t>
  </si>
  <si>
    <t>仓鼠可以两只一起养吗</t>
  </si>
  <si>
    <t>部分品种的仓鼠可以合养，特指公婆鼠，但是合笼率也不是百分之百。只能说绝大部分合笼，建议买个相亲笼先观察。</t>
  </si>
  <si>
    <t>艾灸的烟对肺有影响吗</t>
  </si>
  <si>
    <t>适量的吸收艾烟对我们的身体是有益的，所以我们不应该对艾灸产生艾烟大一点的艾条持一种排斥的态度。</t>
  </si>
  <si>
    <t>艾灸的烟是对人的身体有好处的。而且艾烟有杀菌作用。</t>
  </si>
  <si>
    <t>很多艾灸医生包括湖南卫视请来的中医专家都说，杂质多，不纯的艾柱烟味会对肝脏造成不可逆性损伤。即损伤后无法恢复。还有人认为会损伤经络，单桂敏也一直推行高纯度艾柱，高纯度艾柱产生的艾烟不呛，清香，且保健。</t>
  </si>
  <si>
    <t>女孩子做猎头顾问好吗</t>
  </si>
  <si>
    <t>猎头行业从业人员女性占得比例很大，不过猎头是个入行容易，做好比较难的职业，前期需要很多付出。</t>
  </si>
  <si>
    <t>六降快瘦汤是真的吗</t>
  </si>
  <si>
    <t>六降快瘦汤假的，忽悠，虚假，欺骗。</t>
  </si>
  <si>
    <t>盒子鱼英语真的好吗</t>
  </si>
  <si>
    <t>了解到盒子鱼英语是一款以图片、视频为主，结合外教资源，让中小学生在单元式情境中进行大量听说训练，以期提升学生英语水平的助学类软件。不过我觉得软件的“学习&amp;作业”板块，包含不少三级目录，操作不便，部分内容的标题上中英文混杂，学力差的学生使用困难。</t>
  </si>
  <si>
    <t>盒子鱼英语是一款适合小学以上阶段乃至上班族学习英语的软件。软件资料新鲜、视频短小精悍，满足了用户学习英语的需求。</t>
  </si>
  <si>
    <t>完全免费，也没有app内收费项目。</t>
  </si>
  <si>
    <t>代孕是否合法</t>
  </si>
  <si>
    <t>代孕未合法。</t>
  </si>
  <si>
    <t>代孕涉及法律、伦理和社会问题，国际上的绝大多数国家和地区，也都明文禁止实施任何形式的代孕。</t>
  </si>
  <si>
    <t>人口与计生法未做规定但“不合规”。</t>
  </si>
  <si>
    <t>一个手机可以上两个微信吗</t>
  </si>
  <si>
    <t>首先在手机应用商店里面搜索“微信多开宝”此软件。在应用商店里面一般就能够找到“微信多开宝”此款软件，如果找到了你就点击下载安装既可。如果找不到的话就看下图，把搜索页面拉到最下方，点击“搜索其他商店”，就一定能够搜出来了。搜出来之后点击安装，当然我已经事先安装下载好了。下载安装好之后，打开此软件，点击下图上面的“云图标”，安装第一个微信。手机就可以同时登入两个微信了。</t>
  </si>
  <si>
    <t>可以的。只要使用应用分身，就可以。</t>
  </si>
  <si>
    <t>可以的，现在很多手机都是支持应用双开功能的，可以开启微信双开，然后登录两个微信号即可。</t>
  </si>
  <si>
    <t>太极拳真的很厉害吗</t>
  </si>
  <si>
    <t>1.练到境界了厉害。2.说太极乃武术中一个境界，厉害与否与拳无关。</t>
  </si>
  <si>
    <t>水滴互助是真的吗</t>
  </si>
  <si>
    <t>yy学车靠谱吗</t>
  </si>
  <si>
    <t>YY学车是广州本土的互联网驾考平台，用互联网模式来提升及优化驾考行业的效率和服务质量，以低成本整合驾校资源，降低成本，让学员学车费用更低。YY学车这两年在广州地区发展很快，有一定知名度。</t>
  </si>
  <si>
    <t>是广州这边的驾考平台，预约教练学车的这模式很新颖，很好的解决了教练态度恶劣的这个问题。</t>
  </si>
  <si>
    <t>手机充电要不要充满</t>
  </si>
  <si>
    <t>不要总是充太满，最好在快到100%的时候拔下充电器。</t>
  </si>
  <si>
    <t>转移虚拟内存会影响电脑吗</t>
  </si>
  <si>
    <t>虚拟内存一般设置在C盘，所以缓存大多在C盘，但是用量是固定的，如果转移了位置，比如在D盘，其实效果是一样的，因为读取写入速度都差不多。</t>
  </si>
  <si>
    <t>昆明军海医院可靠吗</t>
  </si>
  <si>
    <t>是骗钱的。</t>
  </si>
  <si>
    <t>u帮忙纯净吗</t>
  </si>
  <si>
    <t>带有捆绑软件，但可以不勾选，不安装。</t>
  </si>
  <si>
    <t>有纯净版可以下载。</t>
  </si>
  <si>
    <t>重庆十八梯拆了吗2017</t>
  </si>
  <si>
    <t>十八梯2017年1月中旬将迎来拆迁工作，最后的十八梯老重庆景象也将结束。</t>
  </si>
  <si>
    <t>柠檬水白天可以喝吗</t>
  </si>
  <si>
    <t>可以喝。</t>
  </si>
  <si>
    <t>蚂蚁花呗提现违法吗</t>
  </si>
  <si>
    <t>违法。</t>
  </si>
  <si>
    <t>蒸脸器有用吗</t>
  </si>
  <si>
    <t>还是有一定的护肤作用的。</t>
  </si>
  <si>
    <t>一般人会认为长期使用蒸脸器做补水会使毛孔变大，其实这个事实并不是这样，在使用蒸脸器补水的时候，由于仪器产生的热效应，蒸脸器可短时间内使毛孔打开，软化毛孔内的污垢，在使用蒸脸器蒸完脸之后如果即时用温热水清洁，那么毛孔内的污垢就很容易被清洗掉。</t>
  </si>
  <si>
    <t>在瓜子二手车买车靠谱吗</t>
  </si>
  <si>
    <t>建议别去买。</t>
  </si>
  <si>
    <t>瓜子二手车为消费者提供一站式的二手车服务，放心，靠谱。</t>
  </si>
  <si>
    <t>当面交易，安全。</t>
  </si>
  <si>
    <t>马尔泰若曦是否存在过</t>
  </si>
  <si>
    <t>马尔泰氏是确有其人，若曦不存在，半真半假吧！</t>
  </si>
  <si>
    <t>爱新觉罗的宗谱无此人，马尔泰家的家谱中也无此人</t>
  </si>
  <si>
    <t>历史上是出现过一个叫马尔泰若曦的女子，可是所在的年代就不符合了。</t>
  </si>
  <si>
    <t>无锡东元电机待遇好吗</t>
  </si>
  <si>
    <t>电机设计工程师：RMB6016，比同行持平。planner：RMB3950，比同行持平。</t>
  </si>
  <si>
    <t>机械工程师：RMB2687，比同行低36%。质量管理工程师：RMB3500，比同行低7%。</t>
  </si>
  <si>
    <t>端午节高速收费吗</t>
  </si>
  <si>
    <t>不免费</t>
  </si>
  <si>
    <t>端午节放假高速公路是照常收费、不免费通行的。</t>
  </si>
  <si>
    <t>男人会对情人动真情吗</t>
  </si>
  <si>
    <t>相处之后，产生了真情，当然就会动真情。</t>
  </si>
  <si>
    <t>玩守望先锋要钱吗</t>
  </si>
  <si>
    <t>尼康p900s拍到木星吗</t>
  </si>
  <si>
    <t>用气垫之前要用隔离吗</t>
  </si>
  <si>
    <t>使用气垫BB前最好要用隔离。</t>
  </si>
  <si>
    <t>要用。</t>
  </si>
  <si>
    <t>你的名字最后在一起了吗</t>
  </si>
  <si>
    <t>结局并没有说到两个在一起，陇和三叶在后面的剧情都忘记了彼此，只记得自己一直在寻找什么，至于是什么连自己都不知道，无数次擦肩而过却不认识，结局最后是陇遇到了三叶，两人面对面无言落泪，没了，结局扩展性很大。</t>
  </si>
  <si>
    <t>云集微店的东西靠谱吗</t>
  </si>
  <si>
    <t>当然是正品，还有的是假如购买护肤品出现过敏那么也是可以无条件退货的。</t>
  </si>
  <si>
    <t>圣殿骑士和刺客存在吗</t>
  </si>
  <si>
    <t>刺客组织和圣殿骑士在历史上是真存在的，只不过没有《刺客信条》的相互对抗而已。</t>
  </si>
  <si>
    <t>刺客组织绝对有，不过不是刺客信条那样的，应该叫暗杀组织。圣殿骑士史书里有记载，不过性质和游戏里的不一样，圣殿骑士这样的组织是神权社会的产物，过去是存在的。</t>
  </si>
  <si>
    <t>员工主动辞职有补偿吗</t>
  </si>
  <si>
    <t>用人单位具有法定过错，劳动者主动离职有经济补偿金。</t>
  </si>
  <si>
    <t>一般员工主动提出辞职是没有补偿的，但被迫辞职的除外。如果公司未帮员工缴纳社保的、或者未及时足额发放工资的、未提供劳动条件或者劳动保护的，员工可以据此提出被迫辞职，并要求公司支付被迫辞职的经济补偿金。</t>
  </si>
  <si>
    <t>用手指伸进去膜会破吗?</t>
  </si>
  <si>
    <t>破的几率很大。</t>
  </si>
  <si>
    <t>沃尔沃s60l小毛病多吗</t>
  </si>
  <si>
    <t>没什么毛病。</t>
  </si>
  <si>
    <t>很好。</t>
  </si>
  <si>
    <t>微商水印相机会影响微信封号吗</t>
  </si>
  <si>
    <t>正常使用情况下，是不会封号的。但是如果你无限制疯狂的乱发视频，触发微信的封号算法，那就另当别论了。</t>
  </si>
  <si>
    <t>删掉的朋友圈能恢复吗</t>
  </si>
  <si>
    <t>微信朋友圈删除了之后是无法恢复的。</t>
  </si>
  <si>
    <t>新买的内裤可以直接穿吗</t>
  </si>
  <si>
    <t>新衣服在加工过程中会存在着各种各样的污染，如： 甲醛， 二甲基甲酰胺， 直链烷基碘酸盐，萘等物质，容易造成皮肤过敏等。所以，新衣服买回来后一定要先浸泡清洗后再穿。</t>
  </si>
  <si>
    <t>要洗的，因为这些贴身衣物刚买来。生产的时候可能会随处放，上面会带有不少灰尘。</t>
  </si>
  <si>
    <t>阴阳师万年竹值得换吗</t>
  </si>
  <si>
    <t>除非以后卡池会进 不然还是值得的。</t>
  </si>
  <si>
    <t>换取并不值得。</t>
  </si>
  <si>
    <t>目前来看兑换的意义不大。</t>
  </si>
  <si>
    <t>2017新车要环保标志吗</t>
  </si>
  <si>
    <t>部分地区取消了。</t>
  </si>
  <si>
    <t>王者荣耀干将莫邪值得购买吗</t>
  </si>
  <si>
    <t>现在不值得购买。</t>
  </si>
  <si>
    <t>这英雄在法师英雄中，能力是相当出色的，可以考虑购买。</t>
  </si>
  <si>
    <t>干将莫邪不太适合新手使用，所以购买以后最好多练习练习，如果不是很喜欢花时间去练英雄的话就不推荐购买啦。</t>
  </si>
  <si>
    <t>gre search service要接受吗</t>
  </si>
  <si>
    <t>不用，想参加了到时候再去注册。</t>
  </si>
  <si>
    <t>安眠药吃一片能叫醒吗</t>
  </si>
  <si>
    <t>可以叫醒的。</t>
  </si>
  <si>
    <t>淘宝店铺名可以修改吗</t>
  </si>
  <si>
    <t>1登陆淘宝账号，进入“我的淘宝”→“我是卖家”→管理我的店铺“基本设置”里面。2修改店铺名称，点击“店名只能通过淘字号修改”。3淘字号是唯一的，不能与别的店铺名称相同，输入想好的新店铺名称（起名字要求：店铺名总长度2-10个汉字（4-20个字母），不得包含特殊字符,如：%,@，不得包含知名品牌、非法字符等，不得与其他店铺的字号重复，店铺名已被使用：如微淘名等）。4预览修改好的店铺名称。因为店铺名是唯一的，所以需要修改自定义区来使店铺名不重复（区分B店铺名），因此增加自定义部分就可以了，不影响淘字号审核哦。另外自定义区在淘字号审核通过后可以无限制修改。</t>
  </si>
  <si>
    <t>淘宝开店成功后，修改店铺名可以直接在卖家中心——店铺管理——店铺基本设置里进行修改。</t>
  </si>
  <si>
    <t>58同城品牌公寓靠谱吗</t>
  </si>
  <si>
    <t>可靠，大部分是中介的房源，不过价格比一般个人出租要贵不少。</t>
  </si>
  <si>
    <t>教师资格证可以异地报名吗</t>
  </si>
  <si>
    <t>一般不行。但是如果是学生，在校期间报了国家中小学教师资格考试笔试的2~3科，毕业时其中有一科没考好，成绩不及格，可以回原籍后再考未过的科目。或者是在校期间报考的国家中小学教师资格考试笔试几科的考试成绩合格了，毕业时面试还没有考，户口和档案已经回到生源地，需要到生源地的教育主管部门报考面试，这是国家允许的。因为国家级的考试的成绩是全国通用的。只要是报考的是国家统考的教师资格考试，而不是各省的省级统考的教师资格考试，是可以异地重新报考的。但是有的省份在执行的过程中出现了一些偏差，导致个别考生回原籍后，原来考过的科目在认定的时候出现问题，得不到认定。究其原因也是由于我国的教师资格证的认证管理实行的是属地管理制度。</t>
  </si>
  <si>
    <t>敬酒服一定要红色吗</t>
  </si>
  <si>
    <t>其实敬酒服这个也说不准，不一定要红色，可以是白色，橘黄，粉红，猪肝色之类的，如果不知道什么颜色对，那就选择偏红色的敬酒服就行了。敬酒服都是比较随意的，但一定不要穿黑色的敬酒服，结婚是喜事，穿黑色的不吉利。</t>
  </si>
  <si>
    <t>其实，并没有规定说是一定要穿红色的衣服的，但这个规矩都是老祖宗流传下来的，算是一项传统习俗了，一般的中国眼光都是习惯了看新娘子穿红色的礼服，感觉喜庆。</t>
  </si>
  <si>
    <t>福睿斯怎么样值得买吗</t>
  </si>
  <si>
    <t>福睿斯是中国特供车，底盘可以，买菜家用挺好的。福睿斯综合性价比还可以。</t>
  </si>
  <si>
    <t>无论做工、材料还是动力都可以，就是油耗偏高一些。</t>
  </si>
  <si>
    <t>总的来说，福睿斯是一辆适合家庭使用的性价比合资车辆，最开始上市的时候福睿斯都算是同级车性价比很高了。安全性、舒适性都不错！标配前雾灯、倒车雷达、铝合金轮毂、主副安全气囊和前排侧气囊等实用的配置，完全算得上一款经济实用的车子。</t>
  </si>
  <si>
    <t>高速收费员是铁饭碗吗</t>
  </si>
  <si>
    <t>高速公路收费员一般都是由高速管理运营公司的劳务派遣员工；高速公司收费员的员工，根据不同地区，五险一金，福利齐全。高速公路隶属于高速公路管理局，一般属于国营企业性质。也有事业单位刚进去这个单位的话一般都是从基层的收费员开始做起。</t>
  </si>
  <si>
    <t>泓樽付支付平台合法不</t>
  </si>
  <si>
    <t>泓樽付是一款功能特别丰富的手机在线支付收款神器，随时随地都可以在线消费让利。进入到泓樽付官网看看，进入到泓樽付商城，可以看到这个商城隶属于东莞市泓樽信息科技有限公司，在工商局是有备案的。由此可见泓樽付是合法的，不是骗局。</t>
  </si>
  <si>
    <t>充电宝能不能带上飞机</t>
  </si>
  <si>
    <t>中国民用航空局要求，旅客乘机携带的充电宝必须是个人自用，并且只能在自提行李中携带或随身携带，严禁在托运行李中携带。此外，   乘机携带的充电宝额定能量不超过100Wh（瓦特小时），无需航空公司批准；   额定能量超过100Wh但不超过160Wh，经航空公司批准后方可携带，但每名旅客不得携带超过两个充电宝；严禁旅客携带额定能量超过160Wh的充电宝；严禁携带未标明额定能量同时也不能通过标注的其他参数计算得出额定能量的充电宝。同时，旅客不得在飞行过程中使用充电宝给电子设备充电。对于有启动开关的充电宝，在飞行过程中应始终关闭充电宝。</t>
  </si>
  <si>
    <t>可以的，是不能超过160Wh，换算成通俗的说法是：11000mAh，所以只要你的充电宝在10000mAh一下就可以直接带上飞机，超过的话不行。</t>
  </si>
  <si>
    <t>违停必须15天处理么</t>
  </si>
  <si>
    <t>如果贴的只是违章停车通知单，那就不用管15日的处理时间，自己有空了再去处理，违章停车只罚款不扣分的。而如果是现场开的罚单，那就要在15日内去处理好，否则16日开始收滞纳金（每日3%），滞纳金最多是罚款的本金。</t>
  </si>
  <si>
    <t>审车前处理都可以，滞纳金是从开出处罚缴款单后开始算。</t>
  </si>
  <si>
    <t>违停罚单必须在15天内处理的，超过十五天，就开始产生滞纳金的。</t>
  </si>
  <si>
    <t>足跟裂开和缺少维c有关吗?</t>
  </si>
  <si>
    <t>flask能做大型网站吗</t>
  </si>
  <si>
    <t>绿色冬衣能幻化吗</t>
  </si>
  <si>
    <t>无属性的装备都不可幻化。</t>
  </si>
  <si>
    <t>孕妇能吃扁桃仁吗</t>
  </si>
  <si>
    <t>可以吃扁桃仁的。</t>
  </si>
  <si>
    <t>孕妇忌食。</t>
  </si>
  <si>
    <t>孕妇千万不能误食扁桃仁。</t>
  </si>
  <si>
    <t>联盟挂机赚钱软件是真的吗</t>
  </si>
  <si>
    <t>有真有假。</t>
  </si>
  <si>
    <t>世界上有吸血鬼吗</t>
  </si>
  <si>
    <t>有，欧洲最多。</t>
  </si>
  <si>
    <t>没有，那是一位小说家想出来的。</t>
  </si>
  <si>
    <t>全国职业资格考试认证中心的证有用吗</t>
  </si>
  <si>
    <t>全国职业资格认证中心全称是全国职业资格考试认证中心，是社会上成立的民间组织，在其上注册和学习可以获得一定的帮助，以取得相应的职业资格。但需注意的是，目前社会上通用和普遍认可的只有国家人力资源和社会保障部颁发的职业资格证书，其他社会机构所颁发的证书均不具备普遍性。</t>
  </si>
  <si>
    <t>支付宝转账可以追回吗</t>
  </si>
  <si>
    <t>如果是对方支付宝账户已经激活，那么这种情况是没有办法撤销转账的，但是可以给对方留言，也可以按照转账的账户通过电话或邮邮箱联系对方将钱退回。如果对方的支付宝是还没有激活的话，可以从交易记录里点击撤销该笔转账。</t>
  </si>
  <si>
    <t>艾灸起水泡是排毒吗</t>
  </si>
  <si>
    <t>出水泡是艾灸中很正常的现象，是体内排毒的过程，可以坚持继续艾灸。</t>
  </si>
  <si>
    <t>艾灸时出水汽灸后起泡，有水泡和脓泡，大都是灸到一定程度寒邪外排所致，很多是灸后自己不知不觉起的（不小心烫伤除外）。泡破邪出，说明灸的有效果了。可以用针刺破，每天施灸，艾灸可以杀菌消毒，促进愈合，一般不用包扎。期间可能不断有水排除，痊愈时间因人而异，一般一个星期到两个星期之间，期间泡处不要见水。</t>
  </si>
  <si>
    <t>paperpass橙色部分要改吗</t>
  </si>
  <si>
    <t>如果段落中意思相近而且重复的词句很多，很多都是系统根据几个关键词就认定重复了。黄色的部分在知网查重时。你看一下黄色部分和什么期刊文献相似paperpass查重比较苛刻，这种的就需要修改一下，红色部分才是真正需要修改的地方，很多是查不出来的，严格上来讲。</t>
  </si>
  <si>
    <t>这个不一定，是有一定参考价值，但是结果不能确定的。pp和知网的数据库不一样，有些网页的pp能查出来但知网就没那么严，同样的，知网论文方面的库比pp全，所以可能PP高但知网低，也可能相反。</t>
  </si>
  <si>
    <t>比知网严格很多，点击橘色内容看下相似出处。如果跟论文不一致，就不用修改。</t>
  </si>
  <si>
    <t>吃粽子会胖吗</t>
  </si>
  <si>
    <t>小规模纳税人可以开17增值税票吗</t>
  </si>
  <si>
    <t>小规模纳税人是不能开17%的增值税票的，如果涉及需要开具增值专用发票的，应可以到税局代开增值税专用发票，不过小规模纳税人只能开3%的增值税专用发票。</t>
  </si>
  <si>
    <t>高尔夫嘉旅值得买吗</t>
  </si>
  <si>
    <t>值得买嘉旅的理由：1、全景天窗。2、后座空间即便放了儿童安全座椅后依然有不错的空间感。3、行李箱空间积达500L，且可以拓展至1520L。4、对于一些肥胖或者肚腩比较明显的乘客，进出嘉旅的姿态会更从容一些。5、带有 Carplay 系统，功能实用性不错，触摸屏灵敏，反应比较迅速。6、外观设计更顺眼。7、驾驶员挂倒挡的时候，后排挡风玻璃的雨刮会自动刮一下，视野会更清晰一些。8、自动泊车，嘉旅这种都市多功能两厢车车型，自动泊车的装备对于便利性的提升其实是立竿见影的，只需要控制刹车和挂 D/R 挡。</t>
  </si>
  <si>
    <t>高尔夫嘉旅作为细分市场中的一员，能够满足部分消费者在资金有限却又对空间有较高要求的需求。还是可以的。</t>
  </si>
  <si>
    <t>对于只有一辆车预算的年轻小家庭来讲，嘉旅是最完美的选择，配置：没有任何黑点。</t>
  </si>
  <si>
    <t>开票码必须输入吗</t>
  </si>
  <si>
    <t>必须。开发票时输入开票票是要求输入企业的三证合一后的社会信用代码。</t>
  </si>
  <si>
    <t>不，在开票界面的菜单栏上的找到开票码，然后用鼠标点下开票码就消失了。</t>
  </si>
  <si>
    <t>按客户需要。</t>
  </si>
  <si>
    <t>世界上鬼存在吗</t>
  </si>
  <si>
    <t>死后有鬼魂的存在。</t>
  </si>
  <si>
    <t>那个所谓死后身体灵魂测重是错误的，没有鬼。</t>
  </si>
  <si>
    <t>股权登记日买入股票可以分红吗</t>
  </si>
  <si>
    <t>完全可以。</t>
  </si>
  <si>
    <t>股权登记日买入股票后可享受分红，但如果股权登记日后的下一个交易日就是除权日或除息日，这一天购入该公司股票的股东不再享有公司此次分红配股。</t>
  </si>
  <si>
    <t>如果在除息日购入就不可以。</t>
  </si>
  <si>
    <t>中脉美体内衣是骗局吗</t>
  </si>
  <si>
    <t>没有他们夸大的那么神奇，但是确实有效果的。</t>
  </si>
  <si>
    <t>绝对是骗人的，不要上当了，现在福建上海广州都是出现很多受害者，传销很正常，不要相信了。</t>
  </si>
  <si>
    <t>我的世界him是好人吗</t>
  </si>
  <si>
    <t>故事中是，但游戏中不是。</t>
  </si>
  <si>
    <t>雪茄不能吸进肺里吗</t>
  </si>
  <si>
    <t>口腔与鼻腔有灵敏的味觉和嗅觉细胞，可以感受到雪茄丰富的味道，而肺没有，所以吸进肺里，肺黏膜只会高效的吸收尼古丁和烟碱，造成晕烟，并没有快感，所以抽雪茄只在口鼻过，而不吸进肺里。</t>
  </si>
  <si>
    <t>回收站清空了能恢复吗</t>
  </si>
  <si>
    <t>只要还没有进行磁盘清理，都可以把文件找回来，建议借助第三方软件进行恢复。</t>
  </si>
  <si>
    <t>利用360安全卫士来实现，还可以借助第三方数据恢复软件来实现“回收站被清空”文件的恢复操作。</t>
  </si>
  <si>
    <t>专业人员可以通过扇区编辑方式查找 MFT 信息进行分析然后找到丢失的文件，过程比较复杂；而普通用也可以借助恢复软件找回删除的文件。</t>
  </si>
  <si>
    <t>qq三国还有人玩吗</t>
  </si>
  <si>
    <t>三国人少了，买东西和卖东西都难，很多区都成为了鬼区，不值得一玩。现在要玩一个中等配置号大概要2000块人民币左右（这里指卡79-90等级）。前中期可以玩剑侍和阴阳职业，到了后期仙术和阴阳厉害，一个回复能力夸张，一个攻击力高。</t>
  </si>
  <si>
    <t>百丽宫影城很高端吗</t>
  </si>
  <si>
    <t>高端。</t>
  </si>
  <si>
    <t>杨昊退役了吗</t>
  </si>
  <si>
    <t>杨昊退役了。</t>
  </si>
  <si>
    <t>杨昊现在效力与意大利的佩鲁贾俱乐部,在一月份进行的四场比赛中收获了两个当场最佳.在北京时间3月2号凌晨2：42分结束的比赛中，杨昊轰得23分，收获了登陆意大利联赛以来的最高分。目前还没从国家队退役不过也快了。</t>
  </si>
  <si>
    <t>白宫南草坪有毛主席雕像吗</t>
  </si>
  <si>
    <t>女性做异性spa算出轨吗</t>
  </si>
  <si>
    <t>不是好事。。。说不定已经出轨了。。。特别是异性。。。这个好难把持住的，只要挑逗够刺激，谁都受不了的。</t>
  </si>
  <si>
    <t>同城炮约软件是真的吗</t>
  </si>
  <si>
    <t>很多是假的。</t>
  </si>
  <si>
    <t>征服者卡尔玛是限定吗</t>
  </si>
  <si>
    <t>地球百子还有第五季吗</t>
  </si>
  <si>
    <t>第四季播出仅仅五集之后就宣布了第五季的续订。</t>
  </si>
  <si>
    <t>《地球百子第五季》是美国科幻电视剧《地球百子》的第五季。CW续订该剧。《地球百子》2014年3月19日在美国首播。[1-2] 故事描述未来人类爆发核战争后，地球文明被彻底摧毁。</t>
  </si>
  <si>
    <t>百子第四季是终结季，没有第五季。</t>
  </si>
  <si>
    <t>中海地产是央企吗</t>
  </si>
  <si>
    <t>中海地产准确描述为央企控股的属下企业。</t>
  </si>
  <si>
    <t>薄荷能放卧室吗</t>
  </si>
  <si>
    <t>可以。可使人放松。</t>
  </si>
  <si>
    <t>不可以，影响睡眠。</t>
  </si>
  <si>
    <t>依个人喜好决定。</t>
  </si>
  <si>
    <t>金鱼尾巴烂了能加盐吗</t>
  </si>
  <si>
    <t>不能，治疗浓度的盐水对鱼刺激极大。</t>
  </si>
  <si>
    <t>萝莉资源网是真的吗</t>
  </si>
  <si>
    <t>是真的</t>
  </si>
  <si>
    <t>电蚊拍对人有伤害吗</t>
  </si>
  <si>
    <t>人的体积大，接触电蚊拍不会直接受到伤害，但是被电击的感觉依然会很可怕，尤其是心脏病患者，吓一跳有时也会死人的。</t>
  </si>
  <si>
    <t>对人体是不会有影响的。</t>
  </si>
  <si>
    <t>鸡和羊的属相合吗</t>
  </si>
  <si>
    <t>生肖羊和鸡你们两个人都是行为一致的人，会用心的去建造一个安稳舒适的家，羊先生有时候温柔体贴，充满着浪漫气息，但是身上却散发着悲观气息，而鸡太太机灵又勤奋，雪亮的眼睛很快就能够洞察一切真相，所以羊现实一旦落入鸡太太的手上就别想逃脱得掉。你们之间算是比较般配的一对，一方成熟稳重一方性格温柔，对爱情你们都抱有美好的憧憬，并且会极力的凭借自己的努力去实现他们，很注重生活的质量。鸡太太时尚前卫会追求合适各样的潮流，而另一半也是对自己要求苛刻的人，你们都能够得到互补，并且从对方身上获得无微不至的照顾。缺点：两个人有时候会显得任性，这就需要你们增加一些忍耐力了，急于求成的个性很可能会坏了很多事情，应该收敛消极的个性，把生活的重心都放在事业上面，凭着两个人的努力一定能够打造出一番很不错的事业。</t>
  </si>
  <si>
    <t>羊配鸡。你们是立场不同但行为可以保持一致的一对。两个人都在处心积虑地精心营造一个安稳的家。羊先生温柔体贴，敏感而内敛，兴趣爱好充满浪漫气息却不乏有些悲观主义。鸡太太冷静客观，操纵欲强，喜欢刨根问底、权衡利弊，向往生机勃勃的生活状态。羊先生尽管不喜欢鸡太太过于张扬的冒险精神，但尽量不表现得特别敏感。鸡太太感觉羊先生的情感太过细腻，和他打交道总需要小心翼翼。</t>
  </si>
  <si>
    <t>鸡配羊。你们是需要增强忍耐力的一对。两个人都有些任性，并且急于求成。婚姻生活要求双方都要磨练自己的意志，收敛消极的个性。虽然鸡先生不是天生的工作狂，但出于对事业的执着，鸡先生将大部分的精力投入到对工作精益求精方面。羊太太温柔善良，多愁善感，有很强的依赖性。鸡先生尽量迁就羊太太对自己的依靠，但无法忍受羊太太顾影自怜的散漫习惯和渴望不劳而获的小农思想。羊太太欣赏鸡先生的野心，渴望得到他的关心与宠爱。如果鸡先生态度粗暴或是让娇生惯养的羊太太感到受了伤害，就难免要尝一尝孤枕难眠的滋味喽。</t>
  </si>
  <si>
    <t>江小白酒好喝吗</t>
  </si>
  <si>
    <t>好不好喝要看个人的口味。</t>
  </si>
  <si>
    <t>个人感觉口感挺好，江小白白酒口味甘甜醇美，回味悠长。</t>
  </si>
  <si>
    <t>酒不错，淡淡的清香味。</t>
  </si>
  <si>
    <t>亿合门窗是一线品牌吗</t>
  </si>
  <si>
    <t>亿合门窗专注于高端铝合金门窗、原木门、淋浴房、阳光房等产品的研发、设计、生产，而且是国内一线品牌。</t>
  </si>
  <si>
    <t>银泰购物网是正品吗</t>
  </si>
  <si>
    <t>货品保证是正品。</t>
  </si>
  <si>
    <t>银泰是个垃圾网，买了假货还没法评价换货，等10来天还要贴邮费。买到双假鞋脱胶现在退都退不了。因为穿过了。</t>
  </si>
  <si>
    <t>待摊费用科目取消了吗</t>
  </si>
  <si>
    <t>新会计准则下，取消了待摊费用。</t>
  </si>
  <si>
    <t>没有取消，只是归并到其他的科目。</t>
  </si>
  <si>
    <t>新会计准则不是取消了待摊费用，只不过待摊费用不在报表中体现。</t>
  </si>
  <si>
    <t>端午节放假高速公路免费吗</t>
  </si>
  <si>
    <t>高速公路是照常要收费，没有免过路费的。</t>
  </si>
  <si>
    <t>分身大师安全吗</t>
  </si>
  <si>
    <t>有封号风险的，自以为本身就是违背微信官方登陆的，腾鱼公司每一段时间就会查一次，但如果做微商的话，多开软件还是很方便，别用新开的号登陆在这个多开上面能好一些。</t>
  </si>
  <si>
    <t>是安全可靠的。</t>
  </si>
  <si>
    <t>房贷会随着利率调整吗</t>
  </si>
  <si>
    <t>会的。具体的变化是：利率调整后下一年的对月对日开始执行新的利率。</t>
  </si>
  <si>
    <t>不一定，看借款合同中如何约定。如果是固定利率，那在合同有效期内无论银行利率怎么调，都没有影响。如果是浮动利率，看浮动周期是多少，是固定元月1日调整还是放款日调整。</t>
  </si>
  <si>
    <t>做肛肠镜检查痛吗</t>
  </si>
  <si>
    <t>不会有痛苦感的，但会有些不适感。</t>
  </si>
  <si>
    <t>是不会很痛的，你可以放心好了。</t>
  </si>
  <si>
    <t>近年来随着麻醉药品和医疗监护技术的进步，出现了无痛肠镜检查。其实质就是在检查前经静脉注射一种起效快、有效时间短、作用确切的麻醉药物，使患者在数秒钟内入睡，完成全部检查后早期即能苏醒，检查过程中不会有任何的不适和痛苦感觉。</t>
  </si>
  <si>
    <t>三寸金莲是不是很臭</t>
  </si>
  <si>
    <t>这是一个典故，不是真的就那样，现在就更没有了。因为古时候，封建社会，女人都以小脚为美，故有“三寸金莲”之说，所以古代的女子从小时候就开始用布裹脚，一层一层束缚，不让脚发育。所以用这个来形容。懒女人呢不经常换，也懒得洗，当然就很臭。加上本身又长，所以是又臭又长，现在被引用来形容那些领导讲话、写得长但是很烂的文章或者是空洞无味的电影、台词之类的。</t>
  </si>
  <si>
    <t>美丽誓言被曝光过吗</t>
  </si>
  <si>
    <t>京东e卡可以提现吗</t>
  </si>
  <si>
    <t>不可以的，京东e卡只能用于购买京东自营商品，而且用京东e卡购买的商品将不再提供发票。</t>
  </si>
  <si>
    <t>胃镜和肠镜一起做吗</t>
  </si>
  <si>
    <t>可以都在同一天做，可以先做一个胃镜，休息一会，再做一个肠镜。</t>
  </si>
  <si>
    <t>医院无痛胃镜和肠镜是分开做的。</t>
  </si>
  <si>
    <t>line在中国能用吗</t>
  </si>
  <si>
    <t>可以，只是政府封了，不让使用Line. 跟Facebook,twitter一样要使用VPN。</t>
  </si>
  <si>
    <t>Line通讯服务已经在中国恢复，与之前不同的是，Line不再再可以使用微博等第三方软件的帐号登陆，必须通过手机绑定用户名的形式登陆。</t>
  </si>
  <si>
    <t>邵华和刘思齐是亲姐妹吗</t>
  </si>
  <si>
    <t>是同母异父姐妹。</t>
  </si>
  <si>
    <t>鹿晗有老婆吗</t>
  </si>
  <si>
    <t>文在寅亲中吗</t>
  </si>
  <si>
    <t>文在寅还提出“周边四强合作外交”，主张在军事同盟和自贸协定的基础上扩大韩美全球合作，深化多元战略联盟，并且计划促进韩中两国的国防与高层战略经济对话，加强两国在半岛事务上的战略沟通以夯实关系。</t>
  </si>
  <si>
    <t>个体工商户需要报税吗</t>
  </si>
  <si>
    <t>个体户一般为增值税的小规模纳税额人，纳税办法由税务确定。 如果达不到增值税起征点的（月销售额5000-20000元，各省有所不同），可以免征增值税、城建税和教育费附加。</t>
  </si>
  <si>
    <t>个体工商户实行核定征收。个体工商户应按照税务部门的规定正确建立账簿，准确进行核算。对账证健全、核算准确的个体工商户，税务部门对其实行查账征收;对生产经营规模小又确无建账能力的个体工商户，税务部门对其实行定期定额征收;具有一定情形的个体工商户，税务部门有权核定其应纳税额，实行核定征收。</t>
  </si>
  <si>
    <t>男生中分需要烫吗</t>
  </si>
  <si>
    <t>看你的发量和发质了，如果发量够多，够硬的话，自己用发蜡抓一下就行，烫了也要打理。</t>
  </si>
  <si>
    <t>在京东买电脑好吗</t>
  </si>
  <si>
    <t>自营的就没问题。带正规发票，质量售后全有保证。如果不是自营的就不好说了。基本和某宝上的一样。质量售后全没保证。</t>
  </si>
  <si>
    <t>辣椒蟹可以深水养吗</t>
  </si>
  <si>
    <t>不是深水养的，但水里溶氧量高也没事，不吃鱼不吃虾。</t>
  </si>
  <si>
    <t>栀子花可以放在卧室吗</t>
  </si>
  <si>
    <t>栀子花其实是可以放在室内养的，但因为每个人卧室的环境不同，也有所区别。</t>
  </si>
  <si>
    <t>可以，放室内明亮处比较好，干透及时浇水，喜湿润，喜肥水浇水时加点全元素营养液比较好，可以促进植物开花。</t>
  </si>
  <si>
    <t>1、栀子花是木本植物，适于在室外养植，否则容易死亡。2、如在卧室养，在晚上会与人争夺氧气，闻久了容易产生头晕，头疼，胸闷等反应，建议不要放在室内，放在窗户边或客厅为宜。3、栀子花开时太香，不利身体健康特别对是睡眠状态下的健康不好。</t>
  </si>
  <si>
    <t>鲁大师能修复硬盘坏道吗</t>
  </si>
  <si>
    <t>天星押题密卷值得买吗</t>
  </si>
  <si>
    <t>没必要。</t>
  </si>
  <si>
    <t>执法记录仪录像能删吗</t>
  </si>
  <si>
    <t>这要看是哪个型号的，如果涉及到公安行业的，为了证据的严肃性及证据的完整性，一般都会有执法记录仪工作站配合使用，删除视频只有在执法记录仪工作站，并有相关权限的专业管理人才可以删除。</t>
  </si>
  <si>
    <t>能的，要先在电脑上面安装后台管理软件，然后将执法记录仪连接电脑，在电脑上面就可以对执法记录仪里面的文件进行操作的。</t>
  </si>
  <si>
    <t>12315投诉微商有用吗</t>
  </si>
  <si>
    <t>报警其实没多大用，金额太小了，因为没有在工商局备案，12315也很难管到。</t>
  </si>
  <si>
    <t>工商部门提醒，目前尚未有相关针对微商的法律法规出台，微信朋友圈买卖行为属于私下交易，买家权益很难受到法律保护。</t>
  </si>
  <si>
    <t>中差评代删有风险吗</t>
  </si>
  <si>
    <t>没风险。</t>
  </si>
  <si>
    <t>防晒喷雾能带上地铁吗</t>
  </si>
  <si>
    <t>不能，易燃易爆物品。</t>
  </si>
  <si>
    <t>摩丝、发胶等各类喷雾、美工刀、锤子是目前最常见的违禁品。1.超过120ml的防晒喷雾、摩丝发胶等2.美工刀、超过10厘米的水果刀、锤子等锐器、钝器3.充气气球、未放气的救生圈等4.散装白酒、扎啤5.没有严密包装的肉类、海鲜等。</t>
  </si>
  <si>
    <t>黄种人能满足白种人吗</t>
  </si>
  <si>
    <t>xm外汇是黑平台吗</t>
  </si>
  <si>
    <t>XM平台的安全性还好。就是点差有点高。</t>
  </si>
  <si>
    <t>上市公司暗保是否有效</t>
  </si>
  <si>
    <t>提供担保是其真实的意思表示，且并不违反法律的禁止性规定，应当认定为有效。</t>
  </si>
  <si>
    <t>32g内存够用吗</t>
  </si>
  <si>
    <t>够不够用完全看怎么使用了，32G的标配大概有26G可用空间。</t>
  </si>
  <si>
    <t>手机辐射大吗</t>
  </si>
  <si>
    <t>手机待机时辐射较小，通话时辐射大一些，而在手机号码已经拨出而尚未接通时，辐射最大，辐射量是待机时的3倍左右。</t>
  </si>
  <si>
    <t>上海迪士尼烟花表演每天都有吗</t>
  </si>
  <si>
    <t>不是每天都有。因为在重污染天气期间，即实时空气质量指数达到201以上，上海市一律禁止燃放烟花爆竹。</t>
  </si>
  <si>
    <t>注册.手机域名是骗局吗</t>
  </si>
  <si>
    <t>是骗人的。</t>
  </si>
  <si>
    <t>不属于诈骗。</t>
  </si>
  <si>
    <t>心悦会员到期后成长值是全部清空吗?</t>
  </si>
  <si>
    <t>每年都会清空整数部分，比如心悦一是5000如果是7000心悦成长值 那么到一年期限的时候就会清空心悦1的5000点只留下2000分， 心悦二心悦三以此类推。</t>
  </si>
  <si>
    <t>根据会员期间消费多少扣成长值。</t>
  </si>
  <si>
    <t>闪电侠还有第四季吗</t>
  </si>
  <si>
    <t>应该有。</t>
  </si>
  <si>
    <t>陈乔恩怀孕了吗</t>
  </si>
  <si>
    <t>陈乔恩身上的怪异，小腹微凸，孕妇装，纷繁猜想陈乔恩已怀孕。</t>
  </si>
  <si>
    <t>ecc内存可以用在普通电脑上吗</t>
  </si>
  <si>
    <t>没有预售许可证的房子能买吗</t>
  </si>
  <si>
    <t>房产公司未取得预售许可证就进行预售，这本身就是一种违法行为。</t>
  </si>
  <si>
    <t>没有预售许可证是不能购买的。</t>
  </si>
  <si>
    <t>十五放假吗</t>
  </si>
  <si>
    <t>不放假。</t>
  </si>
  <si>
    <t>放假。</t>
  </si>
  <si>
    <t>益母草颗粒经期可以吃吗</t>
  </si>
  <si>
    <t>就是月经期间吃的，可以活络经血，还有止痛的作用。</t>
  </si>
  <si>
    <t>王布和看病真那么神吗</t>
  </si>
  <si>
    <t>只是心好出的名，不是治病出的名。</t>
  </si>
  <si>
    <t>心善，名气大，医术没传说的那么神奇。</t>
  </si>
  <si>
    <t>吸油纸对皮肤有害吗</t>
  </si>
  <si>
    <t>经常用吸油纸会使皮肤缺水，油会越来越多，毛孔也越来越大，质量差的会吸走皮肤很多的水分。</t>
  </si>
  <si>
    <t>淘宝店铺粉丝可以刷吗</t>
  </si>
  <si>
    <t>身份证过期了银行卡还能用吗</t>
  </si>
  <si>
    <t>身份证过期银行卡是能用的。这两个是相对独立的卡片。如果是拿着过期的身份证去办理新的银行卡，这是不能办理的。需要拿着新补办的身份证或者拿着相关的身份证明办理。</t>
  </si>
  <si>
    <t>iphone6现在还值得买吗</t>
  </si>
  <si>
    <t>值得。</t>
  </si>
  <si>
    <t>如果是全新机的话当然不值得。</t>
  </si>
  <si>
    <t>庄恕和陆晨曦是兄妹吗</t>
  </si>
  <si>
    <t>陆晨曦不是庄恕的妹妹。</t>
  </si>
  <si>
    <t>paperyy准确吗</t>
  </si>
  <si>
    <t>挺靠谱的。</t>
  </si>
  <si>
    <t>检测过了，速度非常快，按照标注全部修改，一次就过了。</t>
  </si>
  <si>
    <t>湖南迈鸿是真是假</t>
  </si>
  <si>
    <t>真的。对于平台的安全性各位是可以放心的，湖南迈鸿交易市场持有省级正规批文，通过湖南省政府审核批准成立，比一般只有市级政府批文的交易平台安全系数更高。</t>
  </si>
  <si>
    <t>老干妈上市了吗</t>
  </si>
  <si>
    <t>比熊犬掉毛吗</t>
  </si>
  <si>
    <t>平常比熊犬基本不掉毛。比熊犬掉毛有两个原因：其一是比熊犬正常的换毛。其二是比熊犬患了严重的皮肤性疾病。</t>
  </si>
  <si>
    <t>开启xmp伤内存吗</t>
  </si>
  <si>
    <t>超频对于内存法当然会有影响，只是随着内存的质量不同，影响大小不同，超频后的内存寿命和质量均会有不同程度的下降。超频的视乎当温度超过26℃时，内存中数据丢失的可能性就开始出现，逻辑和计算的错误，使微机的可靠性降低。当室内温度超过30℃时，内存数据出错就比较多，使微机的可靠性明显降低。当室内温度超过35℃时，内存逻辑和计算的错误会频繁出现，微机出错或死机的现象随时都可能发生。</t>
  </si>
  <si>
    <t>伤内存自己，其实就是一个预先设定好的超频文件，开启以后会加电压，调整频率和时序，跟自己手动调节内存超频一样。</t>
  </si>
  <si>
    <t>探亲假可以分开休吗</t>
  </si>
  <si>
    <t>探亲假是否可以分开请，可以和公司协商。</t>
  </si>
  <si>
    <t>可以分开。</t>
  </si>
  <si>
    <t>探亲假必须一次性休完。</t>
  </si>
  <si>
    <t>向华强是黑社会吗</t>
  </si>
  <si>
    <t>微信只给一个人看他会有提示吗</t>
  </si>
  <si>
    <t>对方是没有提示的。</t>
  </si>
  <si>
    <t>dnf2017五一套值得买吗</t>
  </si>
  <si>
    <t>给小号还行，性价比很低，不值得买。</t>
  </si>
  <si>
    <t>不值得买，没有什么好东西，称号做个换装，拍卖直接买就好了。</t>
  </si>
  <si>
    <t>贷贷网靠谱吗</t>
  </si>
  <si>
    <t>非常的好。</t>
  </si>
  <si>
    <t>还是不错的。</t>
  </si>
  <si>
    <t>苏州中南中心烂尾了吗</t>
  </si>
  <si>
    <t>开发商称，中南中心在正常施工进程中，目前正在进行的是桩基工地收尾清理，以及具体节点的评审。就中南中心建成完工的日期，开发商也给出了新的时间表，计划在2021年左右完工。</t>
  </si>
  <si>
    <t>北京798艺术区好玩吗</t>
  </si>
  <si>
    <t>北京798艺术区是个不错的选择，不说798是世界上仅存的包豪斯建筑群之一，就是这里的文艺气息、艺术气息、和商业气息都绝对来了不后悔。</t>
  </si>
  <si>
    <t>一直听说北京的798工厂充满文艺范，是适合拍照的地方。真是挺好的地方，废旧的工厂成了艺术的殿堂。唯一遗憾的就是有些艺术，实在欣赏不来。</t>
  </si>
  <si>
    <t>798是文青的天堂，由废工厂改造的，通过设计师的妙手，把整个798改造成了一个艺术、文艺、小资的地方。798里面有很多业态各异的私人工作室。也有很多时尚拍客在这里摄影。涂鸦的墙壁，废弃的仓库，确实很符合现代年轻人的审美。也成了年轻人去北京旅游的一个新去处。</t>
  </si>
  <si>
    <t>成都曙光靠谱吗</t>
  </si>
  <si>
    <t>我觉得还不错，听说那里口碑还很好，推荐去看看。</t>
  </si>
  <si>
    <t>中国搜索是传销吗</t>
  </si>
  <si>
    <t>女孩初潮还能长高吗</t>
  </si>
  <si>
    <t>女孩月经初潮后一般情况下是还能长高的，但是也有特殊情况，所以要了解自己的增高潜能要到正规的医院做个前面检查。</t>
  </si>
  <si>
    <t>并不是来了例假，身高就不增长了。只要骨骺线没有闭合，孩子的身高还会继续增长的。更何况现在的营养很好，孩子都要比父母高。</t>
  </si>
  <si>
    <t>女孩正常初潮后，一般还可继续生长4~8C厘米，多数在5厘米左右，但也不绝对排除有少于4CM和大于8CM者。</t>
  </si>
  <si>
    <t>赵东来坏人吗</t>
  </si>
  <si>
    <t>诺氟沙星胶囊治拉肚子吗</t>
  </si>
  <si>
    <t>诺氟沙星胶囊主要治疗胃肠道感染和泌尿系统感染。</t>
  </si>
  <si>
    <t>诺氟沙星属于喹诺酮类药物，可以治疗胃肠道炎症导致的腹痛及腹泻，对消化不良、腹部受凉或食物中毒等原因导致的腹痛、腹泻效果欠佳。</t>
  </si>
  <si>
    <t>如果正常的成年人拉肚子，属于肠炎类疾病的话，是可以服用诺氟沙星胶囊的，治疗细菌腹泻的作用不错；不满18岁的青少年和儿童是不能服用诺氟沙星胶囊的，对关节和韧带不好；如果是消化不良导致的腹泻，不建议服用的。</t>
  </si>
  <si>
    <t>棒谷很出名吗</t>
  </si>
  <si>
    <t>广州棒谷网络科技有限公司，就有一个，做ebay外贸和网站外贸的。广州棒谷进出口有限公司，没听过。</t>
  </si>
  <si>
    <t>中工珠宝检测中心可信吗</t>
  </si>
  <si>
    <t>这个中工证书不可靠。</t>
  </si>
  <si>
    <t>当然可靠，这些都是权威机构。</t>
  </si>
  <si>
    <t>鉴定师都是很不严格，不是专业人士，证书不具有权威性。</t>
  </si>
  <si>
    <t>palo alto是富人区吗</t>
  </si>
  <si>
    <t>Palo Alto是典型的富人区(中产阶层住宅区）。</t>
  </si>
  <si>
    <t>小蛮家很有钱吗</t>
  </si>
  <si>
    <t>小蛮家境很好。</t>
  </si>
  <si>
    <t>规培期间可以考研吗</t>
  </si>
  <si>
    <t>必须可以。</t>
  </si>
  <si>
    <t>迪丽热巴和鹿晗配吗</t>
  </si>
  <si>
    <t>很般配。</t>
  </si>
  <si>
    <t>折58网推广是真的吗</t>
  </si>
  <si>
    <t>一般不可靠，尤其是兼职。</t>
  </si>
  <si>
    <t>折58是一个折扣网，有很多这样的团购网，商家通过店铺的一两件商品打折而吸引消费者从而带动店内其他商品的出售。其都是通过淘宝网实现交易，当然也有部分存在你说的问题，淘宝有风险，投资需谨慎。</t>
  </si>
  <si>
    <t>猪和猴相配吗</t>
  </si>
  <si>
    <t>猪和猴的婚姻不会很幸福，性格的对立将会使双方难以沟通，缺乏浓情蜜意，二者凝聚力也会不足，因此，如果结婚了的话必须加强交流沟通，好好把握机会，二者需要尽量的体谅对方，争取建立一个互相了解、取长补短的美好家庭。</t>
  </si>
  <si>
    <t>猪先生温柔憨厚，安与朴实无华的家庭生活。猴太太脑筋灵活，性格泼辣，喜欢标新立异。猪先生的慢条斯理经常令快节奏的猴太太烦躁不安；猴太太的过分张扬也会不时伤害到猪先生的自尊。</t>
  </si>
  <si>
    <t>根据古代算命术中的说法，猴猪是相冲的，可谓金鸡怕玉犬，猴猪不到头。</t>
  </si>
  <si>
    <t>远征军维京好玩吗</t>
  </si>
  <si>
    <t>还不错。</t>
  </si>
  <si>
    <t>中国百姓领购网合法吗</t>
  </si>
  <si>
    <t>百姓领购网是ok的。</t>
  </si>
  <si>
    <t>骗老年人的。</t>
  </si>
  <si>
    <t>企鹅直播是腾讯的吗</t>
  </si>
  <si>
    <t>企鹅直播是腾讯新出的一个手机在线直播平台。</t>
  </si>
  <si>
    <t>企鹅TV是隶属于深圳腾讯网络科技有限公司的一家致力于规范化体育直播的垂直门户弹幕分享网站。</t>
  </si>
  <si>
    <t>学而思教务专员累吗</t>
  </si>
  <si>
    <t>相对是比较累的。毕竟教务通常作为辅助的岗位，类似于大学的辅导员，所以接触老师、学生以及家长的时间比较多，还有可能会带有一点销售的性质。但是所以如果对这类不排斥并且很乐意与他人沟通，那这个工作很适合。</t>
  </si>
  <si>
    <t>爱情公寓电影版出了吗</t>
  </si>
  <si>
    <t>兰州大学研究生好考吗</t>
  </si>
  <si>
    <t>难考。</t>
  </si>
  <si>
    <t>腰椎管狭窄能治好吗</t>
  </si>
  <si>
    <t>腰椎管狭窄能治好。目前国内治疗腰椎管狭窄的方法有很多，如手法治疗，针灸治疗，药物治疗。</t>
  </si>
  <si>
    <t>腰椎管狭窄严重了还能治好，症状比较轻微，可以采取保守治疗。症状严重的，需要去医院手术治疗。</t>
  </si>
  <si>
    <t>益生菌减肥有用吗</t>
  </si>
  <si>
    <t>体温37度正常吗</t>
  </si>
  <si>
    <t>是正常体温。</t>
  </si>
  <si>
    <t>趣试客赚钱是真的吗</t>
  </si>
  <si>
    <t>朝吹是尿吗</t>
  </si>
  <si>
    <t>个人订阅号还能认证吗</t>
  </si>
  <si>
    <t>去年十月就暂停个人认证了，说是要推出新的认证方式，但一直还没有公告，再耐心等等吧。</t>
  </si>
  <si>
    <t>肺结节能治好吗</t>
  </si>
  <si>
    <t>肺结节能治好。</t>
  </si>
  <si>
    <t>做唐氏筛查需要空腹吗</t>
  </si>
  <si>
    <t>做唐氏筛查时无需空腹。</t>
  </si>
  <si>
    <t>在孕16-20周做唐氏筛查。它是化验血的，最好还是空腹吧。</t>
  </si>
  <si>
    <t>藏海花完结了吗</t>
  </si>
  <si>
    <t>《藏海花》已写两部，第一部已完结，第二部停更中。</t>
  </si>
  <si>
    <t>南阳新华西路修好了吗</t>
  </si>
  <si>
    <t>已进入扫尾阶段，3月8日快车道正式通车。</t>
  </si>
  <si>
    <t>守望先锋配置高吗</t>
  </si>
  <si>
    <t>守望先锋游戏对电脑的配置并不高。</t>
  </si>
  <si>
    <t>华瑞凯琳神仙膏安全吗</t>
  </si>
  <si>
    <t>无证驾驶是马上拘留吗</t>
  </si>
  <si>
    <t>无证驾驶不会当场抓起来的，让主动去接受处理的。</t>
  </si>
  <si>
    <t>根据《道路交通安全法》规定，无证驾驶除罚款外并处十五日以下拘留。一般现场拘留，也有的等公安机关下达拘留通知书后羁押。</t>
  </si>
  <si>
    <t>水性科天真的无毒吗</t>
  </si>
  <si>
    <t>是，有广东出入境检验检疫局检验检疫技术中心权威检测报告。</t>
  </si>
  <si>
    <t>水性科天水性涂料是采用水性高分子技术，用纯净的水代替传统的有机溶剂作为溶解剂。传统的有机溶剂含有甲醛、苯、DMF等有害化学物质，纯净的水是没有的。如果通过了广告审核，能在央视等平台播放，说明已经完成检测，应该不算虚假宣传哦。</t>
  </si>
  <si>
    <t>水性科天拥有水性高分子核心技术，从源头杜绝家装和家俱材料有害化学物质的毒害。其实说白了，就是水性科天用水代替了传统家装材料中的有机溶剂，这样一来，空气中挥发的有毒气体比如甲醛、苯等等就会被彻底杜绝，真正在家装过程中达到绿色环保。</t>
  </si>
  <si>
    <t>房价还会涨吗</t>
  </si>
  <si>
    <t>华远地产原董事长任志强谈及了房价，他认为下一轮涨价比这一轮更高。</t>
  </si>
  <si>
    <t>dropbox需要翻墙吗</t>
  </si>
  <si>
    <t>需要翻墙的。</t>
  </si>
  <si>
    <t>不翻墙可以直接用，不过不同地区可能不一样。</t>
  </si>
  <si>
    <t>城野医生能天天用吗</t>
  </si>
  <si>
    <t>城野医生的化妆水、面霜、防晒霜，在适合自己肤质的前提下可以每天用，不过，城野医生的去角质产品、面膜和精华液是不需要每天都使用的。</t>
  </si>
  <si>
    <t>淘宝确认收货后还能退货吗</t>
  </si>
  <si>
    <t>可以，出邮费好好和卖家商量。</t>
  </si>
  <si>
    <t>可以退货的，重新寄回去就可以。</t>
  </si>
  <si>
    <t>养鹦鹉犯法吗</t>
  </si>
  <si>
    <t>野生动物保护名录仅限于我国原产物种，所以需要公约来作为补充。其中的“鹦鹉所有种”，仅限于中国原产的那七种。而牡丹、虎皮这些种的鹦鹉既不属于此列，也不在公约附录1、2之中，不是保护动物。</t>
  </si>
  <si>
    <t>国内禁止饲养的鹦鹉。</t>
  </si>
  <si>
    <t>鹦鹉的种类非常多，鹦鹉的种类非常多，品种不在野生动物保护名录里，大批量人工养殖鹦鹉不犯法。</t>
  </si>
  <si>
    <t>飞机上可以带化妆品吗</t>
  </si>
  <si>
    <t>旅客携带少量旅行自用的【化妆品】，每种化妆品限带一件，其容器容积不得超过100毫升，并应置于独立袋内，接受开瓶检查。</t>
  </si>
  <si>
    <t>中国民航规定：可以随身携带化妆品，单瓶不超过100ML，总共不超过1L，超过则需要办理托运。</t>
  </si>
  <si>
    <t>途观2017 1.8烧机油吗</t>
  </si>
  <si>
    <t>1.8T，7000km了，不烧不漏。</t>
  </si>
  <si>
    <t>都有点轻微的烧。</t>
  </si>
  <si>
    <t>电瓶车充电一夜要紧吗</t>
  </si>
  <si>
    <t>不要紧。</t>
  </si>
  <si>
    <t>可能造成内压升高，电池变形，漏液，等不良现象。同时，其电性能也会显着降低。</t>
  </si>
  <si>
    <t>秃顶能治吗</t>
  </si>
  <si>
    <t>秃顶是可以治疗的。</t>
  </si>
  <si>
    <t>嘉联科技200元是传销吗</t>
  </si>
  <si>
    <t>正宗的传销。</t>
  </si>
  <si>
    <t>小黄车的密码是固定的吗</t>
  </si>
  <si>
    <t>每辆小黄车的编号对应固定的密码。</t>
  </si>
  <si>
    <t>薄荷能驱蚊吗</t>
  </si>
  <si>
    <t>薄荷中含薄荷油、薄荷醇、薄荷酮，薄荷油、薄荷醇、薄荷酮易发散，一定程度上能驱走蚊子。</t>
  </si>
  <si>
    <t>验孕棒准确率高吗</t>
  </si>
  <si>
    <t>这个有80%左右的准确率，可以用晨尿测试！</t>
  </si>
  <si>
    <t>外科风云有胡歌吗</t>
  </si>
  <si>
    <t>58品牌公寓靠谱吗</t>
  </si>
  <si>
    <t>别太信。</t>
  </si>
  <si>
    <t>不可信。</t>
  </si>
  <si>
    <t>北京赛车改单是真的吗</t>
  </si>
  <si>
    <t>nfo是字幕文件吗</t>
  </si>
  <si>
    <t>NFO文件只是记录了影片制作者在制作该片时的各项数据信息。</t>
  </si>
  <si>
    <t>NFO是随电影文件一起发布，提供了压片小组的制作信息，包括影片简介、压片参数、封装参数等。</t>
  </si>
  <si>
    <t>如果随片发行字幕，字幕扩展名一般是srt、ssa、ass，或者 zip、rar等压缩包。</t>
  </si>
  <si>
    <t>美乐家会员可以取消吗</t>
  </si>
  <si>
    <t>不可以，是终身的。</t>
  </si>
  <si>
    <t>伍宇娟贾宏声结婚了吗</t>
  </si>
  <si>
    <t>没有，伍宇娟因贾宏染上毒品而分手。</t>
  </si>
  <si>
    <t>窝沟封闭有副作用吗</t>
  </si>
  <si>
    <t>窝沟封闭操作不当也有副作用，窝沟封闭最重要的环节是粘结，粘结效果的好坏取决于牙科医生在操作过程中隔湿的好坏。隔湿效果做不好，粘结力就差，此时窝沟封闭剂更容易脱落。窝沟封闭剂一旦脱落，龋齿的发病率比不做窝沟封闭的儿童还要高。</t>
  </si>
  <si>
    <t>iphone32g够用吗</t>
  </si>
  <si>
    <t>要看怎么用了，经常缓存电影或者大量音乐，拍照也是大量的话那估计32的就够呛。</t>
  </si>
  <si>
    <t>绰绰有余了。</t>
  </si>
  <si>
    <t>鹿茸片泡水喝可以吗</t>
  </si>
  <si>
    <t>可以说效果也不错，但和鹿茸片泡酒，炖汤比效果稍差些。</t>
  </si>
  <si>
    <t>如果是茸粉的话，可以泡水直接服用。如果是茸片，泡水使用会有一定程度的营养流失，可以炖服或直接将茸片含服。</t>
  </si>
  <si>
    <t>鹿茸切片之后可以用开水冲泡，这样鹿茸中所含的营养价值就能够完全溶解在水中，具有壮阳补肾等效果。</t>
  </si>
  <si>
    <t>肿瘤术后可以吃葛根粉吗</t>
  </si>
  <si>
    <t>不适合的。</t>
  </si>
  <si>
    <t>可以少量食用。</t>
  </si>
  <si>
    <t>line在大陆可以用吗</t>
  </si>
  <si>
    <t>不能用</t>
  </si>
  <si>
    <t>可以，需要VPN</t>
  </si>
  <si>
    <t>劳动合同到期后不续签 有补偿吗</t>
  </si>
  <si>
    <t>合同到期，公司可以拒绝续签（即强制赶人）。但要支付经济补偿（2008年劳动合同法第46条第五款规定，在08年1月1日后到期的固定期限合同，除用人单位维持或者提高劳动合同约定条件续订劳动合同，劳动者不同意续订的情形外，需要支付经济补偿。经济补偿按劳动者在本单位工作的年限，每满一年支付一个月工资的标准向劳动者支付。六个月以上不满一年的，按一年计算；不满六个月的，向劳动者支付半个月工资的经济补偿。</t>
  </si>
  <si>
    <t>1、在合同期满后不续签，劳动者都能拿到经济补偿，但是有一种情况例外：单位在维持、提高待遇的情况下跟你续签，而你仍不同意续签的。2、经济补偿按工作年限计算，每工作满1年支付1个月工资，六个月以上不满一年的，按一年计算；不满6个月的按照半个月工资计算。</t>
  </si>
  <si>
    <t>第四十七条 经济补偿按劳动者在本单位工作的年限，每满一年支付一个月工资的标准向劳动者支付。六个月以上不满一年的，按一年计算；不满六个月的，向劳动者支付半个月工资的经济补偿。劳动者月工资高于用人单位所在直辖市、设区的市级人民政府公布的本地区上年度职工月平均工资三倍的，向其支付经济补偿的标准按职工月平均工资三倍的数额支付，向其支付经济补偿的年限最高不超过十二年。劳动合同法第四十七条 规定的经济补偿的月工资按照劳动者应得工资计算，包括计时工资或者计件工资以及奖金、津贴和补贴等货币性收入。劳动者在劳动合同解除或者终止前12个月的平均工资低于当地最低工资标准的，按照当地最低工资标准计算。劳动者工作不满12个月的，按照实际工作的月数计算平均工资。</t>
  </si>
  <si>
    <t>qq和微信是一家的吗</t>
  </si>
  <si>
    <t>是的，微信和QQ都是属于腾讯旗下的软件。</t>
  </si>
  <si>
    <t>小龙虾脏吗</t>
  </si>
  <si>
    <t>小龙虾生长环境不一样，少量小龙虾可能生长环境的水质与环境差一点，表现成腹部很黑，这类小龙虾一般在挑虾与餐馆烹饪过程中，已经抛弃掉了，而且现在野生环境下的虾也很少，这类看起来很脏的虾，其实已经很少了。</t>
  </si>
  <si>
    <t>苹果5s更新10.3流畅吗</t>
  </si>
  <si>
    <t>有点卡，想体验可以升级。</t>
  </si>
  <si>
    <t>不卡。5s亲测，只是更新的时候一定要保证充足的电量和稳定的 wifi。</t>
  </si>
  <si>
    <t>微信解封软件是真的吗</t>
  </si>
  <si>
    <t>微信解封软件是真的，但是市场上有些不法分子利用微信解封软件来欺骗用户的钱，所以大家在使用微信解封软件的时候要辨别真假。</t>
  </si>
  <si>
    <t>微信用软件解封的都是假的，勿信。</t>
  </si>
  <si>
    <t>脑血栓能彻底治好吗</t>
  </si>
  <si>
    <t>库页岛有可能回归吗</t>
  </si>
  <si>
    <t>很难的。</t>
  </si>
  <si>
    <t>风执事加里奥有特效吗</t>
  </si>
  <si>
    <t>只是样子不一样，一点特效没有。</t>
  </si>
  <si>
    <t>执事皮肤都没有特效。</t>
  </si>
  <si>
    <t>风执事加里奥没有特效。</t>
  </si>
  <si>
    <t>龅牙兔情商培训有用吗</t>
  </si>
  <si>
    <t>龅牙兔儿童情商乐园，是一家大型的情商培训机构。龅牙兔在国内的权威地位毋庸置疑。龅牙兔情商培训，拥有自己的教学模式与专业的教师团队，课程理念非常先进，以丹尼尔格尔曼的情商理论为基础，引入国际SEL儿童社会情绪能力发展计划，培养孩子情商九项能力：自信心、责任心、同理心、独立性、挫折抵抗、问题解决、自律、人际交往、情绪管理。经过15年的发展，龅牙兔情商培训研发出了多套特色的情商课程，特别针对每个年龄段孩子的特征，研发出相匹配的情商课程。丰富的课程体系，不仅包括基础课程，还包括许多特色的情商课程，最重要的一点是，龅牙兔情商培训还开设家长课堂，目的是为了给家长传达正确的教育理念，让孩子的情商能力在家庭中也能有一个良好的发展，为孩子以后的发展奠定坚实的基础。</t>
  </si>
  <si>
    <t>芮成钢还活着吗?</t>
  </si>
  <si>
    <t>2014年7月11日下午，央视财经频道副总监李勇、知名主持人芮成钢和一名制片人，被检方带走。现在还活着从来没报过死讯。</t>
  </si>
  <si>
    <t>qq号可以注册微信吗</t>
  </si>
  <si>
    <t>现在新版的微信，都不能用qq开通微信了，只能用手机号码注册了。不过可以用手机号码先注册，再绑定一个QQ，然后再解绑这个手机号码。这样就算是用QQ号注册的了，而且这个手机号解绑后还可以再注册。</t>
  </si>
  <si>
    <t>大逃杀需要vpn吗</t>
  </si>
  <si>
    <t>颞颌关节紊乱会自愈吗</t>
  </si>
  <si>
    <t>不会自愈，可根据情况治疗，颞下颌关节紊乱综合征一般病程较长，并经常反复发作，多属功能紊乱，也可有关节结构紊乱或器质破坏，所以应引起重视，及早治疗。</t>
  </si>
  <si>
    <t>淮山发芽了还能吃吗</t>
  </si>
  <si>
    <t>淮山发芽了不宜食用，发芽的淮山有微量的毒素，食用后会导致食物中毒，出现腹泻等症状。</t>
  </si>
  <si>
    <t>千昭真在未来等真琴吗</t>
  </si>
  <si>
    <t>千昭说在未来等真琴，不是敷衍或者说是善意的谎言，是真的在等他。</t>
  </si>
  <si>
    <t>lol灵活组排有奖励吗</t>
  </si>
  <si>
    <t>如果灵活组排且有段位，是有框框奖励的。</t>
  </si>
  <si>
    <t>都是排位，在灵活组排打到的段位也可以领取框框奖励。区别是：以后开的单双排是上个赛季末车队排位改版前的样子，就是跟以前一样只能最多2个人排，也有段位限制。灵活组排就是上赛季末改的，那种可以车队排的模式就是最多5个人的，当然不管你在这单双排还是灵活组排，只要你打到相应的段位，都能领取应有的框框和赛季奖励。</t>
  </si>
  <si>
    <t>有框发的，依然是白银有框黄金有奖，但是单双排和灵活排都打上了黄金还有新的奖励，匹配的时候是优先你段位高的框。</t>
  </si>
  <si>
    <t>成都到色达3天可以玩吗</t>
  </si>
  <si>
    <t>可以。但是时间很挤，而且成都到色达的客车要10多个小时，路况不算好，所以晕车的话坐到了估计会有点难受，也有可能会高反，回程也要10多个小时，所以时间很挤，纯玩的时间只有一天。</t>
  </si>
  <si>
    <t>时间是够，就是三天太累。</t>
  </si>
  <si>
    <t>催产针对宝宝有影响吗</t>
  </si>
  <si>
    <t>催产针或催产素药物对一般的健康孕妈咪通常不会有任何副作用，但如若有下列情况就应该禁用，以防子宫破裂：（1）明显头盆不称；（2）胎位不正，如横位；（3）有剖宫产史及做过肌瘤剔除术的孕妈咪。 催产素对孕妈咪脏器的影响作用，在一般剂量下都特别的微小，可以忽略不计。但是，催产素如果大剂量使用，就可能引起血压升高、脉搏加速及出现水潴留等现象，所以一定要由医生经过全面检查，来确定孕妈咪是否能够使用催产药物。</t>
  </si>
  <si>
    <t>只要我们使用的时间，剂量以及速度控制好，对于胎儿几乎就没有影响的。</t>
  </si>
  <si>
    <t>如果正常使用的话，这种催产针是不会对胎儿造成影响的。但是如果使用过多，注射速度过快就会引起痉挛子宫收缩，而这又有可能因为产道过小，或者胎儿过大而持续的子宫收缩没有得到舒缓，而影响了胎儿的下降，很有可能会引起孕妇大出血，胎儿缺氧等问题。</t>
  </si>
  <si>
    <t>房子可以公证不过户吗</t>
  </si>
  <si>
    <t>可以。我国规定不动产权是登记注册制，没有产权证，就仍没有所有权。所以，做了房屋公证后，房子还是卖房者的。中介很可能在公证之后，撤销委托书或补办房产证。因此，建议购房者买二手房时还是直接过户比较保险，不要一味贪图便宜。办理房屋公证后，房屋产权仍处于不稳定状态，买房者承担着很大的风险。</t>
  </si>
  <si>
    <t>微粒贷邀请码是真的吗</t>
  </si>
  <si>
    <t>很多人无法开通微粒贷，就有人开始以通过邀请码、强制开通、打电话申请等方式说能够开通微粒贷，但实际上QQ微粒贷开通只能坐等系统开通，以这些名义收费或者问银行卡身份信息的人都是骗子。</t>
  </si>
  <si>
    <t>天津正规男科医院治疗阴茎短小吗</t>
  </si>
  <si>
    <t>天津阳光男科医院弗林斯微创阴茎延长术，能有效改善阴茎悬韧带松紧度达到最大限度延长整形。</t>
  </si>
  <si>
    <t>财政补贴收入要交所得税吗</t>
  </si>
  <si>
    <t>从县级以上各级人民政府财政部门及其他部门取得的应计入收入总额的财政性资金，凡同时符合以下条件的，可以作为不征税收入，在计算应纳税所得额时从收入总额中减除：（一）企业能够提供资金拨付文件，且文件中规定该资金的专项用途；（二）财政部门或其他拨付资金的政府部门对该资金有专门的资金管理办法或具体管理要求；（三）企业对该资金以及以该资金发生的支出单独进行核算。同时规定，根据实施条例第二十八条的规定，上述不征税收入用于支出所形成的费用，不得在计算应纳税所得额时扣除；用于支出所形成的资产，其计算的折旧、摊销不得在计算应纳税所得额时扣除。所有不需要交。</t>
  </si>
  <si>
    <t>凡同时符合以下条件的，可以作为不征税收入，在计算应纳税所得额时从收入总额中减除：1 企业能够提供资金拨付文件，且文件中规定该资金的专项用途，2 财政部门或其他拨付资金的政府部门对该资金有专门的资金管理办法或者具体管理要求，3 企业对该资金以及以该资金发生的支出单独进行核算。如果符合条件 ，应该作为不征税收入，不需要交纳企业所得税。</t>
  </si>
  <si>
    <t>海牛猎手 菲兹有特效吗</t>
  </si>
  <si>
    <t>有，大招有。</t>
  </si>
  <si>
    <t>昆仑山真的有玉虚宫吗</t>
  </si>
  <si>
    <t>天津康婷生物工程有限公司是不是传销</t>
  </si>
  <si>
    <t>是有拿到直销牌照的公司。不是传销。</t>
  </si>
  <si>
    <t>自来水中会有食脑虫吗</t>
  </si>
  <si>
    <t>自来水的水源被食脑虫污染，那么自来水的系统里就可能一直存在，直到输送到千家万户。</t>
  </si>
  <si>
    <t>食脑虫一般存活在江河湖泊中，一些不干净的水中。饮用的自来水是通过，一系列的检测，才发放的，不会存在这种寄生虫。</t>
  </si>
  <si>
    <t>吃面会长胖吗</t>
  </si>
  <si>
    <t>吃面条不一定会发胖，怎么吃显得很重要，吃得对是不会长胖的。</t>
  </si>
  <si>
    <t>一般面食跟米食的热量比较高，是比较容易长胖的，不过也不要不吃，要均衡营养。</t>
  </si>
  <si>
    <t>吃面条不会胖。每150克煮熟的面条含有1克脂肪、7克蛋白质、40克碳水化合物，热量是180千卡，它脂肪不多，但特别能给人饱腹感。所以，每天摄入适量的面条，并不会有发胖的风险。</t>
  </si>
  <si>
    <t>心律不齐需要治疗吗</t>
  </si>
  <si>
    <t>心律不齐的生活护理　在正常人，尤其是儿童、青年人，窦性心律不齐是很常见的，这是由于呼吸时引起了迷走神经与交感神经张力的改变所致。不属于病理改变。这种心律不齐一般对人体没有影响。所以对于窦性心律不齐不必要担心害怕，要消除紧张与顾虑。可通过运动来增强心脏功能，使植物神经的功能趋于稳定，这种心律不齐也会好转的。如因其他心律失常，如早搏、房颤等引起的心律不齐，则应针对病因、应用抗心律失常药物等进行治疗。</t>
  </si>
  <si>
    <t>肉桂治疗糖尿病吗</t>
  </si>
  <si>
    <t>不能用于治疗糖尿病。</t>
  </si>
  <si>
    <t>社保补缴算连续吗</t>
  </si>
  <si>
    <t>社保补缴算连续。参保人员从参加社会保险之日算起，就建立了个人缴费记录，那么中间有欠费的属期，补缴之后，个人缴费流水没有间断，个人缴费年限自然就连续计算了。</t>
  </si>
  <si>
    <t>社保缴费年限设计之初就是按月累计的，并非按年度。累计12个月为一年，所以一月之外补缴不算连续。</t>
  </si>
  <si>
    <t>轻伤赔偿30万合理吗</t>
  </si>
  <si>
    <t>在三万到五十万之间都合理。</t>
  </si>
  <si>
    <t>孕妇能吃黑枸杞吗</t>
  </si>
  <si>
    <t>淋巴结核传染吗</t>
  </si>
  <si>
    <t>淋巴结核在没破溃之前是没有传染性的，只有破溃的淋巴结结核，它的浓液中含有大量的结核菌，如处理不当才会传染。</t>
  </si>
  <si>
    <t>iphone6s64g停产了吗</t>
  </si>
  <si>
    <t>64G已经停产，9号发布iphone7是，6s也有更新6s16G变成32G，64G变成128G。</t>
  </si>
  <si>
    <t>吉川爱美下过马吗</t>
  </si>
  <si>
    <t>下过。</t>
  </si>
  <si>
    <t>户口可以落在朋友家吗</t>
  </si>
  <si>
    <t>微信红包能撤回吗</t>
  </si>
  <si>
    <t>直接长按第一时间撤回但要在别人看见之前。</t>
  </si>
  <si>
    <t>如果对方还没有点领取，赶紧点击发出去的红包，打开后的页面下面有个"继续发送此红包"的功能，赶紧点它，点击之后出来的是最近联络人的列表，这个和转发信息的时候出来的选择项是一样的，点那个（创建新聊）找到想转发给的人，然后点发送，这样这个红包就会被转发到这个账号上，通知对方赶紧领取，然后再发回来。</t>
  </si>
  <si>
    <t>优我少女出道了吗</t>
  </si>
  <si>
    <t>已经出道。</t>
  </si>
  <si>
    <t>胸透对精子质量有影响吗</t>
  </si>
  <si>
    <t>没有影响。</t>
  </si>
  <si>
    <t>精子的数目就会减少，而畸形的精子增加，甚至更严重时还会造成睾丸萎缩。</t>
  </si>
  <si>
    <t>有影响，但不大。</t>
  </si>
  <si>
    <t>ofo退押金里面还有余额还能用吗</t>
  </si>
  <si>
    <t>ofo退押金后是不能正常使用的，如需用车则同样需要缴交押金。</t>
  </si>
  <si>
    <t>临时windows安装文件可以删除吗 win10</t>
  </si>
  <si>
    <t>升级成功之后可以删除。</t>
  </si>
  <si>
    <t>2017年杭州房价会跌吗?</t>
  </si>
  <si>
    <t>杭州目前房价非常稳定，基本是只许涨不许跌，但是涨又缺乏动力，基本保持房价稳定。</t>
  </si>
  <si>
    <t>2016年房地产价格整体上将呈上涨趋势，区域涨幅进一步分化。但从较长时期看，如果宏观经济增长继续下滑，房地产价格有可能在2017年下半年再次出现全面下滑趋势。</t>
  </si>
  <si>
    <t>舌吻会传染艾滋病吗</t>
  </si>
  <si>
    <t>如果对方是艾滋病携带者，有一定几率会传染艾滋病的因为口腔有破损，但是几率实在是小的可怜，首先要对方是艾滋病感染者。病毒量还要能达到能传播量。</t>
  </si>
  <si>
    <t>乙肝传染吗</t>
  </si>
  <si>
    <t>除了血液传播，性传播也是乙型肝炎的传播途径之一。用安全套可以在极大程度上减少感染乙肝的机会。</t>
  </si>
  <si>
    <t>可以通过母婴传播、血液传播、性传播、也可是父婴传播。</t>
  </si>
  <si>
    <t>不会通过呼吸道和消化道传播。</t>
  </si>
  <si>
    <t>iphone6和6s手机壳通用吗</t>
  </si>
  <si>
    <t>苹果6s和苹果6的手机壳是可以相互通用的。</t>
  </si>
  <si>
    <t>售前工程师工资高吗</t>
  </si>
  <si>
    <t>北京售前工程师就业形势分析：招聘待遇，工资20000-29999占比最多。</t>
  </si>
  <si>
    <t>1、有底薪，另按售前天数每天固定一个数值如：100/天，如果项目售前成功，会有额外的补贴。2、有底薪，按售前成功签约后获得提成点数，当然没有销售高。但是无销售压力，而且也有底薪。</t>
  </si>
  <si>
    <t>陈晓东结婚了吗</t>
  </si>
  <si>
    <t>结婚了。</t>
  </si>
  <si>
    <t>体检空腹能喝水吗</t>
  </si>
  <si>
    <t>体检前可以喝水。</t>
  </si>
  <si>
    <t>到了体检中心后就不能再喝水了。</t>
  </si>
  <si>
    <t>日本有闹洞房习俗吗?</t>
  </si>
  <si>
    <t>有闹洞房的习俗。</t>
  </si>
  <si>
    <t>dota2小黑屋会自己消失吗</t>
  </si>
  <si>
    <t>阎崇年观点是错的吗</t>
  </si>
  <si>
    <t>阎崇年的观点是毫无客观性的个人观点，歪曲历史。</t>
  </si>
  <si>
    <t>阎崇年的清史整体上讲得不错，当然要有些观点和内容会存在争议也很正常，毕竟谁都没见过真正的历史，而历史又都是胜利者书写的，不可能完全客观中立，因此最多只能说这些内容完全符合史书而非事实。</t>
  </si>
  <si>
    <t>朋友贷款留了我的电话我需要负责任么</t>
  </si>
  <si>
    <t>如果没有以你为担保人的话，您不需要负责。</t>
  </si>
  <si>
    <t>看清楚，那是对方律师给你的、如果当初的贷款协议上你不是共同还款人，或者担保人，没事，请确认你当初填写的是联系人，而不是担保人，或者其他什么东西。并且确认你当初没有留签字，包括留身份证复印件，按手印等。</t>
  </si>
  <si>
    <t>联通是固定ip吗</t>
  </si>
  <si>
    <t>联通，电信等家用宽带使用的方式均为随机ip地址的。</t>
  </si>
  <si>
    <t>高考偷瞄算作弊吗</t>
  </si>
  <si>
    <t>没被捉到就不算。</t>
  </si>
  <si>
    <t>微信注册必须用手机号吗</t>
  </si>
  <si>
    <t>以前注册微信号可以用QQ号或邮箱注册，现在注册微信号一定要用手机注册，不过可以在注册之后绑定QQ号然后解除手机绑定，性质类似QQ注册。</t>
  </si>
  <si>
    <t>荣耀v9需要贴膜吗</t>
  </si>
  <si>
    <t>此款手机屏幕采用 2.5D 屏幕，所以不推荐使用贴膜。屏幕本身耐划伤性能较好，已满足日常使用，使用过程中注意不要与钥匙、沙砾等尖锐硬物放在一起，一般情况下屏幕是不会划伤的。</t>
  </si>
  <si>
    <t>牙齿松动了能长好吗</t>
  </si>
  <si>
    <t>牙齿由于外力等因素造成的松动能否恢复需看受损程度，轻度的松动恢复快些，如果严重，恢复时间要更长，注意千万不要再用它咬物，尽量避免碰撞。建议去医院看看。</t>
  </si>
  <si>
    <t>牙齿松动后还能否长好，研究发现，人体内部有对抗疾病的潜能———自愈力。当人体受到严重伤害如创伤、感染时，在一定诱导因素作用下，人体内部的备用细胞(干细胞)能被激活，用于修复受损伤的组织和器官。牙齿松动后还能否长好，干细胞是胚胎时期的备用细胞，是年轻的生命活力很强的细胞，具有强大的免疫力。通过干细胞的修复，可以消除细菌感染，巩固免疫防线，修复牙床，使牙齿坚固。</t>
  </si>
  <si>
    <t>可复用消炎药，一但炎症消退，牙齿即可自动回复稳固状态。</t>
  </si>
  <si>
    <t>冰点脱毛是永久的吗</t>
  </si>
  <si>
    <t>冰点脱毛的效果呈现永久性。</t>
  </si>
  <si>
    <t>udid告诉别人有风险吗</t>
  </si>
  <si>
    <t>如果还能知道ID注册邮箱的邮箱密码或者直接知道ID密码，可以登陆icloud锁定设备，并且还能查看到icloud上的图片，通讯录等信息；可以定位手机。</t>
  </si>
  <si>
    <t>会导致信息共享或删除。</t>
  </si>
  <si>
    <t>炉石脚本会封号吗</t>
  </si>
  <si>
    <t>应该不会。</t>
  </si>
  <si>
    <t>突然停止服务器回应并检测客户端行为，如果客户端持续点击拖动鼠标或持续发包则明确是外挂，通常永久封停，检查其他玩家以往的数据，如大概率涉嫌外挂则短封三月。个人推测可能是以上一阶段封停账号的行为作为训练集进行机器学习。</t>
  </si>
  <si>
    <t>封!而且是永久封!现在能解封 是因为之前的 监测系统不行。</t>
  </si>
  <si>
    <t>途虎保养靠谱吗</t>
  </si>
  <si>
    <t>感觉还可以，是把机油和机滤寄到指定的安装门店，主要看机油正不正宗。</t>
  </si>
  <si>
    <t>途虎，养车无忧这些网站比路边店多一个平台监管，做的不好能打个差评什么的，价格也比较清楚。</t>
  </si>
  <si>
    <t>文件标题可以有标点符号吗</t>
  </si>
  <si>
    <t>标题一般都是不加标点的。</t>
  </si>
  <si>
    <t>万古仙穹好看吗</t>
  </si>
  <si>
    <t>好看。</t>
  </si>
  <si>
    <t>太二，拉低智商。</t>
  </si>
  <si>
    <t>个人不喜欢看。</t>
  </si>
  <si>
    <t>联名账户一方能取吗</t>
  </si>
  <si>
    <t>联名账户取款只剩一方，需要有公证证明权益已转给一人，即可正常取款。</t>
  </si>
  <si>
    <t>必须联名账户共有人一起到场才能取款。未到之人可以授权他人到场，一个授权人只能能代理一人取款，不能同时代理两个或以上。</t>
  </si>
  <si>
    <t>趵突泉停涌了吗</t>
  </si>
  <si>
    <t>这只是一个误会。</t>
  </si>
  <si>
    <t>无笔墙画代理商靠谱吗</t>
  </si>
  <si>
    <t>无笔墙画真不行，就是为了骗取加盟费的。</t>
  </si>
  <si>
    <t>公司太自私，只为自己的利益考虑，不为代理商的利益考虑，给他们反馈的问题都拖拖拉拉敷衍不肯解决，市场做不下去啊。</t>
  </si>
  <si>
    <t>直行道右转算闯红灯吗</t>
  </si>
  <si>
    <t>具体要看路口的标志标线是否规范，如果画线规范是按违章处理。</t>
  </si>
  <si>
    <t>汽车环保标志取消了吗</t>
  </si>
  <si>
    <t>2017年开始黄绿标取消了，只要是享受6年免审的车辆，就不用每隔两年就去弄一个绿色环保标了。</t>
  </si>
  <si>
    <t>环保标志没有取消，分绿标和黄标。</t>
  </si>
  <si>
    <t>尼尔机械纪元破解了吗</t>
  </si>
  <si>
    <t>欧派油烟机好吗</t>
  </si>
  <si>
    <t>欧派厨具能够很好的搭配欧派橱柜进行使用,能够专业的保持整体的协调性,他们主要分为五个种类,分别是储藏用具以及洗涤用具、调理用具还有烹调用具、进餐用具,这些产品的造型都美观的,而且色彩也很绚烂,价格方面也很合理,环保,容易清洁。在质量方面欧派会严格的进行把关,都能够达到国家检测标准,能够很好的保证顾客能够使用到的厨具来烹调食物保证安全卫生。</t>
  </si>
  <si>
    <t>欧派的橱柜，广告做得多，价格贵，个人觉得十分不划算。推荐您买中档价位的橱柜，重质量，多看几家你自己都会判断质量了。再者就是烟机灶具，最好不要和橱柜一起买，找个专门卖厨电的地方购买。两种方法：一大型电器商场购买苏宁国美这样的，质量保证，售后好，价格高。二厨电批发市场购买便宜，坏了花几十块修修就OK，每年最多就修那么几次而已，这个需要您稍微懂点电器，选的时候就选到一个中档次质量较好的，很多地方都是可以试用的。</t>
  </si>
  <si>
    <t>利用多层油网过滤{5-7层}，增加电机功率以达到最佳效果，一般功率都在200瓦以上。特点是：外观漂亮，价格较贵，适合高端用户群体 。多为平网型过滤油网，吊挂式安装结构。</t>
  </si>
  <si>
    <t>lol冰川勇者有特效吗</t>
  </si>
  <si>
    <t>ez的皮肤只有未来战士有特效。</t>
  </si>
  <si>
    <t>老人能胃镜吗</t>
  </si>
  <si>
    <t>可以做的，胃镜是一种无创的检查手段，不会给患者带来伤害。</t>
  </si>
  <si>
    <t>青年节放假吗</t>
  </si>
  <si>
    <t>放假安排：2008年1月1日起实施的《全国年节及纪念日放假办法》规定：5月4日青年节，14周岁到28周岁的青年放假半天。由于青年节和3月8日妇女节等节日性质相同，都属于针对部分群体的节日，因此，如果当年5月4日赶上周六、周日的公休日，将不另补假期。</t>
  </si>
  <si>
    <t>在东戴河买房价值大吗</t>
  </si>
  <si>
    <t>感觉有点远，而且没有产业，不好转手。</t>
  </si>
  <si>
    <t>环境不错，不过投资的话不好说，据说那一块定位为滨海中关村，好多年了，也没发展起来。</t>
  </si>
  <si>
    <t>郑州ast外汇正规吗</t>
  </si>
  <si>
    <t>挂羊头卖狗肉的一个平台，不安全。</t>
  </si>
  <si>
    <t>微信公众号可以改名字吗</t>
  </si>
  <si>
    <t>首先点击公众号设置，在右边页面找到名称，没改过名字的用户会直接显示修改名字，直接点进去按步骤操作就好了。</t>
  </si>
  <si>
    <t>假如微信公众账号尚未认证，不管是服务号还是订阅号，只要您申请微信认证，即可获得一次修改微信公众账号名称修改的机会，不过微信认证需要300元认证费，同时要修改的微信公众账号名称必须符合微信公众平台的名称命名规则。</t>
  </si>
  <si>
    <t>1、进入个人公众号界面；2、选择名称；3、点击蓝色按钮进行修改。</t>
  </si>
  <si>
    <t>云集微店属于传销吗</t>
  </si>
  <si>
    <t>不属于。</t>
  </si>
  <si>
    <t>q币能转给别人吗</t>
  </si>
  <si>
    <t>能，有几种情况：第一种：Q币是不能直接一个帐号上赠送到另一个帐上的。但可以帮对方支付Q币，就是腾讯中所消费的费用。但如果一定要Q币到另一个帐上，那只有把Q币兑换成游戏币，然后在游戏中输给对方，对方再把游戏币转成Q币。第二种：Q币是不能作为现金交易的，如果要转给其他人只能作为赠送礼物或为他人购买物品买单，而且还要说明一下必须是好友才可以。第三种：可以买了东西在送人，或者让那个人自己选择要买的东西，然后选择“他人付费”，然后输入的QQ号码就行。</t>
  </si>
  <si>
    <t>QQ号里的Q币是不可以直接送别人的，但可以给别人买东西，要想送别人Q币只能给别人的号里冲值才可以。</t>
  </si>
  <si>
    <t>多哈转机需要过境签吗</t>
  </si>
  <si>
    <t>需要过境签。</t>
  </si>
  <si>
    <t>凡乘坐卡塔尔航空公司（不包含共享航班）的班机，经多哈哈马德国际机场转机的外国公民，若转机时间超过5小时，可在出发前7至90天（不含公共假日）通过卡塔尔航空公司办事处、柜台或网站提交材料，申办在卡停留96小时一次有效免费过境签证。</t>
  </si>
  <si>
    <t>2017马鞍山房价会涨吗</t>
  </si>
  <si>
    <t>2017年年初楼市尚且处于观望阶段，9.7亿地王又横空出世，房价一路高歌，实际利好没有，现在处于补涨阶段，等利好出尽，参照芜湖房价，小马还能涨一段时间。</t>
  </si>
  <si>
    <t>涂抹式水光针有用吗</t>
  </si>
  <si>
    <t>水光针从作用机理来看，是将透明质酸注射到真皮层浅层，补充流失的透明质酸，以及胶原蛋白等等 ，理论上当然是有效果的。</t>
  </si>
  <si>
    <t>水光针的有效成分都是玻尿酸，而玻尿酸的作用原理是不会变的。并不能说用了一定会有什么明显效果，更不要指望媲美整形了。</t>
  </si>
  <si>
    <t>补水效果特别好，主要成分是玻尿酸，涂抹一次相当于100次面膜的效果。</t>
  </si>
  <si>
    <t>肚脐眼里面的脏东西能扣掉吗</t>
  </si>
  <si>
    <t>肚脐眼里的黑色物，是污垢物质，多是由于肚脐在洗澡等时候进了水，又由于肚脐的皮肤也是要新陈代谢的，也会产生一些老化和死亡的表皮细胞（死皮），脱落后，由于细菌的分解，所以就会产生臭味了。但是你不要用手去抠，因为这样容易使肚脐受损而发生感染的</t>
  </si>
  <si>
    <t>1肚脐眼里面的污垢，是不建议扣干净的，这主要是因为，一旦肚脐眼的皮肤受损之后，就很容易造成细菌入侵了。而肚脐很容易被感染，引发脐周炎症，加上凹陷组织的引流不通畅，可能进一步导致腹腔问题，最终引发败血症。2事实上，肚脐眼的污垢只是皮肤当中正常的细胞代谢组织和汗腺分泌物等结合在一起的东西，并不会很可怕，所以建议大家在日常生活中不需要刻意的去清洗，只要平时洗澡时顺便用清水冲一冲，就足够了。3如果肚脐眼的部位出现了明显的瘙痒现象时，那么建议可以适当的使用沐浴露或香皂清洗肚脐，可除垢止痒。但切忌用力揉搓或用手抠，那样容易导致感染。如果肚脐有明显疼痛，并伴有反复流脓，你可能得了脐周炎症，应尽快到医院普外科诊治。</t>
  </si>
  <si>
    <t>肚脐里的脏东西是不能扣的，那些脏泥起到保护身体的作用。中医上讲肚脐能治病，有很多病通过肚脐是能治疗好的，如果把保护作用的泥都扣走肚脐里就会进风，这样就容易生病，所以肚子疼就是这个原因。平时的时候要注意保护好肚脐。多喝点热水，慢慢会好的。</t>
  </si>
  <si>
    <t>缺钙会膝盖疼吗</t>
  </si>
  <si>
    <t>如果你正处在生长加速期，缺钙是可能会导致的膝关节痛的，但要排除局部组织无红肿、压痛及其他疾病引起的疼痛。</t>
  </si>
  <si>
    <t>青柠檬降血糖是骗局吗</t>
  </si>
  <si>
    <t>没错。</t>
  </si>
  <si>
    <t>装固态硬盘需要重装系统吗</t>
  </si>
  <si>
    <t>要</t>
  </si>
  <si>
    <t>最好是重新装下系统盘，不想要也是可以的。</t>
  </si>
  <si>
    <t>电脑加装一块固态硬盘，系统通常都不需要重新安装。</t>
  </si>
  <si>
    <t>僵尸世界大战有国语吗</t>
  </si>
  <si>
    <t>异地能否办临时身份证</t>
  </si>
  <si>
    <t>东莞：临时身份证仍需回户籍地办理。</t>
  </si>
  <si>
    <t>成都临时居民身份证不能异地办理。</t>
  </si>
  <si>
    <t>军创集团是合法的吗</t>
  </si>
  <si>
    <t>空壳公司，典型的传销手段。</t>
  </si>
  <si>
    <t>典型的庞氏骗局。</t>
  </si>
  <si>
    <t>合法的，人家都是有注册，有总部，各方面都做得挺好的。</t>
  </si>
  <si>
    <t>解脲支原体会自愈吗</t>
  </si>
  <si>
    <t>自己不会好，必须治疗。解脲支原体感染不能自愈。</t>
  </si>
  <si>
    <t>解脲支原体感染不会自愈。</t>
  </si>
  <si>
    <t>不可以，需要用药的。</t>
  </si>
  <si>
    <t>谷歌地图在中国能用吗</t>
  </si>
  <si>
    <t>国内被屏蔽。</t>
  </si>
  <si>
    <t>在大陆也可以。</t>
  </si>
  <si>
    <t>完全没问题。</t>
  </si>
  <si>
    <t>kindle有免费书吗</t>
  </si>
  <si>
    <t>免费书还是比较多的，平时也会不断变更收费的书为免费的供客户下载。</t>
  </si>
  <si>
    <t>杰诗帕去眼袋好吗</t>
  </si>
  <si>
    <t>效果还行。</t>
  </si>
  <si>
    <t>2017年前端工作好找吗</t>
  </si>
  <si>
    <t>前端无需多言，已经达到异常饱和的状态，以自己和兄弟公司收到的简历量，已经大大超过了去年ios的情况，另外因为简历造假太严重，我们现在对投简历的人群做了最严格的筛选，如果没有有力证据和能力证明你的工作经历，不管如何天花乱坠都不会要。现在的话转行的找工作几率为0，应届生通过自己自学或者培训还是有机会找到底薪的低端岗位，但可以说，公司出于成本考虑基本不会让你转正。</t>
  </si>
  <si>
    <t>迪士尼烟花每晚都有吗</t>
  </si>
  <si>
    <t>平时每晚20：00、周末晚上19：00有“星梦奇缘”焰火表演，焰火表演很好看，之后基本在晚10点左右闭园。</t>
  </si>
  <si>
    <t>黑裤子发红能恢复吗</t>
  </si>
  <si>
    <t>用彩漂水泡，或者双氧水也可以，或去干洗店弄。</t>
  </si>
  <si>
    <t>先接上半盆水，再在其中倒入相当于水一半量的啤酒，注意比例。 将洗干净的褪色衣服放在里面泡上半个小时，之后取出洗净晾干。棉质和丝质的衣服都可以用这个方法搞定。</t>
  </si>
  <si>
    <t>染一下。</t>
  </si>
  <si>
    <t>投资性房地产减值准备可以转回吗</t>
  </si>
  <si>
    <t>投资性房地产在公允价值计算方式和成本法下的计算方式是并一样的，成本法可以转，公允价值法因为其在资产负债表日的公允价值变动已经计入当期损益，如果产生减值损失也一并在当期损益中体现，所以不得转回。</t>
  </si>
  <si>
    <t>投资性房地产和无形资产计提减值损失后要在新的基础上计算折旧，再转回也不好。</t>
  </si>
  <si>
    <t>清算后可以转回。</t>
  </si>
  <si>
    <t>鸿坤原乡小镇 有升值潜力吗</t>
  </si>
  <si>
    <t>原乡小镇所在的宝地区，地处京、津、唐三市中心地带，在“大北京规划”圈中位于中心腹地。宝地城区西北距北京70公里，南距天津70公里，坐拥环首都经济圈，属于京津冀核心地带，区位优势无可比拟。</t>
  </si>
  <si>
    <t>胰岛素打了能不能停</t>
  </si>
  <si>
    <t>如果血糖较稳定是可以暂停一下的。</t>
  </si>
  <si>
    <t>对于病程较长、病情较重、每日胰岛素用量较大的患者，由于其自身胰岛功能较差，自身胰岛素分泌严重不足，因而需要长期使用胰岛素，另外，对并发肝肾功能不全或有严重慢性并发症的糖尿病患者，为了减少口服降糖药对肝肾的不良影响，也应长期使用胰岛素治疗。而有些情况下，胰岛素则不必长期使用。</t>
  </si>
  <si>
    <t>注射胰岛素基本天天都得注射（一般轻，中度糖尿病不用注射），停不停药建议问问医生。</t>
  </si>
  <si>
    <t>孕妇可以喝板蓝根吗</t>
  </si>
  <si>
    <t>孕妇能喝板蓝根。</t>
  </si>
  <si>
    <t>孕妇能喝板蓝根的好处：如果有了感冒发烧的症状，喝板蓝根是可以的。孕期感冒发烧，可以吃一些毒副反应较少的中草药。比如具有清热解毒、抗病毒作用的板蓝根、大青叶、连翘、羌活、金银花等都有较好疗效。但是如果准妈只是为了增强免疫力的话，不建议经常喝板蓝根。</t>
  </si>
  <si>
    <t>孕妇喝板蓝根需注意：孕妇千万不能随意选用中药。一些对普通人来说药性缓和、安全可靠的中药，对孕妈咪和胎儿却有严重的危害。比如某些中药含有生物碱等成分，有一定的毒性。若几种中药合用，毒性更为复杂，往往会影响胎儿的生长发育，尤其是在怀孕初期的3个月内，几乎与西药一样，易对胎儿造成一定的伤害。所以服用中药时，一定记得向医生说明自己是孕妇，根据医生的要求和指引进行服用。</t>
  </si>
  <si>
    <t>重庆限购吗</t>
  </si>
  <si>
    <t>全国大中型城市中，仅剩重庆未开始限购。</t>
  </si>
  <si>
    <t>限购的话是以家庭为单位，商业性质不限购，住宅性质的第一套两成，第二套首付三成，第三套开始全款。</t>
  </si>
  <si>
    <t>10代思域si中国会有吗</t>
  </si>
  <si>
    <t>十代思域Si预计将在2017年与大家见面。</t>
  </si>
  <si>
    <t>国内暂时不引进。</t>
  </si>
  <si>
    <t>支付宝好友删除后对方还有我吗</t>
  </si>
  <si>
    <t>妈妈感冒了还能喂宝宝母乳吗</t>
  </si>
  <si>
    <t>一般性感冒不发热的话则不必停止喂奶。</t>
  </si>
  <si>
    <t>只要不吃药就没有影响。</t>
  </si>
  <si>
    <t>如果只吃些中成药的话应该没问题。</t>
  </si>
  <si>
    <t>永恒魔法好玩吗</t>
  </si>
  <si>
    <t>挺好玩的感觉，很有魔兽60年代的影子，跟兄弟们一起副本开荒很爽。</t>
  </si>
  <si>
    <t>无限极是传销吗315曝光</t>
  </si>
  <si>
    <t>应该不属于传销。《刑法》第224条之一：组织、领导以推销商品、提供服务等经营活动为名，要求参加者以缴纳费用或者购买商品、服务等方式获得加入资格，并按照一定顺序组成层级，直接或者间接以发展人员的数量作为计酬或者返利依据，引诱、胁迫参加者继续发展他人参加，骗取财物，扰乱经济社会秩序的传销活动的。《禁止传销条例》第七条，属于传销行为：组织者或者经营者通过发展人员，要求被发展人员发展其他人员加入，对发展的人员以其直接或者间接滚动发展的人员数量为依据计算和给付报酬，牟取非法利益的；组织者或者经营者通过发展人员，要求被发展人员交纳费用或者以认购商品等方式变相交纳费用，取得加入或者发展其他人员加入的资格，牟取非法利益的；组织者或者经营者通过发展人员，要求被发展人员发展其他人员加入，形成上下线关系，并以下线的销售业绩为依据计算和给付上线报酬，牟取非法利益的。</t>
  </si>
  <si>
    <t>斗破苍穹ol还有人玩吗</t>
  </si>
  <si>
    <t>以前这游戏还行现在不怎么样了越改越坑人了几乎没什么人玩了。</t>
  </si>
  <si>
    <t>微信不绑定银行卡可以收红包吗</t>
  </si>
  <si>
    <t>一定要绑定银行卡才收到。</t>
  </si>
  <si>
    <t>苹果7的耳机能用在苹果6上吗</t>
  </si>
  <si>
    <t>不能，iphone6是适用3.5mm的接口耳机，而iphone7的原装耳机是Lightning 接口的，除非有转接口。</t>
  </si>
  <si>
    <t>网易彩票可以买了吗</t>
  </si>
  <si>
    <t>不能买，有关体育彩票的彩种，各大网站都不能买了，但是网易能买双色球和3D。</t>
  </si>
  <si>
    <t>网易彩票现在可以购买的彩种：双色球、3d、七乐彩。</t>
  </si>
  <si>
    <t>功夫贷上征信吗</t>
  </si>
  <si>
    <t>功夫贷不接入央行征信系统，但会通过短信等方式催收，请按时还款养成良好个人信用。</t>
  </si>
  <si>
    <t>功夫贷是上征信的。</t>
  </si>
  <si>
    <t>霞光是抄袭吗</t>
  </si>
  <si>
    <t>南通海门是不是很穷</t>
  </si>
  <si>
    <t>孕妇吃燕窝好吗</t>
  </si>
  <si>
    <t>好。1、提供和补充孕产期所需营养物质；2、补充胎儿所需之“燕窝酸”；3、预防妊娠纹。</t>
  </si>
  <si>
    <t>好。1、提高孕妇的抗病能力；2、孕期安胎保胎；3、使孕妇的肤质有弹性；4、助胎儿发育。</t>
  </si>
  <si>
    <t>邛崃天台山开放了吗</t>
  </si>
  <si>
    <t>开了，试营业，免门票。</t>
  </si>
  <si>
    <t>目前还没有，预计是六月底。</t>
  </si>
  <si>
    <t>steam游戏能退款吗</t>
  </si>
  <si>
    <t>游戏时间两小时，购买两周之内才给无条件退，否则理由不够充分就不给退 。</t>
  </si>
  <si>
    <t>幼儿急疹能吃退烧药吗</t>
  </si>
  <si>
    <t>如果发病初期就知道是幼儿急疹，38℃左右可以采取物理降温，让婴儿自然痊愈对母婴双方都有好处。既不会受到药物的伤害，也不必为看医生到医院的候诊室长时间等候。超过38.5℃建议考虑用退烧药以防引起高温惊厥。推荐用美林或者泰诺林。</t>
  </si>
  <si>
    <t>气功是真的吗</t>
  </si>
  <si>
    <t>传说中的中国气功是真的。</t>
  </si>
  <si>
    <t>余秋雨和马兰离婚了吗</t>
  </si>
  <si>
    <t>马兰发表声明否认离婚。</t>
  </si>
  <si>
    <t>深圳小产权房能买吗</t>
  </si>
  <si>
    <t>投资尽量不要选择小产权房。</t>
  </si>
  <si>
    <t>深圳小产权房不可以买卖，小产权房只可以集体内部买卖，不可以对外销售的。</t>
  </si>
  <si>
    <t>打算自住的话，其实是可以的。</t>
  </si>
  <si>
    <t>个人查征信多有影响吗</t>
  </si>
  <si>
    <t>1.正常来说，只要没有不良信用记录，本人查征信的次数对个人信用基本没影响。2.如果信用查询次数过多，在贷款审批方面会有负面影响。</t>
  </si>
  <si>
    <t>苏州卡斯泰招工真实吗</t>
  </si>
  <si>
    <t>第九大陆还能玩吗</t>
  </si>
  <si>
    <t>能啊，喜游代理的。</t>
  </si>
  <si>
    <t>国服现在还不可以玩，你可以在官方网查到，三月份大陆版本将会首次封测。</t>
  </si>
  <si>
    <t>孕妇能吃土豆吗</t>
  </si>
  <si>
    <t>如果孕妇长期大量地食用生物碱含量较高的土豆，蓄积在体内就可能导致胎儿畸形。据推算，有一定遗传倾向并对土豆生物碱敏感的孕妇，食入44.2～252克的土豆，即有可能出现致畸作用。当然，人的个体差异相当大，并非每个人食用了土豆都会发生异常，但是，孕妇还是以不吃或少吃土豆为好，特别是不吃长期贮存、发芽、霉变的土豆。这一点对处于妊娠早期的妇女来说尤其重要。</t>
  </si>
  <si>
    <t>能吃的。土豆是很优质的主食食材，长期替代一部分粮食也不会引起营养缺乏问题。土豆淀粉含量丰富，淀粉颗粒大，糊化温度低，易于被人体所消化，土豆中还含有除维生素 B12以外的 B 族维生素，较为丰富的维生素 C，且不易受热破坏。此外，土豆还含有钾、磷、钙、镁、硫等矿质元素和大量的膳食纤维。这些对孕妇和宝宝都是有好处的。但要注意土豆吃多了容易胀气。此外，不能吃发芽的、变绿的、久放的土豆，以防食物中毒。</t>
  </si>
  <si>
    <t>土豆的矿物质及蛋白质构成都是理想的孕妇食物，但也有说法是土豆含有某种生物碱，可以在体内蓄积而致畸。不过也未见到有科学的数据发布。建议少吃点就可以了。</t>
  </si>
  <si>
    <t>二手车买卖好做吗</t>
  </si>
  <si>
    <t>不好说，碰运气。</t>
  </si>
  <si>
    <t>世界上有石女吗</t>
  </si>
  <si>
    <t>合生元奶粉好不好</t>
  </si>
  <si>
    <t>一款好的奶粉。</t>
  </si>
  <si>
    <t>每一罐合生元奶粉在上市前都要经过“四重质量检验”，也让宝妈们选择更加放心。而合生元奶粉也将为宝宝均衡营养每一步，助力宝宝赢在起跑线。</t>
  </si>
  <si>
    <t>合生元奶粉的GOS益生元在宝宝的肠胃里，能使营养素充分吸收;合生元奶粉经过水解处理的蛋白质，也可减轻宝宝肠胃负担，易消化吸收;再加上合生元奶粉的α-乳清蛋白是优质蛋白，能增加宝宝食欲，提高宝宝免疫力。</t>
  </si>
  <si>
    <t>京东买苹果7靠谱吗</t>
  </si>
  <si>
    <t>机子一般不会有问题配件有的会换。</t>
  </si>
  <si>
    <t>可靠。</t>
  </si>
  <si>
    <t>陆金所理财可靠吗</t>
  </si>
  <si>
    <t>有风险。</t>
  </si>
  <si>
    <t>扶他林能不能长期使用</t>
  </si>
  <si>
    <t>是不能长期服用的，建议听从医生进行服用药物。</t>
  </si>
  <si>
    <t>一般来说，对于大多数的药品，都是不建议各位患者朋友们长期使用的，扶他林也包括在内，毕竟长期使用药品不只是会对于患者的身体产生危害，而且还会大大降低扶他林的药效。</t>
  </si>
  <si>
    <t>定型喷雾能带上飞机吗</t>
  </si>
  <si>
    <t>不超过100ML是可以随身携带上飞机的，若超过100ML需要办理托运。</t>
  </si>
  <si>
    <t>不可以，定型喷雾是易燃易爆物品。</t>
  </si>
  <si>
    <t>连续型电子期刊可以评职称吗</t>
  </si>
  <si>
    <t>要看单位的要求。</t>
  </si>
  <si>
    <t>王者荣耀用手柄方便吗</t>
  </si>
  <si>
    <t>王者荣耀用手柄玩还是挺方便的。</t>
  </si>
  <si>
    <t>igofx是骗局吗</t>
  </si>
  <si>
    <t>帕劳能自由行吗</t>
  </si>
  <si>
    <t>多肉植物能晒太阳吗</t>
  </si>
  <si>
    <t>如果还没有生根的话，尽量少照射阳光如果生根的话，可以适当的照射阳光的。</t>
  </si>
  <si>
    <t>非英语专业可以考英语教师资格证吗</t>
  </si>
  <si>
    <t>皮赘能自己剪掉可以吗</t>
  </si>
  <si>
    <t>防蓝光镜片有用吗</t>
  </si>
  <si>
    <t>防蓝光镜片的作用目前可以肯定的可以阻挡部分有害蓝光对眼睛的伤害，让眼睛在电脑屏幕前工作时更舒适一些。但是并没有进一步的证据证明能有效改善眼睛酸胀、眼干、视力下降、眼底病变等作用。</t>
  </si>
  <si>
    <t>赵奕欢有演过三级吗?</t>
  </si>
  <si>
    <t>肠镜和胃镜可以一起做吗</t>
  </si>
  <si>
    <t>是可以同时检查的可以先做胃镜后再做肠镜检查的它们并没有什么相互影响因为胃镜从口腔进入而肠镜从肛门进入互不干扰。</t>
  </si>
  <si>
    <t>这样肯定不行，做胃镜和肠镜现在虽然有无痛的但创伤仍然很大，一起做还是难以耐受，到医院门诊就诊看看哪一方面最严重先做比较麻烦的检查。然后等一段时间做另一项检查。</t>
  </si>
  <si>
    <t>肠镜前需要大量饮水起到导泻作用，而胃镜检查前必须禁食水，所以不能这样做这样做不符合，常规两项检查尽量错天安排这样更安全。</t>
  </si>
  <si>
    <t>中国科技人才网颁发的证书是真的吗</t>
  </si>
  <si>
    <t>应该是真的。</t>
  </si>
  <si>
    <t>imax要戴眼镜吗</t>
  </si>
  <si>
    <t>观看IMAX立体电影，每个观众都必须佩戴轻巧、舒适的特制IMAX立体偏光眼镜。</t>
  </si>
  <si>
    <t>如果是3DIMAX影院会发3D眼镜，如果是2DIMAX不用戴眼镜。</t>
  </si>
  <si>
    <t>90版本弹幕之雨能用吗</t>
  </si>
  <si>
    <t>这个很不错啊，可以继续用，配天御套。</t>
  </si>
  <si>
    <t>已经没什么用了。</t>
  </si>
  <si>
    <t>云集微店每年都交钱吗</t>
  </si>
  <si>
    <t>365一年。</t>
  </si>
  <si>
    <t>孕妇可以用蚊香吗</t>
  </si>
  <si>
    <t>淘宝知网查重会泄露吗</t>
  </si>
  <si>
    <t>最好还是去专业的网站查重。避免不必要的损失。</t>
  </si>
  <si>
    <t>一般都不会泄露的。</t>
  </si>
  <si>
    <t>很有可能的被出卖了。</t>
  </si>
  <si>
    <t>化粪池需要排水吗</t>
  </si>
  <si>
    <t>自制苏打水能天天喝吗</t>
  </si>
  <si>
    <t>小苏打一日摄取量控制在3克以内；可以降低尿酸，但长期饮用要注意血压的变化。</t>
  </si>
  <si>
    <t>每天喝一瓶，可以分几次喝，每次喝完后盖好盖子，否则气体跑了，口感更差。</t>
  </si>
  <si>
    <t>puma蝴蝶结国内有卖吗</t>
  </si>
  <si>
    <t>puma蝴蝶结小白鞋目前主要是通过官网或者代购渠道购买的。</t>
  </si>
  <si>
    <t>乐视能看女票炸了吗</t>
  </si>
  <si>
    <t>2017年1月6日起，《女票炸了》在乐视上线.</t>
  </si>
  <si>
    <t>手机imei码泄露危险吗</t>
  </si>
  <si>
    <t>由于一台设备只有一个独一无二的IMEI码，不可能出现有多台设备拥有一个相同的IMEI码的情况，所以IMEI码一般使用于查询所购买的手机设备是否为翻新手机或者山寨的假冒手机，IMEI码的泄露不影响手机的正常使用，也不会对手机安全造成任何的威胁。</t>
  </si>
  <si>
    <t>京东可以开增值税专票吗</t>
  </si>
  <si>
    <t>京东自营商品可以开具增值税专用发票。第三方卖家不一定，在买前需要咨询卖家客服是否支持。</t>
  </si>
  <si>
    <t>京东卡属于单用途预付卡，购买时只能取得普票，不能开具专票。</t>
  </si>
  <si>
    <t>车载wifi要收费的吗</t>
  </si>
  <si>
    <t>是按流量计费的。</t>
  </si>
  <si>
    <t>注册平安金管家危险吗</t>
  </si>
  <si>
    <t>是没有风险的。</t>
  </si>
  <si>
    <t>王者荣耀霸王别姬还卖吗</t>
  </si>
  <si>
    <t>可能是情人节2.14。</t>
  </si>
  <si>
    <t>霸王虞姬限定皮肤是2016年国庆上架的，今年有可能也在国庆时期上架，敬请期待。</t>
  </si>
  <si>
    <t>国际航班可以带充电宝吗</t>
  </si>
  <si>
    <t>可以。但是1.充电宝必须是旅客个人自用携带。2.充电宝只能在手提行李中携带或随身携带，严禁在托运行李中携带。3.每名旅客不得携带超过两个充电宝。4.严禁携带额定能量超过160Wh 的充电宝。5.不得在飞行过程中使用充电宝给电子设备充电。此外，对于有启动开关的充电宝，在飞行过程中应始终关闭充电宝。</t>
  </si>
  <si>
    <t>中国和韩国会开战吗</t>
  </si>
  <si>
    <t>中国和韩国不会打仗的。</t>
  </si>
  <si>
    <t>中国和韩国暂时不会开战。</t>
  </si>
  <si>
    <t>没有打仗的必要。</t>
  </si>
  <si>
    <t>法国斗牛犬好养吗</t>
  </si>
  <si>
    <t>饲养难度中低，适合新手。</t>
  </si>
  <si>
    <t>巨丰投顾可靠吗</t>
  </si>
  <si>
    <t>头条问答有收益吗</t>
  </si>
  <si>
    <t>这得看效益。</t>
  </si>
  <si>
    <t>名爵锐腾毛病真的多吗</t>
  </si>
  <si>
    <t>不错。</t>
  </si>
  <si>
    <t>微信运动关注别人 别人知道吗</t>
  </si>
  <si>
    <t>不知道，因为微信运动也算是个人关注的微信官方的关注号，和订阅号一个道理，因此个人的微信运动属于相对隐私的关注号，所以当你关注某个好友的时候。</t>
  </si>
  <si>
    <t>1.会的，你们的运动会彼此都看见的。2、你还可以给朋友运动点赞，也是一种健康的社交方式。</t>
  </si>
  <si>
    <t>行程单可以作为报销凭证吗</t>
  </si>
  <si>
    <t>《行程单》作为旅客购买电子客票的付款凭证或报销凭证。</t>
  </si>
  <si>
    <t>阿炳有后代吗</t>
  </si>
  <si>
    <t>谍战剧《暗算》中的那个天才阿炳是没有后代的，他对人类繁衍和夫妻之间的房事是不懂的，组织上给他找的老婆是和医院里的医生媾和怀孕的，最后没有好的结果，孩子不是阿炳的，所以阿炳是没有后代的 ，他自己也死了。</t>
  </si>
  <si>
    <t>阿炳与董催娣并没有生孩子。</t>
  </si>
  <si>
    <t>agoda订房靠谱吗</t>
  </si>
  <si>
    <t>比较靠谱。</t>
  </si>
  <si>
    <t>只能说一般。</t>
  </si>
  <si>
    <t>别再他家订，这家网站比较黑。</t>
  </si>
  <si>
    <t>中美联泰大都会靠谱吗</t>
  </si>
  <si>
    <t>可信。</t>
  </si>
  <si>
    <t>天天中彩票app可靠吗</t>
  </si>
  <si>
    <t>可靠性不高。</t>
  </si>
  <si>
    <t>土拨鼠山地车靠谱么</t>
  </si>
  <si>
    <t>看型号吧。总体来说的话，没捷安特性价比高。</t>
  </si>
  <si>
    <t>土拨鼠名气没有捷安特大，美国品牌，车还行。</t>
  </si>
  <si>
    <t>配置肯定捷安特高，东西土拨鼠好，牌子土拨鼠好一些。</t>
  </si>
  <si>
    <t>胸口红点是艾滋病</t>
  </si>
  <si>
    <t>胸口的红疹子不一定就是艾滋病的表现。</t>
  </si>
  <si>
    <t>这个情况应该与艾滋病没有关系。</t>
  </si>
  <si>
    <t>u盘进水了还能用吗</t>
  </si>
  <si>
    <t>可以，打开外壳把内部烘干。</t>
  </si>
  <si>
    <t>一般来说，U盘进水后，不会损坏，但一直浸泡会有一定的危险。</t>
  </si>
  <si>
    <t>不能用，报废了。</t>
  </si>
  <si>
    <t>中植集团很牛吗</t>
  </si>
  <si>
    <t>中植集团确实太有魄力了，不得不服。</t>
  </si>
  <si>
    <t>冬凌言清茶是忽悠人吗</t>
  </si>
  <si>
    <t>信用钱包上征信吗</t>
  </si>
  <si>
    <t>上征信的。</t>
  </si>
  <si>
    <t>百度网盘下载慢可以转迅雷么</t>
  </si>
  <si>
    <t>百度云盘不能转成迅雷的，如果想用迅雷下载就得去找个要下载东西的迅雷的链接，这样才可以迅雷下载。</t>
  </si>
  <si>
    <t>第一步：打开百度云，找到要下载的文件。第二步：点击普通下载。第三步：在菜单这里找到下载内容选项，点击它。第四步：找到这个要下载的连接，复制它。第五步：打开迅雷，我的下载这块找到新建，点击它第六步：将刚才复制的连接粘贴到这个新建的窗口中，点击继续。第七步：把你要下载的文件存放在那个盘，点击立即下载。第八步：点击立即下载后就是等待了。</t>
  </si>
  <si>
    <t>领失业金对以后退休有影响吗</t>
  </si>
  <si>
    <t>不影响。</t>
  </si>
  <si>
    <t>不会影响，失业金和养老金是社保之中两个不同的险种。</t>
  </si>
  <si>
    <t>冬天做双眼皮好吗</t>
  </si>
  <si>
    <t>双眼皮手术的恢复情况受天气影响不大。</t>
  </si>
  <si>
    <t>做双眼皮是不分季节的 这时候做还不容易发炎。</t>
  </si>
  <si>
    <t>转转靠谱吗</t>
  </si>
  <si>
    <t>转转挺靠谱的，而且转转上还有芝麻信用分、平台担保等，可信度能高些。</t>
  </si>
  <si>
    <t>全是改装的，别上当了。</t>
  </si>
  <si>
    <t>入团时间可以乱填吗</t>
  </si>
  <si>
    <t>报公务员的时候入团时间最好是根据团员证上的真实时间进行填写，如果忘记了，因为在资格复审的时候会审核您的档案真实性，如果时间的差异太大的话，可能会有一定的影响，不过也可以先致电招考单位咨询一下具体的处理方式。</t>
  </si>
  <si>
    <t>朋友圈可以发gif吗</t>
  </si>
  <si>
    <t>微信能够发送动态图，但是发送的动态图不能超过1M，否则无法添加。</t>
  </si>
  <si>
    <t>1微信能够发送动态图，但是，发送的动态图的大小不能超过1M。否则无法添加。2打开微信，在通讯录里边选择一个联系人。3点击“发消息”4点击下方的“笑脸”按钮5点击右下角的“+”6点击右上角的“齿轮”按钮7点击“我收藏的表情”8点击“+”9在相册中选择一张动态图片。10点击右上角的“使用”按钮11这时我们会看见刚刚添加的表情12如果使用的表情太大软件会提示“图片太大，无法添加”13找一个联系人，发送表情时切换到表情收藏栏，点击我们刚刚添加的动态图就可以发送了。</t>
  </si>
  <si>
    <t>圆通公司倒闭了吗</t>
  </si>
  <si>
    <t>圆通表示，目前圆通速递整体运营正常，包括北京区域在内的快件揽派均正常进行，对于受影响的北京花园桥加盟网店，圆通表示其因服务质量问题，目前已经被内部调整，受到影响的所有快件会在2月17日派送完毕，目前该网点的收派工作已经恢复正常。</t>
  </si>
  <si>
    <t>21日，圆通立刻发表澄清声明，称圆通已积极调度内部资源和外部力量将滞留快件全部派送完毕，目前公司运营一切正常。</t>
  </si>
  <si>
    <t>圆通相关人士表示该网点关闭因经营不善，但圆通北京倒闭一说并不属实。</t>
  </si>
  <si>
    <t>宇信科技是外包公司吗</t>
  </si>
  <si>
    <t>没有提出IT服务，劳务派遣之类的，8成不是传统上的外包公司。看介绍，有点像是咨询类的公司。</t>
  </si>
  <si>
    <t>whatsapp在中国能用吗</t>
  </si>
  <si>
    <t>可以用的，第一年免费，以后每年6元服务费。</t>
  </si>
  <si>
    <t>以前可以，现在好像不可以了，国内禁止了。</t>
  </si>
  <si>
    <t>自学java能找到工作吗</t>
  </si>
  <si>
    <t>公司并不是不招没经验的，相对来说确实会招的少一些，毕竟哪个公司也想找一些来了就能干活的人，但是也会自己培养。</t>
  </si>
  <si>
    <t>参加校园招聘，公司一般要求不太高。</t>
  </si>
  <si>
    <t>互联网运营工资高吗</t>
  </si>
  <si>
    <t>互联网运营岗位的工资，主要同个人技能水平、地区和企业有关。刚工作试用期一线城市三四千，二线城市三千左右，工作年限两三年以上时基本就五六千了，在工作5年的基本7.8千，能力强上万。</t>
  </si>
  <si>
    <t>互联网行业薪资待遇比一般行业还是高很多的，一般靠谱的运营总监基本工资都在20K以上吧。</t>
  </si>
  <si>
    <t>网易云音乐有听歌识曲吗</t>
  </si>
  <si>
    <t>有的。1、登录网易云。2、我们点击右上角的“菜单栏”。3、在下拉出来的菜单栏中，我们选择“听歌识曲”。</t>
  </si>
  <si>
    <t>普通发票要交税吗</t>
  </si>
  <si>
    <t>《增值税专用发票》《增值税普通发票》均有栏目为【价税合计】。包含增值税额。《普通发票(国税)》《普通发票(地税)》。有的可能有栏目为【价税合计】。如果没有的话，那么票面价格默认是包含增值税或营业税的。</t>
  </si>
  <si>
    <t>王者荣耀不在一个区能一起玩吗</t>
  </si>
  <si>
    <t>可以只要是同一个软件的用户就可以比如都是微信好友或都是QQ好友。</t>
  </si>
  <si>
    <t>王者荣耀只有5V5匹配赛的时候可以跨区开黑，其他方式例如排位等就不能。还要注意的一点，安卓和ios数据不能互通，因此只能安卓和安卓、ios和ios一起才能跨区开黑。</t>
  </si>
  <si>
    <t>可以，不在一个区的可以玩，他邀请你，或你邀请他。和在一个区一样。</t>
  </si>
  <si>
    <t>吴强的高音真的很高么</t>
  </si>
  <si>
    <t>高。</t>
  </si>
  <si>
    <t>江中猴姑饼干真的养胃吗</t>
  </si>
  <si>
    <t>猴姑饼干中猴头菇的含量为11%（每天的用量达10g），远远超过治疗剂量（ 6-8g/天），因此猴头菇具备的功能猴姑饼干也具备。”但在国家食品药品监督管理总局对保健品定义的27种具体功能中，也不包含“养胃”一说。</t>
  </si>
  <si>
    <t>发票地址错了可以认证吗</t>
  </si>
  <si>
    <t>有跳尊巴舞瘦下来的吗</t>
  </si>
  <si>
    <t>有，跳尊巴可以瘦下来。</t>
  </si>
  <si>
    <t>最后生还者有pc版吗</t>
  </si>
  <si>
    <t>最后生还者没有PC版，目前也没有出PC版的任何消息，暂时由PS3独占，重制版会登陆PS4。你那个网址是真的，但这个游戏资源不是给PC用的，而是给破解PS3用的，从PC下载后用移动硬盘拷贝到PS3主机的硬盘运行。</t>
  </si>
  <si>
    <t>根本就没有。</t>
  </si>
  <si>
    <t>副本不是正版有影响吗</t>
  </si>
  <si>
    <t>平常使用是没影响的。</t>
  </si>
  <si>
    <t>当然会影响使用，过几天就会开始限制功能。</t>
  </si>
  <si>
    <t>对升级系统组件有影响。</t>
  </si>
  <si>
    <t>王荣还有机会做省长吗</t>
  </si>
  <si>
    <t>有机会。</t>
  </si>
  <si>
    <t>没机会，没有人提点。</t>
  </si>
  <si>
    <t>杜嘉班纳是奢侈品吗</t>
  </si>
  <si>
    <t>杜嘉班纳是奢侈品，一线的奢侈品牌。</t>
  </si>
  <si>
    <t>信用卡网上支付算刷卡吗</t>
  </si>
  <si>
    <t>信用卡网上支付，也算是刷卡消费。不过，它同在实体店消费又有一定的区别，主要区别就在于，在网上消费，没有积分。如果是持卡人想要通过网上支付来免年费的话，大多数银行都会把它算作消费次数的。不过，各家银行的规定有所不同，也有部分例外。具体可咨询当地信用卡开户银行。</t>
  </si>
  <si>
    <t>算刷卡的，可以刷几次免年费的那个算。但一般来讲网站的支付是没有积分的。</t>
  </si>
  <si>
    <t>京东机油是正品吗</t>
  </si>
  <si>
    <t>渠道决定着机油的定价和品质，平台决定了销售的方式和目标。京东的性质有点像沃尔玛这样的零售超市，我自己采购自己销售，买回来以后和你厂家或者经销商就没什么关系了。我可以100进价，赔1块99卖给用户，也可以只赚10块钱，为的就是跑量，等把用户培养起来，量也做上去了，大批量采购时市场议价能力也就跟着起来了，他就有利润赚了。我相信99.9%的车主都没有辨别机油是否正品的能力，唯一能做的就是从不同平台的进货渠道来试图判别真伪。京东直营店的货源大多来自各地区的代理商或者是海淘。大多数情况下假货的概率是很小的，因为他的生存非常依赖回购用户，大量信任的忠实用户不断去购买才能维持生计，故意卖假货肯定是得不偿失。</t>
  </si>
  <si>
    <t>懂行的人都会继续买，楼主知道壳牌和美孚怎么不敢告京东卖假货么，只要告了查实的话京东赔过亿以上，但检测和正品是一样的话你知道对壳牌和美孚有多大影响么，绝对震惊全球，这就是不敢告京东的原因，他们也知道后果，所以就不承认京东卖的是正品。</t>
  </si>
  <si>
    <t>昨天看头条新闻，又有人在讨论有关京东机油是假货的问题。有说真的，也有说假的。作为一个长期在京东买机油的车主，我觉得有必要给大家说一说。我已经在京东自营买了好多次机油了，一直买的嘉实多极护。没有任何问题。之所以很多人造谣说京东的机油是假的，根本原因还是京东机油的价格比一般的店卖的便宜。就拿嘉实多极护来说，京东去年涨价前，4L装的是299，一般店里至少卖350左右。大家平时保养，出了三年质保期，真的可以去外面的修理厂做保养，都是简单的换机油机滤空滤，没必要去4S店。</t>
  </si>
  <si>
    <t>海豚兼职网是真的吗</t>
  </si>
  <si>
    <t>海豚兼职是真实、靠谱的。</t>
  </si>
  <si>
    <t>小程序需要服务器吗</t>
  </si>
  <si>
    <t>要看用到什么领域，如果需要让人通过互联网使用，那么需要。如果只是让用户下载安装使用，那么就不需要借助其他平台就可以。</t>
  </si>
  <si>
    <t>安装DEDES、SHOPEX、DZ等常用的网站程序可以用虚拟主机。</t>
  </si>
  <si>
    <t>微信小程序，如果需要将数据存储到服务器是一定需要服务器的，云主机可以的。</t>
  </si>
  <si>
    <t>上海交的公积金可以在外地贷款买房吗</t>
  </si>
  <si>
    <t>可以申请公积金异地贷款。</t>
  </si>
  <si>
    <t>目前在外地买房，是不可以用上海的公积金贷款的。</t>
  </si>
  <si>
    <t>最终幻想14国服会死吗</t>
  </si>
  <si>
    <t>14的运营短时间内应该不会动摇。</t>
  </si>
  <si>
    <t>百度云盘解压文件一定要会员吗</t>
  </si>
  <si>
    <t>不用会员是可以解压，但是要下载到本地</t>
  </si>
  <si>
    <t>肌肉酸痛还能继续锻炼吗</t>
  </si>
  <si>
    <t>可以的，可以减少运动量即可。肌肉酸痛是锻炼的过猛，导致乳酸不能及时吸收所致。或者平时不大锻炼此肌肉的缘故。就像平时不跑步的人，忽然跑了很长的距离第2 天大腿会很酸痛一样，稍微一动就疼。但是，要长肌肉就必须坚持，只是不要急于求成，循序渐进才好，锻炼过猛也会拉伤肌肉的。</t>
  </si>
  <si>
    <t>可丽金是传销么</t>
  </si>
  <si>
    <t>快夺宝是网易的么</t>
  </si>
  <si>
    <t>2017保险行业好做吗</t>
  </si>
  <si>
    <t>竞争压力大，不好做。</t>
  </si>
  <si>
    <t>林妙可身高有160吗</t>
  </si>
  <si>
    <t>没有，一米四八。</t>
  </si>
  <si>
    <t>没有，一米五。</t>
  </si>
  <si>
    <t>加盟喜士多会亏钱吗</t>
  </si>
  <si>
    <t>1、加盟喜士多的话。各种费用大约20-30万，主要因素还是看你铺位的房租。贷款做便利店，有一定的风险，因为便利店不是暴利行业，是一个长期投资项目，且投资回报率比较低，贷款做的话，就怕出现竞争或其他不确定因素，造成业绩下滑，到时候比较尴尬。2、便利店的单店产出差异很大，80%还是看地理位置吧，所以要说净利润，从亏本到赚2万/月都有，这个不太好说，连锁就是靠规模，其实每家店的利润并不会很大。比较多的是赚个3000-5000，当然这还至少包括一名店长或员工是自己家人。</t>
  </si>
  <si>
    <t>便利店的选址是便利店成功的关键。为什么便利店能成功，就是因为方便。所以选址的时候要遵循以下原则：第一，一定要到流动人口多的地方开店，最好的是医院的住院部，其次是写字楼附近、娱乐场所、学校门口、交通站点等等，居民区附近尽量避免；第二，选址要注意人流的动线，就是走过这家店的人，都是从哪个方向来的，在这个方向里有没有竞争或潜在竞争，最好的位置是路口附近或转角处；第三就是风水啦，比如店的朝向、店铺的内部结构等，这个不细谈了。</t>
  </si>
  <si>
    <t>1.对于门店选址我不建议在车站附近找，赚人气不赚钱，我当初在广州快客做店长，在广源路车站，每天流水很低。可以在酒店、写字楼等相对封闭的商圈找店，经营时间段流水还高，成本可以大幅降低。在车站人流密集区域经营时间要长。2、对于便利店毛利30%喜士多是达不到的，全家和OK便利，711都可以，因为他们鲜食类食品做得好。3、对于加盟对象的选择我不建议喜士多，喜士多在广州没有规模效应没有主力产品。要想做鲜食前面提到的三家可以考虑。如果资金有限建议选择美宜家，本土便利更懂中国。4、其他提示：一定要买烟，必须拿到香烟销售许可，这个可以为你提供强力流水虽然毛利率低但毛利额可观。</t>
  </si>
  <si>
    <t>轻度脂肪肝严重吗</t>
  </si>
  <si>
    <t>轻度脂肪肝是治疗脂肪肝的最佳时期,一般轻度脂肪肝不需药物治疗,多吃蔬菜水果,多喝水,少吃肥肉或动物内脏等高脂肪食物,加强身体锻炼。</t>
  </si>
  <si>
    <t>青天白日在大陆犯法吗</t>
  </si>
  <si>
    <t>没有不可悬挂青天白日旗的这条法律规定。</t>
  </si>
  <si>
    <t>原地打方向盘对车有损害吗</t>
  </si>
  <si>
    <t>有。会对轮胎造成损害。</t>
  </si>
  <si>
    <t>屈原有孩子吗</t>
  </si>
  <si>
    <t>屈原投江时58岁，按正常逻辑，应当有家人和孩子，但历史上没有记载 ，后来很多人自称屈原后裔，那就难辨真伪了。</t>
  </si>
  <si>
    <t>京东自营有假货吗</t>
  </si>
  <si>
    <t>不清楚，应该没有。</t>
  </si>
  <si>
    <t>有假货。</t>
  </si>
  <si>
    <t>b250主板能装win7吗</t>
  </si>
  <si>
    <t>B250主板搭配第七代智能酷睿 i5处理器可以使用 Windows7。</t>
  </si>
  <si>
    <t>赴美生子好不好</t>
  </si>
  <si>
    <t>好处很多，但最大、最关键的好处是美国出生的孩子落地即有美国国籍，拥有美国出生纸，持美国护照和社安号。坏处其实也不少：1.孩子的身份认同问题。2.对于父母来说，孩子成年后要在美国生活，将长年两地分居。3.孩子拿了美国护照，可以同时去驻美中国领馆申请旅行证，旅行证可以用到18岁，可以替代中国护照用，但国际社会不认可，只有中国政府认，所以即使拿了旅行证也不产生中国国籍。4.最大的问题在于人生的不确定性。</t>
  </si>
  <si>
    <t>好。好处有：1、享受美国13年义务教育，就读小学到高中完全免费。2、美国籍宝宝读大学、研究所学费只要外国学生的10％，而且容易进入知名大学。仅仅四年本科学费就可节省上百万人民币。3、享受美国较为完善的医疗保障体系。4、未来可以申请美国公民才能享有的奖学金，1%低利率助学贷款。比起多数自费赴美就读的外国学生，可以节省几十上百万人民币。5、未来无条件留在高收入的美国工作，可以优先担任美国政府，公家单位及大型企业重要领导岗位。许多关键职位，如官方军务，国防外交，高科技和核心实验室，严格限于公民。6、未来享受全球180多个邦交国入境免签证和最优惠出入境便利。7、未来拥有美国社会安全卡、享有美国各种社会福利措施及医疗设备，年老时可领取养老金，包括人在海外。住低价高质量老人公寓。</t>
  </si>
  <si>
    <t>加薄荷醇的卫生巾好吗,</t>
  </si>
  <si>
    <t>有一定益处，但并非任何女性都适用。</t>
  </si>
  <si>
    <t>中国会收复俄占领土吗</t>
  </si>
  <si>
    <t>中国收复俄占领土基本无望。</t>
  </si>
  <si>
    <t>只要二战后的秩序还存在，就没有可能。</t>
  </si>
  <si>
    <t>office2016支持win7吗</t>
  </si>
  <si>
    <t>office 2016，win7可以安装的，最好win7是64位的操作系统，支持系统很多，XP是不行的。</t>
  </si>
  <si>
    <t>昆明冬天冷吗</t>
  </si>
  <si>
    <t>昆明冬季平均温度是 4℃ ~ 16℃，天气寒冷。</t>
  </si>
  <si>
    <t>吃甲硝唑能喝酒吗</t>
  </si>
  <si>
    <t>吃了甲硝唑和阿莫西林是不能饮酒的。</t>
  </si>
  <si>
    <t>吃药以后喝酒量一定不能多。</t>
  </si>
  <si>
    <t>一般的话，隔12小时就可以了。甲硝唑的代谢周期在8-12小时。</t>
  </si>
  <si>
    <t>芬迪和lv是一个档次吗</t>
  </si>
  <si>
    <t>LV高档一些。</t>
  </si>
  <si>
    <t>欧奇手机是不是杂牌</t>
  </si>
  <si>
    <t>亿阳信通是外包公司吗</t>
  </si>
  <si>
    <t>壹药网买的药真的吗</t>
  </si>
  <si>
    <t>一般只要是正规的网站上购买的药物都是真品的，不会影响药物的疗效的。</t>
  </si>
  <si>
    <t>怀孕能吃小龙虾吗</t>
  </si>
  <si>
    <t>要是不会对龙虾过敏，孕妇也是可以吃的。</t>
  </si>
  <si>
    <t>怀孕初期可用适当吃龙虾。</t>
  </si>
  <si>
    <t>去哪儿没有人工客服吗</t>
  </si>
  <si>
    <t>95117，可通过此号码转接人工服务。</t>
  </si>
  <si>
    <t>狂飙3不灌胶能打吗</t>
  </si>
  <si>
    <t>乒乓球拍套胶狂飙3不灌胶可以打。由于狂3在制造时改变了海面的成分，使其变得更加柔软，增加了弹性，在使用时不需要灌胶效果很好。</t>
  </si>
  <si>
    <t>狂三不是不能不灌，而是不灌的话很难打。由于狂三的海绵密度大，比较硬，所以灌了之后才变得软弹，咬球。不灌的活会变得象用车胎胶打球一样，又死又硬又没弹性，还不如用其它的套胶。</t>
  </si>
  <si>
    <t>注册地址和经营地址不一致可以吗</t>
  </si>
  <si>
    <t>个体户、公司企业的营业执照上的经营场所与实际营业地点不一致是会被罚款的。</t>
  </si>
  <si>
    <t>孤岛惊魂2配置高吗</t>
  </si>
  <si>
    <t>不高。</t>
  </si>
  <si>
    <t>这配置目前属于主流配置，一般游戏都能胜任，大型游戏的话关闭一些特效也还能玩。</t>
  </si>
  <si>
    <t>鼻息肉手术痛苦吗</t>
  </si>
  <si>
    <t>感觉很痛苦的。</t>
  </si>
  <si>
    <t>商业贷款可以用公积金还款吗</t>
  </si>
  <si>
    <t>用商业贷款买房可以用住房公积金还款，也可以将商业贷款转为住房公积金贷款。</t>
  </si>
  <si>
    <t>不能的，但是你可以根据每月的还款金额，每12月进行公积金提取一次。</t>
  </si>
  <si>
    <t>中华好诗词2017还有吗</t>
  </si>
  <si>
    <t>这个就要看河北电视台要不要继续办这个栏目了。</t>
  </si>
  <si>
    <t>必须有，估计暑假播，现在应该在海选和录制。</t>
  </si>
  <si>
    <t>网页授权域名 可以设置多个吗</t>
  </si>
  <si>
    <t>不行吧。</t>
  </si>
  <si>
    <t>天津财经大学是211吗</t>
  </si>
  <si>
    <t>天津财经大学不是211。</t>
  </si>
  <si>
    <t>跑跑卡丁车要关服了吗</t>
  </si>
  <si>
    <t>会不会关服取决于游戏挣不挣钱，会不会给所属游戏公司或者开发商带来继续运营的利益，作为一款网络竞技类休闲游戏，跑跑应该算是一款成功的游戏，尽管早已没落没有了当初的人气，但毕竟辉煌过，韩服暂且不提，国服现在都已经连续营运第十一个年头了，作为网络游戏实属不易。</t>
  </si>
  <si>
    <t>耳机页要煲吗</t>
  </si>
  <si>
    <t>1、煲耳机就是让它的边缘活动开，声音就不那么发紧；2、煲耳机主要是让耳机的机械系统的一个迅速老化过程，动圈耳机的发声系统是由音圈驱动振膜，而振膜是固定在耳机的架子上，从理论上讲，振膜运动应当是一种活塞（垂直）运动，这需要振膜的边缘有较大的顺性，煲就是煲这里，新耳机的振膜边缘是比较紧的，弹性大而顺性小。</t>
  </si>
  <si>
    <t>一拳超人有第二季吗</t>
  </si>
  <si>
    <t>据可靠消息2017年9月25日本上映，国内大概10月。</t>
  </si>
  <si>
    <t>防晒服真的能防晒吗</t>
  </si>
  <si>
    <t>一般专业的防护服可以起到防紫外线、防辐射的保健作用，但价格昂贵，适合特殊人群使用。很多低价防晒衣只是噱头，虽然看起来很漂亮，也有遮阴效果，但透气性很差，也完全没有防晒功能。</t>
  </si>
  <si>
    <t>防晒是100%的，要是用几十块的那就和防晒没什么关系了，高价不定防晒，低价绝对不防晒，要看好防晒指数等标签。</t>
  </si>
  <si>
    <t>今天刚在电视上看这个防晒衣的事情，经过试验好多都没有防晒功能几百的都不如普通衣服。</t>
  </si>
  <si>
    <t>tencent是什么文件夹可以删除吗</t>
  </si>
  <si>
    <t>可以删除，但是不建议删除；不建议删除理由：1.该文件夹保存了当前登录帐号的信息以及收藏的图片表情等，删除之后，启动QQ,将导致收藏中的标签为空白；2.保存了很多好友的QQ头像，如果删除了，登录qq之后，又要重新下载一遍；3.保存了下载的qq表情包或者其他人发送来的文件，如果删除，将导致表情包失效和删除源文件；4.同时也有本地的聊天记录，删除之后，登录将看不到任何的聊天记录；综上，不建议删除该文件夹。</t>
  </si>
  <si>
    <t>记忆大师好看吗</t>
  </si>
  <si>
    <t>总体来说还是好看的。结局有些强行反转，其他都很好。</t>
  </si>
  <si>
    <t>万年竹能抽到吗</t>
  </si>
  <si>
    <t>目前万年竹只能通过神龛商店进行兑换，不排除后期加入卡池的可能性。</t>
  </si>
  <si>
    <t>pdf转word有免费的吗</t>
  </si>
  <si>
    <t>目前市面上免费的pdf转换成word转换器已经很少。</t>
  </si>
  <si>
    <t>有，对于不允许做修改的PDF文件——就是加密加了权限的PDF，首先要去除密码或者去除数字证书，推荐用PDF Password Remove，然后再按照下面的方法【免费】进行转换为word文件。</t>
  </si>
  <si>
    <t>银联钱包安全吗</t>
  </si>
  <si>
    <t>不好说，在绑定银行卡的时候需要输入银行卡密码，不是很靠谱，感觉有点风险。</t>
  </si>
  <si>
    <t>用起来还不错。</t>
  </si>
  <si>
    <t>075595511贷款是真的吗</t>
  </si>
  <si>
    <t>诈骗。</t>
  </si>
  <si>
    <t>芒果会加重痘印吗</t>
  </si>
  <si>
    <t>芒果是一种上火的水果，不易多吃，一般容易冒痘痘的，可能会加重痘印。</t>
  </si>
  <si>
    <t>换下来的轮胎能卖钱吗</t>
  </si>
  <si>
    <t>应该能卖个2-3块钱。</t>
  </si>
  <si>
    <t>中国公司能生产晶圆吗</t>
  </si>
  <si>
    <t>西兰花变黄了还能吃吗</t>
  </si>
  <si>
    <t>能吃。</t>
  </si>
  <si>
    <t>没有坏掉，完全可以食用。</t>
  </si>
  <si>
    <t>不要吃。</t>
  </si>
  <si>
    <t>洋老外米糕不怕得病吗</t>
  </si>
  <si>
    <t>是玩得刺激，会很舒服。</t>
  </si>
  <si>
    <t>脉宝云店是骗局吗</t>
  </si>
  <si>
    <t>脉宝云店不是骗人的。</t>
  </si>
  <si>
    <t>40年产权的房子能买吗</t>
  </si>
  <si>
    <t>如果是购买的是商铺或小公寓和办公楼的话，40年产权的房子是可以购买的。</t>
  </si>
  <si>
    <t>肌美精面膜敷完要洗吗</t>
  </si>
  <si>
    <t>肌美精面膜用后是要洗的。</t>
  </si>
  <si>
    <t>肌美精3d面膜是无需清洗的，敷完之后用双手按压一下脸部即可。</t>
  </si>
  <si>
    <t>2018款宝马5系值得等吗</t>
  </si>
  <si>
    <t>不值得等。</t>
  </si>
  <si>
    <t>还是等等新5吧。</t>
  </si>
  <si>
    <t>mr乐队在香港很火吗</t>
  </si>
  <si>
    <t>在香港超级火。</t>
  </si>
  <si>
    <t>菲律宾马尼拉安全吗</t>
  </si>
  <si>
    <t>马尼拉就是一个非常不靠谱的城市，外号叫做地狱之门，这是一个充实着毒品、色情、雏妓、欺骗的城市。嬉小游曾经住过2晚Manila，亲历马尼拉的不靠谱（晚上出酒店被一群小孩子缠住调戏、白天各种黑车司机），再加上10年香港旅游团大巴劫持事件，对马尼拉完全没有好感。</t>
  </si>
  <si>
    <t>其实都还好，物价又便宜。不过交通比较堵塞（开车的话），不过任何地方也还好，女孩子晚上出去都是不太安全的。</t>
  </si>
  <si>
    <t>苹果是iso系统吗</t>
  </si>
  <si>
    <t>人民的名义是真实的吗</t>
  </si>
  <si>
    <t>真的，参考各处经典案例。</t>
  </si>
  <si>
    <t>中央汇金是不是国家队</t>
  </si>
  <si>
    <t>在中国股市中，有两支国家队，一支是汇金公司，另外一支是社保基金。</t>
  </si>
  <si>
    <t>副乳严重吗</t>
  </si>
  <si>
    <t>副乳危害最常见的情况就是影响女性乳房的美观，副乳的存在不仅不利于乳房对养分的吸收严重还会导致女性的乳房变形。 副乳危害中还有一种比较常见--产后副乳。有很多的产妇在分娩后出现副乳情况，疼痛难忍，此时的属于产后副乳。</t>
  </si>
  <si>
    <t>副乳的存在相当于埋下了一枚定时炸弹，因为它不仅会影响其女性的正常哺乳，还会导致乳房催乳素下降，影响乳汁正常分泌，大大加深了乳腺癌的几率。有些副乳具有同正常乳房一样的组织构造、生理特性和病理性变化，所以在月经周期、孕期或哺乳期可能会肿胀疼痛，哺乳期间甚至还会分泌少量乳汁。没有乳头的副乳，体内的乳汁无法顺利排除，会导致胀痛、发炎以至化脓。</t>
  </si>
  <si>
    <t>副乳的危害，因种类不同而不一样。不完全性副乳，尤其是只有乳头、乳晕而没有腺体组织者，对身体影响不大，没有演变为乳腺癌的危险。完全性副乳就不一样了，因其具有同正常乳房一样的组织结构、生理特点和病理性变化，同样受女性激素的影响，如雌激素、孕激素及催乳素等，在月经周期、孕期或哺乳期出现肿胀疼痛，哺乳期间有少量乳汁分泌。其中少数在胸部的副乳房与正常乳房有暗道相通，可将分泌的乳汁排到正常的乳房里去;而不与正常乳房相通或无乳头的副乳房，所分泌的乳汁因无法排空而积聚，容易发生胀痛、发炎甚至化脓，引发乳腺炎等乳腺疾病。</t>
  </si>
  <si>
    <t>郭亮村自驾车能上山吗</t>
  </si>
  <si>
    <t>自驾去的话，是不允许开上山的，必须购买景区内环保车45元每人。</t>
  </si>
  <si>
    <t>洗牙好吗</t>
  </si>
  <si>
    <t>定期洗牙对牙齿是健康的。</t>
  </si>
  <si>
    <t>洗牙是有利无害的。</t>
  </si>
  <si>
    <t>少洗为好，容易损伤口腔。</t>
  </si>
  <si>
    <t>真人比镜子里的丑吗</t>
  </si>
  <si>
    <t>实际上长相比自我感觉的要丑30%左右。专家表示，从物理学角度来看，商城的一些镜子确实比真人会好看，但这更多是一种心理的自我暗示。</t>
  </si>
  <si>
    <t>照镜子看到的是所熟悉的自己的样子，相机拍出来的是别人所熟悉的样子，一般人看到熟人会感觉更美，所以会感觉镜子里的比照片上的更美（因为更熟悉），但在别人看来并不是。可以用镜子对着照片，看看是不是镜子里的照片更好看。</t>
  </si>
  <si>
    <t>有时候真人比镜子里看着顺眼，因为镜子是死物，而眼睛都不一样，所以各有不同。</t>
  </si>
  <si>
    <t>不交物业费物业有权停水停电吗</t>
  </si>
  <si>
    <t>首先肯定的是法律规定物业是无权停水停电的。</t>
  </si>
  <si>
    <t>硕士论文答辩会不过吗</t>
  </si>
  <si>
    <t>硕士论文的答辩种出现不过的情况一般情况来说很正常，通常每个专业都有个别学生有不过的情况。</t>
  </si>
  <si>
    <t>一般都可以通过的。</t>
  </si>
  <si>
    <t>爬山虎会招蛇吗</t>
  </si>
  <si>
    <t>会的，不仅招蛇，还招壁虎。</t>
  </si>
  <si>
    <t>毕业答辩要穿正装吗</t>
  </si>
  <si>
    <t>不需要的。</t>
  </si>
  <si>
    <t>手机电池鼓了会爆炸吗</t>
  </si>
  <si>
    <t>因为密封性不好导致里面的溶解发生了泄露，所以就会鼓起来，这样的电池别在用了。虽然不会发生爆炸（因为电池是铝型材包装而非金属外壳包装）。但是里面的溶液漏出来就会破坏手机本身的电路板，建议更换新电池。</t>
  </si>
  <si>
    <t>克丽缇娜好不好</t>
  </si>
  <si>
    <t>克丽缇娜的产品性能温和，对各种肌肤问题都有自己精心研究的解决产品和方案，对很多肌肤都适用，这也是它门店数量众多的原因之一。另外克丽缇娜也是一家很多年的老牌子了，服务和产品线也算是比较成熟了，克丽缇娜还是很让人放心和信赖的。</t>
  </si>
  <si>
    <t>很好，不会有推销，关键是会有肌肤检测，并且根据肤质提供适合的。</t>
  </si>
  <si>
    <t>高中物理竞赛能自学吗</t>
  </si>
  <si>
    <t>能，竞赛，难度比平时小考，期中考，期末考更大，它主要会以课本的基础，来考你一些没有见过的题型和冷知识点；所以在掌握基础的同时，你还要了解一些课外的知识。</t>
  </si>
  <si>
    <t>尼尔机械纪元是单机吗</t>
  </si>
  <si>
    <t>是单机游戏。</t>
  </si>
  <si>
    <t>好莱坞艳照门第二波有艾薇儿吗</t>
  </si>
  <si>
    <t>好莱坞艳照门第二波，艾薇儿大量照片外泄。</t>
  </si>
  <si>
    <t>微信现在不能解绑手机号了吗</t>
  </si>
  <si>
    <t>对的，微信6.5.4版本的设置有所更改：不能直接对当前微信号解绑已经绑定的手机号，只能换绑到其它手机号。</t>
  </si>
  <si>
    <t>keep减脂课程表有用吗</t>
  </si>
  <si>
    <t>keep 的针对性不强，一开始用用只能说还可以，越到后面效果越差，但就对新手来说，只要动起来怎么都是有效果的～所以说坚持练。</t>
  </si>
  <si>
    <t>尤浩然目前读大学了吗</t>
  </si>
  <si>
    <t>去年，北电迎来了一位明星考生——电视剧《家有儿女》中小雨的扮演者尤浩然。</t>
  </si>
  <si>
    <t>上海海洋大学很垃圾吗</t>
  </si>
  <si>
    <t>海海洋大学前身是上海水产大学，是部属全国重点大学。</t>
  </si>
  <si>
    <t>iphone5支持4g吗</t>
  </si>
  <si>
    <t>1. iPhone 5从机子本身来说支持4G，但是只支持联通的4G，移动的是不支持的。2. 官方说明如下：新一代iPhone 5是苹果首次推出支持LTE（长期演进）高速无线通信标准的手机。LTE通常被称为第四代移动通信（4G）技术。苹果介绍说，新手机将支持美国、加拿大、欧洲和亚洲多家运营商的LTE网络。</t>
  </si>
  <si>
    <t>苹果5是不支持4g的，只能5s才可以的哦。</t>
  </si>
  <si>
    <t>1、iphone5不支持4g。2、很多人之所以认为iPhone 5能够使用移动4G网络，是基于iPhone 5S/5C以及iPhone 5均是使用了高通MDM9615M基带网络芯片，理论上都有支持移动4G网络频率的能力，但令人没有想到的是于iPhone 5S/5C与iPhone 5的于信号收发器不同。iPhone 5S/5C使用的是高通WTR1605L收发器，支持4G信号接，而上一代iPhone 5采用的是比较老的高通RTR8600 RF收发器，不支持4G信号接收，因此iPhone 5是不能使用移动4G网络的。</t>
  </si>
  <si>
    <t>康师傅是日本的吗</t>
  </si>
  <si>
    <t>康师傅，俗称康师傅控股有限公司，是一家台湾企业。严格来说，只是一家拥有日本人股份的公司，并不是日企。</t>
  </si>
  <si>
    <t>康师傅，是台资企业。</t>
  </si>
  <si>
    <t>是吧。</t>
  </si>
  <si>
    <t>小米note2屏幕改善了吗</t>
  </si>
  <si>
    <t>改善了。</t>
  </si>
  <si>
    <t>没有油画屏，就是分辨率还是不咋滴。</t>
  </si>
  <si>
    <t>小米笔记本好用吗</t>
  </si>
  <si>
    <t>根本不是从笔记本起家的厂商，推荐其他成熟的品牌。市场原理：钱+技术=品质和性能。</t>
  </si>
  <si>
    <t>挺不错的啊。</t>
  </si>
  <si>
    <t>韩公主原型还活着吗</t>
  </si>
  <si>
    <t>自杀了。</t>
  </si>
  <si>
    <t>云币网是真的吗</t>
  </si>
  <si>
    <t>云币网的ZMC是个大骗局。</t>
  </si>
  <si>
    <t>婚后加名字离婚房子是一人一半吗</t>
  </si>
  <si>
    <t>如果有贷款海未还清，还要区别该房产本身属于婚前个人财产还是夫妻共有财产进行确定。如果属于夫妻共有财产，则未还贷部分作为夫妻共同债务进行处理。如果属于一方婚前购买、婚内还贷的，则未还清的贷款作为该产权人个人债务继续偿还，已经偿还的部分及其增值作为夫妻共同财产进行分割。</t>
  </si>
  <si>
    <t>一、不管婚前婚后，如果由父母出资买的房，登记在自己子女名下的，则认定为个人财产，不属于夫妻共同财产。二、婚前买的房子，登记在自己名下的，属于个人财产，离婚时不进行分配。三、婚前买的房子，婚后房子的升值部分与配偶无关。四、婚前买的房子，登记在自己名下的，如果夫妻双方共同还贷，离婚时应考虑对方还贷部分进行补偿。五、男方婚前买了房，婚后他擅自将房子卖掉，如果他的妻子想追回该房屋，法院不予支持。六、婚后夫妻以共同财产参与购买一方父母房改房时，离婚后该房子属于一方个人财产，不参与财产分割。</t>
  </si>
  <si>
    <t>dnf还有人玩吗2017</t>
  </si>
  <si>
    <t>dnf的玩家群体决定了它的寿命，90是主要粉丝，80后也有一部分，00后估计就很少了。</t>
  </si>
  <si>
    <t>亮甲能治好灰指甲吗</t>
  </si>
  <si>
    <t>蒸箱烤箱一体机好不好</t>
  </si>
  <si>
    <t>很好用。</t>
  </si>
  <si>
    <t>建议分开吧。</t>
  </si>
  <si>
    <t>风油精能驱蚊吗</t>
  </si>
  <si>
    <t>血糖高是糖尿病吗</t>
  </si>
  <si>
    <t>血糖高并非就是糖尿病。</t>
  </si>
  <si>
    <t>偶尔一次的血糖高并不能够说明患有糖尿病。糖尿病必须是经常持续血糖升高。</t>
  </si>
  <si>
    <t>多食、多饮、多尿-三多；体重减少-一少。偶尔一次空腹血糖高不代表什么，建议你同时测下餐后二小时的血糖值，如果超过11，空腹服75克葡萄糖耐量和胰岛素释放试验，通过这几项指标来确定是否有糖尿病。</t>
  </si>
  <si>
    <t>红米note4x黑色好看吗</t>
  </si>
  <si>
    <t>做双眼皮好吗</t>
  </si>
  <si>
    <t>不好，对身体有害。</t>
  </si>
  <si>
    <t>仁者见仁，智者见智，要看自己的想法了。</t>
  </si>
  <si>
    <t>割双眼皮美观，能使眼睛看起来大一些。</t>
  </si>
  <si>
    <t>新疆旅游安全吗</t>
  </si>
  <si>
    <t>现在新疆管理很严格，新疆各族人民都反恐，恐怖分子生存的土壤越来越少。若去新疆旅游，北疆基本上没问题，伊犁草原也安全，只有南疆地区出过事，但正常旅游也没问题。最好找当地车辆，当地司机熟悉路况和形势；若自驾慎去偏远地区与类似和田的乡村等地。</t>
  </si>
  <si>
    <t>新疆特别大，人口相对内地也比较少，但是，你到新疆来旅游，安全是可以绝对放心的，比如你进入到一个城市需要进行安检，检查您的车辆和身份证，所以在新疆你的身份证绝对不可以丢，丢了你将会寸步难行，非常的麻烦。所以，你到新疆旅游，这个方面的问题，不需要有多大的顾虑。</t>
  </si>
  <si>
    <t>花呗上征信吗</t>
  </si>
  <si>
    <t>目前花呗已经加入了央行征信记录。</t>
  </si>
  <si>
    <t>花呗不上征信报告。</t>
  </si>
  <si>
    <t>一般情况不上征信，三天内无利息，但第四天后就会提交给芝麻信用，会影响芝麻分，借呗逾期就会直接上征信。</t>
  </si>
  <si>
    <t>autodesk material library 能卸载吗</t>
  </si>
  <si>
    <t>燕子来家里做窝好吗</t>
  </si>
  <si>
    <t>正常现象，说明环境不错。</t>
  </si>
  <si>
    <t>1、燕子是益虫，它会捕食周围的害虫，从而保护附近植物，这是好事。2、燕子是动物，动物就会有粪便排出，是直接落在巢穴口下方的地上的，动物就会有繁衍，小燕子会孵化，会有点小吵闹小噪音，这属于不好。3、迷信方面，说鸟住的地方风水好啦、粘财气喜气等等。其实会发现，有没有命运是一样的，关键在自己的习惯和作为。</t>
  </si>
  <si>
    <t>显存位宽 128 256 差别大吗</t>
  </si>
  <si>
    <t>128位宽的显卡性能将落后256位宽一个档次。</t>
  </si>
  <si>
    <t>信用卡未激活需要注销吗</t>
  </si>
  <si>
    <t>最保险的办法就是先挂失再注销。</t>
  </si>
  <si>
    <t>要去交年费，然后打4008895558销卡。</t>
  </si>
  <si>
    <t>查询一下有没有欠款，如没有，最好注销。</t>
  </si>
  <si>
    <t>赵东来是好人吗</t>
  </si>
  <si>
    <t>赵局长是好人，帮助猴子查获了山水集团，提供不少技术线索。</t>
  </si>
  <si>
    <t>赵东来是公安局局长。为了保护正义的尊严，抱着坚决整治恶势力的决心。在与检察部门的合作中从最初的质疑到之后的通力配合，展现出现代执法机构的反腐决心，是好人。</t>
  </si>
  <si>
    <t>一开始看起来有点像反面角色，但是实际上是个正面角色，在后期的“利剑行动”中帮了侯亮平不小的忙。</t>
  </si>
  <si>
    <t>属羊和属鸡的相配合适吗</t>
  </si>
  <si>
    <t>鸡和羊从属相上看是能够和睦相处的。未羊属土，酉鸡属金，土生金，相生也是不错的。另外从鸡和羊的脾性上分析就是：羊先生温柔体贴，敏感而内敛，兴趣爱好充满浪漫气息却不乏有些悲观主义。鸡太太冷静客观，操纵欲强，喜欢刨根问底、权衡利弊，向往生机勃勃的生活状态。羊先生尽管不喜欢鸡太太过于张扬的冒险精神，但尽量不表现得特别敏感。鸡太太感觉羊先生的情感太过细腻，和他打交道总需要小心翼翼。</t>
  </si>
  <si>
    <t>收藏大师有用吗</t>
  </si>
  <si>
    <t>这个软件好用的就两个功能，收藏送优惠券，还有就是官方的那个资源位，其他都不常用。</t>
  </si>
  <si>
    <t>家里种石榴树风水好吗</t>
  </si>
  <si>
    <t>在农村家庭宅院都有种果木树的习俗，即美观又食用，青枝绿叶鸟语花香农闲休息可意乘凉。并且还有美的传说："石榴籽多，为多子多福。枣是红色，为幸福早到。核桃是坚果，坚实基础。苹果，代表平安健康″。至于说不能种那是歪理斜说没有科学道理，也没有传说不让。在华北地区有传说这样的："院内不可种楊树，一刮风甚响叫鬼拍手。不可种杏树，是杏兴人不兴″都没有什么道理，只是老辈传说而已。</t>
  </si>
  <si>
    <t>种在院里和门口两边都好。石榴意为多子多福，种在感觉得到喜欢、喜悦、合适、乐趣的一边，就是最好的风水位置。</t>
  </si>
  <si>
    <t>还行，没有什么好不好，喜欢就种。</t>
  </si>
  <si>
    <t>寒冰女皇有特效吗</t>
  </si>
  <si>
    <t>技能变色。</t>
  </si>
  <si>
    <t>q技能风为特效淡蓝色；w、e技能也都是有淡蓝色特效；r大招圈还是绿边，只是会有一点点的雪花在圈里。</t>
  </si>
  <si>
    <t>秦皇岛房子值得投资吗</t>
  </si>
  <si>
    <t>看秦皇岛的市场不能单纯看市区，更要看旅游度假区域的市场，本地人也没有谁抢着去买度假房，也只有外地人。作为京津冀区域内的重要节点城市，秦皇岛的外部需求一定存在，而且会越来越大。但这种需求不能简单靠卖房子来满足。外地人肯定不是冲着简单的房子去的，更多的是通过其他形式的养老、旅游、度假特色去的，这是未来的发展方向。</t>
  </si>
  <si>
    <t>win10 defender好用吗</t>
  </si>
  <si>
    <t>不太好用。</t>
  </si>
  <si>
    <t>在目前三大类的杀毒软件中，操作系统自带的杀软，查杀能力是最弱的，但却最实用。</t>
  </si>
  <si>
    <t>Windows defender 每两个小时更新一次，在全球杀软里是很不错的。</t>
  </si>
  <si>
    <t>轮胎扎了个钉子但没漏气要拔掉吗</t>
  </si>
  <si>
    <t>首先，因为轮胎是真空胎，扎了钉子不会马上漏气，但随着时间的推移，气会慢慢漏的。值得注意的是，车主不要擅自拔掉钉子，如拔掉有可能出现漏气现象，导致车子开不了。这时，车主可以慢速行驶到维修地点。当车主如果发现轮胎扎了钉子，千万不能掉以轻心，应该马上去修理店检查。车胎扎了钉子即使没有漏气也要及时维修，扎有钉子的车胎存在安全隐患，在高速行驶时会容易出现爆胎。</t>
  </si>
  <si>
    <t>要拔出来的，拔完后还应该再次确认没有漏气，漏气还应该及时补胎。</t>
  </si>
  <si>
    <t>具体要看扎在哪个部位，如果是侧面，则需要更换轮胎；如果是正面，较厚的位置 ，破损超过5毫米，需要更换轮胎；没超过5毫米一般不用修补，具体也要看情况，可以找专业的师傅看一下。　轮胎不能修补的情况：1，胎侧损坏不可以修补。2，胎冠穿透的洞眼直径超过6 毫米不可以修补。3，如有胎圈损坏或变形、胎面变形、橡胶被化学品腐蚀或轮胎缺气碾压损坏等无法修补。4，轮胎出现鼓包。</t>
  </si>
  <si>
    <t>安定片药店可以买到吗</t>
  </si>
  <si>
    <t>安眠药是处方药，药店是买不到的。</t>
  </si>
  <si>
    <t>安定在一般药店是买不到的。</t>
  </si>
  <si>
    <t>安眠药属于二类精神药品，国家已禁止销售，一般药店和医院要凭处方销售，也就是说去医院或者药店的驻店医师开到处方才能买到。</t>
  </si>
  <si>
    <t>榴莲和牛奶可以一起吃吗</t>
  </si>
  <si>
    <t>不能一起吃，要隔开2个小时。</t>
  </si>
  <si>
    <t>成人自考本科有用吗</t>
  </si>
  <si>
    <t>自考本科毕业生找工作待遇好，可以报考公务员，可以直接参加考研，可以出国留学。</t>
  </si>
  <si>
    <t>1、增加就业机会。2、提高工资待遇。3、人事改革4、职称评定。5、考研。</t>
  </si>
  <si>
    <t>肾炎遗传吗</t>
  </si>
  <si>
    <t>肾炎是否遗传要看何种肾炎。有些肾炎是有遗传性的，尤其是遗传性肾炎，它能由父母亲遗传给子女的，是一种常染色体显性遗传病，能够遗传给后代。所以，对于肾炎会不会遗传这个问题，患者要诊断自己的肾炎类型是不是具有遗传性。关于遗传性肾炎的发病原因医学界目前也不清楚，一般认为可能是肾小球基膜合成的遗传性缺陷引起。这种病有一个特点，就是有明显的家庭史，往往在一家几代的家庭成员中，有多人发生血尿，血尿是遗传性肾炎最常见的表现，以青年男性多见。肾炎患者要正确认识遗传问题，不要盲目担心，大部分肾炎是不遗传的。</t>
  </si>
  <si>
    <t>腹泻能喝牛奶吗</t>
  </si>
  <si>
    <t>最好不要喝牛奶和豆浆等易发酵产气食物。</t>
  </si>
  <si>
    <t>一般来说牛奶是可以喝的，但是不能空腹喝。</t>
  </si>
  <si>
    <t>爱又米是骗局么</t>
  </si>
  <si>
    <t>爱又米上面的东西都是正品，还是很有保障。</t>
  </si>
  <si>
    <t>衢州学院很差吗</t>
  </si>
  <si>
    <t>还是很不错的，毕竟学校所在的地方是一个交通发达，适宜居住的区域。</t>
  </si>
  <si>
    <t>不好，专业较少。</t>
  </si>
  <si>
    <t>孕妇能养狗吗</t>
  </si>
  <si>
    <t>尽量不养狗为好。如果已经养了，也还可以继续养，但要注意与狗避免过分亲密的接触，饭前要洗手。</t>
  </si>
  <si>
    <t>怀孕期间，如果狗狗留在身边，也要注意不要太亲近。不要接触宠物特别是猫的粪便，不要抱狗狗，不要让狗狗舔你。虽然以上这些行为不一定会危险，但是谨慎一些也是必要的。</t>
  </si>
  <si>
    <t>一般来讲，家里有孕妇是可以养狗的。在孕期自己注意卫生，定期做好检查，养狗狗也没什么事。</t>
  </si>
  <si>
    <t>高铁能带酒吗</t>
  </si>
  <si>
    <t>可以带酒，散装酒是不能带上车的，但封存完好的瓶装酒可以带上火车。不过数量不能超过一箱(6瓶装)。</t>
  </si>
  <si>
    <t>uoolatex是泰国品牌吗</t>
  </si>
  <si>
    <t>ipad 4g版可以打电话吗</t>
  </si>
  <si>
    <t>4G版说明可以接受4G信号，要接受4G信号当然需要电话卡了，有电话卡，当然可以打电话发短信了。</t>
  </si>
  <si>
    <t>ipad 4G版不像普通的平板电话，一般只是使用4G的上网功能，想打电话的话需要申请和安装skypi这些东西。</t>
  </si>
  <si>
    <t>能发短信。不能打电话。</t>
  </si>
  <si>
    <t>安志杰特殊身份真打吗</t>
  </si>
  <si>
    <t>海灯法师是真功夫吗</t>
  </si>
  <si>
    <t>那功夫了得。</t>
  </si>
  <si>
    <t>座椅通风有用吗</t>
  </si>
  <si>
    <t>座椅通风又分为送风式和吸风式，该功能只是起到空气循环作用，并没有制冷机构，所以只有当开启空调时效果才显著。</t>
  </si>
  <si>
    <t>是一个非常有用的功能。</t>
  </si>
  <si>
    <t>陈思成离婚了吗</t>
  </si>
  <si>
    <t>目前，陈思诚和妻子佟丽娅没有离婚。</t>
  </si>
  <si>
    <t>更新evus会拒签吗</t>
  </si>
  <si>
    <t>不会，可能会撤销。</t>
  </si>
  <si>
    <t>无忧传奇还有人玩吗</t>
  </si>
  <si>
    <t>没什么人玩了。</t>
  </si>
  <si>
    <t>有，土豪玩家。</t>
  </si>
  <si>
    <t>勒索病毒对win10有影响吗</t>
  </si>
  <si>
    <t>Windows 10用户将不会受到勒索病毒的传播。</t>
  </si>
  <si>
    <t>泰式推拿需要脱内衣吗</t>
  </si>
  <si>
    <t>不用脱，穿少一点而已。</t>
  </si>
  <si>
    <t>婚内出轨的女人能要吗</t>
  </si>
  <si>
    <t>如果只无心又对她有情可以考虑在一起。但是女人把出轨当饭吃,就没必要了。</t>
  </si>
  <si>
    <t>腰间盘突出能自愈吗</t>
  </si>
  <si>
    <t>腰椎间盘是可以治愈的，主要是手术治疗。</t>
  </si>
  <si>
    <t>腰椎间盘突出是一个顽固的疾病，想要彻底根治是不可能的。即使是选择手术治疗也是不能彻底治愈的，无论是保守治疗，还是非保守治疗，目的都是为了减轻症状。</t>
  </si>
  <si>
    <t>有腰椎间盘突出症，一般不能够自己愈合。</t>
  </si>
  <si>
    <t>转转只能微信登录吗</t>
  </si>
  <si>
    <t>必须要用微信登陆。</t>
  </si>
  <si>
    <t>泰国8月份适合旅游吗</t>
  </si>
  <si>
    <t>8月份适合去泰国旅游。</t>
  </si>
  <si>
    <t>吃黄体酮期间会来月经吗</t>
  </si>
  <si>
    <t>一般口服黄体酮期间是不会来月经的。</t>
  </si>
  <si>
    <t>生活大爆炸完结了吗</t>
  </si>
  <si>
    <t>没有终结，已经续订11，12季了。</t>
  </si>
  <si>
    <t>《生活大爆炸》的制作人兼编剧斯蒂芬-莫拉罗日前接受采访时透露：目前谈这个还有点早，但确实有这么一个可能性。</t>
  </si>
  <si>
    <t>csgo国服删档吗</t>
  </si>
  <si>
    <t>不删。</t>
  </si>
  <si>
    <t>一旦激活了首测资格，将获得一份永久的CS:GO游戏权限，及国服进入资格。</t>
  </si>
  <si>
    <t>sk5病毒是真的吗</t>
  </si>
  <si>
    <t>2017年,沃尔克会崩盘吗</t>
  </si>
  <si>
    <t>不会崩盘。几年前就看了很多人说要崩盘到现在了都还没有崩盘，并且在上面做的人也越来越多，符合国家的政策就不会崩盘。</t>
  </si>
  <si>
    <t>hpv18阳性可以自愈吗</t>
  </si>
  <si>
    <t>有 hpv 感染。是不可能自愈的。</t>
  </si>
  <si>
    <t>国三的车还能过户吗</t>
  </si>
  <si>
    <t>现在国三排量的车不能办理过户，1、从2011年7月1日开始，在国内销售的乘用车将全面执行第四阶段排放限值（简称“国Ⅳ标准”），不符合排放标准的的车型将不能销售和注册登记。国家环保部近日再次明确了“国Ⅳ标准”全面实施的时间，国Ⅲ车将全面退市。2、国Ⅲ车将全面加速淘汰进入二手车市场，增加二手车市场的流通量。但大型城市预计会对二手车流通作出更严格的规定，防止不能达到国Ⅳ标准的二手车流入区域市场。在北京、上海严格限定二手车流入之后，很多城市已经跟进。</t>
  </si>
  <si>
    <t>王者荣耀最强王者会掉吗</t>
  </si>
  <si>
    <t>滴滴顺风车能赚钱吗</t>
  </si>
  <si>
    <t>顺风车不会赔，但要说赚钱就勉强。</t>
  </si>
  <si>
    <t>没有房产证的房子可以买吗</t>
  </si>
  <si>
    <t>从国家法律政策来讲，没有产权证的房产是不允许交易的。</t>
  </si>
  <si>
    <t>通常没有房产证是无法交易的，因为不能证明房屋产权属于谁。</t>
  </si>
  <si>
    <t>死神漫画完结了吗</t>
  </si>
  <si>
    <t>完结了。</t>
  </si>
  <si>
    <t>樱桃吃多了会拉肚子吗</t>
  </si>
  <si>
    <t>樱桃属火性，大热而发湿，樱桃过量会导致腹泻上火，上火可能会出现嗓子不舒服、便秘等，樱桃吃多了会拉肚子也可能与喷洒药物没有完全消失有关。</t>
  </si>
  <si>
    <t>樱桃多了容易上火。樱桃多食会发热，会伤筋骨，败血气，吃多了还可能会引起到一些慢性支气管炎的疾病，樱桃性温热，热性病及虚热咳嗽者忌食。</t>
  </si>
  <si>
    <t>有可能会的，各人体质不同。</t>
  </si>
  <si>
    <t>拍拍网倒闭了吗</t>
  </si>
  <si>
    <t>不是倒闭，是结束运营。</t>
  </si>
  <si>
    <t>拍拍是不会倒闭的。</t>
  </si>
  <si>
    <t>微交易等于赌博吗</t>
  </si>
  <si>
    <t>不等于。</t>
  </si>
  <si>
    <t>青岛泰光耐克正品吗</t>
  </si>
  <si>
    <t>真正的泰光是正品，但是现在外面说自己是泰光货的都是假的，没有任何侥幸心理。基本上都是莆田生产出来，让后运到泰光附近。让后就说自己是泰光仓库的。</t>
  </si>
  <si>
    <t>是假的，没有在淘宝上开店，假货更多，淘宝上开，只要不满意可以退，微信朋友圈里是不可以退的。</t>
  </si>
  <si>
    <t>1、据说在青岛那边有个工业园，有个耐克代工厂，泰光发货的一般认为是正品。2、具体地址可以百度一下。百度地图上都能搜到青岛的耐克代工厂的。如果从哪边发货的话，应该是正品的。3、前几天买了一双，就是那边发货的，去专柜比较了一下，基本上一模一样呢，就是不知道耐穿不耐穿，比专柜折扣低。但是如果折扣很低的话，就不一定好。</t>
  </si>
  <si>
    <t>钢化膜白边处理液堆屏幕有影响吗</t>
  </si>
  <si>
    <t>填充液对手机是有伤害。</t>
  </si>
  <si>
    <t>没有危害，换膜的时候四周会有类似油脂的东西残留 一擦就掉。</t>
  </si>
  <si>
    <t>怀孕能做亲子鉴定吗</t>
  </si>
  <si>
    <t>等到十六周以后再做，费用在四千多左右。</t>
  </si>
  <si>
    <t>在怀孕一段时间以后，受精卵就发育为具有DNA信息的胚胎组织。并且，胚胎组织会与浸泡其中的羊水进行一定的物质交换。所以，羊水中含有大量胚胎组织的脱落细胞，这些细胞中含有胎儿的DNA信息，因此，孕妇产前亲子鉴定可采用羊水穿刺的方法采集羊水提取胎儿DNA与待定父亲的DNA比对达到亲子鉴定的目的。而且这种鉴定方式的检测结果与胎儿出生后的鉴定结果完全一致，一样准确可靠。</t>
  </si>
  <si>
    <t>胎儿最早两个月就能做。</t>
  </si>
  <si>
    <t>二手宝马3系值得买吗</t>
  </si>
  <si>
    <t>建议买新车。</t>
  </si>
  <si>
    <t>如果是三年内的车型，公里数没超过10W公里，没有什么事故车，没有大修，无进水，全车确保原装，小改动套件儿除外啊，价格合适都没问题的，如果超出的这些条件，就要慎重了，毕竟车开到了一定年限，后期的养护费用要考虑了。</t>
  </si>
  <si>
    <t>publicagent是真的吗</t>
  </si>
  <si>
    <t>大部分是真的，但有些一看就是假的。</t>
  </si>
  <si>
    <t>不要下，是病毒。</t>
  </si>
  <si>
    <t>吃三七粉当天是否能吃葡萄干</t>
  </si>
  <si>
    <t>三七粉是活血化瘀的，一般不建议一起服用， 可以早晨起来空腹食用三七粉，醋泡葡萄干可以晚餐时候食用。</t>
  </si>
  <si>
    <t>泰国spa有按摩阴茎吗?</t>
  </si>
  <si>
    <t>泰国有一项服务叫抓龙筋，以按摩睾丸和大腿根部为主，按摩阴茎的应该也有，应该属于三角区按摩范畴。</t>
  </si>
  <si>
    <t>晒图返现 算违规吗</t>
  </si>
  <si>
    <t>不算。</t>
  </si>
  <si>
    <t>新规定里说，算是违规。</t>
  </si>
  <si>
    <t>哈驴户外有假货吗</t>
  </si>
  <si>
    <t>很靠谱的，已经买过不少东西了，没有问题的。</t>
  </si>
  <si>
    <t>长笛好学吗</t>
  </si>
  <si>
    <t>长笛在管乐里面虽然不是对肺活量要求最高的，但是绝对是个技巧很高的一门乐器。要想练好长笛就得多花点时间。如果勤奋点多加练习，那么上手还是比较快的。但是后面学习的难度不小。如果想练好，请做好一点点心理准备。学习长笛如果想要更进一步，就要去家教114请一些专业的老师进行指导，这样学起来也会更有目标一点，也会更专业一些。</t>
  </si>
  <si>
    <t>是个身体正常的人都能学会；吹得好需要长时间坚持的练习，三天打鱼两天晒网就省省。</t>
  </si>
  <si>
    <t>开始以为长笛很容易，接触后才知道不是那么一回事，如果只是吹给外行听一礼拜认真练就够了，想吹出味道来好好连几年基本功。</t>
  </si>
  <si>
    <t>微店提现要手续费吗</t>
  </si>
  <si>
    <t>不收取手续费。</t>
  </si>
  <si>
    <t>有手续费的，之前没有。</t>
  </si>
  <si>
    <t>在闲鱼上买东西安全吗</t>
  </si>
  <si>
    <t>不要通过闲鱼交换东西，线下交换都要小心，线上更不要去交换。</t>
  </si>
  <si>
    <t>二手交易对于广大穷B来说还是性价比比较高的，但是这需要一些技能。</t>
  </si>
  <si>
    <t>由于咸鱼的处罚机制不够完善，唯一可以看到的就是芝麻信用分，所以自然就有人钻漏洞以卖假货为生，而卖出假货后目前并不会进行处罚。这就是咸鱼交易的最大风险。</t>
  </si>
  <si>
    <t>净水器有必要装吗</t>
  </si>
  <si>
    <t>有必要。</t>
  </si>
  <si>
    <t>linux会中毒吗</t>
  </si>
  <si>
    <t>Linux 和 Windows 不是一个系统。所以 Windows 下的程序，病毒并不能在 Linux 下运行。也就不存在 Windows 病毒在 Linux 下运行Linux 下有病毒，但更多还是实验性质，Linux 主要遇到的是黑客攻击。但一般作为家用，不开那么多的系统服务，并且只装桌面版的系统。一般不用担心安全问题。当然经常升级系统，安装更新还是必须的。也不要安装来历不明的软件。下载软件后，注意尽可能计算一下 MD5 结果是否与发布者提供的结果一致，从而防止被人篡改而加入漏洞。Linux 下的杀毒软件，一般是杀 Windows 病毒用的。Linux 本身可以忽略病毒的问题。</t>
  </si>
  <si>
    <t>孕妇能吃海鲜吗?</t>
  </si>
  <si>
    <t>虽然鱼和贝类对于健康的饮食生活是不可缺少的，但为了胎儿的安全，孕妇还是应避免大量食用。</t>
  </si>
  <si>
    <t>如果孕妇对海鲜不过敏的话，可以少量吃海鲜。</t>
  </si>
  <si>
    <t>建议各位喜欢海鲜的准妈妈要学会忌口，一周食用次数不超过2次，每次食用量要小于100g，而对于金枪鱼、剑鱼等这些高汞鱼类要敬而远之。</t>
  </si>
  <si>
    <t>房贷折扣会变吗</t>
  </si>
  <si>
    <t>房贷实行的是浮动利率，既随利率调整而调整，也随国家优惠政策改变而改变。</t>
  </si>
  <si>
    <t>天谕花钱吗</t>
  </si>
  <si>
    <t>花钱。</t>
  </si>
  <si>
    <t>凡购商城是骗局吗</t>
  </si>
  <si>
    <t>中石油和中石化的油可以混加吗</t>
  </si>
  <si>
    <t>可以。这两家的油都是按照一个国家标准生产的，同样标号的油如果都按照同样的标准生产，都满足这一个标准的所有要求，油品是没有区别的。</t>
  </si>
  <si>
    <t>伽马刀后肿瘤会消失吗</t>
  </si>
  <si>
    <t>根据症状描述及治疗经过来看，肿瘤做了伽马刀之后，一般需要好好休息8-12周，包块才会慢慢缩小。同时要好好休息，禁辛辣刺激油炸饮食，多喝温开水，多吃瓜果蔬菜，适当运动，定期随访。</t>
  </si>
  <si>
    <t>扫地机器人好用吗</t>
  </si>
  <si>
    <t>这东西是个玩具。</t>
  </si>
  <si>
    <t>临牌能上高速吗</t>
  </si>
  <si>
    <t>临时号牌是可以上高速公路行驶的，只要在有效期内，可以行驶全部地区，但要带齐发票、合格证、保险购买依据等相关手续。</t>
  </si>
  <si>
    <t>衣服缩水还能复原吗</t>
  </si>
  <si>
    <t>美团也做打车吗</t>
  </si>
  <si>
    <t>目前美团打车只在南京一个城市“试水”运行。</t>
  </si>
  <si>
    <t>21:9显示器 实用吗</t>
  </si>
  <si>
    <t>既然沉浸式VR设备也在发展中，高度很低的21：9根本不符合VR设备的视觉比例需求。实际上人类追求的是IMAX这样，高度和宽度都需要足够并且被随意利用的视频系统。所以恐怕21：9就算到了VR设备普及，都不可能普及。所以不是很实用。</t>
  </si>
  <si>
    <t>实用的，不惯还可以切换16：9。</t>
  </si>
  <si>
    <t>天天酷跑曙光女神值得入手吗</t>
  </si>
  <si>
    <t>还非常值得秒的。</t>
  </si>
  <si>
    <t>公安网佐丹力159是传销</t>
  </si>
  <si>
    <t>在159微信群中，这些以“家人”相称的群友实际有着明确的等级和分工。佐丹力“159”的销售模式涉嫌违规行为，“通过拉人头形成金字塔销售模式，上线吃下线”，有一定的典型性。</t>
  </si>
  <si>
    <t>企业退休人员基本养老金2017年增加吗?</t>
  </si>
  <si>
    <t>2017年将会进一步提高养老金。</t>
  </si>
  <si>
    <t>芹菜叶子能吃吗</t>
  </si>
  <si>
    <t>芹菜叶不仅能吃，而且比芹菜本身的营养价值还高。</t>
  </si>
  <si>
    <t>食人鱼能吃吗</t>
  </si>
  <si>
    <t>aps-c是半画幅吗</t>
  </si>
  <si>
    <t>不属于，是全画幅的比例两端去掉一截。</t>
  </si>
  <si>
    <t>翻墙上网会被监控吗</t>
  </si>
  <si>
    <t>一般不会，因为VPN属于虚拟网络通道，反而会比一般上网更安全。</t>
  </si>
  <si>
    <t>和田玉青海料值钱吗</t>
  </si>
  <si>
    <t>还可以，市场上不是很热门。</t>
  </si>
  <si>
    <t>和田玉最贵，白的比青的贵，其次是俄料，然后是青海料，其实这三种玉是现今世面上比较顶端的了，都值得收藏。</t>
  </si>
  <si>
    <t>橙子上火吗</t>
  </si>
  <si>
    <t>不会上火，但是橙子吃太多了，身体没有办法消化，就会一直囤积着。</t>
  </si>
  <si>
    <t>战意好玩吗</t>
  </si>
  <si>
    <t>网易的这款游戏可以看做骑马与砍杀和全面战争的结合体，但是在玩法上面更加丰富，游戏运用的是自主开发的引擎，优化和士兵AI都非常高，比起前两款游戏更具可玩性。这款游戏挺好的，我们同学大部分都在玩。包括我。</t>
  </si>
  <si>
    <t>孕妇能吃冰淇淋吗</t>
  </si>
  <si>
    <t>怀孕了吃雪糕，若是有量的限制，一般情况下是没有什么影响的。</t>
  </si>
  <si>
    <t>可以吃。</t>
  </si>
  <si>
    <t>一文鸡是骗局吗</t>
  </si>
  <si>
    <t>一文鸡就是个骗子。</t>
  </si>
  <si>
    <t>任何投资都是具有风险的，没有所谓的骗局说法。</t>
  </si>
  <si>
    <t>日女吃效果命中吗</t>
  </si>
  <si>
    <t>日女不吃命中加成，所以日女也不能抵抗。</t>
  </si>
  <si>
    <t>打美白针有副作用吗</t>
  </si>
  <si>
    <t>会有暂时性的恶心，血压下降，头晕，也有女生会有生理期量变少，对于肝肾功能损伤可能有一定的副作用。</t>
  </si>
  <si>
    <t>对肾脏不好，还有可能肝硬化</t>
  </si>
  <si>
    <t>无线插座真的无线吗</t>
  </si>
  <si>
    <t>钱宝网2017年安全吗</t>
  </si>
  <si>
    <t>钱宝网经过这么多年的发展，投资的风险系数会越来越大，如果，害怕焦虑，那么减少投资或不投资是最好的事情。</t>
  </si>
  <si>
    <t>建议撤出；9月开始进入兑付期，是一个风险较大的阶段，等到明年2.3月份稳定后可以再进入。</t>
  </si>
  <si>
    <t>试用期社保到底要不要交</t>
  </si>
  <si>
    <t>只要在劳动合同成立期间，就要缴纳社会保险。试用期限被包括在劳动合同期限内，所以应当缴纳社会保险。</t>
  </si>
  <si>
    <t>做色流项目违法吗</t>
  </si>
  <si>
    <t>处于触犯法律的边缘。</t>
  </si>
  <si>
    <t>生化危机终章是最后一部吗</t>
  </si>
  <si>
    <t>电影的名字叫终章，导演也说过最后一部，电影剧情也都交代完，所以没续集。</t>
  </si>
  <si>
    <t>真人电影生化危机终章就是最后一部了。理论上不会再出了。</t>
  </si>
  <si>
    <t>比特币交易网安全吗</t>
  </si>
  <si>
    <t>大网站，安全。</t>
  </si>
  <si>
    <t>比特币交易网和聚币网都挺安全。</t>
  </si>
  <si>
    <t>公司挂名监事有风险吗</t>
  </si>
  <si>
    <t>根据监事有无过错确定，有过错的，需要承担法律责任。</t>
  </si>
  <si>
    <t>32g的ipad够用吗</t>
  </si>
  <si>
    <t>事实证明32g完全不够用。</t>
  </si>
  <si>
    <t>（1）一般来说，总会下载电子杂志、音频视频、大型游戏等，还是不要少于64GB为好。（2）苹果不像安卓平板，存储器无法扩充，尽量选择存储器大一些的。</t>
  </si>
  <si>
    <t>肩周炎能自愈吗</t>
  </si>
  <si>
    <t>肩周炎是一种自愈性疾病。</t>
  </si>
  <si>
    <t>肩周炎不能自愈的。</t>
  </si>
  <si>
    <t>ms集团是合法的吗</t>
  </si>
  <si>
    <t>福州台江医院好不好</t>
  </si>
  <si>
    <t>北京白癜风能治好吗</t>
  </si>
  <si>
    <t>完全可以治好的。</t>
  </si>
  <si>
    <t>单一的治疗方法或单种药物的作用，往往是有限的，且疗程较长，痊愈率很低。白癜风的治疗要到正规医院进行科学的针对性治疗，最大程度的发挥出白癜风的治疗效果。为患者减轻治疗过程中的痛苦。</t>
  </si>
  <si>
    <t>蚂蚁借呗可以提前还款吗</t>
  </si>
  <si>
    <t>可以直接全款还上。</t>
  </si>
  <si>
    <t>jsp还有人用吗</t>
  </si>
  <si>
    <t>还在用，很多网站都是从控制层再转发到jsp，所以就看不到jsp结尾的了。</t>
  </si>
  <si>
    <t>单纯用jsp的应该是比较少了吧，现在都是用框架了，涉及到的jsp页面都是用框架的标签来的。</t>
  </si>
  <si>
    <t>电话手表辐射大吗</t>
  </si>
  <si>
    <t>电话手表通话时离头部还有10~15厘米的距离，辐射比手机还小，是安全的。</t>
  </si>
  <si>
    <t>有，但不足以对人体造成伤害。</t>
  </si>
  <si>
    <t>这种危害程度还都停留在感觉与体验方面，没有量化。</t>
  </si>
  <si>
    <t>去香港需要护照吗</t>
  </si>
  <si>
    <t>到香港、澳门旅游不需要护照，只需要港澳通行证即可。</t>
  </si>
  <si>
    <t>过节费要交个税吗</t>
  </si>
  <si>
    <t>过节费要交个人所得税，并入当月工资薪资扣除个人承担的“五险一金”和规定的免征额3500元后，依照规定税率计算个人所得税。</t>
  </si>
  <si>
    <t>e投睿是黑平台吗</t>
  </si>
  <si>
    <t>不是什么知名平台，建议谨慎一点。</t>
  </si>
  <si>
    <t>不是，周围很多朋友都不约而同地选择了e投睿。</t>
  </si>
  <si>
    <t>日志文件可以删除吗</t>
  </si>
  <si>
    <t>般情况下系统正常时候删除掉是没有关系的。</t>
  </si>
  <si>
    <t>无创dna需要空腹吗</t>
  </si>
  <si>
    <t>无创DNA检查不需要空腹。</t>
  </si>
  <si>
    <t>kindle pdf能看吗</t>
  </si>
  <si>
    <t>可以看，但支持的效果不好，反应慢甚至会死机，建议对格式进行转换。</t>
  </si>
  <si>
    <t>完全可以看。只是体验不好。</t>
  </si>
  <si>
    <t>Kindle内置PDF阅读器的，可以看。</t>
  </si>
  <si>
    <t>白百合离婚了吗</t>
  </si>
  <si>
    <t>早已离婚。</t>
  </si>
  <si>
    <t>在职研究生取消了吗</t>
  </si>
  <si>
    <t>大v店靠谱吗</t>
  </si>
  <si>
    <t>挺不错的，大v店定位为妈妈社群电商。</t>
  </si>
  <si>
    <t>智能马桶好用吗</t>
  </si>
  <si>
    <t>不见得好用不要被别人的回答蒙蔽了说好用的都是做广告的！先不说价格昂贵、操作繁琐、烫伤漏电、出水孔堵塞、难以清洗、冲洗烘干不实用等等这些缺点。单看容易爆炸这个安全隐患就知道，这并不是一种安全的洁具！可以去百度一下：“智能马桶起火爆炸”这一类的信息足够让人毛骨悚然！</t>
  </si>
  <si>
    <t>智能马桶就是对老人来说方便点，特别是那些有痔疮的老人，但是要是年轻人的话还是用普通马桶好点，因为智能马桶再好的都会出故障，维修比较麻烦，价位稍微差不多的5000左右。</t>
  </si>
  <si>
    <t>智能马桶，跟一般的马桶，区别在于科技含量，智能马桶，就排水量开说，一般是3L/4.5L。一年下来，水费省了不少。另外还有很多人性化的体现。例如消除胚体气孔、可调节温度等等，价位会比较高，几千块不等。</t>
  </si>
  <si>
    <t>唐三彩化妆品是正品吗</t>
  </si>
  <si>
    <t>假货多一点。</t>
  </si>
  <si>
    <t>葵力果好用吗</t>
  </si>
  <si>
    <t>这是一种保健品，效果肯定有用。但是只要是药品，肯定有一定的副作用。</t>
  </si>
  <si>
    <t>银行端午放假吗</t>
  </si>
  <si>
    <t>由于银行的特殊性，具体放假安排要根据银行的放假公告。节假日期间值班网点均对个人业务开放，大额取款业务最好提前预约，但对公业务不予办理。</t>
  </si>
  <si>
    <t>乙肝病毒携带者会传染吗</t>
  </si>
  <si>
    <t>金戈有依赖性吗</t>
  </si>
  <si>
    <t>金戈有依赖性的。</t>
  </si>
  <si>
    <t>只要按照医嘱按时按量服用药物，不超量服用，也不中途中断服药，不会产生依赖性的。</t>
  </si>
  <si>
    <t>尼斯巨兽科加斯有特效吗</t>
  </si>
  <si>
    <t>尼斯巨兽科加斯无特效。</t>
  </si>
  <si>
    <t>觅心射手是限定吗</t>
  </si>
  <si>
    <t>英雄联盟的韦鲁斯觅新射手皮肤是2015情节限定皮肤。</t>
  </si>
  <si>
    <t>不是，爱惜也有这款。</t>
  </si>
  <si>
    <t>长沙限购后会跌吗</t>
  </si>
  <si>
    <t>估计会跌的，毕竟这次限购还是蛮严重的。</t>
  </si>
  <si>
    <t>不一定，限购政策只是是影响房价的一个重要因素。</t>
  </si>
  <si>
    <t>量跌价稳将成为年度楼市常态。</t>
  </si>
  <si>
    <t>dynainfo是未来函数吗</t>
  </si>
  <si>
    <t>不是</t>
  </si>
  <si>
    <t>尿蛋白1个加号能治愈吗</t>
  </si>
  <si>
    <t>对于蛋白尿的治疗，最重要还是要结合患者症状，分出证型选药。比如患者有目睛干涩，视物模糊，头晕耳鸣，五心烦热，口干咽燥，腰肌酸痛，小便赤灼热，心烦口渴，失眠等情况，多属于肝肾阴虚型肾炎，要选择“肝肾阴虚型肾炎治疗中成药华丹肾炎灵颗粒”，针对证型选择适合患者的中药，是肾炎患者选药的基本原则，是治好蛋白尿的基础。</t>
  </si>
  <si>
    <t>龙武2好玩吗</t>
  </si>
  <si>
    <t>看上去不错。</t>
  </si>
  <si>
    <t>结核性胸膜炎传染吗</t>
  </si>
  <si>
    <t>没有传染性。</t>
  </si>
  <si>
    <t>一般的结核性胸膜炎是属于肺外结核，一般是没有传染性的，但也不排除一些细微的传染可能。</t>
  </si>
  <si>
    <t>夸克浏览器有电脑版吗</t>
  </si>
  <si>
    <t>4007207888真的是浦发银行的吗</t>
  </si>
  <si>
    <t>21天减肥法真的有用吗</t>
  </si>
  <si>
    <t>这个属于比较偏激的减肥方法，效果因人而异。</t>
  </si>
  <si>
    <t>择天记 好看吗</t>
  </si>
  <si>
    <t>看了一半弃了，但是不得不佩服猫腻在地图那么小的情况下写的很精彩。不像很多大神，换地图换的飞起。</t>
  </si>
  <si>
    <t>网友们称“道具廉价、场面渣、五分钱特效”、“年度双女主大戏，不知道鹿晗和娜扎谁是女一”。</t>
  </si>
  <si>
    <t>水的要死，更新也慢，经常请假，建议完本再看。一开始其实就是退婚打脸，老套路，中途还有还有各种装逼、打脸、嘲讽、强行开挂、强行解释，怎么说呢，其实就是普通的小说用文雅的言语写出来，却被脑残费吹捧的多屌似的。比普通说高档一些，不过爽点拿捏不够。总体而言，和以前猫腻的书不能比了，这本书商业化了，游戏动画很多，作者投入的精力少了。</t>
  </si>
  <si>
    <t>爱投资靠谱吗</t>
  </si>
  <si>
    <t>和最近跑路的几家网贷公司相比，爱投资明显正规很多，爱投资是首家被中国金融认证中心(CFCA)认证的互联网金融平台，在交易安全等级方面有着质的提升。</t>
  </si>
  <si>
    <t>我认为他的风险很高，第一他没有保障，在网上，很可能是钓鱼，第二没有人出面，说他是负责人，so 投资需谨慎。</t>
  </si>
  <si>
    <t>利威尔兵长真的死了么</t>
  </si>
  <si>
    <t>没有死，只是在打女巨人时，脚扭伤了，后来都退居二线，以便服出场了。</t>
  </si>
  <si>
    <t>漫画到现在是还没死。</t>
  </si>
  <si>
    <t>用盐可以去黑头吗</t>
  </si>
  <si>
    <t>用盐洗脸可以去黑头的。</t>
  </si>
  <si>
    <t>前列腺液会怀孕吗?</t>
  </si>
  <si>
    <t>前列腺分泌物里面可能会有少量的精子，这样有引起怀孕的可能性。</t>
  </si>
  <si>
    <t>前列腺液进入是不可能怀孕的，这就是没有射精过程不会怀孕。</t>
  </si>
  <si>
    <t>捷信分期不还真的没事</t>
  </si>
  <si>
    <t>是的，虽然基本都是小额贷款，但不还还是有追究的可能的，毕竟们签了合同，你也抵赖不了！！建议还是还了吧望采纳。</t>
  </si>
  <si>
    <t>出汗可以排湿气吗</t>
  </si>
  <si>
    <t>通过运动出汗有一定祛湿效果。</t>
  </si>
  <si>
    <t>出汗的过程要散热，如果出大量的汗还会丢失很多电解质，这个时候可不一定排湿气了。汗水阴液，对于湿有一定利的作用，但是体内的湿还仍然存在，那是因为脾虚造成的。</t>
  </si>
  <si>
    <t>运动出汗是很好的去湿气方法。</t>
  </si>
  <si>
    <t>jpeg和jpg一样吗</t>
  </si>
  <si>
    <t>jpeg与jpg是一样的，jpg是jpeg的简称。</t>
  </si>
  <si>
    <t>存在着质的区别。</t>
  </si>
  <si>
    <t>卡卡贷上征信吗</t>
  </si>
  <si>
    <t>查征信但不上征信。</t>
  </si>
  <si>
    <t>只要是资产挂钩，有银行流水的，绝对上征信的。</t>
  </si>
  <si>
    <t>斯祥是挂吗</t>
  </si>
  <si>
    <t>天巡网靠谱吗</t>
  </si>
  <si>
    <t>靠谱不靠谱得看实际卖机票的是谁。不过如果出了问题，他连淘宝店小二都没有。</t>
  </si>
  <si>
    <t>万博亚洲安全吗</t>
  </si>
  <si>
    <t>安全的很啊。</t>
  </si>
  <si>
    <t>苹果5s玩王者荣耀卡吗</t>
  </si>
  <si>
    <t>5s配置算挺高的了，效果模式下，玩王者荣耀，一开始不卡很流畅，玩了一会儿，机子温度开始升高，网络信号变差，网络延迟严重，400多毫秒。</t>
  </si>
  <si>
    <t>王者荣耀的配置要求并不高，苹果5s是可以玩的。</t>
  </si>
  <si>
    <t>不卡啊，只要手机内存够就好。</t>
  </si>
  <si>
    <t>伟哥真的那么管用吗?</t>
  </si>
  <si>
    <t>效果非常好。</t>
  </si>
  <si>
    <t>效果好但副作用太大。</t>
  </si>
  <si>
    <t>机建费可以不买吗</t>
  </si>
  <si>
    <t>机场建设费是筹集机场建设经费而设立的。机场的修建在早期有民航系统和地方两种渠道，为了保证地方的投资回报，这一制度就一直保留下来。原来买机票的时候要另外买一张机场建设费，现在为方便广大旅客乘机，提高机场运营效率，财政部、中国民航总局已发出通知，从2004年8月1日起，旅客购买九月一日(含九月一日)以后从中国境内机场起飞的国内、国际和港澳地区航班机票时，一并随机票缴纳机场管理建设费。机场管理建设费在机票价外单列项目反映，其征收范围和标准仍按现行有关规定执行。</t>
  </si>
  <si>
    <t>国内航班目前除了婴儿票、儿童票免收机场建设费以外，其它旅客都要收取50元机场建设费。</t>
  </si>
  <si>
    <t>初二数学差初三能好吗</t>
  </si>
  <si>
    <t>初中的知识比较简单，前面学得差，初三好好学是可以的，但是得很认真的去学，把初一二的知识补上才可以，但高中不能这样了，高中知识面广，题难度上了个台阶，所以得从一开始好好抓。初三会有一次大复习，从头到尾的。</t>
  </si>
  <si>
    <t>小米陶瓷机身容易碎吗</t>
  </si>
  <si>
    <t>用的是3D微晶锆纳米陶瓷，耐摔、耐磨。</t>
  </si>
  <si>
    <t>估计容易碎。</t>
  </si>
  <si>
    <t>ddr3 ddr4 兼容吗</t>
  </si>
  <si>
    <t>不兼容。</t>
  </si>
  <si>
    <t>余额宝有限额吗</t>
  </si>
  <si>
    <t>每天转出3次不能超过15万。</t>
  </si>
  <si>
    <t>限额是有等级的区别的，那是根据实名程度的不同而不同，目前来说限额最高是20万。</t>
  </si>
  <si>
    <t>转入额度：1、储蓄卡快捷：以付款页面提示额度为准； 2、储蓄卡卡通：卡通本身限额； 3、余额：单笔最高999999。 快捷或卡通限额超限，建议可以先使用网银等方式把钱充值到支付宝账户余额，再通过余额转入余额宝。 温馨提示：转入后的余额宝总金额最高100万元，现有余额宝总金额超过100万的用户不影响。以上是支付宝官方答复。总额度是不限制的。只不过每天的限制是根据银行卡的条件有关。</t>
  </si>
  <si>
    <t>工商银行节节高2号安全吗</t>
  </si>
  <si>
    <t>属于工商银行自己的理财产品，主要是投向银行同业拆借，以及国债和各种票据的，风险还是比较低的，比较安全的。</t>
  </si>
  <si>
    <t>可信，这个就是定期存款的一种，期限两年，可以随时支取，支取时按同档利率上浮计息。</t>
  </si>
  <si>
    <t>妈咪爱新生儿可以吃吗</t>
  </si>
  <si>
    <t>不可以，除非消化不良。</t>
  </si>
  <si>
    <t>生蚝壮阳吗</t>
  </si>
  <si>
    <t>每日吃1到2个生蚝，煎、烤、煮皆可，一个月为一疗程，临床证明老偏方对于少精症有一定的疗效。</t>
  </si>
  <si>
    <t>五笔墙画生意好做吗</t>
  </si>
  <si>
    <t>以后会流行起来，成为墙面装饰的主流趋势。</t>
  </si>
  <si>
    <t>来彩彩票o2o正规吗</t>
  </si>
  <si>
    <t>应该是真的吧，他有工信部和公安部的备案号。</t>
  </si>
  <si>
    <t>虾线能吃吗</t>
  </si>
  <si>
    <t>虾线能吃，但建议少吃。一、虾营养丰富，且其肉质松软，易消化，对身体虚弱以及病后需要调养的人是极好的食物；虾中含有丰富的镁，镁对心脏活动具有重要的调节作用，能很好的保护心血管系统，它可减少血液中胆固醇含量，防止动脉硬化，同时还能扩张冠状动脉，有利于预防高血压及心肌梗死；虾的通乳作用较强，并且富含磷、钙、对小儿、孕妇尤有补益功效。吃虾好处多，但你有没有注意到，虾的哪些部位不能吃？一般来说，虾线、虾头、虾腮不能吃，虾黄要少吃。1、虾线。一般说来，小龙虾的肠道等消化系统，往往容易聚集重金属，烹饪前应把虾线拉出来。虾背上的虾线，是虾未排泄完的废物，如果吃到口内有泥腥味，影响食欲，所以应除掉。</t>
  </si>
  <si>
    <t>虾线就是虾的消化道，在虾的背部。有的很黑，有的颜色很淡，几乎看不出来，和其中的脏东西有关系。去虾线,既是因为虾的消化道里有脏东西(这和我们去鱼鳃、蟹鳃的道理是一样的)，还因为虾线影响口感，尤其是白蒸和酒焖的时候.虾线中含有苦味的物质，在热量作用下会掩盖鲜虾清甜的味道。.如果是做麻辣和爆炒的，因为本身味道浓厚，去不去虾线就比较无所谓了。建议吃的时候将其撕掉。</t>
  </si>
  <si>
    <t>虾线就是虾的消化道，在虾的背部。有的很黑，有的颜色很淡，几乎看不出来，和其中的脏东西有关系。去虾线,既是因为虾的消化道里有脏东西，还因为虾线影响口感。.如果是做麻辣和爆炒的，因为本身味道浓厚，去不去虾线就比较无所谓了。去掉最好吧干净又美味。</t>
  </si>
  <si>
    <t>土豆绿色的皮削掉能吃吗</t>
  </si>
  <si>
    <t>不能吃。</t>
  </si>
  <si>
    <t>阴阳师两面佛值得换吗</t>
  </si>
  <si>
    <t>1、正反两张，有单体有群攻，非常不错的一个式神，虽然属性上初始有些不太好，但是技能和觉醒后完全可以遮盖这些缺点。2、有的话一定要培养一下，但是群攻式神感觉有一个就可以了。青行灯、大天狗和两面佛里面反正要选择一个的。具体用哪个看您的喜好了。一个还不错的群攻式神，为什么排在第二个说呢?主要是入手非常容易，基本打打竞技场就可以一周凑10个碎片。3周左右就可以入手一个成品的两面佛了。那么说下两面佛的技能吧。主要是群攻比较给力，用来刷图带狗粮，或者自己打御魂和觉醒材料都是一个不错的帮手，在打竞技场的时候如果被阵容配合神乐的复活也可以起到不错的作用。总的来说是一个非常不错的刷图过任务利器。如果没有就弄一个吧。有了就重点培养一下。相信不会让你失望的。</t>
  </si>
  <si>
    <t>两面佛是鸡肋。但是必须换。集齐12只两面佛可以换只SSR。</t>
  </si>
  <si>
    <t>印度皇帝油真的有效吗</t>
  </si>
  <si>
    <t>无效。</t>
  </si>
  <si>
    <t>lol重开局扣分吗</t>
  </si>
  <si>
    <t>扣。</t>
  </si>
  <si>
    <t>重开只要不是逃跑不扣分。</t>
  </si>
  <si>
    <t>即有分期 公司正规吗</t>
  </si>
  <si>
    <t>是民间高利贷。</t>
  </si>
  <si>
    <t>网上银行跨行转账需要手续费吗</t>
  </si>
  <si>
    <t>建行、招行、深发展、中信、光大、民生和上海浦东发展银行。只要持有这7家银行中任何一家银行的借记卡，就可以向这7家银行中的任一一张信用卡进行免费转账。</t>
  </si>
  <si>
    <t>农村户口可以买社保吗</t>
  </si>
  <si>
    <t>可以买社保。</t>
  </si>
  <si>
    <t>如果说有单位的情况下，可以以单位方式参保。否则就只能参考农村养老保险。</t>
  </si>
  <si>
    <t>北京赛车是国家开的吗</t>
  </si>
  <si>
    <t>“北京赛车”黑彩 长春警方联合出击打掉窝点。</t>
  </si>
  <si>
    <t>中脉美体内衣是传销吗</t>
  </si>
  <si>
    <t>男枪不能are了吗</t>
  </si>
  <si>
    <t>可以，ARE释放技巧掌握好，就能达到大招不后退的效果。</t>
  </si>
  <si>
    <t>可以are自己去训练模式实验。</t>
  </si>
  <si>
    <t>两个微信号可以绑定一张银行卡吗</t>
  </si>
  <si>
    <t>可以绑定。</t>
  </si>
  <si>
    <t>左转可以掉头吗</t>
  </si>
  <si>
    <t>如果只有左转信号标志并且没有禁止调头标志，左转灯亮起时就可以调头。如果路口有左转信号且有标志禁止调头的话，就不能调头。</t>
  </si>
  <si>
    <t>赵本山病逝是真的吗</t>
  </si>
  <si>
    <t>赵本山一直活得好好的。</t>
  </si>
  <si>
    <t>不是真的，是假的。</t>
  </si>
  <si>
    <t>没有，那都是谣言不能信。</t>
  </si>
  <si>
    <t>外国人和中国人结婚能拿到中国绿卡吗</t>
  </si>
  <si>
    <t>注册微信一定要用手机号吗</t>
  </si>
  <si>
    <t>不用手机号一样注册。</t>
  </si>
  <si>
    <t>在微信5.0以上版本，必须要有手机号才能注册。</t>
  </si>
  <si>
    <t>乐教考试网提分卷靠谱吗</t>
  </si>
  <si>
    <t>武汉乐教科技有限公司旗下乐教考试网（以下简称乐教）成立至今，一直专注于职业资格考前冲刺教辅的研发，经过11年的稳健发展，已经成为职业资格类考前冲刺教辅的领导品牌，其主打产品提分卷以“精于算法、浓缩考点、准确预测、高效过关”为核心的冲刺模式，受到了广大职业资格考试考生的一致好评。</t>
  </si>
  <si>
    <t>秒钱理财是骗局吗</t>
  </si>
  <si>
    <t>秒钱是国内一个专业的第三方互联网债权交易平台。</t>
  </si>
  <si>
    <t>这个是移动理财APP，是拾财贷这个口碑理财平台推出的，所以靠谱肯定是靠谱。</t>
  </si>
  <si>
    <t>身份证过期还能买火车票吗</t>
  </si>
  <si>
    <t>可以。要本人，本证，本票才可以上车。身份证过期不影响购票，只要是真的身份证就可以了，或者你可以到铁路公安部临时办公点再办个临时身份证。这个很快的1-2分钟就可以了，买到票是有你的名字和身份证号码。</t>
  </si>
  <si>
    <t>qq匿名聊天能查出是谁吗</t>
  </si>
  <si>
    <t>选择低版本的qq进行登录，也就是6.3版本以下的qq版本，因为6.3版本以下的没有匿名功能，所以出现的信息就是直接的qq昵称和号码.</t>
  </si>
  <si>
    <t>员工违反公司规定 开除支付补偿金吗</t>
  </si>
  <si>
    <t>如果公司的员工不遵守公司规章制度，并且公司的规章制度合法性应当具有三个条件：第一、规章制度的内容须具合法性;第二、制定和通过要经过民主程序;第三、要向劳动者公示，并且公司有证据证明该员工是严重违反公司规章制度的话，公司是不需要支付任何经济补偿和赔偿金的；如果公司的规章制度没有经过以上三个条件，并且公司没有证据证明员工是严重违反公司规章制度的话，公司辞退员工是属于违法辞退，应当向员工支付赔偿金。</t>
  </si>
  <si>
    <t>核磁共振 有辐射吗</t>
  </si>
  <si>
    <t>由于核磁共振是磁场成像，而不是X射线，没有放射性，所以对人体无害，是非常安全的。到目前为止，世界上还没有任何关于医院使用核磁共振机引起危害的报道，也未发现病人基因突变或染色体畸变的发生率有增高。</t>
  </si>
  <si>
    <t>CT有辐射，磁共振无辐射，原理是不同的。</t>
  </si>
  <si>
    <t>磁共振仪在工作时，会在人体周围产生一个超强磁场，接着向人体发射电磁波。但是电磁波对人的辐射危害极小，甚至都比不上人出去晒太阳时紫外线对人体的伤害。</t>
  </si>
  <si>
    <t>蛇肉能和翻薯一起吃吗</t>
  </si>
  <si>
    <t>能，蛇肉与番薯不相克。</t>
  </si>
  <si>
    <t>实创装饰公司要倒闭吗</t>
  </si>
  <si>
    <t>是的，公司没钱，欠供应商和工长很多钱，好多分公司都已经开始断货了。</t>
  </si>
  <si>
    <t>马勒戈壁有这个地方吗</t>
  </si>
  <si>
    <t>马勒戈壁是被网民创造出来的词语，是一种网络现象，其本意其实是中国国骂的谐音。</t>
  </si>
  <si>
    <t>划痕蜡有用吗</t>
  </si>
  <si>
    <t>看到底漆就没有用了。打蜡仅能应付灌木丛刮擦痕。</t>
  </si>
  <si>
    <t>划痕蜡对于一般的轻微划痕，发丝，太阳纹都有效果的，真的有用。</t>
  </si>
  <si>
    <t>划痕蜡是有用的，但仅适用于轻度损伤，可以先在家进行预防处理。</t>
  </si>
  <si>
    <t>淘宝对卖家发布的商品数量是否有限制?</t>
  </si>
  <si>
    <t>无限制，越多越好，越多评分越高。重复会被扣分。</t>
  </si>
  <si>
    <t>有限制的，根据卖的宝贝类目和店铺等级来具体规定上架数量。</t>
  </si>
  <si>
    <t>浩泽净水器是骗局吗</t>
  </si>
  <si>
    <t>健身后肌肉酸痛 还需要继续去健身房吗</t>
  </si>
  <si>
    <t>应该继续练 ，等疲劳期过了就好了。肌肉酸痛是突然的运动量使乳酸过多了，建议喝点牛奶会有所缓解。这时候可以适当的减轻运动量，慢慢的身体就会跟上你的节奏。出现了肌肉训练后导致了酸痛的情况发生，考虑为多因肌肉经过长时间的收缩及舒张后，致使肌肉间的肌酸代谢增多，引发了酸胀疼的情况。可以根据自己情况，降低锻炼量，让身体慢慢恢复。</t>
  </si>
  <si>
    <t>珠穆朗玛峰上有动物吗</t>
  </si>
  <si>
    <t>在最高峰八千多米海拔的高度上，应该是没有动物生存的。</t>
  </si>
  <si>
    <t>跳蛛。</t>
  </si>
  <si>
    <t>哺乳动物53种，鸟类206种，两栖动物8种，爬行动物6种，鱼类5种。据不完全统计，已知的药用植物资源达50多科160种。保护区内不仅有丰富的野生生物资源，还有极其丰富的农作物品种资源及畜种资源。</t>
  </si>
  <si>
    <t>胎心仪有辐射吗</t>
  </si>
  <si>
    <t>胎心仪是应用超声原理达到收集胎儿的心跳信息的目的，并不向外发射任何辐射信号没有任何辐射。</t>
  </si>
  <si>
    <t>中国传媒大学考研难吗</t>
  </si>
  <si>
    <t>不难，主要靠自己。</t>
  </si>
  <si>
    <t>把英语抓好，考研的英语难度比较大，不好忽视。</t>
  </si>
  <si>
    <t>肿瘤指标高就是癌症吗</t>
  </si>
  <si>
    <t>不一定是癌症。</t>
  </si>
  <si>
    <t>尼尔机械纪元能联机吗</t>
  </si>
  <si>
    <t>简单说《尼尔》就是一个双主角的单人游戏。</t>
  </si>
  <si>
    <t>乳胶漆有甲醛吗</t>
  </si>
  <si>
    <t>只要是化工产品多多少少都含有害物质，选用乳胶漆以及胶水时首先要闻一闻有没有刺鼻的气味，如果所选用的产品没有刺鼻的气味，而且是正规厂家生产的有环保标志的，其有害物质一般不会超标，对居住者的健康一般不会造成危害。</t>
  </si>
  <si>
    <t>所有的油漆类装修材料都含有甲醛、甲苯，没有绝对无害乳胶漆。</t>
  </si>
  <si>
    <t>乳胶漆主要含有苯系物，品牌的乳胶漆含量要少的多。再者，由于乳胶漆是用在墙体表面，所以内部的苯很容易挥发，所以一般墙面及油漆干透了，苯也就不超标了。不要相信无苯油漆的说法，任何油漆都要以苯系物为生产原料，就像胶里面一定有甲醛一样，没有真正意义上的无醛胶，只有低醛胶。</t>
  </si>
  <si>
    <t>转转担保交易可靠吗</t>
  </si>
  <si>
    <t>还行</t>
  </si>
  <si>
    <t>可靠，买家不确认收货，卖家拿不到钱，卖家东西和描述一致并且按时到货，买家赖不了帐</t>
  </si>
  <si>
    <t>孕妇能去电影院看电影吗</t>
  </si>
  <si>
    <t>在影院观看电影，对孕妇的听觉、视觉、感观冲击很大。强大的环绕立体声还会危害到胎儿的听觉发育，影响宝宝的听力。所以孕妇应该避免去影院观看电影，如果真的想去看，也要选择对的时间和合适的电影。总的来说，电影院还是很嘈杂的，不是很建议孕妈成为电影院的常客。不过如果你实在非常想去看，也是可以的，但是要仔细了解下面的孕妇看电影的注意事项。</t>
  </si>
  <si>
    <t>怀孕前三个月和后三个月的孕妇最好不要去影院。前三个月是妊娠早期，属于胚胎形成阶段，孕妇的妊娠反应会比较大，受不起外界的刺激。而后三个月接近临盆，孩子的独立听觉能力正在增长，音响声过大对孩子影响较大，孕妇最好也不要去影院看电影。有不少人表示，在孕17周后，胎儿听力开始发育，已经能听到一些声音，所以在孕17周后就不能去电影院了，巨大的声响和噪音会吓到胎儿。至于在怀孕中期，只要稍加注意，孕妇还是可以去适度地看看电影的。</t>
  </si>
  <si>
    <t>电影偶尔看看未尝不可，但是得结合电影院的音响和噪音，若是声响过于强烈、环境嘈杂，引起胎动频繁、胎儿不适，那就赶紧中止吧！若是音乐舒扬、音量合适，看电影也是很好的享受和胎教。</t>
  </si>
  <si>
    <t>大果紫檀有收藏价值吗</t>
  </si>
  <si>
    <t>大果紫檀是属于紫檀属花梨木类的木材，是红木家具行业的潜力股，而且其木纹清晰，结构细而匀称，非常适合制作高档红木家具。所以，大果紫檀收藏价值会慢慢地体现出来的。</t>
  </si>
  <si>
    <t>人保电话车险靠谱吗</t>
  </si>
  <si>
    <t>人保电话车险可靠。</t>
  </si>
  <si>
    <t>割双眼皮好吗</t>
  </si>
  <si>
    <t>月经期间能喝咖啡吗</t>
  </si>
  <si>
    <t>女孩在月经期，由于身体比较虚弱，而咖啡中的咖啡因和色素对身体有着很大的危害，同时也不宜在月经前期食用。</t>
  </si>
  <si>
    <t>月经前和经期喝咖啡会会使乳房胀痛，引起焦虑、易怒与情绪不稳，同时更消耗体内储存的维他命B，因此破坏了碳水化合物的新陈代谢。咖啡中含有的咖啡因属于刺激性物质，容易刺激神经和心血管，以致会产生月经疼痛、经期延长和经血过多的可能。女性经期喝咖啡不好。</t>
  </si>
  <si>
    <t>经期是不能喝咖啡的。</t>
  </si>
  <si>
    <t>肺气肿能治好吗</t>
  </si>
  <si>
    <t>1.肺气肿不是一种疾病，而是一种病理状态。2.要治好肺气肿，先要治疗治好原发病。3.改善肺功能是治疗肺气肿最根本的方法。</t>
  </si>
  <si>
    <t>肺气肿疾病不是不治之症,只要患者积极接受治疗,平时注意调养增强身体抵抗力,改善肺功能,曲卫模主任专家指出肺气肿疾病经过有效的护理是可以治愈的。</t>
  </si>
  <si>
    <t>肺气肿是一种肺部慢性病造成的结果，肺气肿是可逆性的，当肺泡弹力纤维及支气管平滑肌并无病理损害，此时如果支气管痉挛能缓解，则肺内气体可以排出，治疗后可以完全恢复，因此，肺气肿是可以治好的。</t>
  </si>
  <si>
    <t>琼瑶有自己的孩子吗</t>
  </si>
  <si>
    <t>琼瑶只有一个亲生儿子。</t>
  </si>
  <si>
    <t>微博浏览别人的主页会被看到吗</t>
  </si>
  <si>
    <t>不会的，进入别人微博，只会增加浏览量，不会留下任何的用户名等痕迹。</t>
  </si>
  <si>
    <t>炉甘石洗剂可以擦脸吗</t>
  </si>
  <si>
    <t>比特币病毒重装有用吗</t>
  </si>
  <si>
    <t>早搏严重吗</t>
  </si>
  <si>
    <t>这个情况的话也都是有很大的危害性，而且尽量还是能够通过手术来进行缓解，一定要做好个人卫生的。</t>
  </si>
  <si>
    <t>早搏分为偶发性和频发性，前者每分钟不超过５次，后者超过５次，如果是偶发，临床没有其他不适和异常，多是功能性疾病所致，如饮食不节，过劳，精神刺激，某些药物等，一般在消除原因后，早搏即可，自行缓解好转，但是如果是频发，伴有胸闷，乏力，心悸，紫绀等，应考虑是器质性疾病所致，如冠心病，风心病，高心病等，建议详细检查明确，积极治疗。</t>
  </si>
  <si>
    <t>心脏早搏是不是较严重的心脏病，要看病人的早搏是生理性的早搏还是病理性的早搏的，如果是生理性的早搏不用担心，不需要治疗。</t>
  </si>
  <si>
    <t>必备是极限词吗</t>
  </si>
  <si>
    <t>红包避雷挂真的有用吗</t>
  </si>
  <si>
    <t>当然是肯定的。</t>
  </si>
  <si>
    <t>夺命前锋 卢锡安有特效吗</t>
  </si>
  <si>
    <t>没有特效。</t>
  </si>
  <si>
    <t>战地1在steam发售吗</t>
  </si>
  <si>
    <t>2011年后EA的游戏就不在steam上发售了。</t>
  </si>
  <si>
    <t>现在凡是ea的游戏都会在ea自己的平台origin发售，steam是没有的。</t>
  </si>
  <si>
    <t>《战地》系列现在只会在EA自己的游戏平台Origin发售。</t>
  </si>
  <si>
    <t>小孩37.5度算不算发烧</t>
  </si>
  <si>
    <t>是属于发烧，可以不用药物治疗的。</t>
  </si>
  <si>
    <t>正常小儿的基础体温为36.9℃-37.5℃，正常体温在肛门处为36.5℃-37.5℃之间；在口腔处为36.2℃-37.3℃之间；在腋窝处为35.9℃-37.2℃之间，通过测量后，凡超过正常范围0.5℃以上时，称为发热，不超过38℃称为低热，超过39℃者为高热。</t>
  </si>
  <si>
    <t>逆战精绝兽神值得买吗</t>
  </si>
  <si>
    <t>微信注册一定要手机号码吗</t>
  </si>
  <si>
    <t>一定要。</t>
  </si>
  <si>
    <t>辽宁长耕集团是真的吗</t>
  </si>
  <si>
    <t>辽宁长耕集团传销诈骗辽宁长耕集团以“PPP”项目为幌子涉嫌传销诈骗。</t>
  </si>
  <si>
    <t>属于不合法行为。</t>
  </si>
  <si>
    <t>施华洛世奇算奢侈品吗</t>
  </si>
  <si>
    <t>男性结扎后能恢复吗</t>
  </si>
  <si>
    <t>不能够。</t>
  </si>
  <si>
    <t>参考文献能随便写吗</t>
  </si>
  <si>
    <t>不能，文献都是发表过的，不可能造假。</t>
  </si>
  <si>
    <t>可以，毕业论文和职称论文都可以。</t>
  </si>
  <si>
    <t>乐山大佛闭眼流泪是真实的吗</t>
  </si>
  <si>
    <t>科学研究显示，真正的原因是因为酸雨的污染导致佛像的上眼帘黑色素增加，从视觉上看,就感觉佛像闭眼了。其实真正的原因就是因为大气中的致酸性气体增多，乐山又属于一个雨水相对较多，空气湿度大的城市，以前古时候，空气没受污染的时候，就没有佛像闭眼的说法。</t>
  </si>
  <si>
    <t>夏天洗冷水澡好吗</t>
  </si>
  <si>
    <t>夏季洗冷水澡，可提高神经系统的功能、夏季洗冷水澡，可健肤美肤，夏季洗冷水澡，能预防感冒、夏季洗冷水澡，能增强心血管功能、夏季洗冷水澡，加强免疫力、夏季洗冷水澡促进血液循环。</t>
  </si>
  <si>
    <t>对于习惯了用凉水冲凉的人来讲，洗冷水澡对增强体质，提高健康水平和防病治病有很多的好处。长期不断进行冷水澡锻炼，不仅会使血管增加弹性，还能预防血管硬化、感冒、支气管炎、扁桃体炎、肺炎等。坚持冷水浴不仅能显着增加白细胞数量，提高免疫力；而且有促进血液稀释，改善血液循环和血液质量，防止血栓形成的作用。但不是每个人都可尝试，因体质不同而异。满身大汗还用冷水洗澡，对身体健康不利。因为人在出汗时，皮下血管扩张，毛孔放大，血液循环加快，如果这时突然用冷水洗澡，皮下血管会立刻收缩，汗毛孔随即关闭，汗腺的分泌也立即停止，身上散热的渠道便堵死了。一旦体内的热量不能继续散发，人便会感到皮肤发热，容易患感冒或其他疾病。</t>
  </si>
  <si>
    <t>夏天洗热水澡比较好，因为洗冷水澡容易感冒。</t>
  </si>
  <si>
    <t>排卵期胸部胀痛正常吗</t>
  </si>
  <si>
    <t>完全正常。</t>
  </si>
  <si>
    <t>会有胀痛的感觉。</t>
  </si>
  <si>
    <t>蚊香需要拆开吗</t>
  </si>
  <si>
    <t>蚊香可以拆开，也可以不拆开。</t>
  </si>
  <si>
    <t>当然要分开了</t>
  </si>
  <si>
    <t>盘装蚊香根本不用拆开</t>
  </si>
  <si>
    <t>艾叶泡脚能治脚气吗</t>
  </si>
  <si>
    <t>艾叶煮水泡脚有治疗脚气的作用的，这个方法是可以用的.但是效果不是很好，也就是没法根治。</t>
  </si>
  <si>
    <t>微信转账需要对方确认吗</t>
  </si>
  <si>
    <t>二维码会重复吗</t>
  </si>
  <si>
    <t>不会,就像条形码一样的。都是唯一的。一个码代表一组信息。</t>
  </si>
  <si>
    <t>二维码生成一般来说对应有一个值，这个值可以是网址，也可以是编号等等。如果值不一样，通过程序生成的二维码就不一样。就好像说，我们看到的门牌号码一样，每个门牌号码不一样，在地图上对应的地址也不一样。</t>
  </si>
  <si>
    <t>肯定不会重复的。每个网址生成和二维码都是唯一的。</t>
  </si>
  <si>
    <t>湖州房价亚运会会涨吗</t>
  </si>
  <si>
    <t>从目前来看，湖州的房价是处于一个相对平稳的状态，目前还没有经历过暴涨，所以湖州的房价还具有上涨的潜质。</t>
  </si>
  <si>
    <t>贴膜留三角的后悔了吗</t>
  </si>
  <si>
    <t>后悔。</t>
  </si>
  <si>
    <t>副帮主能给商人吗</t>
  </si>
  <si>
    <t>在帮派管理里面，有个任命职位，就可以把其他人改成商人了。</t>
  </si>
  <si>
    <t>经期可以喝咖啡吗</t>
  </si>
  <si>
    <t>少量的咖啡因可缓解女孩月经期的不适。</t>
  </si>
  <si>
    <t>孕期tsh必须低于2.5吗</t>
  </si>
  <si>
    <t>理论上是要低于2.5的。</t>
  </si>
  <si>
    <t>前三四个月比较重要，要控制在2.5以下。</t>
  </si>
  <si>
    <t>怀孕期间tsh适当增高也是正常的，只要T3T4没有问题一般是不需要特殊处理的，孕后注意休息，加强营养，定期产检复查。</t>
  </si>
  <si>
    <t>余额提现要手续费吗</t>
  </si>
  <si>
    <t>个人用户：同一身份证下的多个实名账户终身共享2万元基础免费额度（含转账到银行卡、账户余额提现），超过额度后超出金额按照0.1%收取服务费，最低0.1元/笔。企业用户：不受此次收费政策影响，收费策略保持不变。</t>
  </si>
  <si>
    <t>QQ提现不需要手续费，是微信需要手续费。</t>
  </si>
  <si>
    <t>盛一伦是同性恋吗</t>
  </si>
  <si>
    <t>蛤蛎干里面的黑疙瘩要去除吗</t>
  </si>
  <si>
    <t>不需要，放点食用油就好了。</t>
  </si>
  <si>
    <t>玛雅蓝有用吗</t>
  </si>
  <si>
    <t>驱蚊手环真的有用吗</t>
  </si>
  <si>
    <t>驱蚊手环真不管用。</t>
  </si>
  <si>
    <t>驱蚊手环只有两个小时的功效。</t>
  </si>
  <si>
    <t>闲鱼卖东西安全吗</t>
  </si>
  <si>
    <t>验血前可以喝水吗</t>
  </si>
  <si>
    <t>对于很多抽血的检查是需要空腹抽血的，所谓空腹的定义为至少八小时以上没进食，也就是说前一天晚上九点后不要再进食了，在第二天早上空腹抽血检查，对于抽血前可以少量的喝水的，但不能进食。</t>
  </si>
  <si>
    <t>因为人在早上起床后血液粘稠度非常高，喝少量的水可以对血液起到稀释作用。不管离体检中心有多近，从起床到体检机构总会有一段路程，到了那里水分也就吸收的差不多了，也相当于空腹。切忌在到了体检中心后一定不能喝水，除了会影响抽血化验结果外，还会影响其他空腹体检项目。</t>
  </si>
  <si>
    <t>一般要求采血前12～14小时内需要禁食。</t>
  </si>
  <si>
    <t>孕妇吃辣的对胎儿有影响吗</t>
  </si>
  <si>
    <t>孕妇吃辣的是很有可能导致上火的，孕妇火大会使肚子里的胎儿出生后会有眼角红的现象。</t>
  </si>
  <si>
    <t>怀孕期间是不可以吃辣的食物的，以免影响胎儿发育，孕期一般是要注意不要吃辛辣的东西，这样宝宝容易上火，也会造成孕妇便秘。</t>
  </si>
  <si>
    <t>1、吃辣椒太多易便秘：孕期本来就容易便秘，如果吃辣椒尤其是干辣椒太多，反而更易加重病情。便秘时用力屏气，腹压加大，使子宫、胎儿、血管局部受挤压致供血不足，易引起血压增高、流产、早产或胎儿畸形。2、对胎宝带来不利影响：辛辣物质会随着母亲的血液循环进入胎儿体内，可能会刺激到宝宝，给胎宝造成不良影响。3、过量吃辣也会中毒：辣椒辛热有毒，过食可使体内湿从热化，表现为皮肤痤疮，血压升高，痔疮加重，鼻出血等。长期大量食用辣椒，会引起中毒表现，如胃脘灼热感、腹胀、腹痛、恶心、呕吐、玄晕，甚至呕血、尿血、衄血、血压升高或下降。</t>
  </si>
  <si>
    <t>甲氧沙林是不是治疗白癜风的药物</t>
  </si>
  <si>
    <t>甲氧沙林片是治疗白癜风的一种药物。</t>
  </si>
  <si>
    <t>eb病毒能否彻底治愈</t>
  </si>
  <si>
    <t>多数可以完全治愈的。</t>
  </si>
  <si>
    <t>目前无特效治疗，大多能自愈。</t>
  </si>
  <si>
    <t>世界上真的有龙吗</t>
  </si>
  <si>
    <t>龙是存在的。</t>
  </si>
  <si>
    <t>骗人的。</t>
  </si>
  <si>
    <t>付费加群靠谱吗</t>
  </si>
  <si>
    <t>不可靠，也不真实多数都是推广软件让你去注册的，建议不要进去，免得造成不必要的财产损失。</t>
  </si>
  <si>
    <t>娃娃机赚钱吗</t>
  </si>
  <si>
    <t>抓娃娃机逐渐进化成了现在的样子，技术提高，赚钱也更容易。</t>
  </si>
  <si>
    <t>一天营业额三五千的娃娃机，一年的承包费只要1.5万。</t>
  </si>
  <si>
    <t>适合学生、年青人小本创业，投资只需几千元，本小利大，风险低，回收成本快；在公园、步行街、超市、商场、广场、休闲娱乐等场所是目前最经济的投资项目。</t>
  </si>
  <si>
    <t>初中毕业学计算机行么</t>
  </si>
  <si>
    <t>学电脑不错的，这方面专业多，可以根据自己喜好找个专业。</t>
  </si>
  <si>
    <t>可以学习，不管是小学毕业还是初中毕业，只要自己想学习一定能学。但是初中毕业学专业的计算机需要付出一定的努力。</t>
  </si>
  <si>
    <t>转转验机会拆机吗</t>
  </si>
  <si>
    <t>如果有防水胶 他们不会拆。如果之前拆过 可能会拆开检查里面。</t>
  </si>
  <si>
    <t>不会拆机吧？拆机的意思是把手机的零件什么的全拆了，就是质检个手机，不会把零件给拆了，最多就是打开屏幕盖看看里面有没有进水什么的，这样不会损坏手机，就是正常的检测，我的手机我没事就自己拧开螺丝玩，看看里面是个啥结构，对手机没啥影响。</t>
  </si>
  <si>
    <t>不拆机。但是可能会打开后壳看有没有进水吧，不然是验不出来有没有进水和换件的。你也可以备注不允许他们打开后壳查看</t>
  </si>
  <si>
    <t>国外有共享单车吗</t>
  </si>
  <si>
    <t>有， 现今，共享单车在全球遍地开花，但是发展得都不尽相同。</t>
  </si>
  <si>
    <t>食用油能否带上火车</t>
  </si>
  <si>
    <t>火车可以带油。上火车都会通过安检程序，会检测出不能带上火车的物品，而食用油并不属于危险物品，因此是可以带上火车的。</t>
  </si>
  <si>
    <t>小米6好不好</t>
  </si>
  <si>
    <t>可以说小米6是目前国内性能、配置、拍照最好的一部手机了，而且价格也控制的很好，起售价2499元的价格非常具有性价比。</t>
  </si>
  <si>
    <t>总的来说小米6还不错。</t>
  </si>
  <si>
    <t>携程抢票 能抢到吗?</t>
  </si>
  <si>
    <t>电信网加快鸟的话，速度应该是可以的。</t>
  </si>
  <si>
    <t>人民的名义陈海醒了吗</t>
  </si>
  <si>
    <t>在《人民的名义》小说中，陈海还是没有醒过来，只是从只是从重症室转到普通病房。</t>
  </si>
  <si>
    <t>据扮演者剧透，感觉是会醒的。</t>
  </si>
  <si>
    <t>子宫肌瘤对胎儿有影响吗</t>
  </si>
  <si>
    <t>只要子宫肌瘤的大小是很小的话一般是不会有影响的。</t>
  </si>
  <si>
    <t>子宫肌瘤主要分为浆膜下肌瘤，肌层肌瘤和粘膜下肌瘤，一般来说，只有粘膜下的肌瘤才会影响怀孕之后的宝宝的发育的，其他两种的肌瘤是不会影响的。</t>
  </si>
  <si>
    <t>dnf搬砖能月入3000吗</t>
  </si>
  <si>
    <t>如果是10个号每天全部刷裂隙就可以。</t>
  </si>
  <si>
    <t>四开10到12小时3000多吧。</t>
  </si>
  <si>
    <t>搬砖这个也只能算是业余爱好，不能当饭吃的，30个角色，就算一天都刷完，一个大概是100W+，所以可以有3000W+，折算完大概100块，不过没那么多精力的。</t>
  </si>
  <si>
    <t>菠萝皮能去甲醛吗</t>
  </si>
  <si>
    <t>用菠萝皮消除甲醛没有科学根据，但散发出来的香味有助于除味房子装修后因为甲醛等因素造成很辣眼，空气不清新等状况，所以只有掩盖作用，不会去除。</t>
  </si>
  <si>
    <t>腋毛能剪吗</t>
  </si>
  <si>
    <t>腋毛是可以剪掉的。</t>
  </si>
  <si>
    <t>一般考虑可以剪掉的。</t>
  </si>
  <si>
    <t>京东的东西都是正品吗</t>
  </si>
  <si>
    <t>基本都是。</t>
  </si>
  <si>
    <t>敷面膜后要洗脸吗</t>
  </si>
  <si>
    <t>1、若在敷面膜前使用了精华液等，不建议清洗。2、若在清洁后敷面膜，而且敷完面膜后觉得脸上黏糊糊不好受，用后续保养品会搓泥的话，那么可以适当清洗。</t>
  </si>
  <si>
    <t>手机qq没有在线客服吗</t>
  </si>
  <si>
    <t>首先参考电脑端快速对话QQ人工客服方法，随便输入内容发送，然后手机端即可看到和“腾讯官方在线客服”的对话。为了便于以后对话，可以把会话置顶。直接发送数字“1”便可。再发送数字1，直到看到有选项“【5】联系客服”。选择发送数字“5”即可，当然有的时候可能提示我们使用有问题QQ，不管他，直接再发送数字“1”即可收到人工服务的消息。</t>
  </si>
  <si>
    <t>首先打开QQ软件，输入自己的账号和密码登陆，然后点击软件界面底下的企鹅符号，也就是“主菜单”，然后在点击“帮助”里面的“腾讯客服”；2、在弹出的腾讯客服窗口中，点击窗口的左下角的“联系腾讯客服”，这样子就可以打开联系腾讯客服的网页了；3、在打开的腾讯客服网页里的右边的导航栏里，点击“在线客服”以此打开在线客服选择；4、在弹出的众多腾讯客服联系里，找到需要咨询的问题的所处位置里，然后点击问题对应客服底下的“在线咨询”；5、在打开的是否咨询的确认窗口中，我们点击“确定”；6、如果电脑登陆了多个QQ的话，那么这时候会弹出一个请选择号码的窗口，点击需要跟腾讯客服咨询的QQ，然后点击“确定”；7、完成以上操作步骤之后，就可以打开了相对应的腾讯客服咨询QQ聊天窗口。</t>
  </si>
  <si>
    <t>二元期权合法吗</t>
  </si>
  <si>
    <t>平甩功到底是不是骗局</t>
  </si>
  <si>
    <t>湿疹能根治吗</t>
  </si>
  <si>
    <t>苹果自带软件可以删除吗</t>
  </si>
  <si>
    <t>1、iphone 手机升级到 iOS 10，可以删除的自带软件如下：计算器、日历、提示、提醒事项、备忘录、指南针、通讯录、邮件、地图、新闻、博客、提醒、股票、语音备忘录、音乐、视频、手表、iBooks、Facetime、Find My Friends、iCloud Drive、iTunes Store、Home、天气。</t>
  </si>
  <si>
    <t>有的可以。i9系统之后有五个软件是可以卸载的。</t>
  </si>
  <si>
    <t>不可以，10系统也只是隐藏，内存还是占用的。</t>
  </si>
  <si>
    <t>淘宝店铺名称可以修改吗</t>
  </si>
  <si>
    <t>点击卖家中心；点击店铺基本设置；点击查看店铺创建规范；点击申请淘字号；根据自己的情况选择申请类型；然后会出现这个页面。然后根据要求填写就行了。</t>
  </si>
  <si>
    <t>第一步：用淘宝店铺账号，在阿里旺旺上登入；第二步：点击旺旺中带淘字的图标；第三步：点击【售中宝贝】，在页面的左边栏目找到【店铺基本设置】，点击进入；第四步：输入现在想改成的店铺名字，拉到网页下方点击【保存】即可更改店铺名称；这样淘宝店铺名字就修改成功。</t>
  </si>
  <si>
    <t>淘宝店铺名是可以修改的，卖家可以点击卖家中心，然后选择店铺基本设置，在店铺名称处修改就可以了。</t>
  </si>
  <si>
    <t>58转转安全吗</t>
  </si>
  <si>
    <t>四川李有才是真的吗</t>
  </si>
  <si>
    <t>李有才 ,73岁, 男 , 高级工程师 。1939年9月出生于四川省成都市，1962年9月毕业于成都理工大学地球物理系参加工作以来，长期在北京中国地震局地壳应力所和四川省地震局地震分析预测预报研究所从亊地震预测预报、深部地球物理及地震工程等方面研究工作，工作中曾担任四川省地震学会前兆专业委员会主任委员、理亊、四川省地震学会地震預报专业委员会委员、四川省地震局地震分析预测研究所综合预报组组长、中国地震学会会员。</t>
  </si>
  <si>
    <t>徐歌阳现在有人签约吗</t>
  </si>
  <si>
    <t>签的汪峰的公司。</t>
  </si>
  <si>
    <t>翻墙会被监控吗</t>
  </si>
  <si>
    <t>如果有必要，应该是可以监控到，但是好像目前不怎么管。都有几个公司做VPN 了，个人就随便翻，别大势搞些什么教什么言论之类就行。</t>
  </si>
  <si>
    <t>川崎h2在中国能上牌吗</t>
  </si>
  <si>
    <t>街道版证件齐全就可以上，赛道版不可以上。</t>
  </si>
  <si>
    <t>漫步者h230p值得入手吗</t>
  </si>
  <si>
    <t>值得入手，效果非常给力，三频确实在同价位的算是出色的，尤其是低频和中频，高频相对一般，低频效果理想并且不是那种轰头。做工细腻，很有质感。耳机是一面长一面短那种，标长1.3米，带的收纳盒很好。缺点：线有点细，线材不够好。</t>
  </si>
  <si>
    <t>不值得入手，用小米手机对比试听了OPPO手机标配耳机、华为手机标配耳机、小米活塞耳机、苹果手机原装耳机、魅族手机所配EP-21HD耳机，完全没有其他耳机那种浑厚的低音效果，稍微低沉点就失真发出噗噗声，高音尖涩刺的耳朵生疼，耳机声音很小，体验不好。</t>
  </si>
  <si>
    <t>值得入手，音质挺好的，话筒的录音也挺清晰的。</t>
  </si>
  <si>
    <t>多囊卵巢综合症能治愈吗</t>
  </si>
  <si>
    <t>多囊卵巢综合征是常见的妇科内分泌疾病，在降低血雄激素水平、改善胰岛素抵抗、诱发排卵、或手术治疗治疗之后，可以治愈的。</t>
  </si>
  <si>
    <t>多囊卵巢综合征的治疗完全可以痊愈，包括：一般治疗：应该积极进行锻炼，减少高脂肪、高糖食物的摄取，降低体重，这样可以促使雄激素水平下降，对恢复排卵有利。药物治疗：药物治疗可以对抗雄激素的作用，促使卵巢排卵。一般服用3-6个月左右，经过激素水平检测正常后就可以停止服药。腹腔镜手术治疗：如果上述两种方法效果都不好，就需要考虑腹腔镜手术治疗。在腹腔镜下，手术穿刺卵泡，使雄激素水平下降，从而达到治疗目的。一般在症状得到控制后都可以恢复排卵，从而怀孕。但有部分也会复发，这需要定期到医院进行检查。需要指出的是，多囊性卵巢综合症持续的时间越长就越难治疗，因此，一旦有相关的症状，应该及时到医院就诊，以免延误病情。</t>
  </si>
  <si>
    <t>多囊卵巢综合症是可以治好的。 多囊卵巢综合征治疗目的主要是建立有排卵的正常月经周期,恢复生育能力,恢复卵巢功能,消除多毛.一旦建立了正常的月经周期,就能受孕。 多囊卵巢的治疗方法有两种，一种是药物治疗，另一种是手术治疗。</t>
  </si>
  <si>
    <t>饿了么刷首单要判刑吗</t>
  </si>
  <si>
    <t>不违法。</t>
  </si>
  <si>
    <t>ipad (5th gen) wi-fi 是不是最新的</t>
  </si>
  <si>
    <t>在官网查到iPad (5th gen) Wi-Fi是最新的ipad的型号。</t>
  </si>
  <si>
    <t>衡水中学和衡水一中是一个学校吗</t>
  </si>
  <si>
    <t>这是一个学校，老师资源也是这两个学校平均分配的。但是新校区的硬件条件比较好的，老校区的食堂好吃。两个校区而已，北校区是老校区，南校区是新校区，南校区是前年建成的，在比较荒郊野外的地界，但环境还不错，师资都是一样的，不是两个学校。衡中公立学校，衡一收费学校，剩下的都一样，衡一尖子生多，人多。</t>
  </si>
  <si>
    <t>现在不是，原来本质上是。衡中还是原来的衡中，衡水一中是衡中和泰华集团合资办的，属于民办。但是和衡中师资共用，所以衡水人也分不清楚。因为衡中是公立，而衡水一中是私立，所以到处开分校，所以属于打着衡中的旗号捞钱，现在可能是利益冲突了，撕破脸皮了。</t>
  </si>
  <si>
    <t>名义上是两个学校，但其实就是一个学校，一套人马，两个办学地点，衡水中学在城区，衡水一中在郊区，可以把衡水一中看成衡中分校。</t>
  </si>
  <si>
    <t>安迪有没有精神病</t>
  </si>
  <si>
    <t>打印机对孕妇有影响吗</t>
  </si>
  <si>
    <t>没有大的影响，是安全的。</t>
  </si>
  <si>
    <t>欧联杯决赛有直播吗</t>
  </si>
  <si>
    <t>有的，下载一个直播帝就可以看了，建议到当贝应用市场去下载</t>
  </si>
  <si>
    <t>无电视台转播，乐视、pptv等直播。</t>
  </si>
  <si>
    <t>北京京中劳务是真的么</t>
  </si>
  <si>
    <t>我们一行十几个人，每个人交了19800元的费用，交完钱以后就让等签证，中间以很忙等各种理由不接电话，不回微信，然后直接关机，微信被屏蔽。一个自称经理的人态度极其恶劣，什么问题都不能问，交了钱就是交了钱，没人让你交钱，是你自愿的。而且是手写收据，不是正规发票。过一个月，一个北京的电话打过来，说是签证中心，问了几个问题，然后就说签证被拒，去不了，钱也不退。问怎么处理，那边就是让等，最多退一千块钱，急忙把电话挂掉。然后那边的电话就再也打不通了，到现在3个月了，一分钱没退。在智联招聘和前程无忧上一直换公司名字和手机号码，微信。已投诉智联招聘，智联招聘说已备案，要开会研究处理，不能让李鬼钻了法律的空子。</t>
  </si>
  <si>
    <t>王菲真的和人双修了吗</t>
  </si>
  <si>
    <t>05年和李一上床做双修是人尽皆知的丑事吧。</t>
  </si>
  <si>
    <t>手机对孕妇有影响吗</t>
  </si>
  <si>
    <t>有影响。</t>
  </si>
  <si>
    <t>手机通话是通过高频电磁波将电讯号发射出去的发射天线周围存在微波辐射(300MHz-300GHz)，手机的微波为超过国家规定的微波卫生标准，对人体就产生危害，有40%被机体吸收到深部，使器官发热，而人无感觉。对人体的生殖和胚胎发育有影响。如果是高强度微波辐射对孕妇可引起流产，胎儿畸形或死胎；低强度可对子代出生后的若干行为产生一定的不良影响。</t>
  </si>
  <si>
    <t>优购网的鞋子是正品吗</t>
  </si>
  <si>
    <t>不可能有假货。</t>
  </si>
  <si>
    <t>被家猫抓了出血有事吗</t>
  </si>
  <si>
    <t>建议再用肥皂水彻底清洗伤口，再用酒精和碘酒消毒数次，及时去医院注射狂犬疫苗，</t>
  </si>
  <si>
    <t>狗猫传播狂犬病主要是咬伤引起的。如果在上述1.的背景下，被自家或邻居的无病或健康狗猫舔舐或唾液沾染,没有意义。抓伤轻度未出血或浅表抓伤者，可局部涂碘酒。重度抓伤出血较多者，除立即冲洗外，去医院就诊。被确诊或可疑狂犬病的动物抓伤或舔舐破损皮肤或粘膜，才需要作为暴露处理。3. 抚摸狂犬病动物（狗猫）或者接触其血液、尿或粪便都不构成暴露，无须采取预防措施。4. 与外表健康动物的唾液间接接触，完全没有传播狂犬病的可能性。</t>
  </si>
  <si>
    <t>快去打狂犬育苗妈昨天也被我们家猫把手咬了留了很多血都肿了医生说还好是在24小时要不就算打了也没有效果了。</t>
  </si>
  <si>
    <t>捷克街头搭讪是真实的吗</t>
  </si>
  <si>
    <t>真实的。</t>
  </si>
  <si>
    <t>阴阳师烟烟罗值得培养吗</t>
  </si>
  <si>
    <t>孕妇能吃木瓜吗</t>
  </si>
  <si>
    <t>冷静期要不要主动联系</t>
  </si>
  <si>
    <t>还是主动吧。</t>
  </si>
  <si>
    <t>体温计打碎了会中毒吗</t>
  </si>
  <si>
    <t>水银在空气中可以升华，吸入后有有中毒的可能。</t>
  </si>
  <si>
    <t>一支水银体温针的汞含量是1克，当体温针被打碎之后，外泄的汞可以使一间3米高的15平方米房间空气中的汞浓度达到22.2mg/立方米。一个人在汞浓度1.2-8.5mg/立方米的环境中就很容易引起汞中毒。</t>
  </si>
  <si>
    <t>鲤鱼精的盾吃暴击吗</t>
  </si>
  <si>
    <t>吃。</t>
  </si>
  <si>
    <t>安能物流送货上门吗</t>
  </si>
  <si>
    <t>可以的</t>
  </si>
  <si>
    <t>苹果6丢了关机了能找回来么</t>
  </si>
  <si>
    <t>iPhone6丢失但是关机了，定位无法再找回来。</t>
  </si>
  <si>
    <t>电脑上能不能玩ios手游</t>
  </si>
  <si>
    <t>iOS的是不行的，安卓有模拟器，但是苹果没有。</t>
  </si>
  <si>
    <t>可以的，不过需要安装相应的IOS模拟器。</t>
  </si>
  <si>
    <t>外教会和学生谈恋爱吗</t>
  </si>
  <si>
    <t>韦博外教跟学生谈恋爱。</t>
  </si>
  <si>
    <t>巧克力囊肿能治愈吗</t>
  </si>
  <si>
    <t>脏器切除复发率比较低，这种手术主要是切除卵巢或者整个子宫，可以达到治愈的目的。</t>
  </si>
  <si>
    <t>没有什么很好的药物，可以彻底的治疗巧克力囊肿你应该做微创手术的,术后在用达菲林能减轻复发的几率。</t>
  </si>
  <si>
    <t>grails框架用得多吗</t>
  </si>
  <si>
    <t>多。</t>
  </si>
  <si>
    <t>于小光秋瓷炫结婚了吗</t>
  </si>
  <si>
    <t>2017年4月举行婚礼。</t>
  </si>
  <si>
    <t>省呗是正规的吗</t>
  </si>
  <si>
    <t>省呗是正规的。</t>
  </si>
  <si>
    <t>垂直采是不是骗局</t>
  </si>
  <si>
    <t>健身肌肉酸痛第二天应该继续吗</t>
  </si>
  <si>
    <t>应该继续练，等疲劳期过了就好了。肌肉酸痛是突然的运动量使乳酸过多了，建议喝点牛奶会有所缓解。这时候可以适当的减轻运动量，慢慢的身体就会跟上节奏。</t>
  </si>
  <si>
    <t>第二天应该休息，第三天再练。健身训练，如果是想增加肌肉维度，天天训练不可取。</t>
  </si>
  <si>
    <t>肌肉酸痛和休息关系不大，主要是健身后要做放松肌肉的运动。如果做的是大量运动，最好休息一天。肌肉充血严重，就要多做放松。</t>
  </si>
  <si>
    <t>flickr中国能用吗</t>
  </si>
  <si>
    <t>如今在国内不能打开flickr上传下载图片资源了。</t>
  </si>
  <si>
    <t>flickr现在是被封锁掉了阿，要使用软件才可以连接。</t>
  </si>
  <si>
    <t>这是国外的社交网站国内上不去的，你懂得，要翻。</t>
  </si>
  <si>
    <t>畜牧站能治宠物吗</t>
  </si>
  <si>
    <t>畜牧兽医站没有给宠物看病的职能，也不能对外进行盈利性的经营。</t>
  </si>
  <si>
    <t>波奇网的东西是正品吗</t>
  </si>
  <si>
    <t>暂时还没收到假的东西。</t>
  </si>
  <si>
    <t>绝对不会有假货的，100%正品。</t>
  </si>
  <si>
    <t>手机不贴膜可以吗</t>
  </si>
  <si>
    <t>当然可以，贴膜就是起保护作用，防止划花，细心点用就没事。</t>
  </si>
  <si>
    <t>人事代理是正式工吗</t>
  </si>
  <si>
    <t>现在都是签订劳动合同，都是合同工。</t>
  </si>
  <si>
    <t>是正式工，就是类似于人事助理的职位。</t>
  </si>
  <si>
    <t>全民红包是真的吗</t>
  </si>
  <si>
    <t>百度全民红包活动不一定是真的。</t>
  </si>
  <si>
    <t>择天记完本了吗</t>
  </si>
  <si>
    <t>没有完结呢。</t>
  </si>
  <si>
    <t>荣耀v9内存是ufs2.0吗</t>
  </si>
  <si>
    <t>不一定，是UFS2.1，UFS2.0，eMMC以上三种都有混用。</t>
  </si>
  <si>
    <t>公司按最低标准买社保可以起诉吗</t>
  </si>
  <si>
    <t>太阳神集团是合法的吗</t>
  </si>
  <si>
    <t>是的，不过属于地面运作。</t>
  </si>
  <si>
    <t>去肯尼亚工作安全吗</t>
  </si>
  <si>
    <t>1.身体状况，毕竟那边的卫生条件较差，流行病比较多；2.工作环境，有的单位工作环境和生活环境好一些，有的十分差，3.个人工作计划，出国回来以后会更好呢，还是会丢掉一些机会？4.家庭状况，家人是否同意，父母身体是否健康。5.肯尼亚人对中国人比较友好，不过也要时刻考虑人身安全。近年来袭击华人的事件太多了。</t>
  </si>
  <si>
    <t>学信网查不到的学历是假的吗</t>
  </si>
  <si>
    <t>1990年以前上网查询不到但学历不是假的，1991-2000年之间是内网查询，学历查询查询不到，2001年后查不到八成就是假证。</t>
  </si>
  <si>
    <t>乳腺纤维瘤能根治吗</t>
  </si>
  <si>
    <t>可以手术切除，术后一般不会复发。</t>
  </si>
  <si>
    <t>点状强回声一定是癌吗</t>
  </si>
  <si>
    <t>是的，具体的还要做穿刺检查。</t>
  </si>
  <si>
    <t>大连有共享单车吗</t>
  </si>
  <si>
    <t>有，只不过比较少，现在目前有四个地方开通：1. 大有恬园；2. 百合山庄；3. IT家园；4. 高新区职工公寓。</t>
  </si>
  <si>
    <t>香港莎莎有假货吗</t>
  </si>
  <si>
    <t>在香港的实体店，不管是sasa、卓悦这种上市公司，还是药房、小型化妆品店，只要卖家敢拿出来卖，就不用担心是假货。香港是法治社会，不管在哪里买到假货，还是对什么服务不满，去消费者委员投诉。</t>
  </si>
  <si>
    <t>不是大陆的sasa，是香港的sasa雅诗兰黛小棕瓶，假的。</t>
  </si>
  <si>
    <t>电动刮胡刀能带上飞机吗</t>
  </si>
  <si>
    <t>可以，坐飞机除了违规物品不能携带以外，其他的都可以。</t>
  </si>
  <si>
    <t>电动剃须刀是可以带的但是刀片式的是不可以的。</t>
  </si>
  <si>
    <t>电视剧白鹿原播出了吗</t>
  </si>
  <si>
    <t>播出了。</t>
  </si>
  <si>
    <t>比智高是激素吗</t>
  </si>
  <si>
    <t>比智高并不是激素。比智高的全名是赖氨酸磷酸氢钙颗粒。</t>
  </si>
  <si>
    <t>李连杰瘫痪是真的吗</t>
  </si>
  <si>
    <t>还没到那种程度。</t>
  </si>
  <si>
    <t>有被信掌柜骗过的吗</t>
  </si>
  <si>
    <t>信掌柜APP不是骗人的。</t>
  </si>
  <si>
    <t>kmspico可以卸载吗</t>
  </si>
  <si>
    <t>可以，这个在上面只是要自动续期的，卸载之后180天之后还要重新激活。</t>
  </si>
  <si>
    <t>i5和i3差别大吗</t>
  </si>
  <si>
    <t>1、酷睿 i3可以看作是酷睿i5的进一步精简版，将有32nm工艺版本（研发代号为Clarkdale，基于Westmere架构）这种版本。Core i3最大的特点是整合GPU（图形处理器），也就是说Core i3将由CPU+GPU两个核心封装而成。由于整合的GPU性能有限，用户想获得更好的3D性能，可以外加显卡。值得注意的是，即使是Clarkdale，显示核心部分的制作工艺仍会是45nm。2、酷睿i3是一款基于Nehalem架构的双核处理器，其依旧采用整合内存控制器，三级缓存模式，L3达到8MB，支持Turbo Boost等技术的新处理器。  3、最后，最重要的 ：Intel 酷睿i5核心线程数 4核心4线程数，二级缓存4*256KB，三级缓存8M.TDP.95W，Intel 酷睿i3核心线程数，2核心4线程数，二级缓存2*256KB，三级缓存4M.TDP.65W。最大的区别是I5支持睿频，I3不支持,I3只有双核,而I5有双核和4核两种。至于 酷睿i3和i5哪个好，用户根据工作需要选择即可。</t>
  </si>
  <si>
    <t>1，i3的台式CPU都是双核四线程，而i5的台式CPU都是四核四线程，只有第一代的i5有双核四线程（i5 661）。2，就如i3 4130和i5 4670进行对比，其最大区别在于i5 4670比i3 4130多出了两个物理处理器核心，但i3 4130支持超线程技术，故多出了两个虚拟处理器核心，但单线程性能依然不够i5 4670强，多核更是跟不上，而且不够i5 4670稳定。</t>
  </si>
  <si>
    <t>围棋很难吗</t>
  </si>
  <si>
    <t>只要有兴趣，围棋不难学。</t>
  </si>
  <si>
    <t>51修 靠谱吗</t>
  </si>
  <si>
    <t>不能说特别好，也没有特别差。</t>
  </si>
  <si>
    <t>低压60高压90正常吗</t>
  </si>
  <si>
    <t>平安好医生是真的假的</t>
  </si>
  <si>
    <t>用vpn 能查到你的真实ip 吗</t>
  </si>
  <si>
    <t>vpn是虚拟专线,,代理都是转发的,数据会流到别人服务器上,可以截取,是可以被跟踪真实地址的。</t>
  </si>
  <si>
    <t>如果非法操作，网监介入真实地址可以查到。</t>
  </si>
  <si>
    <t>张哲瀚有女朋友吗</t>
  </si>
  <si>
    <t>宝骏510可以跑滴滴吗</t>
  </si>
  <si>
    <t>朋友借钱不还可以报警吗</t>
  </si>
  <si>
    <t>微信被拉黑了还能加好友吗</t>
  </si>
  <si>
    <t>微信重新添加拉黑好友，根据是否解除好友关系，分别操作如下：1、只把对方列入黑名单，双方相互未删除好友：进入微信轻触“我”，设置，隐私，通讯录黑名单选中对应好友好后，选择“解除黑名单”即可。 从黑名单中把对方移除，互相可直接发送消息。2、把对方列入黑名单，非双向好友关系：首先需要把对方从黑名单移除（方法同上），然后再重新添加对方为好友。3、把对方互列入黑名单：即使将对方移除黑名单，重新添加对方为好友，对方也收不到消息，消息被拒收。将好友列入黑名单，查看对方是否删除好友方法：查看对方“我的相册”，如果还可以查看，证明对方没有删除；如果无法查看，对方可能设置朋友圈权限、删除了好友，列入了黑名单，都需要将先对方移除黑名单后，向对方发送信息进行确认。</t>
  </si>
  <si>
    <t>萨德部署了吗</t>
  </si>
  <si>
    <t>美国在韩部署萨德系统。</t>
  </si>
  <si>
    <t>韩电冰箱属于杂牌吗</t>
  </si>
  <si>
    <t>说不上杂牌这么严重。品牌的冰箱产品属于行业内的三流产品，相对而言其技术实力一般、质量水平一般，价格适中。</t>
  </si>
  <si>
    <t>白癜风是否传染</t>
  </si>
  <si>
    <t>白癜风是由于后天性黑色素脱失造成的色素性皮肤病，传染是病原体对他人的寄生过程，但白癜风并不是病原体引起的疾病，所以不会传染的。</t>
  </si>
  <si>
    <t>做主播需要主播证吗</t>
  </si>
  <si>
    <t>1、实名信息提交环节。应至少包括：本人姓名；本人身份证号码；本人手机号码；银行卡账户信息(必须与申请者本人姓名完全一致)；主播本人手持身份证照片(身份证照片与号码清晰可辨认)。2。资料认证环节：在申请者完整填写了资料提交申请后，系统对申请者资料进行真实性认证。验证银行卡号、开户人姓名、认证者本人姓名、身份证号真实有效且完全匹配，如不符合要求或信息不匹配，则不允许认证。3、面对面人工认证。人工认证时申请者需在与审核人员视频聊天的过程中回答若干问题，认证过程不得少于1分钟。在审核人员认定申请者与所提交的资料为同一人且满足平台认证要求，则予以通过认证。否则不予通过认证。认证过程视频录像永久保存备查。</t>
  </si>
  <si>
    <t>t波改变需要治疗吗</t>
  </si>
  <si>
    <t>心电图为T波改变属于心肌缺血，胸闷、心快，嘴唇发紫还需要做心脏彩超检查，进一步确诊病因，指导意见：根据情况最好到医院进一步检查，确诊病因后治疗。平时低脂肪饮食，戒烟酒，情绪上要注意不要大喜大悲，保持充足睡眠。养成良好生活习惯，定时排便，不能过度劳累。</t>
  </si>
  <si>
    <t>T波改变考虑有心肌缺血，建议做一下64排CT检查，看一下心脏血管狭窄的情况，可以药物治疗。平时注意清淡饮食，适量运动，放松心情，最好去医院做24小时动态心电图和彩超，心肌酶检查确诊病因治疗。</t>
  </si>
  <si>
    <t>养老保险中间断对退休有影响吗</t>
  </si>
  <si>
    <t>影响不大，退休后补缴未交的年限即可。</t>
  </si>
  <si>
    <t>中间间断部分不会对其他部分产生影响。</t>
  </si>
  <si>
    <t>喝粥了可以吃芒果吗?</t>
  </si>
  <si>
    <t>可以吃</t>
  </si>
  <si>
    <t>喝完粥，最好间隔一段时间再吃芒果。</t>
  </si>
  <si>
    <t>37.3体温正常吗</t>
  </si>
  <si>
    <t>属于低热。</t>
  </si>
  <si>
    <t>大于37.3是发热。</t>
  </si>
  <si>
    <t>37.3度不算发烧，微热点，注意观察体温，建议多喝点水。</t>
  </si>
  <si>
    <t>小牛淘金靠谱吗</t>
  </si>
  <si>
    <t>凤凰平台代理好不好</t>
  </si>
  <si>
    <t>凤凰平台是唯一经历了9年的风风雨雨屹立不倒的，试问哪个平台能做到这一点呢！楼主可以放心来玩。</t>
  </si>
  <si>
    <t>凤凰好不好不是用嘴说说而已的十年信誉，总代直招。</t>
  </si>
  <si>
    <t>龙虾黄能吃吗</t>
  </si>
  <si>
    <t>虾黄和肝脏挨一起，容易遭到污染。因此，虾黄最好少吃。</t>
  </si>
  <si>
    <t>车衣有用吗</t>
  </si>
  <si>
    <t>车衣对车的保护自然有好处，但是也有不足。好处是，减少大气，紫外线对车辆表面油漆的污染，减少风吹雨淋对车辆的影响，保护漆膜；不足的是：对天天使用的车辆，时间一长，感觉给车穿衣，太麻烦了，太耽误时间了。</t>
  </si>
  <si>
    <t>得看是什么样的车衣，劣质车衣对汽车不但起不到保护作用，还会划伤车漆，所以建议买双涂、纳米或拉金材质的车衣。</t>
  </si>
  <si>
    <t>也不说能防什么，穿上车衣很大程度上能避免小孩划车子。</t>
  </si>
  <si>
    <t>附近约爱软件是真的吗</t>
  </si>
  <si>
    <t>全是骗人的，普通用户时很多女人打招呼，等充了钱成为会员时，全都消失了，里面的联系资料都是假的！</t>
  </si>
  <si>
    <t>薛之谦经常去上上谦吗</t>
  </si>
  <si>
    <t>现在忙不怎么去了。</t>
  </si>
  <si>
    <t>王者荣耀不充钱能玩吗</t>
  </si>
  <si>
    <t>束昱辉与权健合法吗</t>
  </si>
  <si>
    <t>很明显的传销摸式，但人家是办理有证书，是合法的。</t>
  </si>
  <si>
    <t>四维彩超好吗</t>
  </si>
  <si>
    <t>四维彩超是运用超前的四维技术排查胎儿畸形,传统的B超只能检查胎儿的生理指标,而四维彩超还能对胎儿的颜面和肢体等进行检查,发现如唇裂、脊柱裂、大脑、肾、心脏、骨骼发育不良等明显畸形,以便尽早得进行治疗。</t>
  </si>
  <si>
    <t>四维彩超是超声检查的一种，除了一般彩超的功能外，还可以进行胎儿头面部立体成像，可清晰地显示眼、鼻、口、下颔等状态，可协助医生直接对胎儿先天畸形进行诊断，包括表面畸形、内脏畸形和头面部畸形，能确定胎儿在子宫中的精确位置。此外，四维彩超还在这些功能的基础上加上时间维度参数，可以实时观察胎儿动态的活动图像。一般来说，做四维彩超能看出胎儿大方面的畸形，例如新生儿先天性心脏病、唇腭裂、水肿胎、多指(趾)和外耳等方面的畸形均可查出。但四维彩超也不是万能的，例如新生儿耳聋、白内障等就无法检测出来。孕妇要了解四维彩超筛查的重要性，按照医生规定的时间进行四维彩超检查。</t>
  </si>
  <si>
    <t>四维彩超除了能让准父母提前跟未出生的宝宝“见面”,它最主要的功能在于还能对胎儿进行各种检查,及早发现胎儿生长中出现的问题,如唇裂、脊柱裂等,另外,四维彩超的图象显示比传统彩超、B超更清晰、更准确,因此,为了孕妇和胎儿的健康,产检选择做四维彩超检查非常有必要。</t>
  </si>
  <si>
    <t>有没有终极一班5</t>
  </si>
  <si>
    <t>桔钓沙海滩还能去吗</t>
  </si>
  <si>
    <t>2017年，桔钓沙现在要做大运比赛场地，封闭了不给进。</t>
  </si>
  <si>
    <t>玖富叮当贷上征信吗</t>
  </si>
  <si>
    <t>身份证挂失后又找到了还能用吗</t>
  </si>
  <si>
    <t>按照规定原身份证是失效的，不能使用的，但实际中原身份证在很多地方还是可以使用的，原证件依然有法律效力，并且还能正常使用。</t>
  </si>
  <si>
    <t>可以继续使用，在有效期内。</t>
  </si>
  <si>
    <t>葡萄籽真的可以美白吗</t>
  </si>
  <si>
    <t>白不了，只能抗氧化。</t>
  </si>
  <si>
    <t>民政局周末上班吗</t>
  </si>
  <si>
    <t>按国务院颁发的《国家机关上班作息时间安排》，上午上班时间是：08:30--12:00下午上班时间是：14:00--17:30，周末不上班，除有特别情况需要加班的除外。所以，一般情况下，星期六和星期天民政局是不上班的，除非有特殊情况（比如：需要上交上级的材料在规定的正常上班时间内不能或不可能完成时，需要加班等）时星期六星期天才会上班。</t>
  </si>
  <si>
    <t>周末属于国家法定节假日，民政局工作人员不上班的，可以选择周一至周六办理。根据规定，各市各婚姻登记处已经从4月1日起实行周六(法定节假日除外)正常开展婚姻登记。另外，每年的元旦、除夕、情人节、五一劳动节、国庆节等特殊日子的上午，婚姻登记照常办理。所以，民政局周一至周六是有人上班的，建议不要选择周末。</t>
  </si>
  <si>
    <t>驱蚊灯有效吗</t>
  </si>
  <si>
    <t>有用。电子灭蚊灯的工作原理是利用蚊子的趋光性，将蚊子吸引过来，使其触电身亡，采用高效诱蚊灯管，对蚊虫等有害飞虫都有高效引诱作用，通过静电电击能够瞬间杀灭飞虫；电子灭蚊灯电路设计限流，低耗电，高效能，只要接通电源即可使用，无任何化学物质挥发。气流吸蚊灯带风扇，是通过气流将蚊子吸附，从而致其死亡。</t>
  </si>
  <si>
    <t>效果不大。</t>
  </si>
  <si>
    <t>不能消灭蚊子，是科学家早就反复实验证实的。</t>
  </si>
  <si>
    <t>人民的名义 季昌明是坏人吗</t>
  </si>
  <si>
    <t>苹果激活锁可以破解吗</t>
  </si>
  <si>
    <t>大卫早早孕试纸准吗</t>
  </si>
  <si>
    <t>大卫很靠谱的。</t>
  </si>
  <si>
    <t>大卫试纸是育龄妇女测试是否怀孕的最常用的工具之一，能准确地检测出黄体生成激素的峰值水平，使女性能预知最佳的受孕或避孕时间。</t>
  </si>
  <si>
    <t>大卫的早早服试纸比较准，而且比较敏感。</t>
  </si>
  <si>
    <t>本科论文查重摘要算吗</t>
  </si>
  <si>
    <t>论文查重主要审核文章正文，摘要等信息查得可能性不大，不过建议还是尽量做下修改。</t>
  </si>
  <si>
    <t>不查。</t>
  </si>
  <si>
    <t>是从摘要到论文正文结束，不包括参考文献。</t>
  </si>
  <si>
    <t>阿尔法罗密欧是豪车吗</t>
  </si>
  <si>
    <t>王者荣耀李白凤求凰还能买吗</t>
  </si>
  <si>
    <t>作为限定，是肯定能购买的，但是是活动期间才能买。比如春节、国庆投票买皮肤这样的形式。之前吕布的天魔缭乱和猴子的孙悟空都是投票最高，16年春节重新发售的。</t>
  </si>
  <si>
    <t>应该不能，这是春节限定。</t>
  </si>
  <si>
    <t>人品贷上征信吗</t>
  </si>
  <si>
    <t>目前互联网金融大多没有接入央行的征信系统，51人品借贷记录不会出现在征信上。</t>
  </si>
  <si>
    <t>美联英语靠谱吗</t>
  </si>
  <si>
    <t>如果是为了要考试去学的话，效果肯定还没有外面那种培训班要好，但是如果为了出国或者工作什么的要使用英语或者说单单只是注重口语而不要求笔试的话，那效果应该还不错。</t>
  </si>
  <si>
    <t>好是好，但价格贵了一些。</t>
  </si>
  <si>
    <t>杨振宁能满足小妻子吗</t>
  </si>
  <si>
    <t>验资报告取消了吗</t>
  </si>
  <si>
    <t>虽然工商登记取消了验资报告。等是很多时候还是需要验资报告的，比如银行贷款，比如项目申请，比如说一个招投标等等。</t>
  </si>
  <si>
    <t>北方如 深圳确实已经取消了《验资报告》，目前正在试点阶段还未全国执行，以前是开户，注入资金，会计师事务所出具报告，送工商直接换执照，后换取税务证。现在应该是有一套软件工商直接可以查询银行账户信息。</t>
  </si>
  <si>
    <t>验资报告是没有取消的。你去银行办理增资是吗，增资的行为未经事务所审计，哪里来的验资报告。那进账单、章程修正案、股东会决议、对账单等找事务所出报告吧，然后去工商办理变更登记。</t>
  </si>
  <si>
    <t>黑街漫画是停更了吗</t>
  </si>
  <si>
    <t>公司破产了，估计不出了。</t>
  </si>
  <si>
    <t>余额宝提现有手续费吗</t>
  </si>
  <si>
    <t>余额宝体现到银行卡只能提前到自己的银行卡，不收取费用的。</t>
  </si>
  <si>
    <t>余额宝提现的手续费是根据提现的方式来决定的。</t>
  </si>
  <si>
    <t>皮蛋要煮熟吗</t>
  </si>
  <si>
    <t>皮蛋是可以直接食用的，不用煮熟也可以吃，不会对身体产生不良的影响。</t>
  </si>
  <si>
    <t>皮蛋一般是熟的，不需要再煮。</t>
  </si>
  <si>
    <t>闲置固定资产是否计提折旧</t>
  </si>
  <si>
    <t>闲置的固定资产，会计准则规定计提折旧，但在税法上停止使用的固定资产，应当自停止使用月份的次月起停止计算折旧。</t>
  </si>
  <si>
    <t>jomashop有假货吗</t>
  </si>
  <si>
    <t>jomashop假货总的来说应该是不会有的，这么多年的发展史了，品质应该是可以保证的。</t>
  </si>
  <si>
    <t>莫西干人是否灭绝了</t>
  </si>
  <si>
    <t>莫西干人，mohicans。操阿尔冈昆语的印第安人，居住在哈得逊河流域上游的卡兹奇（Catskill）山脉。有五个重要分支，各由世袭酋长（首领）统治，选出的顾问予以辅佐。住在建于山上或林地里的堡垒，内有二十～三十间房舍。1664年被摩和克人驱赶而迁移到现在的麻萨诸塞州斯托克布里奇。在那里，他们被称为斯托克布里奇印第安人。后来又迁往威斯康辛州，现在人数约1000人。</t>
  </si>
  <si>
    <t>世界百大dj有中国人吗</t>
  </si>
  <si>
    <t>杨振龙。</t>
  </si>
  <si>
    <t>中国电音王，王绎龙都在200名后 。</t>
  </si>
  <si>
    <t>猫咪对主人会有感情吗</t>
  </si>
  <si>
    <t>猫会对主人有感情。</t>
  </si>
  <si>
    <t>枇杷皮可以吃吗</t>
  </si>
  <si>
    <t>枇杷的皮是可以吃的。其实枇杷皮里没有对人体有害的东西，反而含有很多维生素一类的，吃的话是可以的。但是：1、枇杷皮的味道不好，带有涩味，影响口感；2、现在很多果农都使用农药，可能会有残留，吃下去对身体不好。3、体质原因，可能会拉肚子。</t>
  </si>
  <si>
    <t>枇杷的皮是可以吃的。枇杷皮又称枇杷木白皮，功效与枇杷叶相似，鲜枇杷皮咀嚼咽汁可以治疗呃逆少食，取枇杷皮30克水煎服，可以治疗呕吐。</t>
  </si>
  <si>
    <t>税务师好考吗</t>
  </si>
  <si>
    <t>税务师考试不难。</t>
  </si>
  <si>
    <t>微信私密照片别人能看到吗</t>
  </si>
  <si>
    <t>这个不可以，秘密照片的话，就只能自己能看到。</t>
  </si>
  <si>
    <t>除非有你的密码,要不看不到。</t>
  </si>
  <si>
    <t>0214000095555是真的吗</t>
  </si>
  <si>
    <t>确定是真的。</t>
  </si>
  <si>
    <t>感觉不是真的。</t>
  </si>
  <si>
    <t>择天记 完结了吗</t>
  </si>
  <si>
    <t>《择天记》小说并没有完结。</t>
  </si>
  <si>
    <t>打篮球能减肥吗</t>
  </si>
  <si>
    <t>能，不过你要注意饮食，早饭吃好，午饭吃饱，晚饭吃少，还要注意膳食结构，少吃肉食，多吃蔬果，严禁夜宵，睡前3小时除喝水，不要吃任何东西，注意：任何东西！</t>
  </si>
  <si>
    <t>山药长牙还可以吃吗</t>
  </si>
  <si>
    <t>铁棍山药发芽是可以吃的，只要把发芽的部分剔除掉就可以了。</t>
  </si>
  <si>
    <t>山药长芽最后不要吃。</t>
  </si>
  <si>
    <t>山药发芽是可以吃的，只要把发芽的部分剔除掉就可以了。</t>
  </si>
  <si>
    <t>日本屎宴是真的吗</t>
  </si>
  <si>
    <t>比基尼脱毛好不好</t>
  </si>
  <si>
    <t>不好，会增加感染接触性传染软疣（一种引起皮肤增生或突起的病毒）的风险。</t>
  </si>
  <si>
    <t>效果还是比较不错的，做的过程可能有点痛，但也不会太痛。</t>
  </si>
  <si>
    <t>顺丰速运是空运吗</t>
  </si>
  <si>
    <t>顺丰速运提供了空运或陆运的快递方式。</t>
  </si>
  <si>
    <t>蚂蚁花呗逾期会上征信吗</t>
  </si>
  <si>
    <t>花呗已经与央行建立了相关征信机制，如果有人恶意逾期，比如一笔用光全部额度，还款时间长，联系不到用户等，将会上报央行征信系统，影响用户的信用记录;如果仅是忘记还款，时间较短，有宽限期，可能会影响芝麻信用，但不会记入央行征信体系。目前是还没有进入征信系统。</t>
  </si>
  <si>
    <t>天猫幸运叶子是正品吗</t>
  </si>
  <si>
    <t>国内正品货源都来自代理商，幸运叶子算是国内最大的正品代理了，只要是愿意拿出货源的，幸运叶子一般不是打通库存系统就是直接买断某些款，所以他的货一直相当正。</t>
  </si>
  <si>
    <t>一般都是正品，只要不是太便宜。</t>
  </si>
  <si>
    <t>天蝎计划第四季会出吗?</t>
  </si>
  <si>
    <t>第四季大约在2017年9月播出。</t>
  </si>
  <si>
    <t>2017年9月24日。</t>
  </si>
  <si>
    <t>17年10月开拍。</t>
  </si>
  <si>
    <t>天花机有2p的吗</t>
  </si>
  <si>
    <t>水系统和氟系统都有2P的天花机。</t>
  </si>
  <si>
    <t>速卖通好做吗</t>
  </si>
  <si>
    <t>现在平台是可以的，很规范，而且是上升趋势，值得关注。</t>
  </si>
  <si>
    <t>横店好玩吗</t>
  </si>
  <si>
    <t>横店最出名的肯定要数中国好莱坞——横店影视城，其规模是我国最大的。影视城内集秦汉、唐宋、明清等古代建筑为一体，适合各大题材影视作品的拍摄。在这里，不仅可以看到影视剧的拍摄场景，运气好的话，还能亲眼看到明星正在拍戏呢横店有什么好玩的横店有什么好玩的。比较好玩的地方就推荐秦王宫，明清宫苑，清明上河图，梦幻谷了。</t>
  </si>
  <si>
    <t>被誉为“江南第一镇”的横店，位于东阳市，地处浙中黄金旅游线上，与中国小商品城义乌相距36公里。最著名的是其影视拍摄基地。影视城共有八大景区，分别是秦王宫景区、清明上河图景区、江南水乡景区、大智禅寺景区、广州街香港街景区以及明清宫苑、屏岩洞府景区、明清民居博览城。</t>
  </si>
  <si>
    <t>横店不仅涵盖的上下五千年的影视场景，七大不同特色的影视主题景区可以体验不同的风情。景区里边吃喝玩乐都有，最有特色的是各种不同类型的演艺秀，有大气的有搞笑的，有刺激的有唯美的。在景区里你还可以去体验影视拍摄，去影视基地里边探秘，还可以去游览摄影棚。横店影视城基本上可以满足各种人群。</t>
  </si>
  <si>
    <t>花红小黑膏是传销吗</t>
  </si>
  <si>
    <t>dnf鬼面刀翻译错了吗</t>
  </si>
  <si>
    <t>的确翻译错误。</t>
  </si>
  <si>
    <t>水树奈奈配过h吗</t>
  </si>
  <si>
    <t>水树奈奈，曾经在一部黄油里担任配角献声的事情，是纯配角，根本没有H戏</t>
  </si>
  <si>
    <t>阳历是农历吗</t>
  </si>
  <si>
    <t>不是，中国的农历阴阳合历。</t>
  </si>
  <si>
    <t>哺乳期来月经会影响奶水质量</t>
  </si>
  <si>
    <t>月经期乳汁的质量是没有变化的。</t>
  </si>
  <si>
    <t>哺乳期来月经的那几天，肯定是会影响母乳量的。</t>
  </si>
  <si>
    <t>产后4个月内的母乳质量是最好的，月经来潮后，乳汁质量并不会变差，但有时会比较浓缩，部分产妇乳汁的分泌会有所减少。乳汁中所含蛋白质及脂肪的质量也稍有变化，蛋白质的含量偏高些，脂肪的含量偏低些。</t>
  </si>
  <si>
    <t>牛奶过期了还能喝吗</t>
  </si>
  <si>
    <t>如果过了四五天了，虽然没有变质，但营养价值也所剩无几了，这个时候最好就别喝了。如果是给2岁及以下幼儿喝的牛奶，即使到了保质期还没坏，都不要再给孩子喝了。因为牛奶里或多或少有一些细菌，这些细菌对免疫力强的大人可能构不成什么威胁，但孩子的肠胃仍然虚弱，免疫力低下，为了不引起多余的健康损害，最好给孩子喝还在保质期内的牛奶。</t>
  </si>
  <si>
    <t>superamoled伤眼睛吗</t>
  </si>
  <si>
    <t>感觉特别伤眼睛，用不了多久眼睛就又干又痛，现在视力下降特别厉害，飞蚊症都有了。</t>
  </si>
  <si>
    <t>不会，Sa屏有护眼的功效。</t>
  </si>
  <si>
    <t>公子子兰是郑袖生的吗</t>
  </si>
  <si>
    <t>思美人子兰母妃是郑袖。</t>
  </si>
  <si>
    <t>剧中的子兰是郑袖的孩子，和南后的孩子一起长大，郑袖因为争宠，没少给子兰添麻烦。历史事件中楚怀王在秦国囚禁，那时候屈原已经不得志，虽然不是郑袖害了楚怀王，但是在屈原和楚怀王这件事情上，郑袖还是有关系的。百姓都非常痛恨子兰，结果子兰像自己的母亲郑袖说了事情的原委，郑袖害怕国人也说自己的不是，遭人怨恨，于是就将屈原放逐，十年后秦将白起破楚郢都，屈原大为绝望，在作了《怀沙》之后抱着石头在汨罗江自尽了。</t>
  </si>
  <si>
    <t>彩美旬果有下马作品吗</t>
  </si>
  <si>
    <t>还没有。</t>
  </si>
  <si>
    <t>防辐射服有保质期吗</t>
  </si>
  <si>
    <t>防辐射服保质期看材质。</t>
  </si>
  <si>
    <t>20个月。</t>
  </si>
  <si>
    <t>十二、三个月左右。</t>
  </si>
  <si>
    <t>去健身房有必要请私教吗</t>
  </si>
  <si>
    <t>在经济条件允许的情况下请一位私人教练是有必要的。</t>
  </si>
  <si>
    <t>以前真的有僵尸存在吗</t>
  </si>
  <si>
    <t>智力就是能力对吗</t>
  </si>
  <si>
    <t>不是的，智力高的人能力不一定是好的。</t>
  </si>
  <si>
    <t>炫斗之王是不是倒闭了</t>
  </si>
  <si>
    <t>能玩就说明还没，因为服务器要交租，但玩家太少，所以这个游戏早已开始亏损。但是撑着这个游戏不倒的是一些最早的玩家和游戏制作开发者的信念。</t>
  </si>
  <si>
    <t>是要倒闭了。</t>
  </si>
  <si>
    <t>农行etc九折是永久吗</t>
  </si>
  <si>
    <t>不是永久的。</t>
  </si>
  <si>
    <t>活动时间到年底结束。</t>
  </si>
  <si>
    <t>九折是有的，但有时间限制</t>
  </si>
  <si>
    <t>电动吸黑头仪器有用吗</t>
  </si>
  <si>
    <t>没有用。</t>
  </si>
  <si>
    <t>不能彻底解决问题。</t>
  </si>
  <si>
    <t>微信易方达会亏损吗</t>
  </si>
  <si>
    <t>和余额宝一样，都是货币基金。极端情况下都有亏损的可能性，但一般不会亏损。</t>
  </si>
  <si>
    <t>王蒙退役了吗</t>
  </si>
  <si>
    <t>没退役。</t>
  </si>
  <si>
    <t>退了。</t>
  </si>
  <si>
    <t>洛克农场是否合法</t>
  </si>
  <si>
    <t>非法集资。</t>
  </si>
  <si>
    <t>个税可以补缴吗</t>
  </si>
  <si>
    <t>可以</t>
  </si>
  <si>
    <t>素颜霜要卸妆吗</t>
  </si>
  <si>
    <t>素颜霜中是含有美白成分的，不卸妆可能会清洗不干净，长期下来会对皮肤有伤害。所以建议用素颜霜最好还是进行卸妆为好。</t>
  </si>
  <si>
    <t>建议还是要用卸妆，因为会让肌肤瞬间美白的，毛孔填平的，感觉附带有BB霜功效，还是用卸妆比较稳妥。</t>
  </si>
  <si>
    <t>路人女主小说结局了吗</t>
  </si>
  <si>
    <t>还没有结局。</t>
  </si>
  <si>
    <t>证券从业资格证有用吗</t>
  </si>
  <si>
    <t>证券从业资格证是敲门砖，是进入证券、银行业都必须要有的证书。通过不同级别考试，取得的证券从业资格证书是不一样的，从事的业务范围也是不同的。</t>
  </si>
  <si>
    <t>gmarket有假货吗</t>
  </si>
  <si>
    <t>G网类似国内淘宝一样的存在，是一些入驻商家（类似天猫），和小卖家（淘宝），无法保证每个店家的东西都是真的，所以建议大家都去买入驻商家的东西，这类商家基本不会有假货。</t>
  </si>
  <si>
    <t>一般不会有假货的，信誉很重要。</t>
  </si>
  <si>
    <t>这个网站的东西是真的。</t>
  </si>
  <si>
    <t>联通流量可以转赠吗</t>
  </si>
  <si>
    <t>联通目前没有流量转赠业务，如需送朋友流量，可以让朋友参加百度一分钱专享流量活动。</t>
  </si>
  <si>
    <t>迪士尼能带吃的进去吗</t>
  </si>
  <si>
    <t>不允许携带食品进去。</t>
  </si>
  <si>
    <t>hiv唾液试纸到底准不准</t>
  </si>
  <si>
    <t>必须准确，但是前提必须排除以下因素的干扰：(1)窗口期：我们贴吧以及大家公认的窗口期是6周，也就是大家总提到的6周论。6个礼拜对于体质正常的人来说，的确足够了。但是，“唾液检测”只是一种宣传手段，准确的说是“口腔黏膜渗出液”，从这个里面检测HIV抗体，口腔黏膜渗出液，再准确的说是“龈沟液”，它主要成分是血清，血清中含有 抗HIV抗体 。所以为了准确的检测，我推荐的是在6~7周检测一次，这个时间段应该是抗体浓度达到峰值的时间。从这以后(高危后的几个月)基本都可以通过唾液试纸准确的检查到。(2)2楼提到的所有因素。</t>
  </si>
  <si>
    <t>有疤痕可以考公务员吗</t>
  </si>
  <si>
    <t>第十二条：影响面容的血管痣和色素痣，身体裸露部位有明显癜痕、疤痕、色素癍和身体其它大面积的疤痕挛缩，不能录用。</t>
  </si>
  <si>
    <t>松人显示器有人敢用吗</t>
  </si>
  <si>
    <t>用了几个月，没啥大毛病，性价比不错，没有对比就没有伤害，自己看啥毛病没有，但对比起来就知道色彩太白，十分不饱满，其他都ok，适合预算不大的用户，想要极好体验请出门左转。</t>
  </si>
  <si>
    <t>7月去泰国合适吗</t>
  </si>
  <si>
    <t>七月在泰国不算旅游的旺季，还算合适。</t>
  </si>
  <si>
    <t>古天乐小学是真的吗</t>
  </si>
  <si>
    <t>汽车空调需要加氟吗</t>
  </si>
  <si>
    <t>空调效果好的话就不用加的。</t>
  </si>
  <si>
    <t>如果没有泄露的话是不需要加的。</t>
  </si>
  <si>
    <t>csgo国服能玩国际服吗</t>
  </si>
  <si>
    <t>就目前情况，国际服的网络大多数都是没问题的，主要是语言沟通。</t>
  </si>
  <si>
    <t>官方表示国服将与steam数据互通，国际服玩家可以将数据同步到国服来。</t>
  </si>
  <si>
    <t>可以玩，数据互通的，国服是服务器和谐，进国服就和谐，回国际服就恢复。</t>
  </si>
  <si>
    <t>oppor9s是双卡吗</t>
  </si>
  <si>
    <t>OPPO R9S是双卡双待手机。</t>
  </si>
  <si>
    <t>支付宝不绑定银行卡可以用吗</t>
  </si>
  <si>
    <t>车载净化器有用吗</t>
  </si>
  <si>
    <t>车载空气净化器跟家用空气净化器原理一样，可以肯定的是空气净化器都具备一定的净化效果。</t>
  </si>
  <si>
    <t>好的车载净化器当然是有用的。</t>
  </si>
  <si>
    <t>车载净化器效果不明显。</t>
  </si>
  <si>
    <t>娃娃放久了有灵魂吗</t>
  </si>
  <si>
    <t>车顶放水有人成功吗</t>
  </si>
  <si>
    <t>小米平板3可以打电话吗</t>
  </si>
  <si>
    <t>不能使用SIM卡打电话的。</t>
  </si>
  <si>
    <t>有免费的论文查重吗</t>
  </si>
  <si>
    <t>有。拥有中国知网的VIP5的用户身份，可以执行论文查重，只要是每次30万字以下，都是免费的。</t>
  </si>
  <si>
    <t>进入上学吧论文查重系统shangxueba.cn，然后点击后面的“首次免费”按钮，系统顶部有“立即领取免费码”的按钮。</t>
  </si>
  <si>
    <t>格子达免费论文检测系统。</t>
  </si>
  <si>
    <t>长期股权投资减值准备 可以转回吗</t>
  </si>
  <si>
    <t>不得转回。</t>
  </si>
  <si>
    <t>π支付是骗局吗</t>
  </si>
  <si>
    <t>单纯一个品牌无法确定其是否属于传销范畴。</t>
  </si>
  <si>
    <t>肯定是骗子。</t>
  </si>
  <si>
    <t>蜜芽东西是不是正品</t>
  </si>
  <si>
    <t>消费者在蜜芽购买了三个宣称为“100%正品”“授权销售”的“日本产”Betta宝石系列玻璃奶瓶。收到货品后，与从日本Betta官网购买的同型号奶瓶进行对比后怀疑为假货。</t>
  </si>
  <si>
    <t>蜜芽卖假品牌卖假货，买孩子的注水碗多一大块废塑料盖都盖不上，上面全是霉斑，网上介绍的品牌和实际不一样，是假货。蜜芽卖假品牌卖假货，买孩子的注水碗多一大块废塑料盖都盖不上，上面全是霉斑，网上介绍的品牌和实际不一样，是假货。</t>
  </si>
  <si>
    <t>乌龟死了会不吉利么</t>
  </si>
  <si>
    <t>不会的，万事万物都有生死的</t>
  </si>
  <si>
    <t>没那么多忌讳，这要看自己怎么想的，心态问题。</t>
  </si>
  <si>
    <t>苹果手机可以同时登陆两个微信吗</t>
  </si>
  <si>
    <t>在同步推或者同步助手上搜微信就有微信共存版可以下载了。</t>
  </si>
  <si>
    <t>无法直接登录2个微信号。需要借助第三方软件实现。</t>
  </si>
  <si>
    <t>抑郁症遗传吗</t>
  </si>
  <si>
    <t>抑郁症可能不会通过基因遗传。</t>
  </si>
  <si>
    <t>抑郁症其实是会遗传的。</t>
  </si>
  <si>
    <t>内因性抑郁症患者生育要加以控制。若家属中不止一个抑郁症患者，或是高发家系，那遗传倾向就很明显；躁狂抑郁性情感障碍与精神分裂症之间有交叉遗传，抑郁症患者与其他精神病人结婚，较一方患病的，遗传几率明显增加，夫妇双方都患有遗传倾向的精神病，以绝育为宜，不能生儿育女。</t>
  </si>
  <si>
    <t>小米6 64g够用吗</t>
  </si>
  <si>
    <t>64G够用，128G当然好，但400的差价不值。</t>
  </si>
  <si>
    <t>64g不下载视频音乐真心够用。</t>
  </si>
  <si>
    <t>内存64g刚好够用，不够的话可以考虑128g 的。</t>
  </si>
  <si>
    <t>美容养生会所是鸡店吗</t>
  </si>
  <si>
    <t>不是，小足疗店是。</t>
  </si>
  <si>
    <t>不全是。</t>
  </si>
  <si>
    <t>姨妈可以吃芒果的吗</t>
  </si>
  <si>
    <t>月经期间可以吃芒果的。芒果对月经没有副作用。</t>
  </si>
  <si>
    <t>芒果带有止血的功能，故经期才不能吃。</t>
  </si>
  <si>
    <t>虽然芒果是止血的，但是吃少量还是没问题的。</t>
  </si>
  <si>
    <t>入宅可以提前搬东西吗</t>
  </si>
  <si>
    <t>一般不可以提前搬东西。</t>
  </si>
  <si>
    <t>齐论是不是骗人的</t>
  </si>
  <si>
    <t>学些基础就可以，想赚钱还是自己多学习，齐论就是标题党，实际都是有不行的，标题什么一操作就流量破千，新品破零，全是理论。</t>
  </si>
  <si>
    <t>固态硬盘发热量大吗</t>
  </si>
  <si>
    <t>ssd因为没有机械零件，声音发热量会低。</t>
  </si>
  <si>
    <t>固态硬盘不存在磁道，它的存储原理使得它不需要做功，所以几乎不发热。</t>
  </si>
  <si>
    <t>深圳市南山区繁华吗</t>
  </si>
  <si>
    <t>现在南山区最繁华。</t>
  </si>
  <si>
    <t>使命召唤12好玩吗</t>
  </si>
  <si>
    <t>电脑的话，推荐12，人多，STEAM人数榜唯一上榜的COD，12的感觉人物更强一些。僵尸模式也是T组的完结篇。</t>
  </si>
  <si>
    <t>ps4的使命召唤联机人数比较多，单人的话一塌糊涂，剧情快赶上战地系列那么烂了，通关之后完全不知道讲什么，而且这一代cod主打联机，所以单人基本可以无视了，联机就非常爽了，手柄玩射击游戏并不难，习惯了也和鼠标键盘差不多的，主要是ps4联机人数绝对比其他多很多，人数又稳定，画质非常好，和pc高画质有的一比， 而且因为动视专门优化过，可以保证60帧游玩。</t>
  </si>
  <si>
    <t>鹿晗死了是真的吗</t>
  </si>
  <si>
    <t>肯定不是真的。</t>
  </si>
  <si>
    <t>杀死无国籍人士犯法吗</t>
  </si>
  <si>
    <t>即使是故意杀害无国籍人士，仍然涉嫌故意杀人刑事犯罪，当事人需要根据实际情况及相关法律规定依法承担相应的法律责任。</t>
  </si>
  <si>
    <t>淘宝店铺改名字对店铺有影响吗</t>
  </si>
  <si>
    <t>店名如果说有影响的话主要是对老客户。</t>
  </si>
  <si>
    <t>向华强敢惹陈楚河吗</t>
  </si>
  <si>
    <t>就算是向华强，看到陈楚河也会不敢惹。因为陈楚河后面的实力大家有目共睹。</t>
  </si>
  <si>
    <t>无w</t>
  </si>
  <si>
    <t>健力宝是碳酸饮料吗</t>
  </si>
  <si>
    <t>健力宝其实不算是碳酸饮料，而是运动饮料。</t>
  </si>
  <si>
    <t>小米6玩王者荣耀卡吗</t>
  </si>
  <si>
    <t>小米note同样的卡，都不卡，用小米6一会一卡，一会200多，一会460。</t>
  </si>
  <si>
    <t>明星上海麻将能作弊么</t>
  </si>
  <si>
    <t>希腊签证好办吗</t>
  </si>
  <si>
    <t>好办。</t>
  </si>
  <si>
    <t>帝鑫1购可信吗</t>
  </si>
  <si>
    <t>典型庞氏骗局，希望上车前，认真考虑自己的风险承受能力。</t>
  </si>
  <si>
    <t>帝鑫1购，史上最坑爹，发不出货。</t>
  </si>
  <si>
    <t>帝鑫1购是正规的购物平台，旨在为用户提供更加便利舒心的购物体验;用户可以下载应用进行体验，帝鑫1购的优势在于省去了返利的过程，将淘宝客的中间差价直接返还给消费者。</t>
  </si>
  <si>
    <t>国家是否允许消费返利</t>
  </si>
  <si>
    <t>消费返利并不违法，国家只所以会针对一些网站给与处罚，是因为这些网站宣传消费全返，比如像之前涉嫌非法集资被查的云联惠，因为他们宣传的消费全返是最后结果只会是资金链断裂，所以极有可能会最后圈钱跑路。像唐人街这中，有自己的商城，消费奖励也并不是全返，只是一种奖励模式，小利而已，这种返利就像买衣服送袜子一样，其实也是增加消费粘性的手段而已。</t>
  </si>
  <si>
    <t>生化危机还有7吗</t>
  </si>
  <si>
    <t>游戏的话，生化7之后肯定还有续作，因为太多的伏笔还没有完结。电影的话算是完结了，T病毒和丧尸被彻底消灭，地球上也只剩下四千多人，没啥可折腾的了。</t>
  </si>
  <si>
    <t>同城夜聊是不是骗局</t>
  </si>
  <si>
    <t>就是垃圾骗子软件。</t>
  </si>
  <si>
    <t>都是假的。</t>
  </si>
  <si>
    <t>绝密飞行有第二部吗</t>
  </si>
  <si>
    <t>微博推广有用吗</t>
  </si>
  <si>
    <t>可以增加收视率</t>
  </si>
  <si>
    <t>基本上没用。</t>
  </si>
  <si>
    <t>社保断了可以补交吗</t>
  </si>
  <si>
    <t>社保断了不补交可以。</t>
  </si>
  <si>
    <t>剑风传奇没大结局吗</t>
  </si>
  <si>
    <t>《剑风传奇》是著名漫画家三浦健太郎的力作，并没有画完/结局。所以目前不论是网络上还是哪里，你看到所谓的结局均是网友的猜测，并非作者本人设定的结局。</t>
  </si>
  <si>
    <t>《剑风传奇》的结局是事先想好的，虽然随着故事的发展一定会有所变化，目前难以预测，但按他的性格来看应该不会有一个完美结局。</t>
  </si>
  <si>
    <t>华为p10自带贴膜吗</t>
  </si>
  <si>
    <t>还呗是正规吗安全吗</t>
  </si>
  <si>
    <t>不怎么好。</t>
  </si>
  <si>
    <t>安全，但用户记得一定要按时还款。</t>
  </si>
  <si>
    <t>teamviewer收费吗</t>
  </si>
  <si>
    <t>teamviewer有免费版和收费版两个版本。TeamViewer是一个能在任何防火墙和NAT代理的后台用于远程控制，桌面共享和文件传输的简单且快速的解决方案。它包括收费版和免费版，二者主要功能相同，但是免费版本没有以下功能：不支持繁简转换，不支持区块远程js调用，跳转、提示页面显示免费版标志，文章不支持生成zip、umd、jar、txt下载、全文和分卷阅读，不支持文字水印和图片水印，不支持ftp远程附件保存，不支持memcached缓存，不支持售后服务如果是收费版本的话就全部有了。</t>
  </si>
  <si>
    <t>winsxs可以删除吗</t>
  </si>
  <si>
    <t>姜文姜武是同母同父吗</t>
  </si>
  <si>
    <t>姜文和姜武是同母异父的亲兄弟，姜文比姜武大四岁。</t>
  </si>
  <si>
    <t>一念永恒有个管先生吗</t>
  </si>
  <si>
    <t>看剧情吧，没有特殊剧情感觉也就女2往后了，毕竟小肚肚牵引剧情比较厉害，侯小妹虽然感情描写有，但是跟主角还没开始正式“互动”，勉强跟宋御姐打个平手。管先生是个公司名，根剧情无关。</t>
  </si>
  <si>
    <t>管先生是个公司名吧，根剧情无关。</t>
  </si>
  <si>
    <t>王者荣耀段位会掉吗</t>
  </si>
  <si>
    <t>方老祖鼻炎有效吗</t>
  </si>
  <si>
    <t>csgo原始数据用开启吗</t>
  </si>
  <si>
    <t>觉得可以开启，开启之后就不用搭理windows的鼠标速度了，既方便又简单。</t>
  </si>
  <si>
    <t>开不开主要取决于个人爱好。</t>
  </si>
  <si>
    <t>激光祛斑安全吗</t>
  </si>
  <si>
    <t>激光去斑有一定的危险性。激光祛斑的原理是激光能产生一种具备高强度瞬间能量的可见光，不同波长的激光会被皮肤中特别的颜色或色素吸收，并利用激光能量令染料颗粒崩解汽化，封闭血管，再由身体吸收并将其排除体外。但是由于某一波长的激光只被相应颜色的色素吸收。只有病变的细胞才能吸收特定的激光，而正常的皮肤组织可能在过程中受到灼伤而留下疤痕。而且一般难以控制激光所达到的皮肤深度，有可能伤到皮肤真皮组织。</t>
  </si>
  <si>
    <t>完全恢复需要三个月到半年时间。1、激光祛斑治疗后，治疗部位会有灼热感或微量出血，不必过于担心。之后会有结痂产生，无需特殊处理，结痂一般会在7-10天后自行脱落，注意不要强行去除结痂。2、刚刚接受激光治疗后，面部动作要轻柔，不要使用刺激性护肤用品。3、由于个人体质和皮肤状况的不同，激光治疗后的反应不同，个别人可能会出现一些程度的红肿现象，可以用冰敷的方法来缓解。4、刚做完祛斑治疗的部位对于阳光会很敏感，治疗后3个月到半年内要注意防晒，避免色素的沉积。5、一周之内面部禁水，只能用棉棒沾水小心擦拭眼睛周围部位以免造成细菌感染。6、患处应每天擦拭修复因子或红霉素以加快皮肤修护。</t>
  </si>
  <si>
    <t>小米笔记本充电器 可以给小米5充电么</t>
  </si>
  <si>
    <t>完全可以的，小米手机自带智能控压功能。</t>
  </si>
  <si>
    <t>有路网买书靠谱吗</t>
  </si>
  <si>
    <t>有路网坑爹的，太差了。</t>
  </si>
  <si>
    <t>微博可以注销吗</t>
  </si>
  <si>
    <t>微博是不能注销的，若不想用，要删除所有微博，取消所有关注即可；可以通过更换手机绑定达到清除原帐号的效果。</t>
  </si>
  <si>
    <t>淘宝联盟有电脑版吗</t>
  </si>
  <si>
    <t>有</t>
  </si>
  <si>
    <t>京东自营组装机靠谱吗</t>
  </si>
  <si>
    <t>很靠谱。</t>
  </si>
  <si>
    <t>微软雅黑属于方正吗</t>
  </si>
  <si>
    <t>重庆阳痿能治好吗</t>
  </si>
  <si>
    <t>建议及早到医院进行检查确诊，现在具体的病因进行针对性治疗以免病情加重治疗起来难度加大，只要积极的治疗完全可以治愈的祝你早日恢复。</t>
  </si>
  <si>
    <t>成都夏天热吗</t>
  </si>
  <si>
    <t>夏天的成都还是比较热的。</t>
  </si>
  <si>
    <t>1.35米床能睡两个人吗</t>
  </si>
  <si>
    <t>autodesk recap可以卸载吗</t>
  </si>
  <si>
    <t>汇智动力是培训机构吗</t>
  </si>
  <si>
    <t>是培训机构。</t>
  </si>
  <si>
    <t>美的收购库卡成功了吗</t>
  </si>
  <si>
    <t>成功了。</t>
  </si>
  <si>
    <t>返利网一元购是真的吗</t>
  </si>
  <si>
    <t>有的活动是真的。</t>
  </si>
  <si>
    <t>绝对骗人的。</t>
  </si>
  <si>
    <t>仁和会计靠谱吗</t>
  </si>
  <si>
    <t>车商城买车靠谱吗</t>
  </si>
  <si>
    <t>靠谱，车商城所售的平行贸易车是满足国家各项法规要求，且手续齐全的，让您享受到更低价格、更低风险、更全手续、更人性化的贴心购车体验，绝对可以放心购买的。</t>
  </si>
  <si>
    <t>王者荣耀iphone和安卓手机不能一起玩吗</t>
  </si>
  <si>
    <t>ios和安卓数据不互通，但在王者荣耀，安卓、苹果用户虽加不上游戏好友，但只要是QQ好友，玩王者荣耀的时候邀请好友一下就可以一起在线玩了。</t>
  </si>
  <si>
    <t>不能，有分区的。</t>
  </si>
  <si>
    <t>不行，其实腾讯游戏基本是不适用混服一起玩的，也就是只能相同系统的设备才能一起玩。</t>
  </si>
  <si>
    <t>在优胜教育上班好吗</t>
  </si>
  <si>
    <t>优胜挺不错的，按劳分配；前几个月是一个磨练期，也是老师能力提高和思维更新的时期，优胜会给年轻人一个打拼的平台，当然待遇也不错；校长主仼其实一直在帮助老师进步的，对老师是有点严的，但绝不使坏，管理嘛，就这样，越规范越严；薪酬：岗位月度平均收入在5000-8000元之间，表现优秀者月度收入在12000-18000元，每年至少四次涨薪机会；福利：社会保险（养老、失业、医疗、工伤、生育五险）住房公积金附加商业保险。</t>
  </si>
  <si>
    <t>世界有龙存在吗</t>
  </si>
  <si>
    <t>没有，龙是幻想出来的生物，到目前为止，自然界还没有会喷火的动物。</t>
  </si>
  <si>
    <t>动脉硬化可以根治吗</t>
  </si>
  <si>
    <t>是可以调理好的，日常要注意饮食习惯，常吃醋可以起到软化血管、降血脂的作用，但是醋蛋中的蛋黄含有高胆固醇，吃多了会堵塞血管，还是应该少吃。平时可以适当地吃醋。是有一定好处的。</t>
  </si>
  <si>
    <t>动脉粥样硬化以防治为主，一旦发生便只能积极的治疗，延缓病变发展并争取逆转，但很难治愈，已发生并发症者应及时治疗，防止其恶化，延缓患者寿命，平时应该养成良好的生活饮食习惯，控制膳食总热量，控制体重，低盐低脂饮食，严禁暴饮暴食，可适量的体力劳动或体育运动，合理安排工作和生活，戒烟限酒，积极控制和本病有关的一些危险因素如高血压，高脂血症，糖尿病，肥胖症等。可根据情况给予调整血脂药物，抗血小板药物等治疗。</t>
  </si>
  <si>
    <t>比萨斜塔实验是真的吗</t>
  </si>
  <si>
    <t>伽利略根本就没有做过那样的重力实验。</t>
  </si>
  <si>
    <t>霍金在《时间简史》中认为这个故事不可信，认为伽利略做的是重物沿斜坡滚下的实验，因为这个更容易观察实验结果。</t>
  </si>
  <si>
    <t>在美国lol有dota2火吗</t>
  </si>
  <si>
    <t>国外 dota2 人数是 lol 的20倍，也就国内小学生太多了，所以人数比 lol 少。</t>
  </si>
  <si>
    <t>DOTA2 的玩家应该永远也没有 LOL 玩家多。</t>
  </si>
  <si>
    <t>包图网会员是终身的吗</t>
  </si>
  <si>
    <t>史上最强腹黑夫妻好看吗</t>
  </si>
  <si>
    <t>一般。</t>
  </si>
  <si>
    <t>圣域吉草是真的吗</t>
  </si>
  <si>
    <t>美国有死刑吗?</t>
  </si>
  <si>
    <t>据美国人权组织的网站介绍，到目前为止，美国50个州有23个州已废除了死刑。但是与此同时，美国有23个州允许处死不到18岁的犯罪少年。</t>
  </si>
  <si>
    <t>淘宝上的苹果官换机可信吗</t>
  </si>
  <si>
    <t>新机是新机，但是质量不如原包出厂机器。容易出问题。</t>
  </si>
  <si>
    <t>宁愿买二手翻新机也不买官换机。翻新机复制刷新代码一样可以让你怎么查都是未激活0充电。所谓官换机就是故障机去苹果维修，而苹果专卖通常不维修而是换新机。而苹果生产十台才出一台备机。你查的可能仅仅是卖家手里那一两台真手机拓下来的号码而已。所以宁愿买翻新机。反正你我都知道是翻新的所以便宜。可翻新后套个官换机的外衣就可以多买一两千块。</t>
  </si>
  <si>
    <t>产权50年的房子能买吗</t>
  </si>
  <si>
    <t>能，50年产权住宅，从严格意义上来说，属于房地产开发过程中出现的土地规划用途与开发用途并不完全一致的情况，用40或者50年产权的公建用途土地开发住宅。</t>
  </si>
  <si>
    <t>土豆变绿了还能吃吗</t>
  </si>
  <si>
    <t>不可以吃。绿皮土豆其生物碱毒性大大高于土豆芽眼窝的毒素。绿皮土豆是土豆在土里生长时被暴雨淋过，或自然因素造成裸露地表，受到日光直接照射后，土豆由表皮向内变成绿色。绿皮土豆闻起来有异味，做熟食用后造成恶心、呕吐、头晕等食物中毒状态。土豆生芽的芽眼窝部分含有微量生物碱毒素，只要抹去芽胚，把皮刮掉，就可以食用。绿皮土豆则不可食用。</t>
  </si>
  <si>
    <t>晒过的生土豆变成绿色不能吃。土豆颜色变绿或发芽的时候，会产生大量龙葵素，又叫茄碱。这是一种毒性很强的物质。这种毒素不仅存在于土豆的表层中，而且它的芽、芽眼和芽根及变绿的地方含量更多。有时我们在吃土豆时舌头上发麻，就是由于土豆含有龙葵素的缘故。芽里的龙葵素的含量比土豆内里高50～60％倍。如果人们吃了含有龙葵素的土豆，就会出现中毒：首先感到咽喉和口内骚痒，上腹部疼痛、恶心、呕吐、腹泻。症状较轻的，可在停食后1～2小时自愈；重者有反复呕吐而造成失水、发高烧、呼吸困难、瞳孔散大、昏迷、抽搐，严重的还会中毒死亡。</t>
  </si>
  <si>
    <t>逆战天神套值得入手吗</t>
  </si>
  <si>
    <t>木瓜可以生吃吗</t>
  </si>
  <si>
    <t>木瓜味清甜、肉软滑、又多汁。既可生吃又可作佳肴。它富含维生素（A、B、B1、 B2、 C）， 多种矿物质（如铁、钙）、蛋白质、木瓜酵素及有机酸等 。其中维生素 A 及维生素 C 的合量特别高，是西瓜及香蕉的五倍。由于木瓜性微寒，胃寒的人士不宜生吃木瓜，否则吃后会腹泻或胃寒欲吐。</t>
  </si>
  <si>
    <t>木瓜有两种，一种是在水果店里常见的番木瓜，这种木瓜可以当做水果吃，可以生吃；另一种是比较小的酸木瓜，通常情况下这种木瓜都是拿来做菜或泡酒用。</t>
  </si>
  <si>
    <t>淘宝达人名称可以改吗</t>
  </si>
  <si>
    <t>霍乱能治好吗</t>
  </si>
  <si>
    <t>霍乱能治好的，霍乱属于甲类传染病，是要积极隔离的。</t>
  </si>
  <si>
    <t>wants好物是正品吗</t>
  </si>
  <si>
    <t>1、据了解一般的网购平台都是存在假货的；2、一般假货可以取决于价格以及性价比，用户可以通过正规的平台进行对比，如果相差甚大，那么该商品就是有问题的；3、所以用户一般在购买牌子商品的时候需要到正规网站或者门店购买比较好。4、有用户购物后表示，牌子应该不是真的，但是挺耐穿。</t>
  </si>
  <si>
    <t>微信转账可以撤回吗</t>
  </si>
  <si>
    <t>论文的参考文献可以随便写吗</t>
  </si>
  <si>
    <t>老师一般不会特意去查，但你要当心，很可能老师读过你引用的书，那样的话就不妙了。别人论文中的参考文献，只要与你的论文相关，一般不会有问题。</t>
  </si>
  <si>
    <t>可以，别说毕业论文，就算是职称论文，也是可以的，不过如果你的毕业论文是硕博毕业用，那就需要对应正文中的出处。</t>
  </si>
  <si>
    <t>龙武推陈小旺是真的吗</t>
  </si>
  <si>
    <t>应该是真的吧，知道太极的桩功确实稳下盘，陈小旺成名多年的大师啊，自由习武练桩，肯定有功夫.</t>
  </si>
  <si>
    <t>在徐晓冬打假传统武术后，龙武也加入进来，道出黑幕：“哈哈，我只推了陈小旺5秒钟，他就被推伤了，坐在椅子上一小时起不来。最后问我怎么办，我说让大师赢比较合适，所以电视节目里播放的都是剪辑的。”</t>
  </si>
  <si>
    <t>被猫咬了没打针有事吗</t>
  </si>
  <si>
    <t>这猫如果是家猫,一直养在家里基本没有被发病中的猫狗咬伤的可能,如果是野猫或者不明来源的猫,因为无法得知它之前的生活,所以一定要尽快去打疫苗比较妥.</t>
  </si>
  <si>
    <t>当然啦，有病毒的。</t>
  </si>
  <si>
    <t>如果没有破、只出一点点血的话不用打没关系，因为人是有抵抗力的。但如果出血量较大，你的血槽快空了的时候还是打吧。</t>
  </si>
  <si>
    <t>武汉智动天下是培训吗</t>
  </si>
  <si>
    <t>暇步士算大牌子么</t>
  </si>
  <si>
    <t>暇步士还算是鞋子中比较出名的。</t>
  </si>
  <si>
    <t>美国中高端休闲品牌。</t>
  </si>
  <si>
    <t>孕妇可以吃黑豆吗</t>
  </si>
  <si>
    <t>孕妇吃黑豆，滋补五脏，维持肾脏的健康，促进肠胃的消化，减轻怀孕常有的便秘情况，还可以增进食欲，保持皮肤的水分，避免皮肤因怀孕而变得干燥，减轻妊娠纹的产生现象。</t>
  </si>
  <si>
    <t>孕妇可以吃黑豆，只要不过量食用，对孕妇有好处。</t>
  </si>
  <si>
    <t>阴阳师烧钱吗</t>
  </si>
  <si>
    <t>烧钱，也可以靠运气。</t>
  </si>
  <si>
    <t>97香港回归差点开战吗</t>
  </si>
  <si>
    <t>微信转账收费吗</t>
  </si>
  <si>
    <t>微信转账不收费。</t>
  </si>
  <si>
    <t>大小s是亲姐妹吗</t>
  </si>
  <si>
    <t>是亲姐妹。</t>
  </si>
  <si>
    <t>京东假货多吗</t>
  </si>
  <si>
    <t>理论上来讲，京东自营基本不会有假货，或者说假货的几率比超市还要低。</t>
  </si>
  <si>
    <t>脚气会传到手上吗</t>
  </si>
  <si>
    <t>脚气会传到手上。</t>
  </si>
  <si>
    <t>吃避孕药影响生育吗</t>
  </si>
  <si>
    <t>长期避孕药是不会影响生育的，现在的长期避孕药非常安全，停药后1月就可正常妊娠，但是紧急避孕药就不行了，对身体危害特别大。</t>
  </si>
  <si>
    <t>螃蟹云购是真的吗</t>
  </si>
  <si>
    <t>不是，涉嫌传销，非法集资。</t>
  </si>
  <si>
    <t>电棒能电死人吗</t>
  </si>
  <si>
    <t>只能让人体神经系统紊乱，肌肉不听指挥。若要做到和雷电相当的效果致成年人于死，在物理电学上还是有相当技术难度的。</t>
  </si>
  <si>
    <t>一般情况下不会，如果直接点击头部或者心脏的话就会有危险！</t>
  </si>
  <si>
    <t>常情况下一般不会“电死人”，但如果使用对象是心脏病、高血压或年老体衰者，就应该慎用，可能会导致对方休克。</t>
  </si>
  <si>
    <t>cpu不涂硅脂可以吗</t>
  </si>
  <si>
    <t>可以，涂硅脂只是为了改善CPU散热。</t>
  </si>
  <si>
    <t>消防工程师挂靠靠谱吗</t>
  </si>
  <si>
    <t>最好不要挂靠，国家查的很严。</t>
  </si>
  <si>
    <t>已经有不少人挂靠成功了。需要注册的单位缴纳社保才行额。</t>
  </si>
  <si>
    <t>物业费预交一年合理吗</t>
  </si>
  <si>
    <t>这个钱不是业主不想交就可以不交的，具体咋个办，还要看物业合同的约定！如果物业合同里面写明，物业公司可以提前预收一年物管费，你签了字就表示同意，那就要乖乖交钱；如果合同里面写的是预收半年，物管非要收一年，那就可以拒绝。</t>
  </si>
  <si>
    <t>这是一售楼盘墨守成规的霸王条款，在各行各业都有。只是说对于买房的消费者来说是否能够接受。因为是业主，发展商交楼之后就和物管发生关系，和物管有签署一份合约，如果不同意可以提出来与物管协商。</t>
  </si>
  <si>
    <t>试用期被辞退有补偿吗</t>
  </si>
  <si>
    <t>试用期内，如果劳动者不符合岗位的要求，用人单位提出解除双方劳动合同，不需要支付劳动者补偿或赔偿。</t>
  </si>
  <si>
    <t>时空隧道真的存在吗</t>
  </si>
  <si>
    <t>科学证明：时空隧道真实存在。</t>
  </si>
  <si>
    <t>是客观存在。</t>
  </si>
  <si>
    <t>济南拆违建还有三期吗</t>
  </si>
  <si>
    <t>此次“拆违拆临”行动共分为四期，第三期截至8月底，8月底前拆除。第三期任务：拆除认定的违法建设和违法户外广告，基本完成辖区其他违法建设、违法户外广告的拆除工作。</t>
  </si>
  <si>
    <t>4月25日下午，济南市公示《全市拆违拆临行动第三期(第一部分)拆除任务台账》。</t>
  </si>
  <si>
    <t>爱福家是正规公司吗</t>
  </si>
  <si>
    <t>非法集资的公司。</t>
  </si>
  <si>
    <t>爱福家是做养老产业的，在中国正是一个朝阳产业 ，公司正在计划上市，虽然成立才一年多，但是各方面都在趋于规范化。网上有很多不实的言论，很明显是对一个刚起步的公司的打压，公司都是正规注册的，而且公司内部设有法务部，一切都按照法律来办事，如果像网上有些人说的公司有这样那样的问题，这个公司早就不存在了。所以请放心，绝对是一个正规公司。</t>
  </si>
  <si>
    <t>爱福家就是骗爷爷奶奶的钱，每次还是主管逼你要业绩，没业绩就找自己家里人出钱。</t>
  </si>
  <si>
    <t>感冒半个月不好正常吗</t>
  </si>
  <si>
    <t>秋叶系统真的好用吗</t>
  </si>
  <si>
    <t>秋叶系统是提供系统的网站，有很多系统，win732位，64位，win8，win10。还不错，免费下载一键安装，可选择的系统很多。</t>
  </si>
  <si>
    <t>捡来的6s能用dfu刷机吗</t>
  </si>
  <si>
    <t>有ID锁的iPhone6s不能通过刷机解锁，因为ID锁是苹果设备的一种保护机制，强制刷机后设备必然连接到指定Apple ID并需要输入正确的Apple ID密码才能解锁。</t>
  </si>
  <si>
    <t>银耳汤可以隔夜喝吗</t>
  </si>
  <si>
    <t>在冷藏条件下，银耳汤保存一两天时间还是可以喝的，并不会出现中毒现象。</t>
  </si>
  <si>
    <t>银耳汤是一种高级营养补品，但一过夜，营养成分就会减少并产生有害成分。因为银耳含有较多的硝酸盐类，煮熟后如放置时间过长，硝酸盐会变成亚硝酸盐。有专家发现，开水中的亚硝酸盐含量比生水高。亚硝酸盐在人体内可形成致癌的亚硝胺，而反复多次煮沸时间过长或超过24小时的开水，亚硝酸盐的含量均明显升高。开水放置24小时后，亚硝酸盐含量是刚烧开时的1.3倍。我国居民有爱喝开水的习惯，最好是现烧现喝或只喝当天的开水，也不要喝煮沸时间过长的开水。自来水烧开后，再烧3~5分钟，亚硝酸盐和氯化物等有害物的含量最低，最适合人们饮用。有些地区的人喜欢煲汤，并且把喝不完的汤放入冰箱里，第二天煮滚了再喝。健康的吃法是:汤底不要放盐之类的调味料，煮好汤用干净的勺子舀出当天要喝的，喝不完的最好用瓦罐或玻璃器皿放在冰箱里。因为剩汤长时间盛在铝锅、不锈钢锅内，易发生化学反应。</t>
  </si>
  <si>
    <t>隔夜银耳不能吃：银耳汤是一种高级营养补品，但一过夜，营养成分就会减少并产生有害成分。因为不论是室内栽培的银耳和椴木野外栽培的银耳都含有较多的硝酸盐类，经煮熟后如放的时间比较久，在细菌的分解作用下，硝酸盐会还原成亚硝酸盐。人喝了这种汤，亚硝酸就自然地进入血液循环、血液里的红血球里有血红蛋白，能携带大量的氧气供机体需要。但是亚硝酸起反作用，使人体中正常的血红蛋白氧化成高铁血红蛋白，丧失携带氧气的能力，造成人体缺乏正常的造血功能。</t>
  </si>
  <si>
    <t>市长热线能解决问题吗</t>
  </si>
  <si>
    <t>一般可以，但是要看具体的问题，和解决问题时涉及的部门。总的来说，市长热线就是一个给我们反馈的渠道，反馈后，市长热线的部门可以帮助我们监督相关执行部门解决问题。</t>
  </si>
  <si>
    <t>打市长热线不如上民心网投诉，效率翻倍。</t>
  </si>
  <si>
    <t>云集品到底是不是传销</t>
  </si>
  <si>
    <t>不是传销。</t>
  </si>
  <si>
    <t>就是传销。</t>
  </si>
  <si>
    <t>望京医院是三甲医院吗</t>
  </si>
  <si>
    <t>望京医院是三甲医院。</t>
  </si>
  <si>
    <t>介壳虫会危害人身上吗</t>
  </si>
  <si>
    <t>伤人倒不会，但是对小孩子的皮肤还是不好的，建议抓紧防止。</t>
  </si>
  <si>
    <t>造价员证取消了 原有造价员证作废了吗</t>
  </si>
  <si>
    <t>已经拿到手的人，继续持续有效。</t>
  </si>
  <si>
    <t>考教师资格证有年龄限制吗</t>
  </si>
  <si>
    <t>余罪有第三季吗</t>
  </si>
  <si>
    <t>估计没有了。</t>
  </si>
  <si>
    <t>据悉，《余罪》即将开拍网剧第三季和大电影。</t>
  </si>
  <si>
    <t>百江教育可靠吗</t>
  </si>
  <si>
    <t>天天彩票是正规的吗</t>
  </si>
  <si>
    <t>不合法的。</t>
  </si>
  <si>
    <t>永恒狂刀好用吗</t>
  </si>
  <si>
    <t>婚内出轨触犯法律吗</t>
  </si>
  <si>
    <t>属于婚姻过错方，如果以夫妻名义共同生活，会构上重婚罪。</t>
  </si>
  <si>
    <t>不触犯法律。</t>
  </si>
  <si>
    <t>出轨，一般是指：夫妻在婚姻存续期间，夫或妻一方与婚外异性发生性关系。有外遇是违法的，但根据具体情况，违法的法律后果不尽相同。</t>
  </si>
  <si>
    <t>学信网可以查学位证吗</t>
  </si>
  <si>
    <t>网上查学历可以在学信网上查询，但是学位在学信网上是查不到的。</t>
  </si>
  <si>
    <t>查询毕业证书编码：1、打开浏览器找到学信网官网网站点击进入。2、找到学籍学历查询模块。点击学历查询，本人查询链接。3、登录学信网账号，如果没有账号需要先进行注册，输入身份证号码、姓名等真实信息。4、登录成功后，在左侧导航中，点击“学历查询”链接查看学历信息。5、在学历信息界面的下面有一个证书编码。这个编码就是学位证书编码。</t>
  </si>
  <si>
    <t>草晶华好吗</t>
  </si>
  <si>
    <t>我觉得中智草晶华就很不错，中智草晶华吸收便，比较全面，而且，更好吸收：打破植物细胞壁，有效成分更好吸收.服用便捷：颗粒状方便冲服，小支装易储存携带。</t>
  </si>
  <si>
    <t>草晶华还是很不错的，用了一段时间后，身体各方面都有显著改善，精神面貌都好了很多，而且实用很是方便，随时随地冲服，高效的吸收其中精华。</t>
  </si>
  <si>
    <t>草晶华的确挺不错的，草晶华是通过汲取植物精华，以达到高效率吸收，随时随地冲服，方便快捷。这样的产品对我们来说，是不错的。</t>
  </si>
  <si>
    <t>硕博连读有硕士学位吗</t>
  </si>
  <si>
    <t>skt薇恩皮肤有特效吗</t>
  </si>
  <si>
    <t>情人节应该是全特效。不过个人觉得最好看的是苍穹之光，全特效。</t>
  </si>
  <si>
    <t>少帅你老婆又跑了完结了吗</t>
  </si>
  <si>
    <t>这本还在连载中。</t>
  </si>
  <si>
    <t>没有更完，更到了560章。</t>
  </si>
  <si>
    <t>红糖鸡蛋月经期能吃吗</t>
  </si>
  <si>
    <t>不要吃太多。</t>
  </si>
  <si>
    <t>蛏子肚子里黑的能吃吗</t>
  </si>
  <si>
    <t>那是他的内脏，不能食用。</t>
  </si>
  <si>
    <t>那是蛏子的肠胃，最好不吃。</t>
  </si>
  <si>
    <t>换货运费险有用吗</t>
  </si>
  <si>
    <t>有啊，换货的时候运费免费的。</t>
  </si>
  <si>
    <t>恩，只能退货才能拿到运费险。</t>
  </si>
  <si>
    <t>x战警还会出吗</t>
  </si>
  <si>
    <t>只要有票房，能赚钱，就会出新的。</t>
  </si>
  <si>
    <t>冰川勇者伊泽瑞尔有特效吗</t>
  </si>
  <si>
    <t>阴阳师好玩吗 烧钱不</t>
  </si>
  <si>
    <t>阴阳师是目前市场上最为火爆的手游。阴阳师游玩完全不需要花钱。</t>
  </si>
  <si>
    <t>鹿晗和王嘉尔认识吗</t>
  </si>
  <si>
    <t>2人同样是从团体出身，原本就有不错的交情。</t>
  </si>
  <si>
    <t>pvc材质的包包好不好</t>
  </si>
  <si>
    <t>pvc是聚氯乙烯，一种通用塑料，里面含有氯原子，具有微毒。燃烧后有刺激味道。可以制作很多市面上能见到的产品。不建议用。现在趋向于淘汰。</t>
  </si>
  <si>
    <t>色戒真的做了吗知乎</t>
  </si>
  <si>
    <t>肯定的。</t>
  </si>
  <si>
    <t>如果你考虑一下，真做与假做的两种可能的结果答案就很容易得到，假的话需要借位拍，还要反复筛选镜头，还要消除观众太假了的感觉，成本人力物力财力都难难难，弄不好还要被骂，如果是真做道具需要一个安全套，成本降低省时省力，没有虚假感觉，只需要真的做一下，你认为哪个更加适合呢？汤唯当时只是小演员，不论真假官方都会解释为假，总有些人很可爱，甚至相信苍老师也是处女呢！最后一句，你们不要忘了导演是李安，李安是谁？《断背山》的导演，这部经典搞基神作就是由导演李安负责的，断背山都能搞定，色戒只是小菜一碟。</t>
  </si>
  <si>
    <t>二胎需要办准生证吗</t>
  </si>
  <si>
    <t>夫妻双方一方户籍在本市，或双方户籍均不在本市，但女方在本地居住满1个月的夫妻，在生育第一个子女或第二个子女前进行登记，也就是说，生二孩不用再办“准生证”了。</t>
  </si>
  <si>
    <t>依据：《中共中央国务院关于实施全面两孩政策改革完善计划生育服务管理的决定》，（八）改革生育服务管理制度。实行生育登记服务制度，对生育两个以内（含两个）孩子的，不实行审批，由家庭自主安排生育。</t>
  </si>
  <si>
    <t>在二0一六年一月一日以后，不论生一孩还是二孩，不需要办理准生证，两孩生育新政策正式实施后，生育二个子女的夫妻无需再申领准生证，实行生育登记服务制度。</t>
  </si>
  <si>
    <t>龟头有红点自己能好吗</t>
  </si>
  <si>
    <t>仔细观察一下，红点一直有还是最近才有，是凸起的颗粒还是别的，有无瘙痒、疼痛的感觉，摸上去有无不适，如果都没有的话，应该属于正常现象。如果有不适，或者症状加重，那么要及时去就医。一般只要没有不洁性行为（染上性病），都属于比较常见的炎症，去看医生买点药及外用杀菌的就行。如果经常出现，是否属于包皮过长，要经常把包皮外翻露出龟头，每天注意清洗包皮垢，保持干爽。</t>
  </si>
  <si>
    <t>能自愈。</t>
  </si>
  <si>
    <t>人类会灭绝吗</t>
  </si>
  <si>
    <t>生物圈总在不断的进化中的，这个是完全有可能的，会进化出更加高等的生物来取代人类。</t>
  </si>
  <si>
    <t>寻秦记 郑雪儿丑吗</t>
  </si>
  <si>
    <t>的确很丑。</t>
  </si>
  <si>
    <t>本人不丑，被造型师搞砸了。</t>
  </si>
  <si>
    <t>狗打过狂犬病疫苗是不是咬人就没事了</t>
  </si>
  <si>
    <t>一般不会有事。</t>
  </si>
  <si>
    <t>不是的。</t>
  </si>
  <si>
    <t>越狱第五季好看吗</t>
  </si>
  <si>
    <t>孕妇蚊香可以用吗</t>
  </si>
  <si>
    <t>最好不用。</t>
  </si>
  <si>
    <t>女枪女帝皮肤有特效吗</t>
  </si>
  <si>
    <t>女帝有回程特效。</t>
  </si>
  <si>
    <t>特效不是很明显。</t>
  </si>
  <si>
    <t>agelocer是假瑞士表吗</t>
  </si>
  <si>
    <t>多肉能吃吗</t>
  </si>
  <si>
    <t>瓦松，芦荟，胧月，仙人掌属，碰碰香，生石花，别生吃，起码都要去皮后开水烫了才能吃。</t>
  </si>
  <si>
    <t>瓦松、观音莲，乙女心、虹之玉、佛珠，黄丽，佛甲草等可以吃。</t>
  </si>
  <si>
    <t>分品种的，肯定不是所有的都能吃。</t>
  </si>
  <si>
    <t>铁甲雄心 盖伦有特效吗</t>
  </si>
  <si>
    <t>名爵锐行毛病真的多吗</t>
  </si>
  <si>
    <t>这车小毛病多。</t>
  </si>
  <si>
    <t>美白丸有副作用吗</t>
  </si>
  <si>
    <t>美白丸是属于口服类的保健品，服用不当肯定会引起一定的副作用的。</t>
  </si>
  <si>
    <t>有副作用，加重肾脏负担。</t>
  </si>
  <si>
    <t>转机需要取行李吗</t>
  </si>
  <si>
    <t>1、飞机联程票是指始发地到目的地之间经另一个或几个机场中转，含有两个（及以上）乘机联、使用两个（及以上）不同航班号的航班抵达目的地的机票。 在首段始发站办理登记手续时说明是联程机票，行李托运直挂到目的地。中转时不用拿行李,就是要拿也拿不到,到达目的地可取行李了。2、预订的机票如果是同一家航空公司转机的话，一般不需要重新过安检和办理行李托运的。但是如果转机点需要办理入关手续的，需要取行李办理相关手续后转机。如果订的机票前一段和后一段不是同一个航空公司，则需要重新办理乘机手续和行李托运。3、直接转机时不必出机场，在办理中转手续的柜台即可办理续乘航班的登记手续。如果行李是办理直运目的地，就不必将行李取出重新办理交运了。但是如果转机点需要办理入关手续的话除外，此情况需要取行李办理相关手续后转机。4、要是转机的话要再提取行李和过安检的，转机的话如果两张机票不是同一个航空公司，如果订的是中转联程的航班就不用。</t>
  </si>
  <si>
    <t>推特中国可以用吗</t>
  </si>
  <si>
    <t>用不了，国外社交类的网站都在国家防火墙严密监控下，上面对华不利信息太多了，想要用只能代理服务器运行，此外高校网因为单独运行，所以校园网可进。</t>
  </si>
  <si>
    <t>是可以使用的哈，只是需要一点技巧才可以。</t>
  </si>
  <si>
    <t>Twitter不配合中国政府相关的和谐政策，不进行内容审核。台独、藏独、反党内容都是不限制的，所以有关部门看不惯，就给封杀了。</t>
  </si>
  <si>
    <t>小孩能用意可贴吗</t>
  </si>
  <si>
    <t>孕妇、哺乳期妇女及儿童慎用意可贴。</t>
  </si>
  <si>
    <t>小朋友慎用。</t>
  </si>
  <si>
    <t>可以用啊。不过一般都是上火和缺维生素导致的。</t>
  </si>
  <si>
    <t>达克宁治脚气好用吗</t>
  </si>
  <si>
    <t>达克宁早晚各一次，涂抹在洗干净的患处，可以有效地减轻症状，缓解痒感，在痊愈后仍然需要涂抹7天，这样才能确保根治防止复发，对于达克宁要密封保存，并且过敏患者慎用。</t>
  </si>
  <si>
    <t>小龙虾虾黄能吃吗</t>
  </si>
  <si>
    <t>最好剔除，不要食用。</t>
  </si>
  <si>
    <t>上海富友支付是诈骗吗</t>
  </si>
  <si>
    <t>杭州恩牛网络技术股份有限公司的手机客户端51信用卡管家与上海富友金融网络技术有限公司的信用卡还款金业务，存在诈骗行为。活动存51送51用于信用卡还款服务，但是充值后根本无法使用。钱无法退出。</t>
  </si>
  <si>
    <t>还信用卡。钱扣了。打电话给银行也确定钱到富友的账户上了。但是富友硬是说没有这笔资金任何记录。</t>
  </si>
  <si>
    <t>hdmi转vga需要供电吗</t>
  </si>
  <si>
    <t>黄龙玉有收藏价值吗</t>
  </si>
  <si>
    <t>黄玉龙作为收藏品来说，首当其冲的就是它的投资保值性，它要比任何宝石都保值。</t>
  </si>
  <si>
    <t>黄龙玉品质高的，收藏价值会很高。</t>
  </si>
  <si>
    <t>骁龙835和821差很多吗</t>
  </si>
  <si>
    <t>高通骁龙821和骁龙835的使用体验没有大区别。</t>
  </si>
  <si>
    <t>儿童会肾衰竭吗</t>
  </si>
  <si>
    <t>可能会的。小儿慢性肾衰的病因与成人并不相同，主要包括以下几个方面：1.遗传性肾脏病。2.围产期低血氧或某些引起肾缺血、栓塞等致慢性肾脏病的病因。3.肾发育异常及不全。4.梗阻性泌尿系统疾病。5.膀胱输尿管反流伴反复泌尿系统感染。6.急性肾炎、肾病综合征、溶血尿毒综合征、狼疮性肾炎、过敏性紫癜等肾小球疾病。</t>
  </si>
  <si>
    <t>儿童肾衰竭是小儿童肾脏疾病危重症之一。小儿急性肾衰可由多种原因引起，儿童各年龄段均可见此病，临床上表现为少尿或无尿，此时患儿往往出现食欲不振、恶心、呕吐、腹泻、水肿等肾病症状。</t>
  </si>
  <si>
    <t>pp助手刷机安全吗</t>
  </si>
  <si>
    <t>固件是安全的。但由于刷固件有一定操作风险。</t>
  </si>
  <si>
    <t>安全，和官方一样。</t>
  </si>
  <si>
    <t>吃吃的爱好看吗</t>
  </si>
  <si>
    <t>不好看。</t>
  </si>
  <si>
    <t>绝境求生要vpn吗</t>
  </si>
  <si>
    <t>不用，亚服直接裸连。</t>
  </si>
  <si>
    <t>身份证可以在异地更换吗</t>
  </si>
  <si>
    <t>丢失身份证，今后不用再回原籍补办了。日前，经中央全面深化改革领导小组第十五次会议审议通过，公安部印发《关于建立居民身份证异地受理挂失申报和丢失招领制度的意见》。根据《意见》，我国将在2017年全面实施居民身份证异地换证、补证、挂失等“三项制度”。此举将方便长期离开常住户口所在地的群众就近办理居民身份证，同时创造更加安全的居民身份证社会应用环境。</t>
  </si>
  <si>
    <t>以江苏省为例：在该省登记常住户口，跨市或跨县(市)、区居住、工作、就学，居民身份证丢失或有效期满的人员，可以向居住地公安机关申请补领、换领居民身份证。其他首次申领居民身份证、居民身份证登记项目变更更正，以及申请人相貌变化较大需要户籍地公安机关进一步调查核实的，仍需回户籍地向公安机关申请办理。短期出行人员，比如探亲、访友、旅游、就医、出差等拟在异地居住不满30日，居民身份证丢失的，也应回户籍地向公安机关申请办理；需要住宿和乘坐火车、飞机的，可向相关公安派出所申请开具临时证明。</t>
  </si>
  <si>
    <t>一是如果办过二代身份证，可能让家人办理。二是属于试点的十省市可以异地一对一互办身份证，不用本人回到老家办理。公安部在天津与河南、江苏与安徽、浙江与江西、重庆与四川、湖北与湖南等10省市开展居民身份证异地受理一对一试点。居民身份证丢失或有效期满，需要在异地补领、换领的，可凭本人有效证件或单位合法证明，向居住地公安派出所申请办理。三是以上情况都不符合只能到户籍所在地派出所申请办理。</t>
  </si>
  <si>
    <t>皮脂腺囊肿能自己好吗</t>
  </si>
  <si>
    <t>皮脂腺囊肿自己是不会好的，所以最好的方法就是手术切除。</t>
  </si>
  <si>
    <t>2017苹果6splus降价吗</t>
  </si>
  <si>
    <t>iPhone6sPlus的起售价下调5388元。</t>
  </si>
  <si>
    <t>fgo剧情完结会关服吗</t>
  </si>
  <si>
    <t>国服有可能有变化，所以具体还是要看国服的召唤详细里从者出率是否有变动。</t>
  </si>
  <si>
    <t>不会，会开新内容。</t>
  </si>
  <si>
    <t>svchost.exe可以关闭吗</t>
  </si>
  <si>
    <t>不能关闭。</t>
  </si>
  <si>
    <t>能关。</t>
  </si>
  <si>
    <t>刘永好惹得起刘汉吗</t>
  </si>
  <si>
    <t>从金钱或者地位上来说，刘永好比刘汉是要更胜一筹。</t>
  </si>
  <si>
    <t>晚上健身好吗</t>
  </si>
  <si>
    <t>晚上健身也可以，但睡前2个小时不宜剧烈运动。</t>
  </si>
  <si>
    <t>晚上可以运动，根据自己身体的承受能力，适量运动。室外5-7点，再晚效果就不太好了，空气好的地方可相对晚些。室内晚10点前运动完，再晚无益。</t>
  </si>
  <si>
    <t>晚上做运动没什么不好，但一定要看做什么运动，做什么还要根据个人身体因素来看，建议晚饭后出去散步，或小跑，回来后做一些有氧运动。</t>
  </si>
  <si>
    <t>白癜风早期能治愈</t>
  </si>
  <si>
    <t>只要白癜风患者能及时就医，与医生密切配合，耐心治疗，大部分患者的白癜风是可以治好的。</t>
  </si>
  <si>
    <t>可以治疗，治疗白癜风的优势年龄在5到45岁之间，你现在正处于优势年龄，身体素质和对药物的吸收方面都很好，治疗起来起效也快。白癜风是有遗传机率的。</t>
  </si>
  <si>
    <t>天下3玩的人还多吗</t>
  </si>
  <si>
    <t>还是和之前差不多。</t>
  </si>
  <si>
    <t>现在没什么玩的。</t>
  </si>
  <si>
    <t>泰国国王有实权吗</t>
  </si>
  <si>
    <t>有啊，泰国的贵族王室，至今是有权力的。</t>
  </si>
  <si>
    <t>泰国国王虽然在政治上保持中立，但在特殊情况下将出面介入调停。泰国宪法第7条规定：国王能在适当的时候充当最终仲裁者。</t>
  </si>
  <si>
    <t>泰王是国家象征，没有实际权力，但有很大的影响力。</t>
  </si>
  <si>
    <t>王者荣耀不是一个区能不能在一起玩</t>
  </si>
  <si>
    <t>王者荣耀不同区是可以一起玩的哦!但是有一个前提就是，微信只能和微信跨区一起玩，手Q只能和手Q跨区玩!</t>
  </si>
  <si>
    <t>同个服务器下，不同区是可以对战的。</t>
  </si>
  <si>
    <t>宝宝金水到底停产没有</t>
  </si>
  <si>
    <t>被勒令停产。</t>
  </si>
  <si>
    <t>蜂蜜会发胖吗</t>
  </si>
  <si>
    <t>果糖和葡萄糖都为具有还原性的单糖，食用后很快就被人体吸收消化，并马上转化为能量提供给人体利用，因此，食用蜂蜜后，人体能很快消除疲劳，同时不会产生发胖的现象。</t>
  </si>
  <si>
    <t>米兰叶子掉光了会死吗</t>
  </si>
  <si>
    <t>过冬没有过好，春天出来早了，不好活了！</t>
  </si>
  <si>
    <t>米兰是常绿植物，入冬后也不落叶，如果叶子掉光了可能处于死亡边缘，看主干是否还绿不皱，根系是否正常不腐烂，如果这两种都存在这棵米兰还没死，把干死的枯枝剪除，适当松下盆土，以后浇水看表土有发白或有裂隙感时才能浇水，有潮湿感滴水不浇，一般的植物死亡大部分是浇水过多引起的，所以浇水是种花的关健一环。</t>
  </si>
  <si>
    <t>奶粉过期还能喝吗</t>
  </si>
  <si>
    <t>储存得当成色好的话可以喝的。</t>
  </si>
  <si>
    <t>肯定不能喝，保质期是经过生产厂商经过测试才算出来的日期，一旦过了保质期里面的成分就会发生变质了。</t>
  </si>
  <si>
    <t>建议最好不要喝。</t>
  </si>
  <si>
    <t>火车票丢了能补吗</t>
  </si>
  <si>
    <t>能，从铁路部门获悉，从5月10日起，实名制火车票丢失后可以挂失补办。</t>
  </si>
  <si>
    <t>深圳湾就是红树林吗</t>
  </si>
  <si>
    <t>手机ip地址是固定的吗</t>
  </si>
  <si>
    <t>1、手机使用3g/4g信号上网，在同一归属地（可以理解为同个城市）只有1个IP，如果您去了别的城市用3g/4g信号上网则会变动IP；UV是根据Cookie记录判断的，如果您没清空Cookie，您的每台手机每天只能增加一个UV，不管在任何地方都如此。2、手机连上公司的wifi，则IP和公司电脑就一样了，除非公司IP变动；UV同上，只记录一次。3、手机在家用wifi上网，则IP和家里电脑就一样了，如果使用猫拨号上网，每次拨号IP可能都会变动，UV同上，只记录一次。；4、扩展一下，关于UV，例如谷歌统计是按照Cookie进行UV统计的，也就是意味着如果您清除了Cookie，UV将重新计算一次。</t>
  </si>
  <si>
    <t>手机是移动网络终端，有固定的MAC地址，没有固定ip地址。移动网络或Wifi会根据手机唯一的MAC地址自动分配其IP地址。网页在手机上也可打开电脑版，对方认为你是用电脑访问的，所以提示你用了固定IP。用手机版网页就正常了。手机没有固定ip地址，这不用怀疑。</t>
  </si>
  <si>
    <t>法国签证好办吗</t>
  </si>
  <si>
    <t>不难，实在不难。</t>
  </si>
  <si>
    <t>现在办旅游签证挺简单的，只要按官网要求将资料准备好，再附个银行存款证明一般都没问题的，现在拿一个月多次入境旅游签的挺多。</t>
  </si>
  <si>
    <t>法国签证办理很简单。</t>
  </si>
  <si>
    <t>枇杷核能吃吗</t>
  </si>
  <si>
    <t>inadays灭蚊灯有用吗</t>
  </si>
  <si>
    <t>有用，但不好用。</t>
  </si>
  <si>
    <t>金尊皇帝油有副作用吗</t>
  </si>
  <si>
    <t>百臻堂金尊皇帝油是印度原瓶进口的，由印度当地的名贵草药提取而成，不添加化学成份，天然无刺激，更重要的是不会对身体产生副作用和耐药性，植物天然粹取，不依赖，不麻木，安全有效。</t>
  </si>
  <si>
    <t>百分之百的安全，无副作用。</t>
  </si>
  <si>
    <t>有一定的作用，但是保健品也是带有不良反应，而且效果作用明显程度因人而异，所以使用量，频率要小心点。</t>
  </si>
  <si>
    <t>纳米海绵擦是否有毒</t>
  </si>
  <si>
    <t>安全无毒。</t>
  </si>
  <si>
    <t>正常情况下没有毒的，属于日用常规产品。</t>
  </si>
  <si>
    <t>德州电锯杀人狂是真的吗</t>
  </si>
  <si>
    <t>故事是假的。</t>
  </si>
  <si>
    <t>是根据真事改编的。</t>
  </si>
  <si>
    <t>高育良是坏人吗</t>
  </si>
  <si>
    <t>京东全球购有假货吗</t>
  </si>
  <si>
    <t>拼多多里面的东西是正品吗</t>
  </si>
  <si>
    <t>上面的东西都是骗人的，买的东西不给换货，商家还说他们就是欺骗消费者。</t>
  </si>
  <si>
    <t>积木盒子可靠吗</t>
  </si>
  <si>
    <t>积木盒子是PINTEC旗下的全线上网络借贷信息中介平台，为借款人和投资人提供信息撮合服务，借贷的交易资金由民生银行全程存管，资金流转清晰可查、交易真实合法。积木盒子是中国互联网金融协会成员及北京网贷协会副会长单位。用户需要完成注册、实名认证和开通在线民生银行账户三个步骤，就能对平台上的理财项目进行投资。积木盒子于2014年7月率先与法律在线服务网站绿狗网合作，进行第三方证据托管，投资人可以在线查询借贷合同。</t>
  </si>
  <si>
    <t>积木盒子：整体安全、缺乏吸引力。</t>
  </si>
  <si>
    <t>未足额缴纳社保员工提出解除是否付补偿金</t>
  </si>
  <si>
    <t>不需要。1、按照《社会保险法》第十二条规定，用人单位按照本单位职工工资总额的比例缴纳基本养老保险费，记入基本养老保险统筹基金；职工按照本人工资的比例缴纳基本养老保险费，记入个人账户。用人单位的缴纳社会保险的缴费基数与单个职工实际工资之间没有直接、对应的关系。2、劳动者以用人单位未足额为劳动者缴纳社会保险为由单方解除劳动关系，并要求用人单位支付经济补偿金，因不符合《劳动合同法》三十八条、四十六条之规定，其诉求缺乏相应的事实与法律依据，法院不予支持。</t>
  </si>
  <si>
    <t>生花生米能治胃病吗</t>
  </si>
  <si>
    <t>吃花生治胃病不靠谱，花生治胃病作用不大，顶多能够中和过多胃酸，起到一定养胃作用。</t>
  </si>
  <si>
    <t>可以的，每天吃10粒以上生花生米，一定要生的，最好空腹吃，对胃病很有帮助。不过要注意不用吃太多，每天吃几斤的话就对身体有害了，一次吃几粒就够了。</t>
  </si>
  <si>
    <t>实际上并不是用花生来养胃的，而是花生仁外面包裹的红衣，具有养胃的功效，如果在空腹吃的时候，可以预防胃酸胃胀气，也可以治疗胃痛，素有长寿之果的名称，生吃花生可对胃炎有帮助。</t>
  </si>
  <si>
    <t>帧中继被淘汰了吗</t>
  </si>
  <si>
    <t>是在逐渐被淘汰中。</t>
  </si>
  <si>
    <t>帧中继现在基本拆完了.协议不一样封装成可以传输的桢就可以了。</t>
  </si>
  <si>
    <t>腾讯拍拍网倒闭了吗</t>
  </si>
  <si>
    <t>京东完全收购掉了拍拍网，然后腾讯又入股京东占15％。</t>
  </si>
  <si>
    <t>京东发布公告表示,将于2015年12月31日停止提供C2C(个人对消费者)拍拍网平台服务,并在三个月的过渡期后,于2016年4月1日起彻底关闭。</t>
  </si>
  <si>
    <t>cctv品质栏目组是真的吗</t>
  </si>
  <si>
    <t>品质栏目是真实的。</t>
  </si>
  <si>
    <t>微信埋雷软件是真的吗</t>
  </si>
  <si>
    <t>不敢说是真假，只是完全可能。</t>
  </si>
  <si>
    <t>是假的你千万不要用。</t>
  </si>
  <si>
    <t>离职补偿金要交个税吗</t>
  </si>
  <si>
    <t>离职补偿金属于按照国家规定发给职工的退职费。依照税法规定，退职费收入不缴纳个人所得税。</t>
  </si>
  <si>
    <t>若经济补偿金数额在当地上年职工平均工资3倍数额以内的部分，免征个人所得税；若超过，则超过的部分需交税。</t>
  </si>
  <si>
    <t>一般不要交。</t>
  </si>
  <si>
    <t>滴滴服务分可以刷高吗</t>
  </si>
  <si>
    <t>多多完成优质订单 减少有责取消次数，服务分会逐渐提高哦。请勿违规操作，以免被封号哦。</t>
  </si>
  <si>
    <t>不能刷，只能重新注册一个新号，新号80服务分。</t>
  </si>
  <si>
    <t>豆浆可以和鸡蛋一起吃吗</t>
  </si>
  <si>
    <t>win10恢复出厂设置会删除c盘以外的文件吗</t>
  </si>
  <si>
    <t>选了只删除windows安装盘C盘，就不会删除全部硬盘的东西。</t>
  </si>
  <si>
    <t>不会，只格C盘就可以。但是应为有注册表之类的东西，很多软件需要重新安装才可以用。</t>
  </si>
  <si>
    <t>港版iphone7是全网通吗</t>
  </si>
  <si>
    <t>和国行版本的型号一样，但不支持全网通。</t>
  </si>
  <si>
    <t>不支持电信2G和3G网络的，仅能支持电信4G。</t>
  </si>
  <si>
    <t>长寿花有毒吗</t>
  </si>
  <si>
    <t>华丽的外表总被人认为是有毒的，其实长寿花对人是无毒害的，是冬春季节较佳的室内观赏花卉。长寿花不仅无毒，并且在装修房子的时候放上几盆，还可以吸收有害气体。</t>
  </si>
  <si>
    <t>欠银行钱不还要坐牢吗</t>
  </si>
  <si>
    <t>如果银行起诉那肯定会。</t>
  </si>
  <si>
    <t>等到公安局找到时候，还会再给短时间内还的机会。但是时间就紧迫了，比如一个礼拜还不出，就坐牢。</t>
  </si>
  <si>
    <t>论文修改助手好用吗</t>
  </si>
  <si>
    <t>小助手还不算</t>
  </si>
  <si>
    <t>qq号可以直接登录微信吗</t>
  </si>
  <si>
    <t>2017年会出鬼泣续作吗</t>
  </si>
  <si>
    <t>《DMC 鬼泣》精神续作《地狱之刃》将延期至2017年。</t>
  </si>
  <si>
    <t>不太可能了，卖出去的太少了。</t>
  </si>
  <si>
    <t>姜文姜武是一个父亲吗?</t>
  </si>
  <si>
    <t>亲生两兄弟，是一个父亲。</t>
  </si>
  <si>
    <t>弱精症容易治疗吗</t>
  </si>
  <si>
    <t>只要用对药，治愈是没有问题的。</t>
  </si>
  <si>
    <t>电吉他不插电可以弹吗</t>
  </si>
  <si>
    <t>当然是能弹，就和拨动金属丝是一样的声音很难听。</t>
  </si>
  <si>
    <t>易到充值的钱能退吗</t>
  </si>
  <si>
    <t>退不了。</t>
  </si>
  <si>
    <t>招待客户的住宿费可以抵扣吗</t>
  </si>
  <si>
    <t>不能抵扣。</t>
  </si>
  <si>
    <t>可以抵扣。</t>
  </si>
  <si>
    <t>威海曙光男科医院正规吗sina</t>
  </si>
  <si>
    <t>专业正规男科医院：更安全、更专业、更放心。</t>
  </si>
  <si>
    <t>自考取消了吗</t>
  </si>
  <si>
    <t>自考不会被取消。因为：自学考试是我国高等教育重要的组成部分，是以学历考试为主的高等教育国家考试制度，是个人自学、社会助学、国家考试相结合的高等教育形式。学生经过系统的学习后，通过毕业论文的答辩、学位英语的考核达到规定成绩符合条件的毕业生，可申请授予成人学士学位、参加研究生考试，并可继续攻读硕士学位和博士学位。自考造就和选拔德才兼备的专门人才，提高全民族的思想道德、科学文化素质，适应社会主义现代化建设的需要。</t>
  </si>
  <si>
    <t>中国会不会发生战争</t>
  </si>
  <si>
    <t>中国在近5年内会爆发战争。</t>
  </si>
  <si>
    <t>这个是无法预计的，现阶段与中国有表面矛盾的有日本与菲律宾，而他们要与中国发生战争的可能性为0。</t>
  </si>
  <si>
    <t>哺乳期发烧可以喂奶吗</t>
  </si>
  <si>
    <t>感冒不会通过乳汁传染给宝宝，只要妈妈的体温没有超过38.5℃，就可以照常给孩子哺乳。但体温超过38.5℃时，由于母乳热性较大，宝宝食用后容易拉肚子，应当及时停止哺乳。其间要用手或吸奶器将乳汁挤出来，避免积奶。此外，妈妈感冒后给宝宝喂奶时，应戴上口罩，防止病毒通过呼吸道传播给孩子，其他时间最好让家人帮忙照顾孩子，自己尽可能减少与孩子的接触，以便更好地休息，及早恢复健康。平时应注意清淡饮食、多喝白开水，并定时开窗通风以保持室内空气流通，减少病毒传播的几率，必要时也可以用醋在室内熏蒸消毒。</t>
  </si>
  <si>
    <t>哺乳期发低烧可以喂奶，超过37.7摄氏度还是停止吧，如果是低烧，尽量在喂奶后吃药。正规医院的医生在得知你正在哺乳期的时候开出的药应该是可以吃的，多喝温开水，哺乳不必暂停，就算烧没退也不怕，低烧的时候是可以给宝宝喂奶的，高烧不行。感冒症状轻者不需特殊处理，待自愈;如果有咳嗽、发热等较重的症状，需要在医生指导下服药治疗，一般可以使用抗病毒口服液、板蓝根冲剂、青霉素或头孢类抗生素等药物治疗。哺乳时带口罩;用药前喂奶，用药后4-6小时内暂停喂奶，避开血液中的药物浓度高峰。</t>
  </si>
  <si>
    <t>如果哺乳期妈妈感冒发烧了，只要不是高热不退、体力消耗很大，依然可以给孩子喂奶。因为孩子在与妈妈的日常接触中，已经不可避免地接触了妈妈携带的细菌，并对它产生了一定的抗体，所以一般的感冒、发热，妈妈依然可以放心给宝宝喂奶，但要注意多喝点水，以免乳汁浓缩，引起孩子腹泻。一般正规医院的医生，在得知你处于哺乳期的时候开出的药应该都是可以吃的，多喝温开水，哺乳不必暂停，就算烧没退也不怕，低烧的时候是可以给宝宝喂奶的，高烧则不行。</t>
  </si>
  <si>
    <t>会计从业证取消了吗</t>
  </si>
  <si>
    <t>会计从业资格不是取消只是暂停。</t>
  </si>
  <si>
    <t>暂时还没有取消。</t>
  </si>
  <si>
    <t>51空间没有了吗</t>
  </si>
  <si>
    <t>被系统全部清除。</t>
  </si>
  <si>
    <t>宁海是宁波最差的县吗</t>
  </si>
  <si>
    <t>宁海，经济方面还发达，消费也比较高，旅游的地方很多，不能只看数据去评判是否是一个最差的县。</t>
  </si>
  <si>
    <t>孟小蓓和李健有孩子吗</t>
  </si>
  <si>
    <t>不要孩子的原因在于李建，至于具体是什么原因，就不得而知了。</t>
  </si>
  <si>
    <t>对钩网订单真的吗?</t>
  </si>
  <si>
    <t>单子都是真的。</t>
  </si>
  <si>
    <t>守护者世纪战元好看吗</t>
  </si>
  <si>
    <t>不好看</t>
  </si>
  <si>
    <t>山寨片既视感</t>
  </si>
  <si>
    <t>特效烂，而且剧情空洞，难得的烂片。</t>
  </si>
  <si>
    <t>税号和纳税人识别号一样吗</t>
  </si>
  <si>
    <t>税号通常是纳税人识别号的简称。</t>
  </si>
  <si>
    <t>怀孕可以吃荠荠菜吗</t>
  </si>
  <si>
    <t>摩拜单车要押金吗</t>
  </si>
  <si>
    <t>首先进入摩拜单车APP的首页，点击左上角的三条横线组成的图标。在下一界面中点击选择“我的钱包”选项，这里是我们退换押金的唯一途径，大家按照小编的操作一步步来即。可进入摩拜单车充值界面，在押金旁边，一个很不起眼的位置可以看到相应的“退换押金”的选项。从多方面可以看出摩拜单车是害怕用户退押金，所以退押金的入口做的这么难找，而且还有多重提示你是否确认退押金。不过摩拜单车的退押金过程还是很爽快的，相当于一键操作就可以把押金原路返回了，接下来我们可以去微信或者支付宝查看退押金的详细情况。小编当初缴纳押金的时候，使用的是微信支付，因此就来微信支付看看退款的情况吧，在微信支付中可以看到相应的交易退款记录。</t>
  </si>
  <si>
    <t>目前看来退回押金很快速，一分钟不到就退回了。</t>
  </si>
  <si>
    <t>枇杷可以泡酒吗</t>
  </si>
  <si>
    <t>枇杷可以浸酒的。</t>
  </si>
  <si>
    <t>超级龙珠神龙怕全王吗</t>
  </si>
  <si>
    <t>怕。</t>
  </si>
  <si>
    <t>应该会吧。</t>
  </si>
  <si>
    <t>复方甘草酸苷片能提高免疫力吗</t>
  </si>
  <si>
    <t>复方甘草酸苷片，是有一定的抗炎症作用、抗过敏作用和免疫调节作用，适应症为治疗慢性肝病，改善肝功能异常。可用于治疗湿疹、皮肤炎、斑秃。平时要多休息避免劳累.要多喝水多食水果蔬菜。</t>
  </si>
  <si>
    <t>这种药物在临床上主要用于抗过敏也有降低肝脏转氨酶升高的作用，但是对于这种病毒感染没有效果。</t>
  </si>
  <si>
    <t>这个药只是一个辅助用药，对于提高免疫力有一点作用，但是用于治疗疾病恐怕不行，还是得抗病毒治疗。这个药要配合抗病毒药物一起吃。可能比单纯吃抗病毒的药效果好点。</t>
  </si>
  <si>
    <t>颈椎压迫神经会自愈吗</t>
  </si>
  <si>
    <t>全能借款靠谱吗</t>
  </si>
  <si>
    <t>非常实用贴心的借款平台，</t>
  </si>
  <si>
    <t>定金罚则与违约金能否同时适用</t>
  </si>
  <si>
    <t>毛主席遗体还在吗</t>
  </si>
  <si>
    <t>在。保存完好。</t>
  </si>
  <si>
    <t>手游天龙八部好玩吗</t>
  </si>
  <si>
    <t>总的来说其实还好。</t>
  </si>
  <si>
    <t>教师资格证好考吗</t>
  </si>
  <si>
    <t>研究调查表明，75%的考生认为教师资格证并不是很难考。</t>
  </si>
  <si>
    <t>流量安心包收费吗</t>
  </si>
  <si>
    <t>肯定要收，不可能免费的，你流量超出后就开始计费了。</t>
  </si>
  <si>
    <t>炭包除甲醛有用吗</t>
  </si>
  <si>
    <t>活性炭包对除甲醛是有一点的效果的，因活性碳的蜂窝状结构可以吸附有害气体，但其吸附效果是非常有限的。</t>
  </si>
  <si>
    <t>有，要长期放。</t>
  </si>
  <si>
    <t>王者荣耀qq和微信可以一起玩吗</t>
  </si>
  <si>
    <t>犹太人感激辛德勒吗</t>
  </si>
  <si>
    <t>感激。</t>
  </si>
  <si>
    <t>世界上有神仙吗</t>
  </si>
  <si>
    <t>道教认为神仙是真实存在的。《对俗》篇继续论证神仙实有。</t>
  </si>
  <si>
    <t>实际是没有的。</t>
  </si>
  <si>
    <t>是宗教信仰，是通过一种方式给自己信念，支持自己继续下去的理由。</t>
  </si>
  <si>
    <t>体寒可以吃番薯吗</t>
  </si>
  <si>
    <t>吃少量的番薯是可以的，但是量不可过多。</t>
  </si>
  <si>
    <t>鬼父2017有新一集吗</t>
  </si>
  <si>
    <t>崇文尚学教育靠谱吗</t>
  </si>
  <si>
    <t>崇文尚学，值得相信。是个骗子机构。</t>
  </si>
  <si>
    <t>骗子机构，交的钱都退不出来。</t>
  </si>
  <si>
    <t>中国可以安乐死吗</t>
  </si>
  <si>
    <t>全世界目前只有荷兰将安乐死合法化，在中国安乐死一直没有得到法律上的承认，因为它与刑法伦理等多方面产生了冲突，并且不易控制。但是，不可否认安乐死对绝症过度治疗等造成的危害有一定的克制作用。</t>
  </si>
  <si>
    <t>中国也有安乐死的可以上网查一下，说的是中国不允许，但是从人道上讲不能没有随着法律的健全会存在，而且有刑法不允许，对他人实施安乐死者应定故意杀人罪，不过属于情节较轻的情况。</t>
  </si>
  <si>
    <t>电池鼓包了还能用吗</t>
  </si>
  <si>
    <t>那种情况就不可以使用了。</t>
  </si>
  <si>
    <t>有的能用，寿命肯定是不会太长了，而且就算用这电池使用时间也不会很长。</t>
  </si>
  <si>
    <t>风油精驱蚊吗</t>
  </si>
  <si>
    <t>能防止蚊虫叮咬。</t>
  </si>
  <si>
    <t>在房间内滴洒几滴风油精，或用布条蘸取风油精悬挂于室内，可驱除蚊子。</t>
  </si>
  <si>
    <t>水熊虫能不能一刀杀死</t>
  </si>
  <si>
    <t>不可以的， 水熊体型极小，必须用显微镜才能看清它的面貌，根本无从下刀。</t>
  </si>
  <si>
    <t>达到法定退休年龄 劳动合同自动终止吗</t>
  </si>
  <si>
    <t>在达到法定退休年龄时。劳动者开始享受养老保险待遇时，劳动合同自动终止，劳动者和用人单位继续发生劳动工作关系的可以作为劳务关系处理。参照《劳动合同法》第四十四条，　有下列情形之一的，劳动合同终止：（一）劳动合同期满的；（二）劳动者开始依法享受基本养老保险待遇的。</t>
  </si>
  <si>
    <t>c盘users文件夹可以删除么</t>
  </si>
  <si>
    <t>男生忍那个会很痛苦吗</t>
  </si>
  <si>
    <t>不会。不想那事儿，根本没有任何影响。痛苦的是总撩对方，而不让对方做，这是很痛苦的。</t>
  </si>
  <si>
    <t>会吧，尽量减少那种尴尬的场面出现，如果认定了是他，就早点定下来，走入婚姻吧。</t>
  </si>
  <si>
    <t>不会，精液过少会难受，精液充足会燥热。难受是真的难受，燥热会想要发泄。</t>
  </si>
  <si>
    <t>带分数是假分数吗</t>
  </si>
  <si>
    <t>虽然假分数可以化成整数或者带分数,但是,因为整数、带分数和假分数,它们是意义不相同、表示方式（表现形式）完全不相同的三种数,因此“整数和带分数是特殊的假分数”——这句话是错的,还有“整数和带分数是假分数的另外两种表现形式””——这句话也是错的.例如：虽然“二又四分之一”等于“四分之九”,但是我们不能说“二又四分之一”是一个特殊的假分数.我们只能说“二又四分之一”是一个带分数,“四分之九”是一个假分数。</t>
  </si>
  <si>
    <t>带分数是假分数的另一种表现形式。任何一个不等于0的自然数都可以写成假分数的形式。</t>
  </si>
  <si>
    <t>带分数并不是假分数,,他们是两个不同的概念,假分数虽然能换成带分数,但是他们的概念不一.所以带分数不是假分数。</t>
  </si>
  <si>
    <t>狂犬病可以治好吗</t>
  </si>
  <si>
    <t>不能，只能预防。</t>
  </si>
  <si>
    <t>很难治好的。</t>
  </si>
  <si>
    <t>能治好。</t>
  </si>
  <si>
    <t>大公国际值得去吗</t>
  </si>
  <si>
    <t>大公成立于1994年，高度垄断封闭的行业特征成就了大公，使其很早就跻身于中国四大评级公司之一。从行业、从公司成立的时间、从公司曾经占有的市场份额及体量看，大公确实是一家大公司，虽然近年来大公一直在没落，但如果这个行业不放开，大公短期内还是死不了，当然如果大公不改变的话，必将会不断地沦为一个非常一般的僵尸企业。</t>
  </si>
  <si>
    <t>不建议去。</t>
  </si>
  <si>
    <t>晚上喝酒第二天能开车吗</t>
  </si>
  <si>
    <t>多少是关键头天喝酒第二天被查酒驾的也有。通常情况下，喝1瓶或2瓶啤酒、或一两左右的12度红酒、半两50度左右的白酒，就能达到酒驾标准。至于喝酒后多长时间才能开车，杨继斌称，酒精在人体内的代谢速率是有限度的，一般每小时仅能代谢10克至15克酒精。为此，喝一杯啤酒或半两白酒，最好等到10个小时后再开车，喝2瓶啤酒或低度白酒3两，最好在一天后再开车，如果喝酒的酒精度数更高、量更大，就要过更长时间才可以开车。</t>
  </si>
  <si>
    <t>喝酒后10-20小时后再开车是比较科学的。一般来说，如果头一天喝得比较多，建议第二天最好别开车，至少得歇24小时，这样稳妥一点。</t>
  </si>
  <si>
    <t>警方表示，对隔夜酒的认定标准，均以酒精检测结果为准，若检测结果达到醉驾标准，同样要追究刑责。</t>
  </si>
  <si>
    <t>江小白好喝吗</t>
  </si>
  <si>
    <t>扫一扫付钱支持信用卡吗</t>
  </si>
  <si>
    <t>在你的设置里面有支付设置，然后点扣款顺序然后把你的信用卡调到最上边就可以了。</t>
  </si>
  <si>
    <t>手机被偷了报警有用吗</t>
  </si>
  <si>
    <t>抵押车能买吗</t>
  </si>
  <si>
    <t>所谓抵押车，就是这个车的主人，向银行或个人申请贷款而用作抵押的车辆。因为这类车辆的产权证书在车管所都有登记，不能办理过户更名手续，所以一般是不能进行交易的。</t>
  </si>
  <si>
    <t>抵押车一般都是指正规手续，抵押给私人、典当行、企业的（一般抵债）。所谓抵押车都是手续齐全（独缺绿证），欠了各种协议，就是不能过户。价格比市场价低很多，吸引了大家眼球。这种车子没绿证一般就是银行贷款的，也就是抵押物，这就是最大的风险。如果抵押已经解除，可以买；如果没有解除，买了将来会有风险。</t>
  </si>
  <si>
    <t>电话拉黑了发短信能接收到吗</t>
  </si>
  <si>
    <t>若对方设置了也不接收用户短信，对方是收不到用户的短信的；若对方没有设置拦截短信，只是拦截了电话，用户发短信对方是可以收到的。一般系统默认都是电话短信一起拦截的，因此用户发短信对方收到的几率很小。</t>
  </si>
  <si>
    <t>神州买买车靠谱吗</t>
  </si>
  <si>
    <t>靠谱，都是4s店提车。</t>
  </si>
  <si>
    <t>神州的车是已与国内主流整车厂商、4S店、进口商建立合作，和别家没有什么区别，肯定靠谱了，主要是首付低，月供低，先开上车然后再攒钱付尾款，特合适。</t>
  </si>
  <si>
    <t>首付和月供低，也是要还尾款的，只不过是时间宽裕了，可以提前买到车子 。另外一个原因就是神州买，买车是根据用户喜好大批的购进热门、热销车型，成本要低一些。</t>
  </si>
  <si>
    <t>默沙东是500强吗</t>
  </si>
  <si>
    <t>脸上痘坑6年还能修复吗</t>
  </si>
  <si>
    <t>可以采用点阵激光或离子束来治疗修复。</t>
  </si>
  <si>
    <t>面部痘坑年限久了就很难修复了。</t>
  </si>
  <si>
    <t>拆弹专家好看吗</t>
  </si>
  <si>
    <t>bug太多太多，拆弹相关剧情太少。</t>
  </si>
  <si>
    <t>确实是最近几年难得的香港电影，最后的枪战强攻很燃。</t>
  </si>
  <si>
    <t>右转弯可以闯红灯吗</t>
  </si>
  <si>
    <t>1、如果有红灯对右转弯车辆有限行，必须在停车线以内停车等待，准许右转弯通行时，才能右转通过。2、没有右转限行的路口。国内大部分城市的交通路口，对右转弯没有禁止通行，即使红灯亮时，也能右转通过。3、交规规定，没有右转限行的交通路口，右转弯时，必须在不影响行人、别的方向的车辆通行时，才准予右转通行。</t>
  </si>
  <si>
    <t>目前大多数都为全屏灯和箭头灯。如开车遇到圆饼红灯，则右转车辆可以直接右转。如在路口遇到红绿灯上挂有“红灯可以右转”的指示牌，右转车辆可以在红灯时进行右转。集合了圆饼灯和箭头灯的红灯，在圆饼红灯亮和左转红灯亮时，再右转车道的车辆可以转弯。</t>
  </si>
  <si>
    <t>2017年注册安全工程师教材更新吗</t>
  </si>
  <si>
    <t>不更新。</t>
  </si>
  <si>
    <t>四风的智慧85能学吗</t>
  </si>
  <si>
    <t>要90才能学。</t>
  </si>
  <si>
    <t>85级需要有骑术传家宝，黑市可能刷。</t>
  </si>
  <si>
    <t>85级能从黑市买书学。</t>
  </si>
  <si>
    <t>风纪委员阿狸有特效吗</t>
  </si>
  <si>
    <t>孕妇血糖高一定畸形吗</t>
  </si>
  <si>
    <t>母亲血糖高对胎儿是有影响的，母亲的血糖高，往往会引起新陈代谢紊乱，并伴有高氨基酸血症、高甘油三酯血症和高酮体血症及胰岛素效应降低（胰岛素抵抗）。这些都直接影响到胚胎的正常发育。“准妈妈”的血糖如果控制不好,会导致高血糖、高脂肪酸进入胎儿体内，刺激其生长，从而形成巨大胎儿及器官巨大。</t>
  </si>
  <si>
    <t>血糖高，一般不会造成畸形的，定期检查。</t>
  </si>
  <si>
    <t>最好采用匿名方式浏览网站对吗</t>
  </si>
  <si>
    <t>对。除非是实在要登录了，才登录。这样能减少中招的机率。</t>
  </si>
  <si>
    <t>二元期权有人致富吗</t>
  </si>
  <si>
    <t>经纪人和背后的庄家赚到钱了，真正的投资者转不了钱。国内的所有二元期权都不是正规的，目前国内在这一块处于空缺，所以导致很多人投机取巧成立一些打着国外旗号的二元期权。</t>
  </si>
  <si>
    <t>单说二元期权，是不可能获利的。</t>
  </si>
  <si>
    <t>甲状腺癌会死人吗</t>
  </si>
  <si>
    <t>甲状腺肿瘤分为良恶性之分，一般以腺瘤（良性）多见，但不排除其他性质的可能。恶性肿瘤对生命存在一定威胁，主要与具体性质和病情程度有关。</t>
  </si>
  <si>
    <t>isic国际学生证有用吗</t>
  </si>
  <si>
    <t>“ISIC”的有效期只有一年，而且不能作为身份证明，是一个叫“国际学生旅游联盟（ISIC）”的民间组织发行的。</t>
  </si>
  <si>
    <t>ISIC在美国还是有很多很多实用的优惠的，比如说six flag主题乐园，target超市等等。</t>
  </si>
  <si>
    <t>王者荣耀项羽厉害吗</t>
  </si>
  <si>
    <t>项羽这个英雄不错。</t>
  </si>
  <si>
    <t>世界上有奥特曼吗</t>
  </si>
  <si>
    <t>没有的，《奥特曼》系列是日本“特摄之神”的圆谷英二所一手创办的“圆谷制作”（所拍摄，自1960年代起推出的一系列空想特摄电视剧。以1966年的《奥特Q》为首，自同年的《初代奥特曼》开始，建立了“巨大英雄与怪兽对战”的模式。昭和时代的奥特曼作品（《初代奥特曼》至《爱迪奥特曼》）中奥特曼英雄的出身地均设定成“M78星云”的宇宙人（雷欧·奥特曼及其弟弟阿斯特拉·奥特曼则设定为L77星云的宇宙人；乔尼亚斯·奥特曼设定为U40星云的宇宙人），但自1996年的《迪迦奥特曼》起则打破了这个传统，并将奥特曼加入了不同的型态转换能力。</t>
  </si>
  <si>
    <t>车智汇是传销吗</t>
  </si>
  <si>
    <t>支付宝证件夹官方承认吗</t>
  </si>
  <si>
    <t>用户还是带上自己的证件，并没有官方声明可以使用支付宝电子驾照。</t>
  </si>
  <si>
    <t>雅诗兰黛气垫好用吗</t>
  </si>
  <si>
    <t>还可以，如果想要遮瑕，追求妆感和持久度，雅诗兰黛是不错的选择。</t>
  </si>
  <si>
    <t>六一儿童节家长放假吗</t>
  </si>
  <si>
    <t>六一儿童节家长不放假的哦。</t>
  </si>
  <si>
    <t>吃方便面会发胖吗</t>
  </si>
  <si>
    <t>方便面一般都是油炸的，吃多了油脂也会在人体内慢慢积聚起来，而且方便面的主要成分就是碳水化合物—淀粉，这些都是很容易导致发胖的。方便面中添加了防腐剂等东西，常吃会影响人体健康，导致营养不良。方便面的主要成分是小麦面粉、棕榈油、调味酱和脱水蔬菜叶等，都是补充人体营养所必需的成分，伴随着全球化进程的加快和生活节奏的提高，方便面这一即能快速充饥又富含营养的美味食品越来越受人们喜欢。方便面常为人们所诟病，认为多吃不利于健康，主要有以下几个原因：一是油脂含量高，因为大部分方便面都采用油炸的方法对面块进行干燥。二是含有一定的添加剂。三是被很多人所关注的丙烯酰胺问题。所有淀粉类食品在高温烹调(超过120℃)中都会产生这种致癌物。</t>
  </si>
  <si>
    <t>苹果放久了 还能吃吗 有营养吗</t>
  </si>
  <si>
    <t>最好别吃存放时间长的水果，还是什么季节吃什么最好。</t>
  </si>
  <si>
    <t>可以的，只要没有腐烂就可以吃。</t>
  </si>
  <si>
    <t>node.js能取代php吗</t>
  </si>
  <si>
    <t>net取代php？java取代php？python取代php？现在到node.js取代php了，可是php依然坚挺，web的市场占有率依然很高，说了多少年了，其他语言能不能来点实际的？就一个wordpress都ko不了，谈何取代？</t>
  </si>
  <si>
    <t>会，js是最好的语言。</t>
  </si>
  <si>
    <t>不会。nodejs的回调和异步来做web简直太坑了。不过es6/7特性还不错。但是不可能代替php还是不可能的。这是语言层面的差别。</t>
  </si>
  <si>
    <t>炒股软件安全吗</t>
  </si>
  <si>
    <t>金陵十三钗在日本票房为零吗</t>
  </si>
  <si>
    <t>《金陵十三钗》本来就没打算在日本上映，所以没有票房为零的说法。</t>
  </si>
  <si>
    <t>外孕和月经的感觉一样吗</t>
  </si>
  <si>
    <t>很相似。</t>
  </si>
  <si>
    <t>和"老朋友"要来一样,有部分不一样。</t>
  </si>
  <si>
    <t>基本上一模一样。</t>
  </si>
  <si>
    <t>尿隐血1+严重吗</t>
  </si>
  <si>
    <t>尿隐血不是很严重，另外要看病因，出现这种情况一般多见于尿路感染、肾脏病变等导致，可以到泌尿科就诊做一下身体检查，明确诊断后再进行药物治疗。如果是尿路感染导致，可以使用左氧氟沙星、呋喃妥因等消炎药进行治疗，多喝水，不要吃辛辣食物。</t>
  </si>
  <si>
    <t>一键无痕看是真的吗</t>
  </si>
  <si>
    <t>考博英语是全国统考吗</t>
  </si>
  <si>
    <t>不是，博士研究生考试是由各学校组织的，具体考试时间不同的学校也是不一样的。</t>
  </si>
  <si>
    <t>不是，应该是学校自主命题。</t>
  </si>
  <si>
    <t>手口足疫苗有必要打吗</t>
  </si>
  <si>
    <t>到目前为止，还没有手足口病的疫苗。</t>
  </si>
  <si>
    <t>建议还是接种这个手足口病疫苗。</t>
  </si>
  <si>
    <t>要打。</t>
  </si>
  <si>
    <t>植物油能溶于水吗</t>
  </si>
  <si>
    <t>闲鱼上买东西靠谱吗</t>
  </si>
  <si>
    <t>咸鱼是淘宝旗下的，主要卖的是二手商品，或者是个人转让的。如果价格差不多，建议还是去淘宝买，如果确定自己自己买的是二手商品，一定要让卖家给拍照，包括细节，成色。但是提醒，咸鱼的卖家不一定有缴纳消费者保证金，所以如果后续出现交易成功的售后问题，可能会很难维权。</t>
  </si>
  <si>
    <t>有人在宜人贷借过钱吗</t>
  </si>
  <si>
    <t>o盟加油卡是不是骗局</t>
  </si>
  <si>
    <t>感冒能吃鸡蛋吗</t>
  </si>
  <si>
    <t>可以吃鸡蛋。感冒发烧时，人体能量消耗较大，抵抗力就会下降，也吃不下什么东西，缺乏营养，适当补充鸡蛋等蛋白质比较高的食物，对身体的恢复是有好处的。到底能不能吃鸡蛋也得因人而异。由于感冒发烧可能会引起胃肠不适，而鸡蛋本身又不易消化，肠胃本身不好的人，应该减量或避免食用。</t>
  </si>
  <si>
    <t>网上一般认为，感冒不能吃鸡蛋。因为感冒病人的进食热量将直接决定其是否能抵抗感冒病毒、促使机体康复。鸡蛋的主要成分为卵球蛋白，是一种完全蛋白质，99.7%能被人体吸收。因此进食鸡蛋后会产生一定的额外热量，使机体热量增高，导致发烧症状恶化。</t>
  </si>
  <si>
    <t>微领地小蜜是传销吗</t>
  </si>
  <si>
    <t>微领地小蜜是一款专注于为微个体经营个人流量的app。</t>
  </si>
  <si>
    <t>苹果6有32g的吗</t>
  </si>
  <si>
    <t>有32G的。</t>
  </si>
  <si>
    <t>异形恐怖吗</t>
  </si>
  <si>
    <t>异形不算恐怖</t>
  </si>
  <si>
    <t>hebe同性是真的吗</t>
  </si>
  <si>
    <t>没有的事，不要相信谣传。</t>
  </si>
  <si>
    <t>网商银行提现要手续费吗</t>
  </si>
  <si>
    <t>不要。</t>
  </si>
  <si>
    <t>6月1日之后申请的新人要收费。</t>
  </si>
  <si>
    <t>宇宙外面是神界吗</t>
  </si>
  <si>
    <t>完全有可能。</t>
  </si>
  <si>
    <t>前海人寿保险会倒闭吗</t>
  </si>
  <si>
    <t>保险公司是不会倒闭的。这是法律保证的。</t>
  </si>
  <si>
    <t>不会，就算倒闭也会有别的公司接盘的，国家是不允许保险公司倒闭的。</t>
  </si>
  <si>
    <t>dnf90版本异界套还有用吗</t>
  </si>
  <si>
    <t>异界都没用了。</t>
  </si>
  <si>
    <t>工行手机银行转账需要u盾吗</t>
  </si>
  <si>
    <t>工商银行网银你的默认设置是用u盾的，可以去银行还成电子密码器或者开通工银e支付，这个方便转账。</t>
  </si>
  <si>
    <t>不用，改成短信验证码验证就可以。</t>
  </si>
  <si>
    <t>不用U盾转账汇款限额默认当天5000元，当月累计限额50000元，超过就需要用。</t>
  </si>
  <si>
    <t>胎盘位于子宫前壁好吗</t>
  </si>
  <si>
    <t>胎盘位于前壁，就意味着胎盘离宫口比较近，很容易滑脱导致胎儿流产或者早产。</t>
  </si>
  <si>
    <t>胎盘位于子宫前壁是胎盘附着的正常位置，属于正常妊娠。</t>
  </si>
  <si>
    <t>360免息借钱是真的吗</t>
  </si>
  <si>
    <t>盆腔炎中药和西药一起吃可以吗</t>
  </si>
  <si>
    <t>中西医可以同时治疗，效果最佳。</t>
  </si>
  <si>
    <t>一般以西药治疗为主，中药为辅，但是两种药物一块使用可能影响药效。</t>
  </si>
  <si>
    <t>微信电脑版只能扫一扫登陆吗</t>
  </si>
  <si>
    <t>其中第一种电脑上登陆微信网页版，必须使用二维码扫描登陆，方式二中，在电脑中登陆微信和手机上登陆类似，无需二维码，使用微信账号或者QQ账号即可登陆微信，以下是详细的微信电脑登陆不用二维码实现步骤：首先需要在电脑中下载安装“安卓模拟器”和“微信安卓版”。在电脑中打开下载安装的【东东手游助手】，然后在【我的应用】中，点击【安装本地应用】，然后打开下载的【微信安卓版】进行安装，在安卓模拟器中安装微信安卓版成功后，就可以点击【启动】打开微信了，接下来会弹出微信登陆界面，登陆界面不同微信网页版，而是很手机版基本相同，我们直接点击左下角的【登陆】。</t>
  </si>
  <si>
    <t>微信电脑版必须通过手机微信扫一扫才能登录，否则是无法登录的。</t>
  </si>
  <si>
    <t>成都曙光医院是正规医院吗</t>
  </si>
  <si>
    <t>拥有强大实力的孕育专家团，理论扎实、临床经验丰富。包括不孕不育学科带头人、主任/副主任医师、专家教授、硕士、博士生导师、海归医疗精英等数十名。其中，中华医学学会、中国医学科学院、国务院特殊津贴专家，以及著名高等医学学府造诣深厚的专家学者、教授，聚集曙光。医院还特聘数名中国医学泰斗为医疗顾问。在不孕不育领域久负盛名，在医院“高科技尖端技术设备+万级层流无菌净化手术室+科研标准实验室”的支持下，治疗男性不育，为全国的男不育患者带来福音。</t>
  </si>
  <si>
    <t>成都曙光男性专科医院为患者提供高层次、全方位、精细化和私密化的健康服务，成都曙光男科医院拥有一支一流治疗男性尖锐湿疣的医疗团队，确保疗效与安全，奠定在西南地区尖锐湿疣医治领域的权威地位。</t>
  </si>
  <si>
    <t>iphone6splus有64g吗</t>
  </si>
  <si>
    <t>死亡游戏潜入中国真的吗</t>
  </si>
  <si>
    <t>光触媒能除甲醛吗</t>
  </si>
  <si>
    <t>光触媒起源于日本，是一种纳米级的环保材料，是当前国际上治理空气污染的最理想材料。它涂布于基材表面，在光线的作用下，产生强烈催化降解功能，能有效地降解空气中的有害气体、杀灭多种病菌，并分解为无污染的微量二氧化碳和水，因而具有极强的净化、杀菌、除臭、防霉等功能。</t>
  </si>
  <si>
    <t>琼瑶有孩子吗</t>
  </si>
  <si>
    <t>滴滴速保可靠吗</t>
  </si>
  <si>
    <t>滴滴速保车险超市也是个不错的选择。</t>
  </si>
  <si>
    <t>推油都包打了飞机吗</t>
  </si>
  <si>
    <t>1、正规的“推油”是按摩师将精油涂抹于相应部位，双手顺着血液循环和经络分布的方向进行推拿按摩，其摩擦可以产生高于人体的温度，加速精油渗透到人体，并作用于身体的经络、穴位和局部组织。以此改善血液循环，增强细胞再生、排出体内毒素，有助于新陈代谢。和刮痧有着异曲同工的作用。2、打飞机就是自慰，就是靠自己的能力来解决性胀满、宣泄性能量，满足自己对性的要求，并从性方面获得快感和慰藉。</t>
  </si>
  <si>
    <t>号码归属地能改吗</t>
  </si>
  <si>
    <t>移动省内手机号码的归属地是可以更改的；去当地运营商的营业厅办理即可。</t>
  </si>
  <si>
    <t>银行卡换手机号必须去银行吗</t>
  </si>
  <si>
    <t>变更银行卡相预留手机号有两种情况，如果只是变更银行预留的联系方式不用去营业厅柜台，有开通网银即可通过网银操作，如果需要变更网银账户预留绑定手机号，则需要带身份证和银行卡去银行柜台办理。</t>
  </si>
  <si>
    <t>要到银行柜台办理，需要带上银行卡和身份证以及手机。</t>
  </si>
  <si>
    <t>古墓丽影10好玩吗</t>
  </si>
  <si>
    <t>神海的多人很好玩，单人画面很美但游戏性不行，不好玩，古墓10拼画面拼不过神海但很好玩。</t>
  </si>
  <si>
    <t>画面，剧情都非常的棒。</t>
  </si>
  <si>
    <t>在古墓9的引擎上做了些提高，自由度会高，感兴趣可以看下预告视频，真的很赞。</t>
  </si>
  <si>
    <t>改命师端木森出来了吗</t>
  </si>
  <si>
    <t>出来了。</t>
  </si>
  <si>
    <t>广药佰花方微信可信吗</t>
  </si>
  <si>
    <t>去佰花方官网上输入微信号可以验证真假。</t>
  </si>
  <si>
    <t>经过公司调查，这是一种新型诈骗方式。</t>
  </si>
  <si>
    <t>1、从品牌上看，佰花方确确实实是广药集团旗下产品，佰花方的产品确确实实是沿用敬修堂的护肤秘方。每个产品都是根据广药的标注研制并且生产的；2、从产品效果上看，广药佰花方作为广药集团旗下的专业药妆品牌，药妆沿用敬修堂传统祛斑古方，通常因为成分单纯、浓度较高而比一般的保养品来得直接有效，而且药妆一般也会通过一些医学机构的测试，安全性也比一般保养品来得高一些。产品通过1000人的盲测后数据显示，92%的人7天内都起到了美白祛斑的效果；3、从产品口碑上看，广药佰花方非常注重技术和产品的创新，国内唯一由药业集团出品的护肤品牌，产品已得到越来越多的消费者的认可。</t>
  </si>
  <si>
    <t>代位追偿算一次出险吗</t>
  </si>
  <si>
    <t>2016车险新规代位求偿，代位求偿不计入出险。如果你是无责并可以找到致害方保险公司的，由自己保险公司代位赔偿的，不算出险次数。如果你是无责但找不到致害方的，这种情况下保险公司代位赔给你了，这种就是要算出险次数的。</t>
  </si>
  <si>
    <t>不算，这个代位求偿的话，因为你没有责任，不算作你的出险，因为保险公司代为对方赔偿你的，最后通过保险公司索要回赔偿部分。</t>
  </si>
  <si>
    <t>改革后，不算自己的次数。</t>
  </si>
  <si>
    <t>猫能喝酸奶吗</t>
  </si>
  <si>
    <t>酸奶里的乳糖已经被分解成半乳糖和别的物质，所以可以喝的，不过如果是小奶猫的话，还是建议慎重喂食，毕竟小奶猫体质差。</t>
  </si>
  <si>
    <t>猫猫对酸奶没有什么容易引起的病，最好喂常温下的，太冷可能会拉肚子，每次喝完酸奶都会把剩下的给猫猫舔，它们都非常爱喝的，喝完也没有什么不良反应。总之，就是可以喝的。</t>
  </si>
  <si>
    <t>酸奶不是有盖子或上面一层纸头吗，那层东西特别容易让人发胖，但偶尔让狗狗猫猫舔舔，能增加它们的脂肪层。所以喝酸奶的时候，就会让它们舔盖子或上面一层纸头上的脂肪，它们特别喜欢的，会非常开心。</t>
  </si>
  <si>
    <t>鹤年堂眼贴是真的吗</t>
  </si>
  <si>
    <t>假货。</t>
  </si>
  <si>
    <t>百色是不是广西最穷的</t>
  </si>
  <si>
    <t>没有最穷，只有更穷！在广西，百色和河池差不多，因为地处云贵高原边缘，属于喀斯特地貌，石头多，土地贫瘠，由于历史及地理原因，当地经济发展不是很好，又由于是革命老区、边境地区，老、少、边、穷基本都占了；不过这几年总算是有些发展的条件了，新修的几条高速公路、铁路，多少可以带动当地的经济发展，相信将来日子会好些。</t>
  </si>
  <si>
    <t>银行节假日上班吗</t>
  </si>
  <si>
    <t>在一定区域内，多数银行休息，个别银行网点上班。</t>
  </si>
  <si>
    <t>上班，现在银行是全年无休的，每天都开门营业。只是银行在节假日和法定假日，一般不办理对公业务，但是个人业务可以照样办理。</t>
  </si>
  <si>
    <t>节假日一般银行网点轮休。</t>
  </si>
  <si>
    <t>肚脐眼里的泥能抠</t>
  </si>
  <si>
    <t>肚脐眼再脏也不能用力抠。</t>
  </si>
  <si>
    <t>千万不要抠。</t>
  </si>
  <si>
    <t>土豆变绿能吃吗</t>
  </si>
  <si>
    <t>不可以吃。</t>
  </si>
  <si>
    <t>如发现土豆发了芽或是表皮变绿、皮肉青紫或是腐烂时，千万不要食用。对于稍稍发芽发青的土豆，应把芽子、芽眼和发青的部分挖掉，并且还得把芽周围多挖去一点，而且一定要煮熟再吃，不要吃半生不熟的土豆；更不要生吃土豆。</t>
  </si>
  <si>
    <t>在加工土豆的时候，削皮、挖芽眼、适当加点醋烧熟煮透，就不用担心中毒问题了。当然，如果变绿的程度较大，那就丢弃了吧，不吃也罢。</t>
  </si>
  <si>
    <t>ae可以导出gif吗</t>
  </si>
  <si>
    <t>wifi信号增强器有用吗</t>
  </si>
  <si>
    <t>有用的，wifi信号增强器因为功率比一般的大，所以信号也就能在更远的地方搜索到，建议不要离人体太近，不使用时将其关闭，因为辐射会比一般的大一些。</t>
  </si>
  <si>
    <t>变色近视镜能长期带吗</t>
  </si>
  <si>
    <t>长时间佩戴变色近视眼镜会让眼睛长期处于保护状态下，从而会降低眼睛对强光的适应能力，造成眼睛本身的能力下降，同时变色眼镜永久了，会造成眼睛的瞳孔始终处于扩大状态，对眼睛非常不利。</t>
  </si>
  <si>
    <t>并没有什么禁忌，变色近视镜可以起到调节光线的作用，只要度数是适合的，就不会造成什么不良后果，一般建议是进行医学验光，然后根据这个度数验配。</t>
  </si>
  <si>
    <t>常带变色近视镜不好,因为变色镜的光线调节是有限度的.使近视加重。</t>
  </si>
  <si>
    <t>3658商城是骗局吗</t>
  </si>
  <si>
    <t>撸管9年戒了能恢复吗</t>
  </si>
  <si>
    <t>建议戒除手淫的习惯，平时多吃一些温补壮阳的食物调理，多运动锻炼，增强体质，配合服用一些补肾的中成药，慢慢会恢复正常的。</t>
  </si>
  <si>
    <t>建议戒除相关刺激物,慢慢调整自己,可先从减少次数开始慢慢就会好转的。</t>
  </si>
  <si>
    <t>戒撸之后，重要的是长时间的戒，根据撸管的时间长短、网友的经验，一般戒了1-2个月，长时间的撸管可能需要3个月，后身体机会慢慢恢复。可以参加戒色论坛、戒邪淫论坛、戒色吧等戒撸管的网站、共同激励。祝早日远离撸管、做个正常人。</t>
  </si>
  <si>
    <t>王者荣耀后羿厉害吗</t>
  </si>
  <si>
    <t>后期很厉害。</t>
  </si>
  <si>
    <t>不厉害，没位移。</t>
  </si>
  <si>
    <t>最终boss维迦值得买吗</t>
  </si>
  <si>
    <t>还可以用着 就是感觉w太明显 其他还好。</t>
  </si>
  <si>
    <t>性价比很高，特效很棒，推荐买。</t>
  </si>
  <si>
    <t>大熊猫在外国受欢迎吗</t>
  </si>
  <si>
    <t>熊猫在英国简直是 VIP 待遇，基本和其余国家的元首到访差不多。</t>
  </si>
  <si>
    <t>出现了熊猫外交。</t>
  </si>
  <si>
    <t>各国大部分对熊猫都是礼遇有加的。</t>
  </si>
  <si>
    <t>双黄蛋能孵出两只小鸡吗</t>
  </si>
  <si>
    <t>不会.一般认为，同卵双胞胎的DNA是完全一样的（一个受精卵分裂成两个，再分别发育成胎儿），两人的关系就象是克隆的一样。但因为双黄蛋其实是两个独立的受精卵，关系应该是亲生的兄弟姐妹(异卵双胞胎)，而不是同卵双胞胎。</t>
  </si>
  <si>
    <t>双黄蛋理论上不能孵出小鸡。蛋黄只是供给鸡胚发育的营养物质，而鸡的胚胎是蛋黄上的小白点。</t>
  </si>
  <si>
    <t>不能,因为双黄蛋中的营养成分不够两只鸡的需要,所以双黄蛋中的鸡在卵中,生长发育到一部分就会死去,从而双黄蛋不会孵出小鸡。</t>
  </si>
  <si>
    <t>天星押题卷押的准吗</t>
  </si>
  <si>
    <t>含金量挺高的，最主要还是靠自己的理解。</t>
  </si>
  <si>
    <t>其实都是差不多的，反正高考不会出现一模一样的题目，最多是题型差不多。</t>
  </si>
  <si>
    <t>奋麦商城合法吗</t>
  </si>
  <si>
    <t>奋麦商城一家帮助实体商家解决营销难题的平台，同时消费增值，消费转变消费者的。国家天天在做，这个东西有什么好骗人的。</t>
  </si>
  <si>
    <t>老人脚肿是不是要死了</t>
  </si>
  <si>
    <t>脚肿的原因很复杂,大致有以下几个原因：1、过度疲劳导致腿部血液无法回流，休息后会消退。2、由于肥胖导致对腿部的压迫过大。3、季节性腿肿，这与身体状况无关。4、心脏功能下降。5、盆腔内有肿瘤压迫腿部静脉。建议去医院检查一下。</t>
  </si>
  <si>
    <t>1药网是真的吗</t>
  </si>
  <si>
    <t>从包装和药的外表看是一样，味道截然不同，正宗的假药。</t>
  </si>
  <si>
    <t>根本不管售后的。要退货的话不给退，有质量问题就说让你自己联系商家，他们不管。</t>
  </si>
  <si>
    <t>手机卡丢了可以异地补办吗</t>
  </si>
  <si>
    <t>不可以的。</t>
  </si>
  <si>
    <t>朝北的房子有阳光吗</t>
  </si>
  <si>
    <t>我国大部分地区在北回归线以北，全年阳光都从南边向北照，所以朝北的窗户基本没有阳光直射，光线不充足。</t>
  </si>
  <si>
    <t>北向的房子是不可能进阳光的。</t>
  </si>
  <si>
    <t>哺乳期能吃荔枝吗</t>
  </si>
  <si>
    <t>哺乳期多吃水果有利于产后调养和恢复，同时提高乳汁中营养物质的含量。但是因为荔枝是湿热的，所以产妇们吃荔枝要适量。</t>
  </si>
  <si>
    <t>少吃为好，多喝水避免上火。</t>
  </si>
  <si>
    <t>对于体热或者已出现上火症状的妈妈来说，应该少吃或者不吃荔枝。对于温和体质和寒性体质的妈妈来说，也不宜多吃，一次吃几颗即止。</t>
  </si>
  <si>
    <t>肾病综合症能治愈吗</t>
  </si>
  <si>
    <t>如果是肾病综合征诊断明确，应该及时加用激素，如果对激素敏感，还是可以治愈的。</t>
  </si>
  <si>
    <t>腾讯没有人工服务了吗</t>
  </si>
  <si>
    <t>有人工服务。</t>
  </si>
  <si>
    <t>已经没有了。</t>
  </si>
  <si>
    <t>苹果6s停产了吗</t>
  </si>
  <si>
    <t>64G已经停产 9号发布iphone7是 6s也有更新 6s 16G变成32G 64G变成128G.也就是说现在在官网渠道购买6s都是32G起步的。</t>
  </si>
  <si>
    <t>是减产20%了。</t>
  </si>
  <si>
    <t>没有，4s停产了。</t>
  </si>
  <si>
    <t>怀孕可以养狗吗</t>
  </si>
  <si>
    <t>1.当然是按照科学养狗的方式，定期给狗狗打疫苗。另外注意狗狗的卫生，避免和外面的流浪狗接触（并非歧视流浪狗，而是养狗的人都知道，健康的狗狗要和还未确定是否健康的狗狗隔离）。2.收拾狗狗的NNBB的这项艰巨的任务，就得交给麻麻以外的人来完成了，并保持生活环境的卫生。通常这个时侯当巴巴的会很辛苦，因为又要照顾孕妇又要照顾狗狗。3.自己不吃未熟透的肉，狗狗也同样不要吃。4.避免跟狗狗过分亲热。抚摸完狗狗之后一定要洗手。5.如果你的狗狗还喜欢扑人，这点是比较危险的。这点只能从小教育，如果个子太大的狗还喜欢扑人，就要考虑是不是要跟它分开或尽量少接触。6.小心地上的狗玩具，孕妇不要被绊倒了。7.大狗，特别是小萨，出去遛是绝对不能让孕妇牵着。这点不用解释大家都知道了。</t>
  </si>
  <si>
    <t>一、在计划怀孕前，带狗狗去宠物医院做一次弓形虫检查，如果检查出没有弓形虫，狗狗是非常健康的；如果检查出有携带弓形虫，应该立即治疗。准妈妈和准爸爸也可以去医院做弓形虫检查，如果查出有弓形虫应在怀孕前及时治疗。二、有意识的“冷落”狗狗。我这里说的“冷落”当然不是对狗狗不管不问。有些朋友一开始跟狗狗相处便是亲密无间的，像抚摸、搂抱、狗狗舔脸等等，虽然有些明星在怀孕时也跟狗狗亲密接触，但是在我怀孕的时候还是跟狗狗保持了距离，杜绝了近距离接触，有时候狗狗兴奋的扑过来时，我会立即大声的喝止，过几分钟后，我便会温柔的对狗狗说不能接触它不是不喜欢它，而是怀了宝宝，狗狗是很有灵性的，渐渐地，它也会懂得“保持距离”。三、尽量不要外出遛狗。狗狗天性好动，喜欢户外环境，但是在我怀孕期间很少带它出去玩，主要是怕它感染细菌或寄生虫。</t>
  </si>
  <si>
    <t>弓形虫对胎儿影响非常大，容易造成流产和死胎。但是弓形虫一般都是由猫来携带，狗、牛、人等是宿主而已。一般不会直接传播，只有接触含有卵囊的猫粪便才会感染，所以孕妇要避免收拾粪便，不食用未完全煮熟的肉类，就能把感染的几率减至最低。确保狗狗的健康才能确保母婴的健康。所以如果你想养狗，应分别对自己和狗抽血检查一下体内弓形虫抗体是否为阳性。因此，为何医生会建议怀孕期间最好不要养狗，只是因为出于对孕妇和孩子的关爱，将一切可能发生的影响降至最低而已。</t>
  </si>
  <si>
    <t>内痔会自愈吗</t>
  </si>
  <si>
    <t>这个是不能的。</t>
  </si>
  <si>
    <t>天猫超市是自营的吗</t>
  </si>
  <si>
    <t>王者荣耀可以用q币充值吗</t>
  </si>
  <si>
    <t>Iphone手机不支持q币直接充值，Iphone手机下装的游戏只能通过苹果应用中心来充值。那么玩家可以在云奇付Q币提现平台先将Q币兑换到银行卡或支付宝上，再充值到苹果应用中心充值王者荣耀就可以了。Android手机支持Q币直充，所以玩家可以用Q币和Q币卡直接充值王者荣耀。如果玩家有其他游戏充值卡，如骏网一卡通、完美一卡通等，在云奇付即时换卡平台将点卡兑换成Q币或Q币卡也是可以充值的。</t>
  </si>
  <si>
    <t>在王者荣耀点击点券后面的+号。进入充值界面。选择一个数值充值，点击更多，就出来各种充值方式了。</t>
  </si>
  <si>
    <t>关于游戏的充值方式最常使用的一个方式就是在游戏充值系统里面进行充值，除了那边一个充值方式，还有就是安卓版在电脑上进入腾讯充值中心进行充值，在这边可以使用Q币、财付通快捷支付、微信支付、银行卡等多种方式。</t>
  </si>
  <si>
    <t>洱海整治还能去玩吗</t>
  </si>
  <si>
    <t>还是可以玩的。</t>
  </si>
  <si>
    <t>主要集中在双廊，大理古城是没问题的，可以正常参观，而且合格的客栈是可以继续营业的，只不过费用可能会更高，但是可以住在下关。</t>
  </si>
  <si>
    <t>花眼还能恢复吗</t>
  </si>
  <si>
    <t>花眼是不可能自行好转或消失的。</t>
  </si>
  <si>
    <t>应勤有错吗</t>
  </si>
  <si>
    <t>其实应勤也没什么错。</t>
  </si>
  <si>
    <t>有错，错的不是择偶观，是当时的做法。</t>
  </si>
  <si>
    <t>feelunique有假货吗</t>
  </si>
  <si>
    <t>一定不会有的。</t>
  </si>
  <si>
    <t>姜力洗发水好不好</t>
  </si>
  <si>
    <t>姜力洗护套装促进头皮的血液循环，保护头皮有效祛除头屑清脂控油，有效抑止减少掉发现象，防止脱发断发 激活毛囊细胞促进新头发的生长，强化发根毛囊组织。促进头发新生发育，解除脱发油腻瘙痒及头屑增生现象。令头皮轻松舒爽，舒缓疲劳，减少亚健康压力。</t>
  </si>
  <si>
    <t>一、生姜养髪的好处:除了一般清洁污垢的正常功能之外，还具有：疏通毛囊、抑制分泌过多的皮脂腺、控制油脂分泌、并使油脂接近正常值、防止皮脂在毛囊内堆积等功效。二、改善脑囊营养供给状态:使用姜力洗护产品（洗发精、护发素等等..）可以使毛囊营养输送系统畅通，提高脑囊对营养的吸收率，滋养髪根与毛囊。三、修复正在萎缩的毛囊。可促进头髪主要成分毛囊酸的生成，恢复毛囊生长功能，让毛囊更好的健康长发。</t>
  </si>
  <si>
    <t>姜力六大元素-来自纯天然的萃取精华，其中的何首乌：蕴含丰富卵磷脂、大黄酚，促进头皮细胞发育，活化血液，抗衰老效果显著，更能有效地预防白发、脱发、断发等问题，长期使用秀发乌黑亮泽，是汉方推崇的养发之王!以及核桃原粒：富含亚麻油酸及钙、磷、铁，是人体理想的肌肤美容剂，是秀发天然的保护膜，长期使用能够防治头发过早变白和脱落的功能。核桃原粒的按摩作用更能刺激头皮血管的活性，从而改善头部血液循环，消除过度疲劳导致的头痛、头晕症状。</t>
  </si>
  <si>
    <t>一双绣花鞋恐怖吗</t>
  </si>
  <si>
    <t>说不出的恐怖，是一种氛围。</t>
  </si>
  <si>
    <t>不恐怖，但吓人。</t>
  </si>
  <si>
    <t>花呗逾期一天有影响吗</t>
  </si>
  <si>
    <t>支付宝花呗若逾期未还款，则会产生逾期费用。逾期费用=逾期金额*逾期天数*0.05%。花呗是由蚂蚁微贷提供给消费者“这月买、下月还”的网购服务。</t>
  </si>
  <si>
    <t>尽快还款，不然会影响信誉。</t>
  </si>
  <si>
    <t>10才是最后还款时间，所以没有问题，接受全国花呗额度快速提现，成都支持当面、随心消费。</t>
  </si>
  <si>
    <t>盆腔积液会不孕吗</t>
  </si>
  <si>
    <t>严重的导致输卵管炎症，造成输卵管堵塞。影响受孕。</t>
  </si>
  <si>
    <t>如果不及时的治疗，往往就会容易诱发卵巢疾病和输卵管性疾病，导致出现盆腔积液性婚后不孕的困扰。</t>
  </si>
  <si>
    <t>当女性得了盆腔积液时，盆腔积液里面会携带很多病菌，当这些积液病菌侵蚀子宫后，子宫的正常环境和正常功能都会受到影响，这就会影响到育龄期女性的正常生育。</t>
  </si>
  <si>
    <t>阴阳师ios和安卓互通吗?</t>
  </si>
  <si>
    <t>可以一起玩，但数据不共享。</t>
  </si>
  <si>
    <t>没有营业执照可以加入美团吗</t>
  </si>
  <si>
    <t>没有营业执照是没办法入驻美团网的，但是也可以和美团的落地经理谈，也可以不用的。</t>
  </si>
  <si>
    <t>毕业论文公式算字数吗</t>
  </si>
  <si>
    <t>win10最新版本是1607吗</t>
  </si>
  <si>
    <t>洗牙好不好</t>
  </si>
  <si>
    <t>洗牙是好的，安全的。</t>
  </si>
  <si>
    <t>很有好处的。</t>
  </si>
  <si>
    <t>视频马赛克能去除吗</t>
  </si>
  <si>
    <t>马赛克的作用就是为破坏其背后图像的细节！这是不可逆的，后期处理并不能真正恢复马赛克后面图像的原有细节！任何人或软件都不能去掉这马赛克让图像真正恢复原来的效果！</t>
  </si>
  <si>
    <t>网上下去马赛克补丁。</t>
  </si>
  <si>
    <t>蚊香液对人有害吗</t>
  </si>
  <si>
    <t>不管是蚊香还是蚊香液，都含有微量麻醉物或毒物用来麻醉或者毒死蚊子，因为计量少，所以人不会受其危害，但是，都是有少量危害的。</t>
  </si>
  <si>
    <t>眼下市面上的驱蚊产品很多，有蚊香、电蚊香等，虽然大多产品标明无毒无害，但有些驱蚊产品的成分可能对人体有不利影响。</t>
  </si>
  <si>
    <t>同时，房间里蚊香或电蚊香液等熏的时间过长，空气流通不畅，会使有些人出现胸闷、头昏症状。 尤其是一些劣质驱蚊产品，所以购买时一点要认准商标。</t>
  </si>
  <si>
    <t>复试是不是基本就定了</t>
  </si>
  <si>
    <t>有人复试完就立马知道自己是不是被录取是不存在的。因为考试过后要经过一些流程才能够录取当然也可能是有一些学生基础十分好，几乎全部题都可以保证自己做对了就可以知道自己一定被录取了，而一些人可能完全不会，当然考完后就知道自己没有机会录取了，还有一部分原因是导师可以自己选择学生，就算考试没有通过导师也可以选择学生在自己的项目学习。</t>
  </si>
  <si>
    <t>这个和报考的学校有关，复试一般都是有学院组织的，由学院组织改专业课应该是比较快的，一般复试要安排几天的，包括笔试面试英语听力还有体检，笔试一般安排的比较前，有的学校安排面试的同时笔试成绩也同步改出来了，所以复试的最后一天就可以得到通知是否录取。</t>
  </si>
  <si>
    <t>飘窗可以敲掉吗</t>
  </si>
  <si>
    <t>飘窗板下就是室外那种是不能打的。结构完成后，在室内靠窗部位用砖砌成飘窗形式，那种飘窗是可以敲掉的</t>
  </si>
  <si>
    <t>不影响建筑外墙的内飘窗是可以打掉。外飘窗，带钢筋混凝土的飘窗不能打掉。</t>
  </si>
  <si>
    <t>郑伊健和黎姿交往过吗</t>
  </si>
  <si>
    <t>荣耀8玩王者荣耀卡吗</t>
  </si>
  <si>
    <t>玩王者荣耀是否卡顿和网络环境也有关系的。游戏时你可以查看屏幕右上方延时显示，如果为红色说明延时比较高，游戏时会出现卡顿的现象。建议你玩游戏时可以将手机设置为性能模式，并且关闭后台其他程序。尽量保持屏幕和手指的干净，如果手上有汗水的话，也会影响到屏幕操作的。</t>
  </si>
  <si>
    <t>开性能模式也不能满祯 配置不行荣耀8是有点卡。</t>
  </si>
  <si>
    <t>第一，进游戏看到网络状态显示不是绿色把所有那些特效全关了，第二，太高峰期的时候尽量别玩，比如中午刚放学到吃完饭的时候，晚上也一样。第三，很多时候跟手机没太多问题，iphone有时候也卡，后台软件能不开尽量别开。还有其他的就等天美优化服务器了。</t>
  </si>
  <si>
    <t>游泳湿气重</t>
  </si>
  <si>
    <t>湿气太重了。</t>
  </si>
  <si>
    <t>因为运动是产热的，能驱散寒气，避免功能下降，湿自然无从产生了。</t>
  </si>
  <si>
    <t>一念永恒好看吗</t>
  </si>
  <si>
    <t>挺好看的，耳大的小说都和别的作者不一样，尤其这本，虽说是有点爽文，但是好看。</t>
  </si>
  <si>
    <t>一念永恒是耳根最差的一本小说。</t>
  </si>
  <si>
    <t>土豆发芽了把芽削掉能吃吗</t>
  </si>
  <si>
    <t>1.土豆发芽后，芽孔周围就会含有大量的有毒龙葵素，这是一种神经毒素，可抑制呼吸中枢。最好不要食用发芽的土豆。如要食用须深挖及削去芽附近的皮层，再用水浸泡一段时间，煮食时间也须长一些。2.对于土豆上已稍有发芽、发青的部位及腐烂部分应彻底清除。如果土豆发青的面积较大，发芽的部位很多，应把这个土豆扔掉。 3.如果吃土豆时口中有点发麻的感觉，则表明该土豆中还含有较多的龙葵素，应立即停止食用，以防中毒。4.有报道，孕妇若吃进太多的龙葵素，可能会使胎儿出现畸形，所以孕妇应特别小心。</t>
  </si>
  <si>
    <t>言以蔽之，发芽的土豆有毒，是吃不得的。但是，并不是整个土豆都不能吃，只是发芽的那部分不能吃，切掉之后，其余部分仍然可以食用。</t>
  </si>
  <si>
    <t>发芽的土豆会产生一种叫茄碱的毒素。不发芽的土豆每100克中只含10毫克茄碱，而发芽后可增加50倍或更多。吃少量茄碱对人体不一定有明显的害处，但是如果一次吃进约合200毫克茄碱，经过15分钟至3小时就可发病。最先出现的症状是口腔及咽喉部瘙痒，上腹部疼痛，并有恶心、呕吐、腹泻等症状，症状轻的，经过1～2小时可以通过自身的解毒功能而自愈，如果吃进300～400毫克或更多的茄碱，则症状会非常重，表现为体温升高和反复呕吐以致失水，接着瞳孔放大、怕光、耳鸣、抽搐、呼吸困难、血压下降，极少数人可因呼吸麻痹而死亡。所以发了芽的土豆最好不要吃。</t>
  </si>
  <si>
    <t>现在win7还能免费升级win10吗</t>
  </si>
  <si>
    <t>共青团中央很厉害吗</t>
  </si>
  <si>
    <t>中国共产主义青年团（简称共青团）是中国共产党领导的先进青年的群众组织，是广大青年在实践中学习中国特色社会主义和共产主义的学校，是中国共产党联系青年群众的桥梁和纽带，是中华人民共和国的重要社会支柱之一，也是中国共产党的助手和后备军。</t>
  </si>
  <si>
    <t>团中央，领导人的摇篮。</t>
  </si>
  <si>
    <t>瘦瘦塑身有副作用吗</t>
  </si>
  <si>
    <t>有副作用。</t>
  </si>
  <si>
    <t>老虎从小养大能听话吗</t>
  </si>
  <si>
    <t>回迁房可以买卖吗</t>
  </si>
  <si>
    <t>（一）业主已经取得房产证这些回迁房是完全可以做二手买卖或租赁交易的。（二）业主手中只签订了回迁协议只有回迁协议的，在做二手交易时是不能在房地产交易所做公证过户和改名的，如果购买这种房屋，需要双方在进行交易时，在公证处做公证交易，待《房产证》出来后才能做真正的过户交易。</t>
  </si>
  <si>
    <t>狗狗在吃便便的时候不感觉臭吗?</t>
  </si>
  <si>
    <t>不会，再说人喜欢的味道，狗狗也不一定喜欢。</t>
  </si>
  <si>
    <t>秘果有第二季吗</t>
  </si>
  <si>
    <t>《秘果》的主要情节和生活琐事相得益彰，且不乏连贯性和趣味性，最主要的是，它让观众从这段娓娓道来的故事里看到了自己。观众似乎对于这种娓娓道来的方式极为买帐，像经历了于池子和段柏文成长得每一个细节，纷纷留言《秘果》官微“是我看着段柏文长大的”“求拍第二部”。而作为出品方的彼岸春天是否会响应网友的呼声目前未可知，但据悉电影版《秘果》的出品方也是彼岸春天，或许为了配合7月7日要上映的电影，网剧出第二部并不是没有可能。</t>
  </si>
  <si>
    <t>秦俊杰爱杨紫吗</t>
  </si>
  <si>
    <t>肯定的，秦俊杰对杨紫的心意是真的。</t>
  </si>
  <si>
    <t>季昌明是好的吗</t>
  </si>
  <si>
    <t>vsd文件能用word打开吗</t>
  </si>
  <si>
    <t>还能用word打开；如果系统中安装有Word2003或2007公软件，那么可以选择“文件”－“插入”－“对象”－“由文件创建”，选择“浏览”，然后选择visio文件就可以打开了。vsd文件是微软公司出品的一款公软件软件MicrosoftOfficeVisio所生成的图表文件的格式名称。通常以.vsd结尾。</t>
  </si>
  <si>
    <t>如果系统中安装有Word 2003或2007办公软件，那么可以选择“文件”－“插入”－“对象”－“由文件创建”，选择“浏览”，然后选择visio文件就可以打开了。也或者可以安装Visio Viewer 2003这个小软件来查看*.vsd文件。安装此软件以后，查看Visio 文档会十分容易，只需要双击后辍名为（.VSD、.VSS、.VST、.VDX、.VSX 或 .VTX 的文件)。Internet Explorer就会自动打开此类文档，Visio Viewer 会在IE浏览器里打开。可以使用工具栏按钮或右键功能表的功能表项目来移动或放大VSD文档。</t>
  </si>
  <si>
    <t>windows自带浏览器可以。</t>
  </si>
  <si>
    <t>6年免检车辆要不要领取环保标志</t>
  </si>
  <si>
    <t>6年免检车辆，可以直接申领环保标志。</t>
  </si>
  <si>
    <t>电子烟换另外的烟油需要清洗吗</t>
  </si>
  <si>
    <t>1. 水洗，温水即可。在电子烟雾化器中倒入适量温水，轻轻摇晃一到两分钟，然后将水倒出来，再用电吹风吹干。这种方法很简单，但还是会残留之前的电子烟油味道。 2. 醋，将雾化器置入混有醋的清水，然后进行烧煮，大概十分钟之后，用清水清洗一遍，再吹干即可。用醋清洗电子烟雾化器是个不错的选择，效果还可以。3. 可乐，将电子烟雾化器浸泡在一杯可乐饮料中，浸泡24小时。完成后取出，用温水、冷水，开水清洗都可以，最后吹干。这种方法很繁琐，效果也不是很理想。之前的烟油味道还很浓。4. 伏特加，将雾化器吹干，倒入适量伏特加，用手指封住雾化器口，并轻轻摇晃一至二两分钟后倒掉。然后用热水冲洗干净，放置任其晾干。记住，不需要吹干，伏特加的味道需要慢慢消失。这是一种很奢侈的方法，但确实也是一种比较有效的方式，基本上可以消除电子烟雾化器内壁的污垢和味道。</t>
  </si>
  <si>
    <t>当然要清洗，否则 会窜味。清洗工具最好用酒精或温水，洗完后，一定要纸巾擦干！</t>
  </si>
  <si>
    <t>csgo会掉段吗</t>
  </si>
  <si>
    <t>长期不玩，你的等级会被隐藏，直到你赢一场之后才能再次显示等级，而等级本身是不会因为不玩而降低的，计算方法和没隐藏的时候之前一样，玩得好就升，玩的差就降。</t>
  </si>
  <si>
    <t>如果有分段后，长时间不打（一个月左右），就会重置段位，需要重新打一把，经常不打，重置后段位会降低。</t>
  </si>
  <si>
    <t>排卵推迟月经也会推迟吗</t>
  </si>
  <si>
    <t>一般来说排卵期推迟月经期也会推迟的。</t>
  </si>
  <si>
    <t>一般情况下排卵期多会在两次月经之间，排卵期延后往往伴有月经延迟现象。</t>
  </si>
  <si>
    <t>排卵期推迟，月经也会推迟，月经是因为排卵后没有受精而脱落出来的子宫内膜等物质，如果排卵推迟那么月经肯定会推迟。</t>
  </si>
  <si>
    <t>魏丑夫芈月同过房吗</t>
  </si>
  <si>
    <t>同过。</t>
  </si>
  <si>
    <t>孙夏是鲁花集团千金吗</t>
  </si>
  <si>
    <t>马来西亚可以落地签吗</t>
  </si>
  <si>
    <t>中国游客进入马来西亚可以办理落地签证，但必须有第三方签证方可出中国国境，且落地签证费用高达330元马币，因此不建议落地签。 鉴于旅游落地签证管理混乱的现象日益严重，马来西亚政府决定停止向外国旅游者发放落地签证，这一措施将在8月15日正式生效。</t>
  </si>
  <si>
    <t>可以的，不过出境的时候必须有一个合法签证否则国内海关不放出去；如果只是在中国直接到马来西亚，没有其他签证，建议还是办理马来西亚签证。</t>
  </si>
  <si>
    <t>亚瑟王斗兽争霸好看吗</t>
  </si>
  <si>
    <t>太精彩了。</t>
  </si>
  <si>
    <t>女生不主动联系,是对你没兴趣吗</t>
  </si>
  <si>
    <t>不一定，其实是个性格问题。</t>
  </si>
  <si>
    <t>因人而异，要不然她对你没太大兴趣。要不然她比较不善于表达，或害羞，不过这也是可以装的。</t>
  </si>
  <si>
    <t>鸵鸟会飞吗</t>
  </si>
  <si>
    <t>鸵鸟不会飞。</t>
  </si>
  <si>
    <t>紫包菜凉拌要开水烫吗</t>
  </si>
  <si>
    <t>紫包菜也是西餐中比较常用的食材，它在西餐中基本上都是直接生食用的，是营养损失最小且口感最好的吃法。但由于紫包菜在种植的过程中可能会喷酒农药，把紫甘蓝一片片的剥下来，放入淡盐水里浸泡15～20分钟，然后捞出冲洗干净再切成细丝，接下来就可以用你喜欢的方法做凉拌紫甘蓝了。这样虽然不可能完全去除掉农药残留，但总比直接洗洗就吃要安全多了。这种处理方法不仅适用于凉拌，也适用于炒紫包菜等各种吃法。</t>
  </si>
  <si>
    <t>如果不焯水你就感觉不舒服,也可以将剥成片的紫甘蓝放入开水里烫15秒左右,记住一定要成片的入锅焯烫,而且烫的时间不要超过15秒。烫好马上出锅冲冷水,然后再沥水并切丝凉拌,这是营养和口感损失最小的焯水方法了。</t>
  </si>
  <si>
    <t>文森特和丫头分手了吗</t>
  </si>
  <si>
    <t>分手了。</t>
  </si>
  <si>
    <t>蛇女反向r闪被修复了吗</t>
  </si>
  <si>
    <t>已经被修复了。</t>
  </si>
  <si>
    <t>反向r闪的bug被修复了，用还是可以用就是没有以前的效果了。</t>
  </si>
  <si>
    <t>路由器会影响网速吗</t>
  </si>
  <si>
    <t>路由器都有最大连接数限制。低端的路由器一般的连接数相对比较低。比如D-LINKDI7200的最大连接数为160000，而DI7300同为企业级的最大连接数为320000，所以推荐你使用中高端的企业级路由器。</t>
  </si>
  <si>
    <t>路由器的确会影响网速，而且网线，传播距离也会影响，但是对于普通家用路由器来说，这种影响是微乎其微的，远远不会导致100M带宽只有4M的速度。</t>
  </si>
  <si>
    <t>路由器不好不会影响网速，网速只受带宽和传输介质的影响。</t>
  </si>
  <si>
    <t>莲花清瘟颗粒治感冒吗</t>
  </si>
  <si>
    <t>莲花清瘟颗粒用于治疗流行性感冒。</t>
  </si>
  <si>
    <t>这是清热解毒类的中成药，是可以用于治疗感冒的，要多喝水，注意量体温。</t>
  </si>
  <si>
    <t>连花清瘟胶囊治疗感冒相当有效。尤其治疗病毒引起的感冒，甲流、乙流都可以治疗，但是不能经常吃，服用3天无效建议到医院检查。</t>
  </si>
  <si>
    <t>斑美拉是正规产品吗sina</t>
  </si>
  <si>
    <t>ipad2能玩王者荣耀吗</t>
  </si>
  <si>
    <t>不能玩，进去后闪退。还没手机来的好。</t>
  </si>
  <si>
    <t>可以的。系统：与 iPhone、iPad、iPod touch 兼容。需要 iOS 7.0 或更高版本。</t>
  </si>
  <si>
    <t>客厅按水晶灯好吗</t>
  </si>
  <si>
    <t>首先从材质和风水方面来讲，客厅安装水晶灯是不错的。第二就是从视觉效果方面来说的，水晶灯饰的样式比较经典而且比较耐看，非常的富有韵味与美感。再次就是从使用方面来说，水晶灯吊饰的使用寿命也是很长的，一般可以达到十年以上，水晶灯吊饰表面都是经过古典油漆高温处理过的，质量可以得到保障，寿命也得到延长。</t>
  </si>
  <si>
    <t>装什么灯是要根据整体的装修风格来定义的，如果家里装修的风格是适合安装水晶灯的话(比如欧式)，肯定会漂亮。</t>
  </si>
  <si>
    <t>手机号注销了微信还能用吗</t>
  </si>
  <si>
    <t>手机号码注销后，绑定的微信还可以正常使用，不过手机号码如果被别人开通，开通微信所有微信联系人就是对方的微信好友了，对方重新修改登陆密码，微信好友就可以和对方联系了。可以在注销手机号码的同时解散手机绑定的微信好友，重新添加到新手机号码里面，就可以避免微信好友成为别人的好友。</t>
  </si>
  <si>
    <t>如果微信没有绑定QQ的话，只有绑定手机号，那就不可以登录了。如果设置了微信独立密码，又记得自己的微信号，那可以直接使用微信号和独立密码登录。</t>
  </si>
  <si>
    <t>男人离婚后好找对象吗</t>
  </si>
  <si>
    <t>离婚男人比离婚女人再婚要更容易一些。</t>
  </si>
  <si>
    <t>夏天猫咪怕热吗</t>
  </si>
  <si>
    <t>猫咪不怕热。</t>
  </si>
  <si>
    <t>它夏天会掉毛，不会中暑的。</t>
  </si>
  <si>
    <t>中国沙漠面积减少了吗</t>
  </si>
  <si>
    <t>大，环境越来越差，对植被的保护差。</t>
  </si>
  <si>
    <t>腾讯大王卡看腾讯视频要流量吗</t>
  </si>
  <si>
    <t>去腾讯视频个人中心激活免流功能。</t>
  </si>
  <si>
    <t>到腾讯视频里个人中心找到大王卡,免流量看视频进去绑定激活就可以。</t>
  </si>
  <si>
    <t>世界上有天使吗</t>
  </si>
  <si>
    <t>有，还有很多、很多。</t>
  </si>
  <si>
    <t>orbis在日本口碑好吗</t>
  </si>
  <si>
    <t>效果挺好的。</t>
  </si>
  <si>
    <t>小赢卡贷打亲属电话吗</t>
  </si>
  <si>
    <t>会打电话给他们的。</t>
  </si>
  <si>
    <t>樱桃里面的虫子能吃吗</t>
  </si>
  <si>
    <t>原理上能吃。</t>
  </si>
  <si>
    <t>自闭症孩子会被逗笑吗</t>
  </si>
  <si>
    <t>自闭症儿童会笑，他们用他们的眼光和思维看待世界，他们也会偶尔兴奋的和我们交流，但是自闭症儿童只是对一个事物或者是目前看到的东西有临时的性质才会交流，一般情况下自闭症儿童是不会传达社交方面的笑的。</t>
  </si>
  <si>
    <t>超强是极限词吗</t>
  </si>
  <si>
    <t>超、最、极，肯定。</t>
  </si>
  <si>
    <t>逆水寒ol能否超越天刀</t>
  </si>
  <si>
    <t>不能画面就无法超越了，更别提打击感。</t>
  </si>
  <si>
    <t>泰国插座和中国一样吗</t>
  </si>
  <si>
    <t>不一样，风情地域不同，往往用到的生活用品也不一样。</t>
  </si>
  <si>
    <t>三孔插座的插头不一样，需要转换器。两孔的插座是一样的，就不需要转换器了。</t>
  </si>
  <si>
    <t>肺炎传染吗</t>
  </si>
  <si>
    <t>大多数肺炎是不会传染的，免疫力低下时，才会由于细菌感染而发生肺炎，具有传染性的肺炎很少，如“非典”、炭疽、肺鼠疫等。</t>
  </si>
  <si>
    <t>refa美容仪好用吗</t>
  </si>
  <si>
    <t>消炎利胆片可以长期服用吗</t>
  </si>
  <si>
    <t>对于消炎利胆片，不应该长期、大剂量使用，应在有适应症时从小剂量用起，间歇应用，无症状时不用。</t>
  </si>
  <si>
    <t>拘留所的生活难过吗</t>
  </si>
  <si>
    <t>按时起床，按时睡觉，按时吃饭，早晚报数靠墙站，一星期内背熟二十条监规，牢头会给你安排日常事务，打水，擦地，擦墙，洗碗，有钱的不难过，可以吃小炒，没钱的只能吃水上飘，总之，没自由。</t>
  </si>
  <si>
    <t>几个人睡一个房间，厕所也在里面。有些就只是几个人在里面，没有床，只有椅子而已。环境很恶劣。</t>
  </si>
  <si>
    <t>不同人的感受不一样，不能一概而论。</t>
  </si>
  <si>
    <t>华夏彩票平台是骗局吗</t>
  </si>
  <si>
    <t>是的，现在稳定的不多，很多都是一些连服务器都没有得，随便挂个域名就出来骗钱。</t>
  </si>
  <si>
    <t>上古时期真的存在吗</t>
  </si>
  <si>
    <t>上古时代是真实存在的。</t>
  </si>
  <si>
    <t>office共享功能和工具需要安装吗</t>
  </si>
  <si>
    <t>要装，不然会出错。</t>
  </si>
  <si>
    <t>胃窦活检是怀疑癌变么</t>
  </si>
  <si>
    <t>胃镜后常规需要取活检来进一步明确，不代表一定为癌变或癌前症状。</t>
  </si>
  <si>
    <t>芦荟可以直接涂在脸上吗</t>
  </si>
  <si>
    <t>可以直接涂在脸上,但是芦荟表面那层绿色的皮一定要去掉,因为里面含有大量的大黄素,接触到人的皮肤上后会引起皮肤过敏。</t>
  </si>
  <si>
    <t>芦荟可以直接涂在脸上。</t>
  </si>
  <si>
    <t>夜光手表对人体好不好</t>
  </si>
  <si>
    <t>光致储能夜光粉的发光方式和带有放射性的夜光粉是不一样哦，对人体与环境是没有影响的。</t>
  </si>
  <si>
    <t>夜光手表虽然有一定的辐射，氚元素是一种放射性元素，但我向你保证没有哪个制表商敢让他们的表产生的辐射大到足以伤害人体，手表的辐射量都严格控制在一个安全的范围内。</t>
  </si>
  <si>
    <t>现代的绝大部分夜光手表对人体是无害的，如果使用镭作为夜光材料，那必定是对人体有害。</t>
  </si>
  <si>
    <t>阴历是农历吗</t>
  </si>
  <si>
    <t>中国的农历并不是阴历。</t>
  </si>
  <si>
    <t>顺丰拒签的退回还收运费吗</t>
  </si>
  <si>
    <t>一般像申通/圆通/中通/汇通/韵达/天天等民营快递由于因收货人拒绝签收导致快件退回的，毕竟快件是拒签的，不会产生回程运费，但是有个别快递网点存在所谓的拒收退货费。另外同样类似拒签的情况，顺丰是要收取回程的运费的，比如单程运费22，那么拒签退回给卖家，卖家要支付44。</t>
  </si>
  <si>
    <t>鹰嘴豆排油汤有效吗</t>
  </si>
  <si>
    <t>服后除了大便通畅了外，没减肥效果。</t>
  </si>
  <si>
    <t>还是有很效果的，尤其是肚子。</t>
  </si>
  <si>
    <t>一点儿效果都没有，本人按照他们给的方法按时服用45天，一斤没减。</t>
  </si>
  <si>
    <t>ios有电脑模拟器吗</t>
  </si>
  <si>
    <t>有的，但是推荐利用OS X，OS X的iOS模拟性能更好。</t>
  </si>
  <si>
    <t>首先，在百度搜索“苹果电脑模拟器”，然后在搜索结果中，选择点击打开第二条。进去下载安装包。把下载好的安装包解压缩到桌面，打开文件夹。先安装AIR，然后直接进IPAD文件夹。双击打开iPadian.exe。即可进入IOS系统。</t>
  </si>
  <si>
    <t>可以说没有，网上确实有IOS模拟器PC版，但是这个玩意是个IOS的SDK开发者方便在WINDOWS环境里开发调试IOS应用的</t>
  </si>
  <si>
    <t>人民的名义有没有第二部</t>
  </si>
  <si>
    <t>人民的名义有续集，还在筹备阶段。</t>
  </si>
  <si>
    <t>《人民的名义》一定会有下一部，只不过还要沉淀一段时间。</t>
  </si>
  <si>
    <t>能说端午节快乐吗</t>
  </si>
  <si>
    <t>端午节是不能互祝快乐的，应当互祝＂端午安康＂。因为端午节是个祭祀日，这天伍子胥投钱塘江，曹娥救父投曹娥江，爱国诗人屈原投汨罗水。五月初五是毒日，是个悲壮的日子，祭祀的日子。所以端午节，只能互送＂安康＂。</t>
  </si>
  <si>
    <t>百香果里面的籽能吃吗</t>
  </si>
  <si>
    <t>百香果籽可食用，富含高级蛋白，高级脂肪，治疗失眠，降血压。</t>
  </si>
  <si>
    <t>美版官换机能买吗</t>
  </si>
  <si>
    <t>能买。</t>
  </si>
  <si>
    <t>水草种子靠谱吗</t>
  </si>
  <si>
    <t>2017年10月5日结婚好吗</t>
  </si>
  <si>
    <t>2017年10月5日是结婚黄道吉日。2017年10月5日黄历【宜】：祭祀、会亲友、纳采/文定/过订/完聘/大定、嫁娶/结婚/婚嫁、开光、塑绘、斋醮、安香、开市/开业/开张、立券、除服、成服、入殓、移柩、安葬、赴任、进人口、裁衣、修造/装修、动土、上梁、经络、交易。</t>
  </si>
  <si>
    <t>宜：祈福、结婚、搬家、纳财、入宅、开工、作灶、订婚、招赘、纳婿、盖屋、斋醮、赴任、求嗣、栽种、纳畜、入学、祭祀、裁衣、求财、冠笄、嫁娶、纳采、开张、开业、开市、移徙。</t>
  </si>
  <si>
    <t>浙江南博万公司靠谱吗</t>
  </si>
  <si>
    <t>觉得挺靠谱的，合作下来也觉得挺满意的，销售人员很负责。</t>
  </si>
  <si>
    <t>是不是骗子公司不知道，合同没有任何保证销量的条款，微信商城没有任何销售纪录，手机端软件是可以做假数据。</t>
  </si>
  <si>
    <t>蚂蜂窝自由行靠谱吗</t>
  </si>
  <si>
    <t>感觉相当不错，内容走的全面，中午的饭菜也很好，总体感觉是不错的。</t>
  </si>
  <si>
    <t>蚂蜂窝只是一个平台，有很多合作商家，关键是找到一个靠谱的合作商家就对了，预订前先百度一下商家的信息，看看网上的评论，做到心中有数。</t>
  </si>
  <si>
    <t>刑事案件可以私了吗</t>
  </si>
  <si>
    <t>刑事案件是公诉案件，不能私了。</t>
  </si>
  <si>
    <t>要区分公诉或自诉案件，若公诉案件一般不可私了，如受害人谅解后，在量刑时可以考虑从轻处理。</t>
  </si>
  <si>
    <t>转转交易安全吗</t>
  </si>
  <si>
    <t>湖南省博物馆开馆了吗</t>
  </si>
  <si>
    <t>未开放。</t>
  </si>
  <si>
    <t>湖南省博物馆于2015 年4月1日重新开放了。</t>
  </si>
  <si>
    <t>湖南省博物馆官网显示2017年9月开放。</t>
  </si>
  <si>
    <t>王者荣耀迅游加速器有用吗</t>
  </si>
  <si>
    <t>王者荣耀迅游加速器是有用的。</t>
  </si>
  <si>
    <t>王者荣耀电脑版好用吗</t>
  </si>
  <si>
    <t>手机好一些，毕竟这是一款手游。</t>
  </si>
  <si>
    <t>手机比电脑好操作多，前提是你手机不是太低的配置，网速可以，电脑操作比如像新浪手游助手，和手机上放技能操作完全僵化，手机玩的好是因为它操作方便，和手柄一样，电脑上和手机比就是坑和超神的差距。</t>
  </si>
  <si>
    <t>头条号新手期有收益吗</t>
  </si>
  <si>
    <t>百家号就不错，申请成功有阅读就可以有收益，也没有新手期。</t>
  </si>
  <si>
    <t>上高速必须带灭火器吗</t>
  </si>
  <si>
    <t>根据《机动车运行安全技术条件》规定，汽车应装备符合规定的三角警告牌；中型（含）以上载客汽车、危险货物运输车应配备处于有效期内的灭火器和消防器材，灭火器在车身应安装牢靠并便于使用。</t>
  </si>
  <si>
    <t>分情况对待，不是一概而论的。7座及其以上客车、货车上路必需配备灭火器。而5座及其以下的私家车，不受此限制。</t>
  </si>
  <si>
    <t>薛之谦帅吗</t>
  </si>
  <si>
    <t>很帅啊。</t>
  </si>
  <si>
    <t>知网查重可以几个人合在一起查吗</t>
  </si>
  <si>
    <t>合拼的一般不准确，很多都不支持合拼。</t>
  </si>
  <si>
    <t>onedrive可以卸载吗</t>
  </si>
  <si>
    <t>win8win10自带的，删不掉。</t>
  </si>
  <si>
    <t>世界上有丧尸病毒吗</t>
  </si>
  <si>
    <t>缺氧好玩吗</t>
  </si>
  <si>
    <t>很多玩家都很喜欢缺氧这款游戏。</t>
  </si>
  <si>
    <t>权利的游戏未删减版和删减版差很多吗</t>
  </si>
  <si>
    <t>剧情很受影响。</t>
  </si>
  <si>
    <t>对于剧情的影响一定是有的，但是大部分都不算太大，好多镜头都是直接跳过了也没觉得有很大影响，最大的影响其实在于人物形象的塑造。</t>
  </si>
  <si>
    <t>删掉的都是暴力血腥露点镜头，基本不会影响剧情，但会影响体验。</t>
  </si>
  <si>
    <t>中环地产怎么样靠谱吗</t>
  </si>
  <si>
    <t>长沙中环房地产有限公司中间纠纷投诉不断，是一家毫无诚信的公司。</t>
  </si>
  <si>
    <t>中环地产收集房源、与卖家处协商好价格、支付定金、拖延交易时间、加价寻找新买家。一旦新买家确定后立马与欺骗原卖家补一个全权委托手续。</t>
  </si>
  <si>
    <t>中环地产吃差价，成交房子千万别找中环地产。</t>
  </si>
  <si>
    <t>北京还能治疗白癜风吗</t>
  </si>
  <si>
    <t>白癜风可以治愈的，光疗配合药物可以治疗。</t>
  </si>
  <si>
    <t>知网小分解查出来和本科查重相差大吗</t>
  </si>
  <si>
    <t>Paperpass 查重26%，知网分解系统10%，知网 TMLC 重复率大概是： 12-15%。</t>
  </si>
  <si>
    <t>有结伴旅游被骗的吗</t>
  </si>
  <si>
    <t>伟哥偶尔吃一次可以吗</t>
  </si>
  <si>
    <t>韩信厉害吗</t>
  </si>
  <si>
    <t>非常厉害。</t>
  </si>
  <si>
    <t>王者荣耀周瑜值得买吗</t>
  </si>
  <si>
    <t>不值得，周瑜现在比较尴尬，打野怪不如以前了，一套秒不了的情况下残血烧不死容易被反杀。</t>
  </si>
  <si>
    <t>商洛是陕西最穷的吗</t>
  </si>
  <si>
    <t>是</t>
  </si>
  <si>
    <t>珠海北是拱北吗</t>
  </si>
  <si>
    <t>珠海北站不是拱北站。</t>
  </si>
  <si>
    <t>国玺云计算是合法的吗</t>
  </si>
  <si>
    <t>visa国内能用吗</t>
  </si>
  <si>
    <t>贪玩蓝月能赚人民币吗</t>
  </si>
  <si>
    <t>目前贪玩蓝月的广告在各大媒体、视频网站频繁出现，广告五花八门，代言人也更换的特别快，但始终吸引玩家的是换装备赚RMB的广告。对此，不少玩家产生疑问，贪玩蓝月这款游戏真的能换现金吗？实际上贪玩蓝月是传奇类的游戏，里面常见的无非就是打BOSS掉装备的玩法，掉落极品装备，就可以用来卖钱，这样就能赚不少元宝。而如果是想靠卖装备拿到人民币，是相当难的做法，因为网页游戏赚钱非常难，当然也有玩家提议是工作室可赚到更多的钱，但基本是靠时间堆积，相反没有时间的上班族，这方法明显不可行，而且时间少就赚的少。因此，所谓的换装备赚人民币的广告其实就是噱头很大，但能否真赚到现金还是各凭本事。</t>
  </si>
  <si>
    <t>想要快速赚钱金币，玩家可以在每天能登陆是进行祈祷，会有一定的金币和礼券赠送，当你达到了一定的活跃度之后可以获得活跃奖励，同样是有金币和礼券，长时间游戏还可以获得在线奖励，同时也会有金币奖励哦。完成押镖任务可以获得大量的金币，如果是在新服中进行游戏还可以获得很多豪华礼包哦。开通VIP特权，获得金币更加容易，每天都有登录礼包，完成主线任务和出售装备都可以得到一些金币的奖励哦。除此以外，押运镖车也是一大不错的赚取金币的方式，在每天镖车押运任务当中可以刷出五级镖车来，可以从中获得海量金币、经验和功勋。记得需要在双倍护送时间内完成掉任务，这样收益才能翻倍哦~当然，时刻地关注蓝月传奇的官网，有各种活动礼包可以领取到大金砖、金条箱，这可是绝对不容错过的。</t>
  </si>
  <si>
    <t>灰指甲会传染给别人吗</t>
  </si>
  <si>
    <t>这种病很容易会将疾病传染给其他人。</t>
  </si>
  <si>
    <t>尖锐湿疣会痒吗?</t>
  </si>
  <si>
    <t>初期的湿疣是没有瘙痒感觉的。</t>
  </si>
  <si>
    <t>会痒的，尖锐湿疣是由人乳头瘤引起的表皮肿瘤样增生物。</t>
  </si>
  <si>
    <t>关晓彤再这么继续长高 会不会没戏拍</t>
  </si>
  <si>
    <t>她的身型体积，放到偶像剧里实在不吃香。</t>
  </si>
  <si>
    <t>吃黄瓜能减肥吗</t>
  </si>
  <si>
    <t>2017苏迪曼杯林丹打吗</t>
  </si>
  <si>
    <t>打。</t>
  </si>
  <si>
    <t>电影中南诲保镖2出了吗</t>
  </si>
  <si>
    <t>中南海保镖2并没有拍摄。</t>
  </si>
  <si>
    <t>花鸟卷需要暴击吗</t>
  </si>
  <si>
    <t>花鸟卷6号位一定带暴击。</t>
  </si>
  <si>
    <t>飞车暴走族 古拉加斯有特效吗</t>
  </si>
  <si>
    <t>有酒桶扔出去变成煤气桶扔出去也就是说抱着的酒桶变成煤气桶。</t>
  </si>
  <si>
    <t>香港城市大学算名校吗</t>
  </si>
  <si>
    <t>整体水平；就业率应该和985差不多吧。</t>
  </si>
  <si>
    <t>coinbase能在中国用吗</t>
  </si>
  <si>
    <t>要在coinbase注册一个账号，还需要有一个支持美元的银行卡，例如维萨卡、万事达卡，把美元充值到平台上就可以购买比特币。</t>
  </si>
  <si>
    <t>山竹里面有黄能吃吗</t>
  </si>
  <si>
    <t>山竹里面出现黄色的东西不能吃。</t>
  </si>
  <si>
    <t>泥鳅需要去内脏吗</t>
  </si>
  <si>
    <t>一般是不去的，主要是要泥鳅活着好做一道经典的菜。</t>
  </si>
  <si>
    <t>煮熟吃时再拔掉内脏就行了，乡下就是这样吃的</t>
  </si>
  <si>
    <t>团贷网可靠吗</t>
  </si>
  <si>
    <t>陕西汉中经济很落后吗</t>
  </si>
  <si>
    <t>汉中的经济发展，在陕西看，不算慢。和全国对比，落后了。</t>
  </si>
  <si>
    <t>地方GDP太低，财政收入实在太少。</t>
  </si>
  <si>
    <t>人民的名义有全集吗</t>
  </si>
  <si>
    <t>百度云直接看全集。</t>
  </si>
  <si>
    <t>卧虎藏龙贾克斯稀有吗</t>
  </si>
  <si>
    <t>LOL 卧虎藏龙贾克斯皮肤的介绍，这皮肤竟比龙虾还珍贵。</t>
  </si>
  <si>
    <t>绝版的，除非是战利品和官方抽奖活动有一定的几率抽到，其它是买不到的，比一些周年盛典的皮肤还稀有。</t>
  </si>
  <si>
    <t>公司注册地和经营场所不在一个地方可以吗</t>
  </si>
  <si>
    <t>公司注册地和实际经营地不一致存在的法律风险主要有：1、经工商行政管理机关查出，可能被课以1万元以上10万元以下的罚款。（处罚依据《公司登记管理条例》第七十三条：公司登记事项发生变更时，未依照本条例规定办理有关变更登记的，由公司登记机关责令限期登记；逾期不登记的，处以1万元以上10万元以下的罚款。2、接受警告、限期办理登记、责令停业整顿、扣缴营业执照甚至吊销营业执照等行政处罚（处罚依据《企业法人登记管理条例实施细则》第63条第(二)项：擅自改变主要登记事项，不按规定办理变更登记的，予以警告，没收非法所得，处以非法所得额３倍以下的罚款，但最高不超过３万元，没有非法所得的，处以１万元以下的罚款，并限期办理变更登记；逾期不办理的，责令停业整顿或者扣缴营业执照；情节严重的，吊销营业执照。</t>
  </si>
  <si>
    <t>这样做是可以的。只要在注册地工商、税务随时能找到，就不会有问题。</t>
  </si>
  <si>
    <t>孕妇可以吃芒果吗</t>
  </si>
  <si>
    <t>孕妇能吃芒果，适当吃一些芒果对孕妇有益。芒果果肉多汁，可以解渴生津，而且芒果还有止吐的作用，可以改善孕妇孕早期的孕吐症状。芒果还含有丰富的膳食纤维，可以促进胃肠蠕动，帮助排便，所以芒果对孕期的便秘有一定防治作用。芒果性质带湿毒，若孕妇本身患有皮肤病如湿疹、疮疡流脓、肿瘤、妇科病如白带等，应避免进食。</t>
  </si>
  <si>
    <t>答案是肯定，孕妈咪可以吃芒果。芒果果实营养价值极高，维生素A含量高达3.8%，比杏子还要多出1倍。维生素C的含量也超过橘子、草莓。芒果含有糖、蛋白质及钙、磷、铁等营养成分，均为人体所必需。孕期血糖高的孕妈咪小心食用芒果，切芒果时注意卫生。</t>
  </si>
  <si>
    <t>芒果含有大量的维生素和微量元素等具有丰富的营养，但是中医的说法芒果带湿毒，所以对孕妇来说是可以吃的但不能吃的太多。</t>
  </si>
  <si>
    <t>王者荣耀铂金段位牛吗</t>
  </si>
  <si>
    <t>不算太厉害。</t>
  </si>
  <si>
    <t>经期可以吃芒果吗</t>
  </si>
  <si>
    <t>在女性月经期间，身体会十分虚弱，而且身体的抵抗能力也较平时有所下降，而芒果中富含多种像纤维、钾、钙还有维生素等能够抵抗癌症的物质，而且对肾脏以及血液的清洁都有一定的好处。由此可见，在月经期是可以适量的吃芒果的。</t>
  </si>
  <si>
    <t>不建议吃芒果，因为这个有止血的作用。</t>
  </si>
  <si>
    <t>微信一对一裸聊可靠吗</t>
  </si>
  <si>
    <t>不可靠，既是本身出发点不纯，又是骗子可恨，是不道德之举，会带来经济损失，甚至涉嫌违法。</t>
  </si>
  <si>
    <t>iphone抹掉所有内容和设置 干净吗</t>
  </si>
  <si>
    <t>iPhone抹掉所有内容和设置简单的说就是重置系统，也就是还原系统到初始状态，当还原到初始出厂状态以后，开机以后会进入激活界面，就如同一部新手机最开始的操作一样。</t>
  </si>
  <si>
    <t>来例假可以喝咖啡吗</t>
  </si>
  <si>
    <t>1、咖啡具有提神，醒脑，驱除疲劳等，还能够使血管舒张，促进血液循环。2、女孩在月经期，由于身体比较虚弱，而咖啡中的咖啡因和色素对身体有着很大的危害，同时也不宜在月经前期食用。3、大家都知道在月经期间要保持好良好的心情与睡眠，如果这时候喝咖啡，它里面含有的咖啡因具有刺激大脑的作用，这时候提神不利于睡眠，有的朋友和很少的咖啡都会导致失眠。4、喝咖啡要选对时间，女性月经前喝咖啡，有可能导致乳房胀痛，情绪方面会容易焦虑、不稳定，而且会消耗体内的维生素，会破坏体内碳水化合物的代谢。5、无论是月经前和适经期都不易饮用咖啡，由于咖啡具有促进血液循环和刺激神经和心血管的作用，可能会引起经量增多和经期痛经的症状，所以这段时间要注意不要饮用咖啡，要多喝白开水，及时补充体内水分。6、要了解自己是不是符合喝咖啡的人群，有的女性朋友，本身就患有胃肠道或者心脏疾病，或者平时喝很少的咖啡就睡不着觉，这样的朋友尤其在月经期一定要避免喝咖啡，有可能会加重自己的症状。</t>
  </si>
  <si>
    <t>月经前和经期喝咖啡会会使乳房胀痛，引起焦虑、易怒与情绪不稳，同时更消耗体内储存的维他命B，因此破坏了碳水化合物的新陈代谢。咖啡中含有的咖啡因属于刺激性物质，容易刺激神经和心血管，以致会产生月经疼痛、经期延长和经血过多的可能。女性经期喝咖啡不好。因为经期喝咖啡咖啡会增加体内的雌性荷尔蒙，使一些妇科疾病加重，比如子宫内膜异位以及乳房肿胀等，甚至还会影响生育。经期喝咖啡会使体内雌性荷尔蒙明显上升，影响卵巢内卵子的数量，使卵巢老化，也会加快人体所有机能老化。但是，由于咖啡中含有较多咖啡因，月经来潮时，机体的内环境会发生一定程度的改变，在这个时候，少量的咖啡因可缓解女孩月经期的不适。咖啡因由于有刺激中枢神经和肌肉的作用，所以可以振作精神、增强思考能力，恢复肌肉的疲劳。作用在心血管系统，可提高心脏功能，使血管舒张，促进血液循环。</t>
  </si>
  <si>
    <t>由于女性朋友在月经期间体制比较虚，在月经期前喝咖啡，就会引起乳房胀痛，焦虑、易怒与情绪不稳，同时更消耗体内储存的维他命B，因此破坏了碳水化合物的新陈代谢。咖啡里有咖啡因，但是速溶咖啡里的咖啡因含量比现磨的咖啡少的多，虽然咖啡因容易刺激神经和心血管，以致会产生月经疼痛、经期延长和经血过多的可能。</t>
  </si>
  <si>
    <t>万达贷上征信吗</t>
  </si>
  <si>
    <t>易车网开走吧可靠吗</t>
  </si>
  <si>
    <t>可以的，这是比较大的公司了。</t>
  </si>
  <si>
    <t>皮秒祛斑效果好吗</t>
  </si>
  <si>
    <t>一次淡化50%的色素沉淀，7天还一个皮肤正常的色素代谢周期。2次后能代谢70%的色素沉淀，皮肤亮白，大部分色素明显消除。3次后90%的色素被代谢掉，皮肤亮白，大面积色斑明显消失。</t>
  </si>
  <si>
    <t>皮秒激光祛斑也只能说有效，或叫淡化、或叫改善面部斑，不是彻底去掉斑。</t>
  </si>
  <si>
    <t>臻尚白金卡2017年开始收费</t>
  </si>
  <si>
    <t>臻尚白会长期刷12次免次年，以此类推。一般情况下免年费活动会顺延，不会有变化。</t>
  </si>
  <si>
    <t>东亚云是不是传销</t>
  </si>
  <si>
    <t>云交易属于小型的现货交易，不存在实物交割，设置点位的操作模式也避免了赌博粘性的产生，同样拥有广泛的受众。</t>
  </si>
  <si>
    <t>护照可以去港澳吗</t>
  </si>
  <si>
    <t>不能去香港澳门的。</t>
  </si>
  <si>
    <t>金刚狼会有4吗</t>
  </si>
  <si>
    <t>没有了，主演已经退役了。</t>
  </si>
  <si>
    <t>应该会有4，只是主角现在还不知道。</t>
  </si>
  <si>
    <t>方太上市了吗</t>
  </si>
  <si>
    <t>不上市。</t>
  </si>
  <si>
    <t>鲁易购是合法的吗</t>
  </si>
  <si>
    <t>是合法的，鲁易购结合了实体互联网，物联网人网，让我们人人可以赚钱，小投用时间赚，多投用杠杆赚，赚了钱买股权，公司上市做股东。公司董事用9家实体企业做托底，借助互联网平台做转型的综合型事业项目，实体企业+移动互联网，百强企业联盟合作，打造中小企业智慧成长平台。</t>
  </si>
  <si>
    <t>被铁划伤要打破伤风吗</t>
  </si>
  <si>
    <t>病情分析：如果铁上有铁锈不排除会感染破伤风。指导意见： 建议最好是24小时内到医院打破伤风，主要是破伤风这个病如果感染上了就没有办法治疗的。</t>
  </si>
  <si>
    <t>伤口是表浅的，铁器是干净的，问题不大，因为破伤风杆菌是厌氧菌，是在深部感染。如果不放心的话去打也没什么不好，如果皮试阴性，很快就好，阳性的话就需要再考虑考虑，因为注射的话需要脱敏注射，还是有一定风险的。</t>
  </si>
  <si>
    <t>病情分析：伤口不深且没有铁锈是不需要打破伤风的。注意伤口的消毒即可。指导意见：注意伤口的消毒避免伤口发炎。这段时间饮食注意清淡为主，忌吃辛辣刺激的食物。注意休养。</t>
  </si>
  <si>
    <t>樱桃核能吃吗</t>
  </si>
  <si>
    <t>樱桃核不能吃。</t>
  </si>
  <si>
    <t>达飞云贷可靠吗</t>
  </si>
  <si>
    <t>达飞云贷是一款非常可靠安全的理财、借贷服务的软件。</t>
  </si>
  <si>
    <t>鬼使白值得培养吗</t>
  </si>
  <si>
    <t>从鬼使白的技能属性上来看，这个式神是非常值得培养的。</t>
  </si>
  <si>
    <t>显卡支架有必要吗</t>
  </si>
  <si>
    <t>个人觉得没什么必要。</t>
  </si>
  <si>
    <t>为求安心买了一个。</t>
  </si>
  <si>
    <t>信用宝安全吗</t>
  </si>
  <si>
    <t>理财产品来自上市公司的保理项目，承诺付款企业均为上市公司、国营企业等，安全方面很有保障的。</t>
  </si>
  <si>
    <t>dnf无尽意志护肩好吗</t>
  </si>
  <si>
    <t>对靠基础技能的职业提升最大； 里鬼战士剑神和Z斗士力驱提升最大；有这件装备和没有这件装备就是2个职业。</t>
  </si>
  <si>
    <t>不错了，挺好的强散，跟虫子肩不相上下，如果不玩里鬼是比魔战肩好的。</t>
  </si>
  <si>
    <t>killer e2200是千兆网卡吗</t>
  </si>
  <si>
    <t>新款主板没有百兆的网卡了，全是千兆的。</t>
  </si>
  <si>
    <t>中美两国会陷入修昔底德陷阱吗</t>
  </si>
  <si>
    <t>中美不会陷入“修昔底德陷阱”。</t>
  </si>
  <si>
    <t>美丽修行检测成分准确吗</t>
  </si>
  <si>
    <t>美丽修行app的查询值得信赖。</t>
  </si>
  <si>
    <t>朱砂手串可以长期戴吗</t>
  </si>
  <si>
    <t>中药里朱砂是很常用的一味，只要不是加热到350度就没事，具有安神催眠的作用。</t>
  </si>
  <si>
    <t>月经期间可以喝玫瑰花茶</t>
  </si>
  <si>
    <t>玫瑰花味甘微苦、性温，最明显的功效就是理气解郁、活血散淤和调经止。此外，玫瑰花的药性非常温和，能够温养人的心肝血脉，舒发体内郁气，起到镇静、安抚、抗抑郁的功效。在月经前或月经期间常会有些情绪上的烦躁，喝点玫瑰花可以起到调节作用。在工作和生活压力越来越大的今天，即使不是月经期，也可以多喝点玫瑰花，安抚、稳定情绪。每天坚持取玫瑰花15克泡水喝，气虚者可加入大枣3枚，或西洋参9克;肾虚者可加入枸杞子15克，可使您的脸色同花瓣一样变得红润起来，还祛斑。</t>
  </si>
  <si>
    <t>多喝玫瑰花，可以让自己的脸色同花瓣一样变得红润起来。这是因为玫瑰花有很强的行气活血、化淤、调和脏腑的作用。平时所说的脸色不好或脸上长斑、月经失调、痛经等症状，都和气血运行失常，淤滞于子宫或面部有关。一旦气血运行正常了，自然就会面色红润、身体健康。女性在月经前或月经期间常会有些情绪上的烦躁，喝点玫瑰花也能起到调节作用，安抚稳定情绪。泡玫瑰花的时候，可以根据个人的口味，调入冰糖或蜂蜜，以减少玫瑰花的涩味，加强功效。需要提醒的是，玫瑰花最好不要与茶叶泡在一起喝。因为茶叶中有大量鞣酸，会影响玫瑰花舒肝解郁的功效。玫瑰花活血散淤的作用比较强，月经量过多的人在经期最好不要饮用。孕妇慎用。</t>
  </si>
  <si>
    <t>妇科疾病的应用：1、治月经稀少，瘀血腹痛，月经不调，闭经，经痛等症。常用玫瑰花末3—6克，黄酒引服。一日2次，亦可用花朵5—6朵水蒸服。治赤白带下，时清时浊，淋漓难净，或伴有腥臭阴痒，每服玫瑰花末5克，用土茯苓15克水蒸送服，日2次。2、治妇女更年期综合征，植物性神经功能紊乱，潮热汗出，急躁易怒，失眠多梦，每服玫瑰花末3—5克，用全当归30克水蒸送服，或用温开水服。治绝节育术后，瘀血引起的小腹胀痛，用玫瑰花末3克，土元末3克，温开水送服，日2次。3、肝胆胃气痛：气郁阻滞所致的胸胁，脘腹胀痛，气逆、恶心呕吐，用玫瑰花10朵水蒸服。如是脘腹寒积冷痛呃逆，每服玫瑰花末3—5克，用生姜6片水蒸服，日2次。4、赤白痢疾：赤痢者，下痢脓血腹痛，每服玫瑰花3—5克，用地榆12克，水蒸送服，日2次。</t>
  </si>
  <si>
    <t>暗黑3有必要玩赛季吗</t>
  </si>
  <si>
    <t>综合来看，赛季模式还是值得一玩的。</t>
  </si>
  <si>
    <t>感觉没有必要，太费时间。</t>
  </si>
  <si>
    <t>舌苔发黑是得癌了么</t>
  </si>
  <si>
    <t>主要是舌丝状乳头增殖变黑所致。有棕黑、灰黑、焦黑直到漆黑等深浅不同。中医认为病人出现此苔，一定病期较长，病性比较复杂严重。中医认为舌苔发黑是热极化火所致。还有些肠胃有毛病的人，容易生寒湿，舌苔会变得厚腻，开始是白色，逐渐变成黄色或黑色。临床发现，有一些慢性疾病，例如尿毒症、恶性肿瘤等，在病情恶化时，也会出现黑苔，这是病情危重的征象，应及时到医院找医生诊治。</t>
  </si>
  <si>
    <t>考虑是肠胃不适或是舌炎引起的，建议最好去医院检查明确后治疗。注意清淡饮食避免辛辣食物。</t>
  </si>
  <si>
    <t>一般是不会的，因为有癌症所以有可能是会有血液循环不好导致的，注意喝点生脉饮就可以的。</t>
  </si>
  <si>
    <t>手机内存64g够用吗</t>
  </si>
  <si>
    <t>64G应该是足够的。</t>
  </si>
  <si>
    <t>苹果耳机可以当电脑麦克风吗</t>
  </si>
  <si>
    <t>凉拌莴笋用焯水吗</t>
  </si>
  <si>
    <t>将莴笋丝倒入开水中焯水15到20秒。</t>
  </si>
  <si>
    <t>凉拌莴笋丝不需要焯水，直接生吃即可。</t>
  </si>
  <si>
    <t>陈长生是圣后的儿子吗</t>
  </si>
  <si>
    <t>圣后的亲生儿子没有死，他其实就是陈余人。</t>
  </si>
  <si>
    <t>从百草园的情形中我们不难看出，圣后能感觉到陈长生像极了一位故人，而那个故人有可能是已经逝世的先王，也有可能是陈长生的生父陈玄霸，而据剧透，陈玄霸便是与已故太宗有血缘关系。也就是说，陈长生其实是陈玄霸与周独夫之子，所以他不是圣后的儿子。</t>
  </si>
  <si>
    <t>虽不是天海圣后亲生儿子，却有着皇族血脉。</t>
  </si>
  <si>
    <t>海尔施特劳斯是真的吗</t>
  </si>
  <si>
    <t>哈士奇好养吗</t>
  </si>
  <si>
    <t>哈士奇的确是一个很棒的狗狗,很好养的。</t>
  </si>
  <si>
    <t>雅培金钻好不好</t>
  </si>
  <si>
    <t>好。清淡不易上火，好吸收，并且含有丰富的钙、膳食纤维、维生素含量与 DHA。对宝宝的身高、肠胃以及智力发育都有非常好的帮助。</t>
  </si>
  <si>
    <t>挺好的，其配方中含 OPO 和 α-乳白蛋白，有助于调节宝宝的睡眠和情绪，减少宝宝哭闹，从而使宝宝健康成长。</t>
  </si>
  <si>
    <t>好，这个奶粉的双贝吸配方中含有 OPO 结构脂和小分子乳白蛋白。雅培双贝吸能够促进宝宝更好的吸收脂肪和钙，减少肠胃不适，让宝宝有个好心情，提高睡眠质量。而且这里的奶粉罐采用安心智锁罐设计，就算罐子开了也能很好地保存奶粉的营养。</t>
  </si>
  <si>
    <t>全职高手小说好看吗</t>
  </si>
  <si>
    <t>不错，值得一看。</t>
  </si>
  <si>
    <t>不好，剧情单一，看不下去。</t>
  </si>
  <si>
    <t>文笔可以，情节也算合理，就是格局太小，剧情不新颖。网文中上水平，也算可以了。</t>
  </si>
  <si>
    <t>flac是什么格式 能直接在汽车了播放吗</t>
  </si>
  <si>
    <t>无法直接播放。</t>
  </si>
  <si>
    <t>一般的汽车播放光驱不支持无损格式文件的，方法是转320kbps的MP3刻成数据光盘（请确认支持MP3格式）或转WAV后刻CD都可以的。</t>
  </si>
  <si>
    <t>看你汽车的播放器是不是支持[Flac]格式，如果不支持的话，只能去找个支持[Flac]格式的播放器。</t>
  </si>
  <si>
    <t>房卡棋牌游戏犯法吗</t>
  </si>
  <si>
    <t>这一系列房卡模式的麻将游戏，采用积分结算制，游戏结束系统自动计算每人的积分，退出游戏后玩家之间通过微信红包结算，这一模式，目前来说算是绕过了法律的监管。</t>
  </si>
  <si>
    <t>分期乐是正规的吗</t>
  </si>
  <si>
    <t>合法的，分期平台是国家支持的互联网金融产业的一部分，国家是乐于大力支持分期平台的。</t>
  </si>
  <si>
    <t>拼多多靠谱吗</t>
  </si>
  <si>
    <t>拼多多就是一个保护商家卖假货，伪劣产品，三无产品的平台。</t>
  </si>
  <si>
    <t>刚开始注册看到上面跟淘宝同款的衣服超级便宜，一下买了好几件，收到发现质量垃圾得不能再垃圾，跟客服要退货地址几个小时不回复，一直不给，他们就是利用买家这种退货嫌麻烦不划算的心理卖垃圾货。</t>
  </si>
  <si>
    <t>蜜袋鼯有传染病吗</t>
  </si>
  <si>
    <t>基本上蜜袋鼯是没有传染病，但不排除蜜袋鼯接触过有传染病的动物（如老鼠或是狗等），只要是饲养的环境干净，没有与外界接触太多的情况下，很少有可以传染给人类的疾病。</t>
  </si>
  <si>
    <t>长春航天医院好吗</t>
  </si>
  <si>
    <t>好，有60年历史了。</t>
  </si>
  <si>
    <t>dnf深渊爆率和难度有关吗</t>
  </si>
  <si>
    <t>有关系。</t>
  </si>
  <si>
    <t>赔偿金要交税吗</t>
  </si>
  <si>
    <t>《财政部、国家税务总局关于个人与用人单位解除劳动关系取得的一次性补偿收入征免个人所得税问题的通知》个人因与用人单位解除劳动关系而取得的一次性补偿收入（包括用人单位发放的经济补偿金、生活补助费和其他补助费用），其收入在当地上年职工平均工资3倍数额以内的部分，免征个人所得税；超过的部分按照《国家税务总局关于个人因解除劳动合同取得经济补偿金征收个人所得税问题的通知》的有关规定，计算征收个人所得税。</t>
  </si>
  <si>
    <t>国家税务总局关于个人因解除劳动合同取得经济补偿金征收个人所得税问题的通知》（国税发〔1999〕178号）第二条：考虑到个人取得的一次性经济补偿收入数额较大，而且被解聘的人员可能在一段时间内没有固定收入，因此，对于个人取得的一次性经济补偿收入，可视为一次取得数月的工资、薪金收入，允许在一定期限内进行平均。具体平均办法为：以个人取得的一次性经济补偿收入，除以个人在本企业的工作年限数，以其商数作为个人的月工资、薪金收入，按照税法规定计算缴纳个人所得税。个人在本企业的工作年限数按实际工作年限数计算，超过12年的按12计算。</t>
  </si>
  <si>
    <t>一般不需要。</t>
  </si>
  <si>
    <t>维生素泡腾片能经常喝吗</t>
  </si>
  <si>
    <t>感冒时不要长期服用服用维生素C泡腾片，应该是一日一次，3～5天为宜。</t>
  </si>
  <si>
    <t>不建议长期的使用。</t>
  </si>
  <si>
    <t>最好不要连续服用5天以上。</t>
  </si>
  <si>
    <t>足光散泡脚后要冲洗吗</t>
  </si>
  <si>
    <t>这个主要是用于真菌感染所导致的脚气。建议使用之后最好用清水冲洗。足光散为一新型丙烯胺类局部抗真菌药。对皮肤真菌(毛癣菌属、小孢子菌属、表皮癣菌属)有杀菌作用，对足光散泡脚后，用酒精涂擦一遍后再涂抹达克宁，最少连用3天，效果会更好。但是最主要的还是要避免穿捂脚的鞋子。</t>
  </si>
  <si>
    <t>必要的时候需要吃些富含维生素B的食物进行调整，足光散后不需要用清水进行清洗了</t>
  </si>
  <si>
    <t>这个足这个来说的话你可以选择用清水冲一下，也可以选择不冲，这都是没有什么大碍的。这种情况是因为外用足光散以后出现的正常的现象，不需要特殊的处理,外用抗真菌的药物一般是具有剥脱作用的.会感觉到烧热很正常，如果感觉得到疼的的话用清水过一遍也是可以的。光散泡脚后，只需要晾干或者是擦干就可以的，不用冲洗的。</t>
  </si>
  <si>
    <t>髌骨软化症能治愈吗</t>
  </si>
  <si>
    <t>治疗可使用外用药物，同时应进行股四头肌力量训练（静蹲练习）。经过治疗，一般症状都能消失。如果症状持久不愈，应拍摄髌骨轴位片，看髌骨有无倾斜，如果存在倾斜，可考虑手术治疗。</t>
  </si>
  <si>
    <t>髌骨软化（损伤）目前没有太好方法完全治愈。因为髌骨是身体唯一一处无淋巴无血管的部位。无法自行恢复，只能用药物理疗和行为控制区缓解和不要再让疾病发展。</t>
  </si>
  <si>
    <t>髌骨软化是很难治愈的。治疗的主要目的是控制症状、减轻痛苦。</t>
  </si>
  <si>
    <t>哥特女仆 奥莉安娜有特效吗</t>
  </si>
  <si>
    <t>买的没有特效，抽奖和上次LOL送的就有了。</t>
  </si>
  <si>
    <t>哥特女仆奥利安娜是没有特效的。</t>
  </si>
  <si>
    <t>蚊子会传播艾滋病吗</t>
  </si>
  <si>
    <t>201不锈钢会生锈吗</t>
  </si>
  <si>
    <t>那要看它的Ni的含量了。</t>
  </si>
  <si>
    <t>在干燥的环境下，使用201不锈钢通常是不会生锈的。但如果在有腐蚀的环境中，运用此种钢材，就不能够避免钢材生锈了。</t>
  </si>
  <si>
    <t>不锈钢会不会生锈主要是看里面的镍含量。最常用的304有8个镍。201还不到一个。生锈的概率比较大。</t>
  </si>
  <si>
    <t>吡虫啉对人有没有毒</t>
  </si>
  <si>
    <t>这种农药一般是用来杀死田间那些无骨害虫的，在生产前后，个人建议，复用少量的阿托品（也带有毒性）用来中和其他毒性，结束后，洗个澡，多喝白开水或者食用盐水。</t>
  </si>
  <si>
    <t>吡虫啉对人、畜有毒，使用时应穿戴好防护用品，严禁吸烟和饮食，不得迎风施药，避免直接接触药液，防止由口鼻吸入，施药后应清洗手、脸及身体被污染部分和衣服。</t>
  </si>
  <si>
    <t>龙珠传奇舒畅是反派吗</t>
  </si>
  <si>
    <t>舒畅在《龙珠传奇》一人饰演两个角色，一个是女主角李易欢的师姐雪倾城，康熙的妃子。而另外一个角色则是反派角色舒婉心。</t>
  </si>
  <si>
    <t>吃鸡胸肉能减肥吗</t>
  </si>
  <si>
    <t>首先，鸡胸肉蛋白质很高，但热量却是几乎所有肉类中最低的。100克的鸡胸肉只有105大卡的热量；鸡腿，100克热量130大卡；鸡翅，100克热量290大卡。我这说的都是生肉的热量。如果是白水煮，基本热量会保持一致。如果是炒啊炸啊之类的，那热量只会更高，不会更低。因此鸡胸肉是整只鸡中热量和脂肪含量最低的部位。</t>
  </si>
  <si>
    <t>据统计，100克的牛肉热量为310千卡，猪肉为307千卡，羊肉为176千卡，鸭肉为183千卡，而鸡肉则有134千卡。可见，鸡肉十分适合爱美的瘦身者食用。但必须注意的是：吃鸡肉能减肥并不是任何情况下都正确的，一定要先弄清楚下述三大误区才行。1、用牛油高温油炸的鸡肉热量极高，不仅不能减肥，还会增肥。2、鸡胸肉才是整鸡中热量和脂肪含量最低的部位。3、鸡肉必须去掉鸡皮和可见脂肪油块，才能成为真正的减肥食品。</t>
  </si>
  <si>
    <t>鸡胸不贵，相比红肉脂肪含量低，容易烹饪，所以是减肥的必备良品，既不摄入过多脂肪，又能补充足够的蛋白质。配合蔬菜沙拉，效果更佳。</t>
  </si>
  <si>
    <t>2017跑滴滴运管会抓吗</t>
  </si>
  <si>
    <t>营运证和准驾证都得有，就不会抓了。</t>
  </si>
  <si>
    <t>java好学吗</t>
  </si>
  <si>
    <t>不太好学。</t>
  </si>
  <si>
    <t>相比C语言比较简单。</t>
  </si>
  <si>
    <t>游侠法师 拉克丝有特效吗</t>
  </si>
  <si>
    <t>没有特效，是一款普通的皮肤！目前光辉有特效的皮肤只有两款，分别为：钢铁军团拉克丝、星之守护者拉克丝。</t>
  </si>
  <si>
    <t>政府补助收入要交所得税吗</t>
  </si>
  <si>
    <t>青岛集体户口可以买房吗</t>
  </si>
  <si>
    <t>可以的，集体户口也是本市户口，除了在计生方面有限制外，没有什么购房的限制。买房贷款就更没什么特别针对集体户口的限制，外地人符合限购条件的都可以贷款，何况是本地户口。买房落户的说法不够准确，户口本身就是青岛的，买了房当然可以把户口迁过去新地址。</t>
  </si>
  <si>
    <t>根据3.15的青岛限购要求，是符合购买要求的，但是如果在其他地方有两次贷款，第三次是不允许贷款的，可以全款购买。</t>
  </si>
  <si>
    <t>这个跟工作地没有关系，看的是购房资格，因为是青岛集体户口，所以符合购房资格，可以购房。</t>
  </si>
  <si>
    <t>dnf耳环能打孔吗</t>
  </si>
  <si>
    <t>猎流 靠谱吗</t>
  </si>
  <si>
    <t>很显然是不靠谱的。</t>
  </si>
  <si>
    <t>能提供流量的真实性而且挺好操作的。</t>
  </si>
  <si>
    <t>强直性脊柱炎能治愈吗</t>
  </si>
  <si>
    <t>强直性脊柱炎在没有变形之前是可以治疗的,如果变形就只能控制不发展。</t>
  </si>
  <si>
    <t>这种疾病在临床上是可以治好的!但是一定要坚持早发现早治疗的原则，否则病情一旦加重，会有生命危险，治疗起来也相对困难。</t>
  </si>
  <si>
    <t>orcid投稿时必须建吗</t>
  </si>
  <si>
    <t>既然要求了，那么就是需要的。可以上www.orcid.org注册一个。</t>
  </si>
  <si>
    <t>月初离职 公司交社保吗</t>
  </si>
  <si>
    <t>一般来说，月初及月中离职的，当月社保停缴。</t>
  </si>
  <si>
    <t>应该缴存社保。</t>
  </si>
  <si>
    <t>胡萝卜炒鸡蛋有毒吗</t>
  </si>
  <si>
    <t>胡萝卜和鸡蛋不是相克的食物，是不会中毒的。</t>
  </si>
  <si>
    <t>泌乳素高与睡眠有关吗</t>
  </si>
  <si>
    <t>没有关系的。</t>
  </si>
  <si>
    <t>铃木维特拉发动机是进口的吗</t>
  </si>
  <si>
    <t>1.4T是进口发动机。</t>
  </si>
  <si>
    <t>长安铃木维特拉的发动机短机、变速箱、四驱系统都是日本制造。</t>
  </si>
  <si>
    <t>小龙虾到底能不能吃</t>
  </si>
  <si>
    <t>网上谣传很多，事实小龙虾可以吃。</t>
  </si>
  <si>
    <t>简易计税可以开专票吗</t>
  </si>
  <si>
    <t>简易征收方式下，按征收率计征，使用普通发票，不得抵扣；是不能开具增值税专用发票。</t>
  </si>
  <si>
    <t>简易计税方法，符合未禁止的应税行为可以开具增值税专用发票 。</t>
  </si>
  <si>
    <t>刘嘉玲真的有被强奸吗</t>
  </si>
  <si>
    <t>application data能删除吗</t>
  </si>
  <si>
    <t>如果你确实需要删除也可以，因为这里面的数据一般来说是用不到的，只是一个自动备份，但是如果软件出问题你要修复的话就不可能了。而且删除之前建议做个备份，万一有问题可以随时恢复。</t>
  </si>
  <si>
    <t>这个文件夹存储的是某些软件的MSI安装文件，一般不需要删除它们，因为有些软件运行时会对此有需要。如果你确实需要删除也可以，因为这里面的数据一般来说是用不到的，只是一个自动备份，但是如果软件出问题你要修复的话就不可能了。而且删除之前建议做个备份，万一有问题可以随时恢复。</t>
  </si>
  <si>
    <t>千万不要删除。</t>
  </si>
  <si>
    <t>甲状腺球蛋白低要紧吗</t>
  </si>
  <si>
    <t>没关系。</t>
  </si>
  <si>
    <t>洗洁精可以做水晶泥吗</t>
  </si>
  <si>
    <t>牙周炎可以治愈吗</t>
  </si>
  <si>
    <t>牙周炎不容易彻底治愈。</t>
  </si>
  <si>
    <t>牙周炎无法彻底治愈。</t>
  </si>
  <si>
    <t>很难完全治愈，只能减缓或停止病情的发展。</t>
  </si>
  <si>
    <t>高铁能上网吗</t>
  </si>
  <si>
    <t>在中国高铁上是可以上网的，比如说手机如果有手机信号就能上网。</t>
  </si>
  <si>
    <t>笔记本电脑可以带上飞机吗</t>
  </si>
  <si>
    <t>从来没有规定过笔记本电脑不能带上飞机的。就是携带笔记本电脑登机，有些规定乙方在起飞和降落时间必须关机，在中途平飞阶段必须关闭无线网络才能打开笔记本电脑。</t>
  </si>
  <si>
    <t>完全可以带上飞机，可以自己随身携带，也建议这么做，托运的话有可能损坏。电子产品都需要从行李箱里拿出来放在筐子过安检。</t>
  </si>
  <si>
    <t>主席退休后有保镖吗</t>
  </si>
  <si>
    <t>看具体领导人。</t>
  </si>
  <si>
    <t>5s升级ios10.3好用吗</t>
  </si>
  <si>
    <t>从iOS10.3版本的更新，就有不少用户感觉升级后的iOS10.3非常的耗电，但是上次更新的时候没有提起。现在亲测升级到了iOS10.3.1的耗电测试，似乎iOS10.3.1还没有修复耗电量快的情况。</t>
  </si>
  <si>
    <t>iOS10想必是5S最后一个系统升级了，以后的系统肯定是带不动5S了。但经网友升级体验后，感觉5s升级iOS10 beat1后，流畅度还不错，并未出现卡顿现象。只是软件容易闪退,毕竟是iOS10体验版，等正式版出来后，相信iPhone5S用户在使用iOS10系统上毫无压力。</t>
  </si>
  <si>
    <t>减肥晚上不吃饭好吗</t>
  </si>
  <si>
    <t>米米贷打联系人电话吗</t>
  </si>
  <si>
    <t>米米贷是会打电话进行审核的。</t>
  </si>
  <si>
    <t>胎儿打嗝的地方是头吗</t>
  </si>
  <si>
    <t>千千静听有tv版吗</t>
  </si>
  <si>
    <t>没有。千千静听百度音乐版是一款专为安卓手机用户定制全新一代的免费听歌下载音乐播放器软件。</t>
  </si>
  <si>
    <t>呼死你犯法吗</t>
  </si>
  <si>
    <t>犯法。</t>
  </si>
  <si>
    <t>放弃社保承诺书是否有法律效力</t>
  </si>
  <si>
    <t>没有任何法律效力。法律有明文规定。</t>
  </si>
  <si>
    <t>摩洛哥旅游安全吗</t>
  </si>
  <si>
    <t>唯一不安全的就是摩洛哥男人太好色。</t>
  </si>
  <si>
    <t>偷骗都是小事情，有明抢，总体来说是个非常危险的国家。</t>
  </si>
  <si>
    <t>总体来说，不安全的几率是大于安全的。</t>
  </si>
  <si>
    <t>跑步机有用吗</t>
  </si>
  <si>
    <t>锻炼肯定是有用的，不过要选择好锻炼方法。</t>
  </si>
  <si>
    <t>跑步是对身体健康有益的，在跑步机跑步比较适合周边没有体育场或者没有太多时间的上班族。</t>
  </si>
  <si>
    <t>ohm和toey是情侣吗</t>
  </si>
  <si>
    <t>没听说两个人有女朋友，觉得是在一起了，看日常就知道。</t>
  </si>
  <si>
    <t>不是的，只是剧情这么安排，还有在镜头面前假装一下，才能博取更多的粉丝。</t>
  </si>
  <si>
    <t>倒流香有危害吗</t>
  </si>
  <si>
    <t>没有危害。</t>
  </si>
  <si>
    <t>会对身体造成很大伤害。</t>
  </si>
  <si>
    <t>孕妇可以化妆吗</t>
  </si>
  <si>
    <t>建议最好不要化妆。改善您的工作环境。穿上防辐射服装可以起到一定的防辐射的作用。 孕期营养素的合理摄入，直接关系到孕妇的健康和胎儿的正常发育。孕妇不但要维持本身的营养需要，还要保证对胎儿日益增加的营养供给。所以需要更多的热量和多种营养素。</t>
  </si>
  <si>
    <t>其实女性怀孕之后也是可以化妆的，这样不仅可以让孕妈妈的心情变得很好，也可让他人眼中多一个漂亮的孕妈妈。但是要注意的是，孕期化妆和孕前还是有一定的区别的，因为孕妈妈化妆不当会伤害腹中的胎宝宝，对其造成不利影响，那么孕妈妈在化妆时就要注意一些问题。不能买刺激性化妆品。有些孕妈妈在化妆的时候很注意化妆品的品牌问题，而事实上孕妈妈应该注意的是化妆品的成分，最好选择温和性的化妆品。一些补水的化妆水都是比较适合的，这个时期最好不要用美白的产品。不要烫发和染发。绝大部分染发剂都含有化学物质，而且孕妈妈的皮肤又比较敏感，接触染发剂后可能会出现一些不良反应，引起头痛和脸部肿胀，眼睛也会受到伤害。另外，在染发、烫发过程中难免要用到冷烫精。尤其是到了孕中期以后，孕妈妈的头发往往比较脆弱，并且极易脱落，如果采用冷烫精来做头发，会加剧头发的脱落。不要浓妆艳抹。因为怀孕使孕妈妈的内分泌发生变化，黑色素沉淀增加，容易出现色斑，有些孕妈妈为了掩饰色斑，就化很浓的妆。</t>
  </si>
  <si>
    <t>“头发不能染了，增白霜别抹了，尽量别用那些名贵的化妆品了。”周桂芬说，怀孕是女性的特殊生理阶段，这时的女性常常会因为身体状况的变化，而变得敏感、身体抵抗力下降，而且孕期特别忌讳接触有害的化学物品。染发剂 据国外医学专家调查，染发剂不仅易引起皮肤癌，而且还易引起乳腺癌，导致胎儿畸形，所以孕妇不宜使用染发剂。冷烫精 有研究表明，妇女怀孕后，不但头发非常脆弱，而且极易脱落，若是再用化学冷烫精烫发，更会加剧头发脱落。此外，化学冷烫精还会影响孕妇体内胎儿的正常生长发育，少数妇女还会对其产生过敏反应。</t>
  </si>
  <si>
    <t>超凡战队好看吗</t>
  </si>
  <si>
    <t>并没想象中的好看。</t>
  </si>
  <si>
    <t>武汉博仕肛肠医院黑心吗?027bsgc</t>
  </si>
  <si>
    <t>垃圾医院，乱收费用，做个痔疮两万五千多，建议去大医院，三甲之类的。</t>
  </si>
  <si>
    <t>嘉联支付是不是合法的</t>
  </si>
  <si>
    <t>宁波壹加壹整形医院好吗</t>
  </si>
  <si>
    <t>是一家全国连锁的机构，宁波、广州、北京、合肥、顺德、芜湖都有分院，可以网上搜索，而且总裁还是中国整形协会的医疗质量控制部主任。</t>
  </si>
  <si>
    <t>天猫西选有假货吗</t>
  </si>
  <si>
    <t>不是假的，是真的。</t>
  </si>
  <si>
    <t>天猫细选是一种达人和千人千面的购物模式，其本身能否杜绝假货不好说，但是就天猫整体情况而言买到假货的概率不高，就算有质量问题先行赔付，无理由退换等服务保障也是可以放心购物的。</t>
  </si>
  <si>
    <t>天猫西选官方自建资深买手团队，赴海外原产地，精挑细选，并制定及其严苛的采购流程，每一环节层层严格把关，确保商品均为100%正品原装进口。</t>
  </si>
  <si>
    <t>有免费的收银系统吗</t>
  </si>
  <si>
    <t>完全免费的是没有的，大部分都是说是免费的，但是功能不齐全，需要交钱升级，你可以试试异直通收银系统，每天只需要1块钱，然后功能还齐全，操作也简单。</t>
  </si>
  <si>
    <t>有肯定有，百度就能搜出来，自己能力强，直接下载用就可以了。</t>
  </si>
  <si>
    <t>喝茉莉花茶可以吃蛋糕吗</t>
  </si>
  <si>
    <t>维生素b1能驱蚊吗</t>
  </si>
  <si>
    <t>其实B族维生素都具有一种特殊气味，是蚊子讨厌的气味，所以都具有一定程度的驱蚊效果。</t>
  </si>
  <si>
    <t>维生素b1驱蚊是有用的，维生素b1按1:100的比例驱蚊安全又简单。</t>
  </si>
  <si>
    <t>中国还存有女娲后人吗</t>
  </si>
  <si>
    <t>我们就是。</t>
  </si>
  <si>
    <t>会计从业资格证还有用吗</t>
  </si>
  <si>
    <t>茶叶过期了但没开封 可以喝吗</t>
  </si>
  <si>
    <t>过期了的话最好就别喝了。因为茶叶过期了，就会慢慢湿润，产生很多霉菌，里面的成分就会改变，营养价值也流失了。</t>
  </si>
  <si>
    <t>绿茶时间久了就成了陈茶，味道不如新茶清香，口感也差很多。其它的红茶、黑茶只要没发霉变质，都可以喝。</t>
  </si>
  <si>
    <t>银行卡激活一定要去柜台吗</t>
  </si>
  <si>
    <t>借记卡办理时直接激活；信用卡打客服申请，或登录网上激活；网上申请一定到柜台激活。</t>
  </si>
  <si>
    <t>拔罐可以去除体内湿气吗</t>
  </si>
  <si>
    <t>有一定效果。</t>
  </si>
  <si>
    <t>拔火罐可以去除湿气，不过可能导致风邪入侵，建议不要多拔。</t>
  </si>
  <si>
    <t>思源字体是免费的吗</t>
  </si>
  <si>
    <t>是免费的。</t>
  </si>
  <si>
    <t>风驰运动到底是不是正品</t>
  </si>
  <si>
    <t>不是。卖的羽绒服是残次品，客服爱搭不理的。同一个商品经常换网页，为了屏蔽差评。</t>
  </si>
  <si>
    <t>是的。金冠级的天猫店铺确实没有什么好怀疑的！</t>
  </si>
  <si>
    <t>林海雅马哈是正品吗</t>
  </si>
  <si>
    <t>1、林海是雅马哈福喜的代工厂、只有福喜上面有雅马哈的零件，剩下的劲战、bwsx 、cuxi只是仿了雅马哈的外型，林海自己做的车上面是找不到雅马哈标志的。2、林海雅马哈有两种，一种是林海引进日本雅马哈发动机组装车，一种是林海和雅马哈合资偷学到一点技术，然后自己研发的林海发动机。</t>
  </si>
  <si>
    <t>坚果pro是双卡双待吗</t>
  </si>
  <si>
    <t>是双卡双待全网通。</t>
  </si>
  <si>
    <t>水果刀可以带上火车吗</t>
  </si>
  <si>
    <t>据相关规定，坐火车不可以带水果刀。</t>
  </si>
  <si>
    <t>可以带，但是有要求。其刀刃长不得超过8cm，刀尖的尖度不得小于60度。</t>
  </si>
  <si>
    <t>足力健老年鞋真的好吗</t>
  </si>
  <si>
    <t>西比灵能治耳鸣吗</t>
  </si>
  <si>
    <t>一部分耳鸣可能有效。</t>
  </si>
  <si>
    <t>落地生根适合室内养吗</t>
  </si>
  <si>
    <t>没有害，可以放。</t>
  </si>
  <si>
    <t>卧室一般不建议养植物，因为夜间植物呼吸作用消耗氧气，会对睡眠有影响。</t>
  </si>
  <si>
    <t>室内养殖落地生根不好。</t>
  </si>
  <si>
    <t>耳夹对耳朵有伤害吗</t>
  </si>
  <si>
    <t>生鸡蛋能吃吗</t>
  </si>
  <si>
    <t>生鸡蛋最好不建议食用。</t>
  </si>
  <si>
    <t>当然能吃。</t>
  </si>
  <si>
    <t>最好不要吃，有百害而无一益。</t>
  </si>
  <si>
    <t>monster学豆教育可靠吗</t>
  </si>
  <si>
    <t>参加过，蛮好的。</t>
  </si>
  <si>
    <t>公开课讲得特别棒。</t>
  </si>
  <si>
    <t>2017年北方还会干旱吗</t>
  </si>
  <si>
    <t>没有下雨就会干旱。“春雨贵如油”。</t>
  </si>
  <si>
    <t>可能性小。降水在时间和地点分布均匀对应风调雨顺的正常年景，降水在时间和地点分布不均对应不同时间和不同地点的干旱和洪涝，有明显的规律可循。</t>
  </si>
  <si>
    <t>天气一定会干旱的。雨水季节性强，土地函水性差。下雨就淹，雨停就旱。</t>
  </si>
  <si>
    <t>清东陵内遗体还都在么</t>
  </si>
  <si>
    <t>慈禧的遗体遭到了侵犯，但是没有破坏，还很完好。乾隆皇帝的遗体因为地宫发水给冲散了。科研人员进入地宫的时候，找到了乾隆皇帝的头骨。</t>
  </si>
  <si>
    <t>淘宝客软件有免费的吗</t>
  </si>
  <si>
    <t>优惠盟和淘宝联盟正规APP。</t>
  </si>
  <si>
    <t>浩天绿豆淘宝客程序永久免费版。</t>
  </si>
  <si>
    <t>汽车之家贷款靠谱吗</t>
  </si>
  <si>
    <t>汽车之家除了汽车分期商城之外，还推出了自己的贷款产品，名为汽车之家家小贷。属于小额贷款产品。办理汽车之家的车贷，还是要考虑清楚利息是不是很高，通常情况下汽车之家的车贷都是和汽车金融公司合作或者是4s店合作贷款的，汽车之家并不直接参与用户贷款。所以靠不靠谱还主要看你选择是什么车型，服务商是哪一家。</t>
  </si>
  <si>
    <t>靠谱，是网上一种模式，但是购车以后还是在4s店提车签合同。</t>
  </si>
  <si>
    <t>龙珠超是鸟山明画的吗</t>
  </si>
  <si>
    <t>鸟山明任故事原案，丰太郎负责绘制的漫画。</t>
  </si>
  <si>
    <t>创酷怎么样值得买吗</t>
  </si>
  <si>
    <t>目前看，新车的颜值自然是没得说了。而配置上，也看到了不少诚意。软包覆的增加、独立显示的胎压监测、重新调校的动力系统，这都是提升的关键点，这款全新的创酷定价在9.99万14.99万元之间。作为家用的选择，建议考虑中间配置，不论是119900元的自动舒适型还是133900元的自动豪华型也好，总价都不算太高，都是非常不错的选择。总体来说，本次创酷的推新，想要主打的就是漂亮和性价比，有购车需求的朋友，其实不妨考虑一下。</t>
  </si>
  <si>
    <t>最好的印象就是大轮毂，18寸好像。外观典型美式车，肌肉感很强，内饰不怎么样，材质不太好。SUV还是建议20万以上的，否则十几万的还是轿车吧。</t>
  </si>
  <si>
    <t>虽然内饰丑点，材质差点，还有个鸡肋的MYLINK屏幕。内部空间也不大，但是作为一辆车，严守着自己的本分，其三大件，以及全系标配的的主动安全系统，这样价位很划算了，创酷的功夫都用到了大家看不到的地方。</t>
  </si>
  <si>
    <t>win10快速启动好不好</t>
  </si>
  <si>
    <t>微软经过测试，没有危害，或者是危害很小。</t>
  </si>
  <si>
    <t>或多或少有一点损害，但是开机就那么短功夫，没多大问题，一般在允许的范围内。</t>
  </si>
  <si>
    <t>win10快速开机对电脑不会有损害的。</t>
  </si>
  <si>
    <t>新浪刷粉丝官方允许吗?baidu</t>
  </si>
  <si>
    <t>先打开我们的微博，在搜索框中搜索互粉小助手。点击一下图片上的那个小链接，进入了互粉小助手的界面了。我们打开求关注，把求关注设置一下。个人建议：关注奖励选择150金币以上，关注总数就随便了。保存修改。就可以看到已经开始刷粉丝了。那这个模式，是一种互助的方式，所以也需要我们付出一点时间，来关注别人。我们关注别人也可以得到一定的金币，那我们就可以用这些金币继续刷粉丝了。点击下面的一键关注，然后领取金币。如此循环，我们的粉丝就可以越来越多了。</t>
  </si>
  <si>
    <t>生脉饮能长期服用吗</t>
  </si>
  <si>
    <t>首先，生脉饮方中人参甘平，益气复脉，生津止渴，振兴元气，为主药。麦冬甘寒，益胃生津，清心除烦，润肺养阴，为辅药。五味子酸温，敛肺益气，生津止渴，固表止汗，宁心安神。三药合用，一补一清一敛，共奏益气复脉、养阴生津、润肺止咳之功。而生脉饮主治温病热伤气阴，倦怠气短懒言，口渴多汗脉虚;或气阴不足，亡津失水，心悸气短，脉微虚汗;或肺虚久咳，干咳少痰或无痰，咽干舌燥，舌红而干，脉虚细者。上述患者可以长期使用。且药物长期使用，都会产生耐药性，如果产生，可以适当增加药量或配伍使用。同时由于是中成药，耐药性小，有需要的患者可以放心选用。由以上介绍可以知道，生脉饮是能长期吃的。</t>
  </si>
  <si>
    <t>生脉饮主要功效为益气养阴、生津止渴。适合气阴两虚者服用，如体质未改变，一般可以长期服用。</t>
  </si>
  <si>
    <t>生脉饮是具有益气补血效果的药物。许多朋友们在用药时会对于用药的疗程以备了解，即使是需要长期使用也会咨询医生建议的。</t>
  </si>
  <si>
    <t>人民的名义会拍第二部吗</t>
  </si>
  <si>
    <t>不是群主可以@所有人吗</t>
  </si>
  <si>
    <t>飞机上有wifi吗</t>
  </si>
  <si>
    <t>有些航空公司有。</t>
  </si>
  <si>
    <t>文明6 好玩吗</t>
  </si>
  <si>
    <t>唯一一款热度持续20年，并能延续至今的策略游戏——《文明》 在介绍《文明6》之前，我想先聊一聊策略游戏，策略游戏大体可以分为两种：回合制与即时制。即时制策略游戏——又被称为即时战略游戏。大多数人比较熟悉的有《魔兽争霸》、《帝国时代》、《红色警戒》、《星际争霸》等。而回合制策略游戏有《英雄无敌》《三国志》《文明》等。这些例举的游戏，在中国游戏史上都曾有段时间极度风靡，但20年走来，能持续风靡至今的却只有《文明》系列。</t>
  </si>
  <si>
    <t>我感觉最失败的。第一：地图眼花缭乱，各种资源图标，战争迷雾根本看不清。第二：农民建造，地块分配相当繁琐，完全没有以前农民自动那么惬意。第三：UI界面不如前作完善，比如单位列表，还有不能看自己已经建造完成的奇迹属性，只能看到+几点文化，附带的属性看不到，不知道是我没找到位置还是怎么。第四：外交系统不如删了，根本一点用没有，前作能直观的看出来影响双方关系和改善关系的红绿字对比，这作友好关系，我召唤个名人直接就谴责我。200块玩了一天，真是一点意思没有，再打开游戏的兴趣都没，继续回去玩文明5了。毫无创新还阉割了本来很好的设计，感觉文明系列也要完了。</t>
  </si>
  <si>
    <t>首先加入简体中文，这一举动真的手动好评，估计很多人因为这个原因入了文明6。其次是比前作增加了更多与真实的历史紧密联系的内容——“最不历史”的文明开始变得有些“历史”了。有没有玩家为了玩好这个游戏，去翻阅各国历史的？反正我是这样的……最后我想说的整个《文明6》中的文明的设计本身。可以很明显的看出，每个文明的设计主题由两个部分构成，分别是整个文明在历史上留下的综合形象和文明领袖执政时期的具体史实。</t>
  </si>
  <si>
    <t>浦发2000额度能提额吗</t>
  </si>
  <si>
    <t>扫描仪可以共享吗</t>
  </si>
  <si>
    <t>网球肘能自愈吗</t>
  </si>
  <si>
    <t>网球肘,没有特效药. 一般不可以自愈的。</t>
  </si>
  <si>
    <t>网球肘要想有一个自愈就是要进行很好的休息。</t>
  </si>
  <si>
    <t>有自愈的可能性。</t>
  </si>
  <si>
    <t>警辅要改革吗</t>
  </si>
  <si>
    <t>icloud被骗锁了打客服可以解吗</t>
  </si>
  <si>
    <t>iPhone是有购买凭证的，所以苹果官网是可以帮助解决的，提供手机/序列号/发票/保修卡，客服是可以帮助的，不过官方解ID的速度十分的缓慢，如果不催促一般一个月都是很难解决的。</t>
  </si>
  <si>
    <t>律师事务所有营业执照吗</t>
  </si>
  <si>
    <t>打新股一定赚钱吗</t>
  </si>
  <si>
    <t>天下没有一定的事情。当前打新中签率很低，很难中的；目前中了的，基本都赚钱。也曾经出现过上市当日破发的情况，但极少。</t>
  </si>
  <si>
    <t>不一定能赚钱，当然一般新股上市都会受到热捧而上涨。</t>
  </si>
  <si>
    <t>龙到底存不存在</t>
  </si>
  <si>
    <t>没有。那是按照古代人把几种动物的特征综合起来虚构出来的生物是图腾的象征。</t>
  </si>
  <si>
    <t>葡萄浏览器真的报销吗</t>
  </si>
  <si>
    <t>存在极大的潜在风险，注册时需要提供你的真实姓名，支付宝账号，手机号，邮箱，这本身就是别有用心的，提醒各位擦亮眼睛，不要相信“天上掉馅饼”，也不要相信所谓“如果没做成你也不损失一分钱”的煽动言论。</t>
  </si>
  <si>
    <t>普通用户通过相较浏览器搜索购买的淘宝商品可报销的呢，从去年开始使用的，后来申请了会员后，让客服帮忙找高报销的商品，对于经常网购的朋友还是很合算的。</t>
  </si>
  <si>
    <t>手机被偷报警有用吗</t>
  </si>
  <si>
    <t>报警的用处：1、使警察有可能追回你的手机；2、使警察对该事有点记录，为其惩治类似行为做准备；3、提醒警察要注意维护当地治安。有你指证，警察就会抓他的，当然，经过调查后才能定案。追回手机的希望，掌握在你手里。如果小偷变卖了你的手机，要赔偿损失；他会受到治安处罚，情节严重者会受到刑事处罚。</t>
  </si>
  <si>
    <t>北大方正集团要垮了吗</t>
  </si>
  <si>
    <t>北大方正背后是北京大学，有国家撑腰，其次跨界领域多，而主打的项目人才输出都会有北大这个庞大的资源和人脉背景，并且现在已经发展很好，基本干什么事什么项目都有国家政策开绿灯和支持，上了轨道不会轻易倒闭。 北大那么多状元和毕业后发展好的富豪，哪个不随意支持一下，加上双赢，除非北大夸了，不过不太可能。</t>
  </si>
  <si>
    <t>轻松筹 可信吗?</t>
  </si>
  <si>
    <t>1、真实性很难保证；2、不具备慈善募捐的合法资质；3、该平台收取2%的手续费；4、捐款没有直接到达求助者手中；5、有可能存在卷款跑路的事发生。</t>
  </si>
  <si>
    <t>它只是个平台，只要用户不去用此骗钱就可以了，其实现在骗子多，真正需要的人也多，只要是认识的人其实没什么。</t>
  </si>
  <si>
    <t>农村光伏发电是骗局吗</t>
  </si>
  <si>
    <t>打着光伏发电旗号的骗局，正悄然在农村出现。</t>
  </si>
  <si>
    <t>社保转移有时间限制吗</t>
  </si>
  <si>
    <t>社保转移没有时间限制。</t>
  </si>
  <si>
    <t>定金能退吗</t>
  </si>
  <si>
    <t>交纳定金后是可以退还的。一般情况有两种退还的可能，第一，收取定金一方违约，需要双倍返还定金，第二，双方协商解除合同，由收取定金一方返还收取的定金。</t>
  </si>
  <si>
    <t>蚕不结茧会死吗</t>
  </si>
  <si>
    <t>肯定会死，因为它没有了屏障。</t>
  </si>
  <si>
    <t>苹果6s32g是翻新机吗</t>
  </si>
  <si>
    <t>苹果6S有大量翻新机，可以在淘宝上找找看。</t>
  </si>
  <si>
    <t>π discovery是诈骗吗</t>
  </si>
  <si>
    <t>发行派币的平台，才是真正赚钱的一方。其余人都不过是通过不断拉进新的人来赚钱，典型的庞氏骗局。说避开央行的货币超发剥削，是骗人的把戏。比特币所依赖的信用是安全技术。而派币是没有信用支撑的。所以它要成为流通货币，既有法律风险，又有信用风险。政府一声清查，所有的派币就变成泡影。</t>
  </si>
  <si>
    <t>1，人民币充值购买π币，先按照汇率兑（2017.7.26 以6.74的人民币兑换1美元）换成美元，然后以费率（2017.7.28 以5.98美元购买1π币）购买π币，在充值的过程中以美元为货币单位收取手续费的。这手续费还是挺高的（千分之六），把资金（π币）放在这“余额宝”里，10天的升值也赚不回来手续费的钱。所以,这是个骗局。2，π币在app里的交易所里买入是贵（5.98美元抵1π币），卖出是贱（5.97美元抵1π币）。就是希望资金放在里面不提取，等待升值，占用资金。只要变现成为人民币就要卖出，就是亏钱的，所以这是个骗局。3，这个π币，不是国家以经济（对等黄金或国家财政的货币信用）发行的货币，只是某一集团发行的虚拟数值，会有风险。只需要一个手机号就可以注册，而不是身份证注册。说明不是国家行为，这货币数值会有兑付变现不了的风险。也就是说，如果这个app被国家政府主管部门取缔或关闭，,充值的人民币购买的虚拟的货币，就没有了。所以这是个骗局。</t>
  </si>
  <si>
    <t>兵役登记每年都要吗</t>
  </si>
  <si>
    <t>国家《兵役法》中有规定，年满18周岁的中国公民无论性别、学历、出身、民族都有依法服兵役的义务。在校学生可以缓征，身体原因不适合得可以不征召。高校毕业生年龄放宽到24岁、本人自愿申请入伍的年龄可降到17岁。一般社会青年是18-22岁，适龄青年都应进行兵役登记，不想当兵也应进行登记，但却不是登记了就会入伍。入伍还在于体检和政审的结果。</t>
  </si>
  <si>
    <t>我国宪法规定，服兵役是公民的义务。按照兵役法的规定，国家每年要进行兵役登记制度。但是，和平时期报名应征入伍是自愿的，不报名应征对个人没有什么影响，也不会因此受到处罚。</t>
  </si>
  <si>
    <t>不是每年都要兵役登记。</t>
  </si>
  <si>
    <t>硅胶粉扑到底好不好用</t>
  </si>
  <si>
    <t>用着还行。</t>
  </si>
  <si>
    <t>不仅长得像吃的，用着也非常好。</t>
  </si>
  <si>
    <t>董骠死了吗</t>
  </si>
  <si>
    <t>死了，2006年2月22日去世的。</t>
  </si>
  <si>
    <t>金博智慧有效果吗</t>
  </si>
  <si>
    <t>宋承宪刘亦菲分手了吗</t>
  </si>
  <si>
    <t>没有，宋承宪否认分手。</t>
  </si>
  <si>
    <t>负离子眼镜框有用吗</t>
  </si>
  <si>
    <t>完全扯淡，是骗子招数，不要相信。</t>
  </si>
  <si>
    <t>这款眼镜主要功效在于镜框，它是由五种矿物石，粉碎后经过纳米技术注入到德国TR90材质烧制而成。这几种石材含有丰富的氧离子，所以镜框能释放出高度的负氧离子，对眼睛周围和大脑神经供应充分的氧。从而达到一个促进脑部血液循环，和调理各种眼睛疾病。</t>
  </si>
  <si>
    <t>芒果长黑斑还能吃</t>
  </si>
  <si>
    <t>市场上常见的芒果，如鸡蛋芒、象牙芒等成熟后均呈金黄色。成熟了的芒果，外皮完好有光泽，但有时会因磕碰或后熟过程产生黑斑。如果黑斑较少，且没有扩散到果肉，还可以食用。一旦黑斑持续扩大、深入果肉，就会引起腐烂，不能再食用。为确保安全，最好不要购买有黑斑的芒果。</t>
  </si>
  <si>
    <t>芒果的果皮中含有多酚氧化酶类，当芒果在运输过程中受到挤压，或者在储存时经过了冷冻，其内部细胞会破损，细胞内的酚类物质被氧化为褐色的醌类物质释放出来，在外皮上就会出现黑色的斑点，这种情况被称作芒果褐变。芒果怕冷，冷藏也会使其发生变黑的情况。所以，买来的芒果最好放在常温下，并尽快在其新鲜的时候享用完。芒果有黑斑不代表果肉一定坏了，但在购买的时候要分清情况，尽量购买完整、新鲜、颜色正常的芒果。</t>
  </si>
  <si>
    <t>如果黑斑只是长在果皮，没有深入到果肉里，只要清洗干净，把皮剥掉，还是可以吃的。而且，此时的芒果会更甜。就像香蕉一样，当香蕉的果皮变黑了的时候是不是最甜的。但是，如果出现大面积的黑点，而且果肉也已经腐烂，这样的芒果就不要吃了。所以，我们在购买的时候，最好不要买长黑点的芒果，不容易保存，易腐烂。</t>
  </si>
  <si>
    <t>肝内低密度影要不要紧</t>
  </si>
  <si>
    <t>一般这种情况肝囊肿无需治疗，注意休息，避免劳累，定期复查，肝内胆管结石可以用熊去氧胆酸等对症治疗。</t>
  </si>
  <si>
    <t>肝内低密度影可以是肿瘤，可以是囊肿，也可以是其它蹭要增强扫描，进一步定性或者是做其它检查。</t>
  </si>
  <si>
    <t>自然流产需要清宫吗</t>
  </si>
  <si>
    <t>自然流产和人工流产不太一样，它不是由外力造成的流产，因此对女性的损伤会略轻一些。自然流产后不一定都要做刮宫术，只有胚胎组织流出不完整的情况下才需要行刮宫术。而这个判定要由专业医师通过检查问诊来判断，所以建议自然流产的患者最好在流产后等出血较少时去医院做一次常规检查，之后才可以断定此次自然流产是否需要刮宫。</t>
  </si>
  <si>
    <t>做B超检查如果有宫腔内的残留情况，也是需要清宫处理的。</t>
  </si>
  <si>
    <t>自然流产也会有残留组织在宫腔的，这种情况可以适当的多活动，也可以服用活血的药物，如果还是排不出是需要清宫的。</t>
  </si>
  <si>
    <t>心理咨询师报考条件能自学吗</t>
  </si>
  <si>
    <t>1.取得本专业或相关专业中专以上毕业证书，经心理咨询员正规培训达到规定标准学时数，并获得毕（结）业证书者；2.连续从事心理咨询工作满5年并能出具可靠证明者。1.取得心理咨询院职业资格证书后，连续从事本职业5年以上，经心理咨询员正规培训达到规定标准学时数，并获得毕（结）业证书者。</t>
  </si>
  <si>
    <t>可以报考，以下是具体要求。 国家心理咨询师三级报考条件： 1、具有心理学、教育学、医学专业大专以上学历。 心理学、教育学、医学专业本科可直接报考心理咨询师三级; 心理学、教育学、医学专业大专学历。</t>
  </si>
  <si>
    <t>榴莲孕妇能吃吗</t>
  </si>
  <si>
    <t>孕妇可以吃榴莲，但不宜多吃。</t>
  </si>
  <si>
    <t>枇杷用种子种能结果吗</t>
  </si>
  <si>
    <t>今晚关手机是真的吗</t>
  </si>
  <si>
    <t>这是没有任何科学依据的。可以认定为传言。清华大学物理系教授、清华大学“百人计划”天体物理项目主持人楼宇庆教授说“在地球上其实宇宙射线时时刻刻都存在，并不像消息中所述在某个固定的时间段才会出现。人体和动物生活在宇宙射线之中已经很久，已经习惯了这种射线，基本上不会对人体带来影响。“人体对宇宙射线的承受程度有一定的单位时间和单位能量，除非爆发能量巨大的宇宙射线，否则不可能对正常的生活造成影响。 在预测到宇宙射线即将来临之前，相关部门会采取将卫星暂时关闭等措施进行防范，这确实会对包括手机通讯在内的各种数据传输产生影响。“但这种影响并非直接针对手机，因此采取关机的方式来防范宇宙射线并没有科学依据"。</t>
  </si>
  <si>
    <t>上过初中的都知道，没有宇宙射线这一说法，都是动漫里说的。最可能从太阳辐射到地球的就是太阳黑子爆发，给无线电的传输带来很小的影响，而且关手机啥事，一般都是电池出问题才会爆炸。</t>
  </si>
  <si>
    <t>王宝强儿子是亲生的吗</t>
  </si>
  <si>
    <t>王宝强儿子不是亲生的。</t>
  </si>
  <si>
    <t>青云志2碧瑶复活了吗</t>
  </si>
  <si>
    <t>碧瑶没有醒。</t>
  </si>
  <si>
    <t>活了。</t>
  </si>
  <si>
    <t>醋煮黑豆能染发吗</t>
  </si>
  <si>
    <t>这是一种天然的染发膏，用的时候，把头发洗净，头发干后把药膏涂上即可，每日一次。</t>
  </si>
  <si>
    <t>三上悠亚有无码作品吗?</t>
  </si>
  <si>
    <t>有，作品“快感”。</t>
  </si>
  <si>
    <t>博士算工龄吗</t>
  </si>
  <si>
    <t>1、全日制读的博士不算工龄，在职读的算工龄。2、读博士之前工作过，等读完博士后再工作时，读博士前的工作时间算工龄。</t>
  </si>
  <si>
    <t>有后悔买奔驰a200吗</t>
  </si>
  <si>
    <t>订了A200运动后，才觉得很麻烦，有点后悔。</t>
  </si>
  <si>
    <t>伊利达雷的灵魂棱镜 还有用吗</t>
  </si>
  <si>
    <t>没用了，已经扔了。</t>
  </si>
  <si>
    <t>最好留着，万一后来又要用。</t>
  </si>
  <si>
    <t>中国能打下b2轰炸机吗</t>
  </si>
  <si>
    <t>好多美国号称不可能被击落的高空飞机，都被中国击落。</t>
  </si>
  <si>
    <t>没打过不知道， 官方称B2还没有被击落的记录。</t>
  </si>
  <si>
    <t>十文双旗纪念币值钱吗</t>
  </si>
  <si>
    <t>普通的十到二十元，稀有的版别高达几百元。</t>
  </si>
  <si>
    <t>民国双旗铜币价格不高十几块钱一个。</t>
  </si>
  <si>
    <t>很多，一般10块钱可以买到品相非常好的。</t>
  </si>
  <si>
    <t>王者荣耀观战对方知道吗</t>
  </si>
  <si>
    <t>观战好友时好友时无法看到的。</t>
  </si>
  <si>
    <t>乌珠军马贴是传销吗?</t>
  </si>
  <si>
    <t>不是，乌珠军马贴是正规的品牌，是有备案的。</t>
  </si>
  <si>
    <t>是传销的一种，一点东西估计成本几块钱，然后下重本广告，买断百度的搜索，全部说好话，然后分销下来推人头，每个人头利润惊人，击鼓传花，最后高额的售价就到了熟人朋友的手里。</t>
  </si>
  <si>
    <t>imbatv倒闭了吗</t>
  </si>
  <si>
    <t>来月经可以吃芒果</t>
  </si>
  <si>
    <t>在月经期是可以适量的吃芒果的。</t>
  </si>
  <si>
    <t>不能，芒果是止血的。</t>
  </si>
  <si>
    <t>朝朝盈有风险吗</t>
  </si>
  <si>
    <t>风险相对较低，是一款安全性很高的理财应用。</t>
  </si>
  <si>
    <t>牛皮癣可以根治吗</t>
  </si>
  <si>
    <t>当前说牛皮癣能"除根"或"包治"还为时过早，因为牛皮癣的根本病因尚未找到。</t>
  </si>
  <si>
    <t>一般说身体状况都不错，只要坚持治疔，医患配合好，大多数患者是能够达到临床治愈的。</t>
  </si>
  <si>
    <t>速橙科技有限公司是培训机构吗</t>
  </si>
  <si>
    <t>应该是。</t>
  </si>
  <si>
    <t>火葬场烧过活人吗</t>
  </si>
  <si>
    <t>在国内很多殡仪馆都发生过将活人送来的事，但基本没有推进火化炉中的。</t>
  </si>
  <si>
    <t>非英语专业可以考专八吗</t>
  </si>
  <si>
    <t>英语专业四级和八级原则上虽然只对英语专业开放，不对非英语专业和已经毕业的英语专业学习者等社会考生开放，但是有些院校也会同意6级优秀生甚至良好者开放，视各校的具体情况而定。</t>
  </si>
  <si>
    <t>英语专业八级考试(TEM-8)，全称为全国高校英语专业八级考试。主要是用来考察全国综合性大学英语专业学生的。</t>
  </si>
  <si>
    <t>去香港要护照吗</t>
  </si>
  <si>
    <t>到香港旅游不需要护照，只需要港澳通行证即可。</t>
  </si>
  <si>
    <t>弹弓枪违法吗</t>
  </si>
  <si>
    <t>带有几发装置具有一定威力的是违法的，弹弓枪违法。</t>
  </si>
  <si>
    <t>特价机票能退吗</t>
  </si>
  <si>
    <t>不能退。</t>
  </si>
  <si>
    <t>可以退。</t>
  </si>
  <si>
    <t>软卧会把男女分开吗</t>
  </si>
  <si>
    <t>现在的铁路购票系统中，软卧包厢是不会按性别分的，不管是网上购票，还是窗口购票都一样。</t>
  </si>
  <si>
    <t>超声波对人体有害吗</t>
  </si>
  <si>
    <t>考虑声强度，接触时间，接触部位以及声波形态。一个比较粗略的结论可以认为对于人体（除了眼睛）来说，声强度低于0.1W/cm^2的超声波是无害的。医疗上的诊断用超声都是低强度无害的。但是治疗用超声波就有一定危险性了，特别是高强度聚焦超声（HIFU）。</t>
  </si>
  <si>
    <t>凯特戴琳斯在美国火吗</t>
  </si>
  <si>
    <t>《Askmen》杂志评选2012年全球最性感女人中，凯特位列第30位。2013年，被《Maxim》杂志评选为年度最性感女星100位中的第83位，出席了第55届美国格莱美奖颁奖典礼。2014年，主持了第40届美国人民选择奖颁奖典礼。2015年，年初出席了第41届美国人民选择奖颁奖典礼。</t>
  </si>
  <si>
    <t>残影之凯贾徽章值钱吗</t>
  </si>
  <si>
    <t>蟑螂爬过的地方有毒吗</t>
  </si>
  <si>
    <t>算不上有毒，但是确实很脏，蟑螂本身是没有毒素的，但问题是 蟑螂身上携带很多病菌，如果接触容易传播疾病。蟑螂爬过的地方可能传染疾病，但只是传染伤寒、痢疾、霍乱等肠道传染病，这些病一旦感染一般会急性发作，过了一周左右没有发病就不会有事了。 蟑螂不会传播鼠疫。</t>
  </si>
  <si>
    <t>蟑螂常栖息于各类人类起居和生活场所，往来于垃圾堆、阴沟和厕所等污秽的场所。蟑螂通过吃、吐、排泄的方式，以及在食物和衣服上爬行，能传播50多种疾病，蟑螂体表和体内肠道能携带多种致病菌、病毒、霉菌和寄生虫卵，在人体上爬行可致皮炎，被咬伤可引起过敏。</t>
  </si>
  <si>
    <t>跳绳对膝盖的损伤大吗</t>
  </si>
  <si>
    <t>不大。</t>
  </si>
  <si>
    <t>过量的跳绳训练会对膝盖有损伤。</t>
  </si>
  <si>
    <t>在跳绳时不注意微屈膝盖，不选择稍软的地面(如塑胶地面)跳绳的话，膝盖承受的冲击会比较大，在过量跳绳的时候，膝盖半月板等也会受到损伤。</t>
  </si>
  <si>
    <t>阿里云香港服务器需要备案吗</t>
  </si>
  <si>
    <t>国外或香港的空间不用备案，也不能备案。</t>
  </si>
  <si>
    <t>ie有没有12</t>
  </si>
  <si>
    <t>目前微软浏览器最新的是IE12，单仅仅是测试版，并没有发布正式版，目前安装IE12不会覆盖IE11。没必要追求最新，最新的软件都有很多BUG的缺陷，需要不断完善。</t>
  </si>
  <si>
    <t>IE开发者渠道（Internet Explorer Developer Channel），这是一个全功能的浏览器，旨在让Web开发人员和测试人员更早地接触微软正在开发的下一代IE，可以将它看做IE12的雏形。使用IE11的Windows 8.1和Windows 7 SP1用户都可以下载体验这个开发者渠道版本。IE开发者渠道版本可以与IE11同时独立运行，不会覆盖现有的IE11。</t>
  </si>
  <si>
    <t>没有。IE浏览器的最高版本为IE11。目前微软公司已经宣布放弃IE的开发，因此IE11应该就是最后一个版本，以后应该不会再有更高版本。</t>
  </si>
  <si>
    <t>游戏加速器能当vpn吗</t>
  </si>
  <si>
    <t>如果那款加速器上面的节点可以自由选择并且有国外线路就可以当vpn使用。</t>
  </si>
  <si>
    <t>婚前存款算夫妻共同财产吗</t>
  </si>
  <si>
    <t>婚前的个人存款属个人财产，不属于夫妻共同财产。</t>
  </si>
  <si>
    <t>pdd和uu在床上是真的吗</t>
  </si>
  <si>
    <t>美颜秘笈是三无吗</t>
  </si>
  <si>
    <t>青海湖有高原反应吗</t>
  </si>
  <si>
    <t>一般身体不是太虚弱的人不会有太明显高原反应。</t>
  </si>
  <si>
    <t>会出现高原反应，严重与否看个人体质而定。</t>
  </si>
  <si>
    <t>mooc证书有用吗</t>
  </si>
  <si>
    <t>中国大学mooc课程证书目前意义并不大，主要是纪念意义、作为一个短期小目标。</t>
  </si>
  <si>
    <t>段辅尧孙子是段宜恩吗</t>
  </si>
  <si>
    <t>段宜恩的爷爷是段辅尧。</t>
  </si>
  <si>
    <t>厦门高崎国际机场有wifi吗</t>
  </si>
  <si>
    <t>厦门高崎国际机场是有wife的。</t>
  </si>
  <si>
    <t>结膜炎会传染吗</t>
  </si>
  <si>
    <t>绝地大逃杀需要vpn吗</t>
  </si>
  <si>
    <t>大逃杀没vpn连登录都登陆不了。</t>
  </si>
  <si>
    <t>绝地大逃杀是亚服的，玩家在亚洲服是不用vpn的。</t>
  </si>
  <si>
    <t>臀部两侧凹陷能练圆吗</t>
  </si>
  <si>
    <t>动作一、先从简单的开始。请你平躺在地上，膝盖弯曲，脚掌触地。然后向上挺起臀部到最大限度(最好挺起至腰部与大腿成直线)，回落。重复此动作3组20次。动作二、侧卧在地板上，用手肘支撑起上体，下面的腿弯曲。向上的腿伸直与身体成90度角。然后抬起放下，每侧重复2组20次。动作三、请侧卧在地板上，你的膝盖与上体成90度角，抬起上面的腿再放下，注意你的两只脚始终保持接触。重复此动作2组30次。动作四、跪在地板上，用手肘和膝盖支撑身体。请注意背部要挺直。然后向后上方抬起右脚，收回。每条腿重复动作2组20次。</t>
  </si>
  <si>
    <t>赌债受法律保护吗</t>
  </si>
  <si>
    <t>赌债不受法律保护。</t>
  </si>
  <si>
    <t>糖尿病人可以吃枇杷吗</t>
  </si>
  <si>
    <t>能吃枇杷。</t>
  </si>
  <si>
    <t>中国a型血的人多不多</t>
  </si>
  <si>
    <t>占20%。</t>
  </si>
  <si>
    <t>少女前线好玩吗</t>
  </si>
  <si>
    <t>少女前线是一款非常好玩的游戏，不少新人玩家进入了少女前线。</t>
  </si>
  <si>
    <t>浙江永康很富裕吗</t>
  </si>
  <si>
    <t>永康平均每三个人有一辆车，保时捷卡宴，奥迪，奔驰，宝马，路虎随处可见。永康以五金很出名，被誉为门业之都。</t>
  </si>
  <si>
    <t>口袋妖怪xy手机能玩吗</t>
  </si>
  <si>
    <t>口袋妖怪只能在3DS上玩，现在没有模拟器。</t>
  </si>
  <si>
    <t>鱼睡觉吗</t>
  </si>
  <si>
    <t>鱼也需要睡眠。</t>
  </si>
  <si>
    <t>宁波银行直销银行安全吗</t>
  </si>
  <si>
    <t>将钱存在银行，不仅有一定的利息，而且安全性也是比较高的。</t>
  </si>
  <si>
    <t>网上可以买彩票吗</t>
  </si>
  <si>
    <t>目前国内有影响力和代表性的互联网彩票销售平台大多宣布暂停销售。</t>
  </si>
  <si>
    <t>stackoverflow要翻墙吗</t>
  </si>
  <si>
    <t>孕妇能吃三华李吗</t>
  </si>
  <si>
    <t>可以吃，但是不可吃太多。</t>
  </si>
  <si>
    <t>葵力果是国家批准的吗</t>
  </si>
  <si>
    <t>不是，假批号。</t>
  </si>
  <si>
    <t>蟑螂会咬人吗</t>
  </si>
  <si>
    <t>蟑螂一般是不会咬人的，蟑螂对人的危害仅次于家蝇，有时会更使人讨厌。它不仅传播疾病，还会使人造成过敏反应，如过敏性哮喘、皮炎等。它在食物上到处乱爬、啃咬衣物、书画、到处都会出现它的踪影。</t>
  </si>
  <si>
    <t>食物充足情况下，且蟑螂不多时，多数不会咬人，你捉它的时候也不会咬你，但是你熄灯睡觉后，蟑螂就很难保证它不会咬你了！蟑螂饥不择食，走路快，而且也能飞，被蟑螂咬也不奇怪。</t>
  </si>
  <si>
    <t>摩托车大套手续安全吗</t>
  </si>
  <si>
    <t>不安全，大套就是套取同样车款的发动机号、大架号、行驶证、车辆登记证书、完税证明等车辆相关手续。这样的手续是无法在车辆管理部门进行转籍过户的，目前公安部正在全国开展打击走私车辆和涉牌、涉证的专项整理活动，买这样的车可要做好心理准备。</t>
  </si>
  <si>
    <t>死和睡觉一个感觉么</t>
  </si>
  <si>
    <t>不一样。</t>
  </si>
  <si>
    <t>生殖器疱疹可以根治吗</t>
  </si>
  <si>
    <t>殖器疱疹是一种复发率高，是性传播疾病的一种，不是绝症是可以治疗的。</t>
  </si>
  <si>
    <t>生殖器疱疹治愈的难度的确很大，但是却还没到治愈不好的程度，只要生殖器疱疹患者在得知自己感染上生殖器疱疹的时候，尽快地去正规医院选择科学的治疗方法，能治愈好生殖器疱疹的几率并不低。</t>
  </si>
  <si>
    <t>生殖器疱疹目前无法完全根治，但是通过治疗可以降低复发。</t>
  </si>
  <si>
    <t>机械硬盘需要4k对齐吗</t>
  </si>
  <si>
    <t>一般情况下机械硬盘没有必要做4K对齐，4K对齐主要对固态硬盘的性能和稳定性有提升作用。</t>
  </si>
  <si>
    <t>机械盘没必要4K对齐。实在想4K对齐，也可以，用分区助手，无损对齐，不需要另找地方备份数据。</t>
  </si>
  <si>
    <t>淘宝三振出局会清零吗</t>
  </si>
  <si>
    <t>面包过期一天还能吃吗</t>
  </si>
  <si>
    <t>可以吃，过了保质期未必都要扔；如果长霉、发酸就不能吃了。</t>
  </si>
  <si>
    <t>柚子舍是否真的安全</t>
  </si>
  <si>
    <t>柚子舍的护肤品不含化学防腐剂、重金属与激素、色素、酒精、香精、石油系表面活性剂、矿物油等有害成分。</t>
  </si>
  <si>
    <t>s7灵活组排能拿框吗</t>
  </si>
  <si>
    <t>不管是在单双排模式还是灵活排位里，达到白银段位上就可以获得白银以上的头像和边框。</t>
  </si>
  <si>
    <t>中药冷了喝会不会影响药效</t>
  </si>
  <si>
    <t>会，中药的化学成分十分复杂，所含的蛋白质、鞣质（即丹宁）等能与糖发生化学反应，使有效成分凝固、变性，进而混浊、沉淀而被除去，以致影响药效。且糖可抑制某些清热药的疗效，干扰中药中矿物质和维生素的吸收，还可降低许多中药里的有效成分。如苦味健胃的中药，就是利用其本身的苦味，来刺激消化腺的分泌而达到健胃的目的，这类汤药加糖后虽能减少苦味，但却降低了健胃的功效。据报道，药理学研究最近发现：改变汤药的温度，就能减少汤药的苦味。正常人口腔内温度为36.2℃～37.2℃，舌根下高于舌面0.5℃。而味觉器官即味觉神经纤维大多分布于舌面，当汤药温度与舌周围温度相近时，味觉神经处于最佳工作状态，其感觉最灵敏，也就是说此时喝汤药味道最苦。而汤药的温度高于38℃，或低于35℃时，则味觉神经感觉不太灵敏，这时苦味就会减弱，不太苦口，有利于吞咽。更何况中医还认为，中药温服药效最好。</t>
  </si>
  <si>
    <t>中药一般只要在温热状况下服用就行了，如果是凉的中药，这样对于药效的影响不大的。</t>
  </si>
  <si>
    <t>药理学研究最近发现：改变汤药的温度，就能减少汤药的苦味。正常人口腔内温度为36.2℃～37.2℃，舌根下高于舌面0.5℃。而味觉器官即味觉神经纤维大多分布于舌面，当汤药温度与舌周围温度相近时，味觉神经处于最佳工作状态，其感觉最灵敏，也就是说此时喝汤药味道最苦。而汤药的温度高于38℃，或低于35℃时，则味觉神经感觉不太灵敏，这时苦味就会减弱，不太苦口，有利于吞咽。更何况中医还认为，中药温服药效最好。因此，专家认为，口服大多数中药汤剂时，温度以30℃～35℃为最佳，苦味最淡。若冷服，则易引起胃肠道刺激反应，导致呕吐、腹痛等，此时可用生姜擦舌头，或热服生姜汤，即可解除。</t>
  </si>
  <si>
    <t>深渊难度和爆率有关系吗</t>
  </si>
  <si>
    <t>没有，和血统还有氪金有关系。</t>
  </si>
  <si>
    <t>扁桃仁孕妇能吃吗</t>
  </si>
  <si>
    <t>公务卡可以个人消费吗</t>
  </si>
  <si>
    <t>当然可以，公务卡也是信用卡，没有说个人消费时不能刷卡的。</t>
  </si>
  <si>
    <t>颜丹晨到底有没有结婚</t>
  </si>
  <si>
    <t>不确定。</t>
  </si>
  <si>
    <t>樱桃补血吗</t>
  </si>
  <si>
    <t>樱桃作为一种夏季的时令水果，含铁量很高，是最佳的补血水果。樱桃自古就被叫做“美容果”，中医古籍里称它能“滋润皮肤”、“令人好颜色，美态”，能和阿胶的一些功效相媲美。每百克樱桃果肉中铁的含量是同等重量的草莓的6倍、枣的10倍、山楂的13倍、苹果的20倍，居各种水果之首。此外，胡萝卜、菠菜、金针菜、龙眼肉、萝卜干都是较好的补血类果蔬。</t>
  </si>
  <si>
    <t>根据《中国食物成分表》的数据显示，樱桃中铁的含量仅为0.36mg/100g，还不如大白菜中0.8mg/100g的含量高，但价格却是大白菜的十倍甚至更高。而且樱桃中的含有的铁是非血红素铁，人体难以吸收，更无法产生能够促进血液生成的物质。想补血，还不如吃点猪肝，猪血；因为猪肝和猪血中不仅含铁量高，而且含有的铁是血红素，人体吸收起来不受影响，吸收率比较高。</t>
  </si>
  <si>
    <t>樱桃可以补血的，但是吃多了反而容易上火。</t>
  </si>
  <si>
    <t>一加手机在国外很火吗</t>
  </si>
  <si>
    <t>青岛房价会降吗</t>
  </si>
  <si>
    <t>业内认为涨价属于合理范围内，房价仍存在上涨动力。</t>
  </si>
  <si>
    <t>有网友说青岛房价每平要降5000，这个还真不敢说，但房价大幅下跌是不会错了。</t>
  </si>
  <si>
    <t>35岁的人老了吗</t>
  </si>
  <si>
    <t>岁数算中年，至于老，外在看跟多大岁数的比，内在看心态。</t>
  </si>
  <si>
    <t>石家庄西三环通车了吗</t>
  </si>
  <si>
    <t>通车了。</t>
  </si>
  <si>
    <t>还建房可以买卖吗</t>
  </si>
  <si>
    <t>可以买卖，但是要根据具体的还建房的性质来看。</t>
  </si>
  <si>
    <t>实木颗粒板含甲醛吗</t>
  </si>
  <si>
    <t>有少量。</t>
  </si>
  <si>
    <t>双相情感障碍是疯子吗</t>
  </si>
  <si>
    <t>练瑜伽能减肥吗</t>
  </si>
  <si>
    <t>肯定是有效果。</t>
  </si>
  <si>
    <t>瑜伽减肥是个不错的选择，不易反弹且有助于健康。</t>
  </si>
  <si>
    <t>衣柜深度50mm够不够</t>
  </si>
  <si>
    <t>够。</t>
  </si>
  <si>
    <t>路由器有辐射吗</t>
  </si>
  <si>
    <t>有辐射。</t>
  </si>
  <si>
    <t>安迪不是处女吗</t>
  </si>
  <si>
    <t>不是，小说里安迪已被包奕凡的肉体攻下，未婚先孕。</t>
  </si>
  <si>
    <t>瓜子二手车可靠吗</t>
  </si>
  <si>
    <t>个人感觉不太靠谱。</t>
  </si>
  <si>
    <t>瓜子二手车就是个巨坑，绝对的坑。1、车况隐瞒，上架时，只是简单看下车，拍几张照片完事；2、签合同时，不给纸质合同，让在手机上签字，根本看不清楚而且发生纠纷后没办法起诉；3、签合同之前会让先交订金和服务费，但是过户时，发现车辆有质量问题或者无法过户的情况，瓜子收取的服务费是不会退，而且销售人员会说服车主订金也不退给，以此来促使买家接受事故车或者调表车；4、当打电话到总部投诉时，总部的人员会把你来推去，一拖再拖；5、无奈之计，可能想到起诉，但仔细看看合同，服务费是不需要退不管买还是不买，为什么不买，只要收了服务费，就不需要退。总之，瓜子二手车是事故车、泡水车、调表车的很好处理途径。</t>
  </si>
  <si>
    <t>fgo盾娘要不要练</t>
  </si>
  <si>
    <t>有必要练，后期比较实用。</t>
  </si>
  <si>
    <t>彩生活物业真的很差吗</t>
  </si>
  <si>
    <t>公司员工持股我要买吗</t>
  </si>
  <si>
    <t>你的公司要是效益好，能生存几十年，不倒闭，还能上市，就参加啊。企业怎么个好法不光看财务表表，看看你的企业是不是国家提倡发展的企业，能不能够到当地的重点发展啊。职工股一般上市后要等两三年，那时你把你的股份卖出，就能挣大钱了。</t>
  </si>
  <si>
    <t>简单来说原始股一旦上市可以获得很不错的收益，退一万步说没有上市也可以当做高额利息的一次稳定投资，是比较有保障的。</t>
  </si>
  <si>
    <t>鸡蛋黄散了还能吃吗</t>
  </si>
  <si>
    <t>如果散黄蛋的散黄现象不严重，并且没有异味，那么经过高温蒸煮之后还是可以食用的；如果散黄比较严重，蛋液已经变稀变浑浊，甚至开始有异味了，那说明细菌已经在鸡蛋里繁殖了，蛋白质已经变质，这样的散黄蛋就绝对不能食用了。 另外，市民也有可能发现买回家的鸡蛋上有裂纹，这是鸡蛋在运输过程中由于震动、挤压等原因造成，这种有裂纹的鸡蛋很容易被细菌入侵，如果放置的时间较长也不能食用。</t>
  </si>
  <si>
    <t>这鸡蛋放了太久了。建议不要吃了。</t>
  </si>
  <si>
    <t>散蛋黄如果蛋液稠厚，没有异味，一般可以使用。</t>
  </si>
  <si>
    <t>姚玉祥是白云先生吗</t>
  </si>
  <si>
    <t>健步走能减肥吗</t>
  </si>
  <si>
    <t>减脂肪需要有氧运动，有氧运动的定义是持续稳定的让心跳在115-135条之间的运动，你要是走路可以走到这个心率，并保持30分钟以上，能减肥。</t>
  </si>
  <si>
    <t>坚持健步走锻炼能明显减少身体脂肪重量，减少体脂百分比，增加和维持肌肉重量、耐力和力量。</t>
  </si>
  <si>
    <t>健步走可以减肥，但要方式正确。健步走必须超过30分钟以上才有效果，而且中间不能休息。</t>
  </si>
  <si>
    <t>路由器可以再接路由器吗</t>
  </si>
  <si>
    <t>宇宙是无限的吗</t>
  </si>
  <si>
    <t>宇宙不是无限的，或者说，我们所居住的这个狭义的宇宙并不是无限的。它的边界在哪里以及以何形式存在现在尚在争论，但“我们的宇宙”不是无限的，这个观点基本已经得到了认同。</t>
  </si>
  <si>
    <t>信用卡绑定支付宝消费算刷卡吗</t>
  </si>
  <si>
    <t>信用卡通过支付宝消费算是刷卡，只要显示为消费的，就算刷卡次数，各家银行规定不一，每年消费3-5-8次，可免年费，工行另有一次刷卡消费5千元可免当年年费。现在，建行信用卡一年刷卡/取现三次，就可免年费了。</t>
  </si>
  <si>
    <t>算刷卡的，招行的就是算在内的，建行也一样。</t>
  </si>
  <si>
    <t>算。属于信用卡快捷支付方式的刷卡消费。</t>
  </si>
  <si>
    <t>加勒比海盗好看吗</t>
  </si>
  <si>
    <t>马马虎虎 ，对不起这些年的等待，如果是16年电影，值回票价是肯定的，17年就不值这个价。所以不值得专门腾出时间看，无聊可以看看。感觉不如预期，剧情也一般，结尾彩蛋不错，除了编剧挖坑，其他都还行。</t>
  </si>
  <si>
    <t>这一部里也出现了海盗二代的新cp，但感情线铺垫得不如第一部，威尔·特纳是从小时候就暗恋伊丽莎白，历经磨难最后才迎来圆满结局。而小亨利和卡琳娜的感情线感觉发展得略平庸，有点硬凑CP的感觉。出演卡琳娜的卡雅·斯卡达里奥是92年的妹子，之前演过《呼啸山庄》、《移动迷宫》和剧集《皮囊》，虽然片中卡琳娜气质、外貌、装束上都学伊丽莎白，但人物刻画也流于平庸，只刻画她聪明、缜密的一面，人物却从来没有内心的挣扎，显得就不像“真人”。</t>
  </si>
  <si>
    <t>icloud drive需要开吗</t>
  </si>
  <si>
    <t>icloud是自动盘，自动同步和备份用的。icloud  drive是一般的网盘，用户可以控制每个文件的上传和下载。比如在照片里，你点左下角那个图标，就有上传到icloud drive。要是电脑、平板都是苹果的就可以开，这样都可以看到你的照片 如果只有手机的话就没必要开了。</t>
  </si>
  <si>
    <t>文件共享使文件更加容易泄露了，所以并不需要所有设备之间进行共享，有些设备也不需要开启iCloud Drive功能。</t>
  </si>
  <si>
    <t>阴茎勃起12cm正常吗</t>
  </si>
  <si>
    <t>长于10cm是正常的。</t>
  </si>
  <si>
    <t>夏天去三亚是不是太热</t>
  </si>
  <si>
    <t>夏天是热些，冬天去最好了，温度刚刚好。</t>
  </si>
  <si>
    <t>确实很热。</t>
  </si>
  <si>
    <t>tomcat就是服务器吗</t>
  </si>
  <si>
    <t>不是，简单的来说，Tomcat是运行JAVA程序的开源java容器。</t>
  </si>
  <si>
    <t>服务器上运行JSP页面和Servlet。和微软的IIS优点像。可以理解成有了tomcat，服务器才能对JAVA、JSP、Servlet做出反应。</t>
  </si>
  <si>
    <t>tomacat是由Apache所推出的一款专业Servlet容器，可以实现对Servlet和JavaServer Page（JSP）的支持，拥有Tomcat管理和控制平台、安全域管理和Tomcat阀等功能，是配置JSP和进行JAVA必备的一款环境。</t>
  </si>
  <si>
    <t>微波炉热饭需要打开盖子吗</t>
  </si>
  <si>
    <t>微波炉热饭最好不要盖盖子。原因：一：可以使需加热的食物能够完全的吸收微波，完成自身加热。二：盖上盖子加热，容器内食物加热产生的热量不容易散发，使容器内压力过高，易引起爆破事故。</t>
  </si>
  <si>
    <t>要打开盒子的，饭盒里的食物受热效果更好。有的饭盒材质与盖子的材质不同的，盖子的材质要求硬度更高，承受力更强，但是并不适合高温受热，如我现在使用的Stntus鲜途真空保鲜饭盒。还有的盒子带上盖子加热的话，易产生热胀冷缩、受热不均等现象，导致加热后，盒子打不开的问题，如乐扣、特百惠的塑料保鲜盒，以及一些玻璃饭盒也会有类似的问题。所以建议微波炉加热饭盒把盖子打开。</t>
  </si>
  <si>
    <t>支付宝健康保险有用吗</t>
  </si>
  <si>
    <t>支付宝保险有用的，保护余额宝资金，增加一个保障总是好的。</t>
  </si>
  <si>
    <t>虚假交易要不要申诉</t>
  </si>
  <si>
    <t>有凭证就去申诉一下。</t>
  </si>
  <si>
    <t>游泳可以戴隐形眼镜吗</t>
  </si>
  <si>
    <t>专家建议无论是在何种水域，游泳最好都不要戴隐形眼镜。</t>
  </si>
  <si>
    <t>一定要做好防护措施。也可以戴有度数的潜水镜，也可以戴隐形眼镜再戴潜水镜。</t>
  </si>
  <si>
    <t>广州增城限购吗</t>
  </si>
  <si>
    <t>广州增城购房目前不限购限贷。</t>
  </si>
  <si>
    <t>广州增城限购：外地人只能买1套。</t>
  </si>
  <si>
    <t>有旧木地板卖吗</t>
  </si>
  <si>
    <t>民政局端午节上班吗</t>
  </si>
  <si>
    <t>端午节家定节民政局要放假。</t>
  </si>
  <si>
    <t>不上班的，民政局按照家规定假期放假。</t>
  </si>
  <si>
    <t>民政局是国家行政机关，严格按照国家法定假日调休。</t>
  </si>
  <si>
    <t>csgo国服需要购买吗</t>
  </si>
  <si>
    <t>对国际服也就是Steam版玩家而言，由于你已经购买了一次游戏，所以是不需要再花钱购买的。</t>
  </si>
  <si>
    <t>崩坏3ios和安卓互通吗</t>
  </si>
  <si>
    <t>目前崩坏3iOS平台与安卓平台数据不互通，毕竟苹果的iOS系统和安卓系统是两个完全独立的手机系统，两者之间的数据也是独立计算不能够互通的。</t>
  </si>
  <si>
    <t>安卓和iOS的数据是不互通的，安卓和iOS是分服的，安卓玩家有机会参与不删档的内测比iOS玩家先体验到游戏。</t>
  </si>
  <si>
    <t>汽车置换划算吗</t>
  </si>
  <si>
    <t>品牌经销商之所以要涉足二手车置换业务，最根本的目的是为了曲线推进新车销售，在旧车的价位上，消费者往往是吃亏的。</t>
  </si>
  <si>
    <t>旧车置换新车有一定的优惠幅度的，但很多商家从中偷梁换柱，使得车主在置换过程中利益遭受损失,尤其在旧车的价位上，消费者往往是吃亏的。</t>
  </si>
  <si>
    <t>微信可以被监控吗</t>
  </si>
  <si>
    <t>芦笋头上的花能吃吗</t>
  </si>
  <si>
    <t>芦笋头上的花是可以吃的。</t>
  </si>
  <si>
    <t>宜人贷查征信吗</t>
  </si>
  <si>
    <t>要，手机极速模式是网络实时征信模式不显示查征信模式，主要是网络抓取个人的互联网信息，购物信息，信用卡信息等，可线下模式是要网查征信。</t>
  </si>
  <si>
    <t>猴头菇能治胃病吗</t>
  </si>
  <si>
    <t>胃病是常见病，多发病，尤其是现在的年轻人更容易患上胃病，社会节奏的加快，让他们为了生计而忽略了胃的健康，总是不按时吃饭，暴饮暴食，应酬多等，极易对胃造成负担，而引发胃病。对胃病的治疗除可以通过药物外，还得要做好保养，常说“胃病是三分治七分养”，所以对胃病的保养十分重要，如何养胃，通过食物来保养。猴头菇不仅营养丰富，食用价值高，而且还有一定的药用价值。对于胃病患者可以常食猴头菇。猴头菇能促进消化，增进食欲，能增强胃粘膜屏障技能，对食欲不佳、胃肠功能紊乱、消化不良甚至胃溃疡、胃胀都有比较好的效果。猴头菇中含有多种氨基酸和丰富的多糖体、维生素及矿物质，对胃炎、胃癌、食道癌、肠癌、十二指肠溃疡都有相当出色的预防作用。所以胃不好的人，可以尽量多食用猴头菇，猴头菇的做法有很多种，可以根据自己的口味来吃。</t>
  </si>
  <si>
    <t>猴头菇这种食材中有多种微量元素存在，它能补脾健胃，也能补益气血，从而也就减少了食少腹胀和腹痛以及消化不良等症状的发生，另外猴头菇还有不错杀菌消炎功效，对人类的胃炎和肠炎也有一定的预防功效。</t>
  </si>
  <si>
    <t>猴头菇性平、味甘。利五脏，助消化；具有健胃，补虚，抗癌，益肾精之功效；主治食少便溏、胃及十二指肠溃疡、神经衰弱、食道癌、胃癌、眩晕、阳痿等病症。</t>
  </si>
  <si>
    <t>微领地小蜜合法吗</t>
  </si>
  <si>
    <t>商业模式是合法的。</t>
  </si>
  <si>
    <t>削肉断骨6件套换装有效吗</t>
  </si>
  <si>
    <t>艾滋病可以治愈吗</t>
  </si>
  <si>
    <t>小米6防水吗</t>
  </si>
  <si>
    <t>不防水。</t>
  </si>
  <si>
    <t>仅支持生活防水、防泼溅。</t>
  </si>
  <si>
    <t>野草莓可以吃吗</t>
  </si>
  <si>
    <t>野草莓能吃，野草莓是一种可以食用的野果，这种果实中含有多种维生素和矿物质，其中矿物质铁的含量就特别高，人们食用以后有不错的补血作用，另外野草莓中还含有大量的维生素C，这种物质进入人体以后能提高人体免疫力，也能消炎杀菌，预防一些流行性疾病的发生。</t>
  </si>
  <si>
    <t>野草莓是能够吃的，野草莓比较酸，红嫩嫩的，吃起来甚至比普通草莓口感还要好，也是春季最美的一种野果。野草莓是属于多年生草本植物，叶可连同其他药用植物泡茶可缓和紧张和腹泻，而且其果实还可以补充铁质，所以，野草莓是可以吃的。相信许多80后的朋友们都有在小时候吃过野草莓吧，那酸酸的，红嫩嫩的，一口咬下下全是汁，别提有多美味了，而野草莓也含有多种对人体健康有好处的微量元素，可以说是春季最美味的一种野果了。当然，和野草莓一同生长的一种类似的果子是不能吃的，这种果子和野草莓长得很像，但是其外观是红色白底的，也没有也没有野草莓来的柔软和多汁，在采摘野草莓的时候要注意辨别。</t>
  </si>
  <si>
    <t>在西方，食用草莓被人们推崇为时尚，把草莓当成防治心血管疾病和癌症的灵丹妙药，可见经常食用草莓对健康大有益处。另据有关资料显示，草莓中的维生素C可阻断人体内强致癌物质亚硝铵的生成，能破坏癌细胞增生时产生的特异酶活性，使“癌变”的细胞逆转为正常的细胞。综上所述野草莓是可以吃的，但是吃的时候也是有很多的讲究的，例如如果不知道野草莓是否有农药，由其是生长在一些其它的果园，菜园区有可能会不小心弄到农药了，再者也会有一些随着环境的污染，现在的野草莓可以说已经没有小时候的那种味道了。</t>
  </si>
  <si>
    <t>王者荣耀不同操作系统可以加战队吗</t>
  </si>
  <si>
    <t>是不可以，虽然现在安卓和苹果（ios）在同一平台的玩家可以互相拉对方进行组队游戏，但安卓和苹果数据还是不互通的，安卓上的战队和苹果上的战队也是完全不同的，但也不排除一些大战队会在安卓和苹果上都建队。但是在目前版本中，只有相同的平台相同系统的玩家是才可以跨服务器加入战队的。</t>
  </si>
  <si>
    <t>不可以。首先，苹果和安卓是两个不同的系统，虽然可以一起玩游戏，但是毕竟是不同的服务器，没办法加入同一个战队。</t>
  </si>
  <si>
    <t>当然不可以。不同服务器不同系统。数据都是不相通的。在这个系统中的战队，在别的系统里就不存在了。</t>
  </si>
  <si>
    <t>胆息肉可以自愈吗</t>
  </si>
  <si>
    <t>胆囊息肉是不会自愈的。</t>
  </si>
  <si>
    <t>有些息肉不需治疗也可自行吸收。</t>
  </si>
  <si>
    <t>加黑和加粗一样吗</t>
  </si>
  <si>
    <t>ahc孕妇可以用吗</t>
  </si>
  <si>
    <t>ahc护肤品不仅敏感肌能用，就连孕妇也能用。</t>
  </si>
  <si>
    <t>听说是孕妇可以用的，不过只用补水的应该没事。</t>
  </si>
  <si>
    <t>百世快递是百世汇通吗</t>
  </si>
  <si>
    <t>答案1：百世快运和百世汇通是一起的，都属百世物流。一个是快运，一个是汇通，快运处理大物件，汇通是处理快递小物件，快运3吨以下货物，汇通30公斤以下的货物；答案2：前身是，现在百世汇通不存在了。</t>
  </si>
  <si>
    <t>旺百家是黑平台吗</t>
  </si>
  <si>
    <t>有图有真相。亲身上当受骗经历，新手千万不要上铁汇的当，典型黑平台。</t>
  </si>
  <si>
    <t>西安房价还会涨吗</t>
  </si>
  <si>
    <t>一是土地供应紧张还有就是房价上涨过快。在2017年春节前，城六区加上长安区，房价均价在七千多，现在均价已经直奔九千。热点地区像高新、曲江均价已经破万。”王圣学说，造成这个现象的首要原因是，大家对西安发展前景预期看好。今年推进大西安建设，西咸新区划归西安市代管等种种利好消息，都刺激着房地产这个敏感度很高的产业。</t>
  </si>
  <si>
    <t>神武龙宫武器打太阳石会加法术伤害么</t>
  </si>
  <si>
    <t>一直都有一种说法武器的攻击对于法系来说是有作用的，攻击会有一定的比例转换为伤害的。</t>
  </si>
  <si>
    <t>太阳石是对法伤有影响的..只是影响程度没有技能跟属性点还有装备属性来得大。</t>
  </si>
  <si>
    <t>2017端午节高速免费吗</t>
  </si>
  <si>
    <t>端午节期间高速路并不免费。</t>
  </si>
  <si>
    <t>亲亲小保靠谱吗</t>
  </si>
  <si>
    <t>交是可以交，不过自从2017年1月1日起，亲亲小保大幅提高了服务费，涨幅在100%以上，还要一次性付一年，如果有别的代缴机构，个人不建议使用亲亲小保。</t>
  </si>
  <si>
    <t>挺好的，关键是方便，手机上就可以操作，下载个软件注册一下就可以，添一些资料，充值，然后等着就行了。</t>
  </si>
  <si>
    <t>癫痫是否会遗传</t>
  </si>
  <si>
    <t>癫痫具有一定遗传性。</t>
  </si>
  <si>
    <t>大理石辐射大吗</t>
  </si>
  <si>
    <t>大理石的放射性比活度低微，不足为虑。 大理石辐射也只有天然大理石才有，人造大理石是没有辐射的。</t>
  </si>
  <si>
    <t>90版本骨戒还有用吗</t>
  </si>
  <si>
    <t>武神的骨戒可能会有点落伍，如果是40级小骨戒应该还会继续牛。</t>
  </si>
  <si>
    <t>梦幻西游手游钓鱼赚钱吗</t>
  </si>
  <si>
    <t>赚银币。</t>
  </si>
  <si>
    <t>手机监听是真的吗</t>
  </si>
  <si>
    <t>在手机上安装了特定程序，理论上能够实现监听，窃取记录等。</t>
  </si>
  <si>
    <t>现在确实有这样的软件了，而且功能非常强大的。</t>
  </si>
  <si>
    <t>肯定是假的。</t>
  </si>
  <si>
    <t>比格犬好养吗</t>
  </si>
  <si>
    <t>整体来说，比格犬饲养起来并不难。但要想饲养好比格犬，家长也必须投入足够的时间和精力。</t>
  </si>
  <si>
    <t>任何狗狗都好养，不论品种，只要精心喂养就行。</t>
  </si>
  <si>
    <t>买公寓房好不好</t>
  </si>
  <si>
    <t>家庭条件一般可以选择公寓。</t>
  </si>
  <si>
    <t>关关黑化了吗</t>
  </si>
  <si>
    <t>黑化了。</t>
  </si>
  <si>
    <t>米折网可信吗</t>
  </si>
  <si>
    <t>米折网10元购是可信的。</t>
  </si>
  <si>
    <t>朋友圈可以发动图吗</t>
  </si>
  <si>
    <t>首先快手gif弄好要发的动图，存在本地作品集里，然后点开，点开之后动图右下角有个…的标志！点开选择更多分享方式，就可以发给微信的朋友！而且是动的！如果你要发到朋友圈里，就把发给朋友的动图点击收藏，然后去我的收藏里点开右上角就有分享到朋友圈，这样就会以视频的形式发到朋友圈里。</t>
  </si>
  <si>
    <t>1首先需要下载最新版本的微信，因为只有最新版本的微信才能够发送动态图片的功能。2下载完成后，在手机中安装微信，然后打开微信，然后点击界面底部的“发现”选项界面中，点击“朋友圈”选项进入朋友圈。3进入朋友圈之后，在界面右上角点击摄像头图标，然后在弹出的对话框中点击“小视频”选项。4然后就是讲摄像头对准要拍摄的东西，点击“按住拍”按钮开始拍摄动态图片，。5最后，在文本框中输入想法，然后点击右上角的“发送”按钮开始发送您拍摄的动态图片。6发表之后就会在朋友圈看到您的动态图片，好友进入朋友圈之后也能够看到这张动态图片。</t>
  </si>
  <si>
    <t>人的命运是天注定的吗</t>
  </si>
  <si>
    <t>那要看观点是什么。有人认为「我命由我不由天」，也有人觉得一切是天定好的，不可违背。觉得还是相信自己比较好，将失败的理由推给上天只是懦弱的行为而已。</t>
  </si>
  <si>
    <t>不是，是自己注定，种下前因就会结出后果。</t>
  </si>
  <si>
    <t>命虽注定，但运是自己走出来的，要想自己的命运更顺畅就需懂得如何把握好改善自己的命运。这就是为何有同命不同运的人出现。</t>
  </si>
  <si>
    <t>瑞银信是正规公司吗</t>
  </si>
  <si>
    <t>瑞银信公司挺正规的，业务规模很大。是正规执牌公司。人民银行官网可以查到。</t>
  </si>
  <si>
    <t>是的，全国九千多个牌子，只有几十个是正规拿牌的，瑞银信就是其中之一。在SUPER金融官网有详细的内容。</t>
  </si>
  <si>
    <t>瑞银信待遇福利都比较完善，领导对我也不错。公司成立很多年了，业内有较好的口碑。</t>
  </si>
  <si>
    <t>百度网盘收费吗</t>
  </si>
  <si>
    <t>目前是免费的。</t>
  </si>
  <si>
    <t>不需要，除非要扩容，这个点网盘下面的扩容会显示收费标准。</t>
  </si>
  <si>
    <t>是免费的，开通会员是收费的。</t>
  </si>
  <si>
    <t>取保候审案子一般大吗</t>
  </si>
  <si>
    <t>能取保不一定代表案情不严重，取保候审适用于以下犯罪嫌疑人、被告人：一、可能判处管制、拘役或者独立适用附加刑的；二、可能判处有期徒刑以上刑罚，但实行取保候审不致发生社会危险性的；三、有逮捕必要，但因患有严重疾病，或是正在怀孕、哺乳自己婴儿的妇女，不宜逮捕的；四、犯罪嫌疑人、被告人被羁押的案件，不能在法定的侦查羁押、审查起诉、一审、二审期限内办结，需要继续查证、审理的；五、提请逮捕后，检察机关不批准逮捕，需要复议、复核的；六、移送起诉后，检察机关决定不起诉，需要复议、复核的。所以取保候审不是由案情严不严重决定的，不过我国现在一般情况下公安机关和检察机关能办理取保候审的，案情一般不严重。</t>
  </si>
  <si>
    <t>五行不缺的人好不好</t>
  </si>
  <si>
    <t>八字五行都不缺，你说的是基本的命盘.都不缺指五行均衡，这样的八字生活上会较平顺，但八字还要配上每10年的大运及每年的流年,依变化再补充喜用磁场的提升，所以不缺, 更要注意大运流年的影响。</t>
  </si>
  <si>
    <t>改大灯能过年检吗</t>
  </si>
  <si>
    <t>能过，但是自己一定要保证是在正规专业店改装的，因为私改电路很容易引起车辆自燃，而且厂家是不予质保的。</t>
  </si>
  <si>
    <t>2017年端午节高速公路免费吗</t>
  </si>
  <si>
    <t>根据国家交通运输部发布的文件《重大节假日免收小型客车通行费实施方案》，仅针对春节、清明节、劳动节、国庆节四个重要节假日，实施7座（包括7座）以下小型客车高速公路免费通行的政策，但不包括元旦、端午节和中秋节。由此可以看出端午节不在免通行费节假日之列，所以2017年端午高速公路不免费。</t>
  </si>
  <si>
    <t>膝关节积液可以热敷吗</t>
  </si>
  <si>
    <t>可以做热敷，促进血液循环，利于积水吸收，如果不见好转，及时去医院检查治疗。</t>
  </si>
  <si>
    <t>膝盖积水就是滑膜炎，运用外贴软坚散结，活血化瘀，消肿止痛的骨炎膏药，口服补益肝肾，通经活络，祛风除湿的中成药，同时辅助热敷等方法治疗急慢性滑膜炎，会收到很好的疗效。</t>
  </si>
  <si>
    <t>有积液建议抽出来再使用热敷，结合点穴按摩理疗，注意休息。</t>
  </si>
  <si>
    <t>海航集团是国企吗</t>
  </si>
  <si>
    <t>组织机构代码和统一社会信用代码一样吗</t>
  </si>
  <si>
    <t>营业执照是全部号码；组织机构代码是第9位至倒数第2位，共9位数。</t>
  </si>
  <si>
    <t>闰月结婚好不好</t>
  </si>
  <si>
    <t>所谓闰月不能结婚，根本就是无稽之谈;也没有任何理论和实践依据，千万不可执信。</t>
  </si>
  <si>
    <t>1、首先，我们要知道，闰月的那个年份是有两个春天的。而人们常说，最适合结婚的时间段莫过于双春年了。因此，如果你选择在双春的年份结婚是非常的合适的。2、然后，在闰月结婚好吗的问题中，毋庸置疑的是在闰月结婚会是一个很好的兆头。但是，如果你的生辰八字与闰月非常的相冲，那么闰月就不适宜你们结婚了，所以，你必须要挑选过一个结婚吉日才行，否则就会对你们的婚姻造成不利的影响。3、最后，从上面我们可以得知，闰月结婚不能够说绝对的好，也不能够说绝对的不好。所以，大家的结婚吉日还是要与你的生辰八字符合才是最好的!</t>
  </si>
  <si>
    <t>康姿百德靠谱吗</t>
  </si>
  <si>
    <t>靠谱，公司规模不小，有两个办公区分别在卢龙和开发区，现在正在建第二科技园，位置在开发区新管委旁边。平时学习的机会很多，公司会有培训学习，部门内部也经常组织学习。晋升的机制很完善，在公司高速发展过程中，升职是必然的。发展前景也很可观。</t>
  </si>
  <si>
    <t>阿里村菇可信吗</t>
  </si>
  <si>
    <t>硅胶锅铲安全吗</t>
  </si>
  <si>
    <t>硅胶厨具不仅耐高温易清洗，而且环保无毒，是一种安全性极强的厨具。</t>
  </si>
  <si>
    <t>1、主体采用耐高温食品级硅胶包不锈钢材质护锅更健康。2、手枘采用优质高强度POM材质，安全耐用，易清洗。3、硅胶软性材料贴合锅面，可将锅内表面汤汁一刮而净。</t>
  </si>
  <si>
    <t>光辉r闪还能用吗</t>
  </si>
  <si>
    <t>现在已经不能了。</t>
  </si>
  <si>
    <t>择天记电视剧有吻戏吗</t>
  </si>
  <si>
    <t>宜人贷公积金贷好批吗</t>
  </si>
  <si>
    <t>在进行审批的过程当中需要耗费的时间是比较长的。也就是所如果是需要短时间办理相应的提取的话还是一件比较麻烦的事情。</t>
  </si>
  <si>
    <t>福瑞达洗眼液正规吗</t>
  </si>
  <si>
    <t>是安全、有效的眼部护理用洗眼液产品。</t>
  </si>
  <si>
    <t>writecheck查重准吗</t>
  </si>
  <si>
    <t>一点都不可靠。</t>
  </si>
  <si>
    <t>天创息壤是骗局吗</t>
  </si>
  <si>
    <t>吃土豆能减肥吗</t>
  </si>
  <si>
    <t>土豆既可以减肥也可以增肥，看怎么用。</t>
  </si>
  <si>
    <t>合理实用，不仅不会长胖，还可以达到瘦身的妙用。</t>
  </si>
  <si>
    <t>驼背跟肾气不足有关吗</t>
  </si>
  <si>
    <t>有关。</t>
  </si>
  <si>
    <t>无关。</t>
  </si>
  <si>
    <t>欠钱不还可以报警吗</t>
  </si>
  <si>
    <t>这是属于经济纠纷，不属于派出所管辖的范围（派出所主要负责治安、刑事案件），建议你直接通过法院起诉他。一般情况，只要通过律师给他发个律师函，他就会来找你解决问题。</t>
  </si>
  <si>
    <t>不行，这一类事务要通过司法手段。</t>
  </si>
  <si>
    <t>钱不还的情形，属于民事纠纷，不属于公安机关管辖范围，不可以报警处理。但当事人对于债务纠纷可以协商解决，协商无法解决的，可以向人民法院起诉，通过人民法院解决纠纷。</t>
  </si>
  <si>
    <t>乳腺小叶增生严重吗</t>
  </si>
  <si>
    <t>不严重</t>
  </si>
  <si>
    <t>迅游手游加速器王者荣耀真的有用吗</t>
  </si>
  <si>
    <t>如果你本身的网速没问题，可以不加速。但目前游戏确实比较火，而且玩的人多。服务器肯定爆满。而手游加速器收费确实能提高速度。</t>
  </si>
  <si>
    <t>嗯嗯 140延迟能降到70-80蛮不错的 。</t>
  </si>
  <si>
    <t>999感冒灵喝了会不会想睡觉</t>
  </si>
  <si>
    <t>三九感冒灵颗粒的扑尔敏在缓解发热、头痛流涕、咽痛等表面症状的同时，也具有显著的中枢抑制的副作用，从而使病人出现犯困的情况，一般在药效过后可恢复正常，无需担心。</t>
  </si>
  <si>
    <t>感冒药物都会由此症状的。</t>
  </si>
  <si>
    <t>感冒药都是会有导致嗜睡的副作用的。</t>
  </si>
  <si>
    <t>中药渣可以养花吗</t>
  </si>
  <si>
    <t>中药渣是好花肥。</t>
  </si>
  <si>
    <t>日本有物业费吗</t>
  </si>
  <si>
    <t>没有业主敢不缴纳物业费。</t>
  </si>
  <si>
    <t>增肌和减脂可以同时进行吗</t>
  </si>
  <si>
    <t>减脂和增肌可以同时进行。比如做力量训练和高强度间歇有氧运动都可以增肌和减脂。在进行力量训练的时候，因为高强度的分组锻炼，可以是肌肉变的更加发达。另外锻炼完后还可以长时间的提高代谢率，代谢率提高了就会消耗更多的热量，从而达到减肥的效果。</t>
  </si>
  <si>
    <t>增肌和减脂当然可以同时进行。比如健美训练、高强度有氧间歇运动都是同时增肌也同时兼有减脂作用的运动。</t>
  </si>
  <si>
    <t>绝地求生大逃杀需要vpn吗</t>
  </si>
  <si>
    <t>刘辰希是回音哥吗</t>
  </si>
  <si>
    <t>美国长岛是富人区吗</t>
  </si>
  <si>
    <t>百度钱包可以贷款吗</t>
  </si>
  <si>
    <t>ssw辛吉德有特效吗</t>
  </si>
  <si>
    <t>windows临时安装文件可以删除吗</t>
  </si>
  <si>
    <t>可以删除，临时文件都是可以被删除的，除了Windows系统之外，Linux Unix AIX等等操作系统的临时文件都会保存在一个TMP的文件夹，这些一般情况下都是可以删掉的。</t>
  </si>
  <si>
    <t>红豆汤孕妇能喝吗</t>
  </si>
  <si>
    <t>可以喝红豆汤的，红豆吃了有补血效果的，不过不要一次性吃太多。</t>
  </si>
  <si>
    <t>晚上吃香蕉会胖吗</t>
  </si>
  <si>
    <t>晚上十点之后没有什么活动量的话吃香蕉是会发胖的。建议吃一些含糖量较低的水果，这样子不会发胖。</t>
  </si>
  <si>
    <t>数据分析师适合女生嘛</t>
  </si>
  <si>
    <t>可以啊，女生心细可以讲数据分析做的更加细微，但是有个问题数据分析是基于需求来做的。很多数据分析在大多数公司都是属于辅助作用，例如我现在是属于做营销策划，我们主要是做网络在线教育培训的方面，我们需要分析学员情况，通过搜索来观察数据，通过学员中看数据，来制定每个月的课程安排，来解决学员问题，而且要针对策划出课程。这个就是解决需求的一种方式。当然除非是大公司才需要专业的数据分析来做评估提供给文案人员来做方案，策划。来进行具体实施，当然也有一些是提供给产品经理人的。</t>
  </si>
  <si>
    <t>大多数女生不太适合。[主要看你头脑够不够聪明，学东西快不快]  注意：现在的统计分析和数据处理完全是两个不同的工作。  我就是做市场研究行业数据处理的。目前的数据处理只是仅仅把我们当做RSH技术操作的工具而已，研究要自怎么统计分析，你就得怎么做数据处理。完全是技术人员，混来混克都是那几家大公司， 一般进公司从DPA/DPE/SDP/再混的好点就部门经理拉。当然在技术部门，要懂技术才是王道. 现在好多大公司把数据处理都分开成了好多个环节部门.抽样员/程序员/数据检查人员/数据处理人员......  有些复杂一些东西的女孩子的头脑很难搞定的。  如果你英语比较好的话，我建议你去RSH ， 这个方面我觉的更适合你。薪水好更可观。 做个四五年搞个PM  月收入少说也是个八千一万的。</t>
  </si>
  <si>
    <t>女生还是很适合做数据分析的，数据分析师因为敲的代码少，相比起天天敲代码的职业更适合女生一些，没那么辛苦。现在最基本的就是用excle来处理数据，在这基础上又使用了新的统计软件spss，主要是需要一定的分析思维能力，还要掌握数据库的原理操作，这些都不算太难。数据挖掘要用到Python，通过爬虫进行数据抓取，可以进行股票分析等等。</t>
  </si>
  <si>
    <t>胎压监测有必要吗</t>
  </si>
  <si>
    <t>可以同时在两个城市交社保吗</t>
  </si>
  <si>
    <t>那是肯定不能的。</t>
  </si>
  <si>
    <t>我主良缘靠谱吗</t>
  </si>
  <si>
    <t>我主良缘的相亲成功率高。</t>
  </si>
  <si>
    <t>变色眼镜对眼睛有害吗</t>
  </si>
  <si>
    <t>变色眼镜的缺点，就是透光率比较低，它虽然吸收大部分的紫外线、红外线以及各种有害眩光，但是由于镜片上含有的卤化银化学成分，导致镜片的透光率比较差，长时间使用的话可能会导致视觉疲劳，进而导致眼睛视物模糊以及视力下降等问题。所以变色眼镜虽然对眼镜有防护作用，但是长时间使用的话，会间接的影响眼睛视物的清晰度，或者导致眼镜视觉疲劳、视力下降等问题。</t>
  </si>
  <si>
    <t>$recycle.bin文件夹可以删除么</t>
  </si>
  <si>
    <t>$RECYCLE.BIN 是 Win7、vista 的回收站，RECYCLER 是 XP 的回收站，如果是 xp、win7双系统机器，或者 xp、vista 双系统机器，xp 系统也会有$RECYCLE.BIN，这是系统文件，不是病毒，不需要删除。</t>
  </si>
  <si>
    <t>晨跑前要不要吃早餐</t>
  </si>
  <si>
    <t>饭后半小时跑步是可以的，反之就跑完再吃。</t>
  </si>
  <si>
    <t>晨跑要注意准备活动，要清醒后运动，而且要吃少量的东西，因为此时的血糖是最低值，为防止低血糖的发生，要少量的摄入碳水化合物，切忌进食过多。</t>
  </si>
  <si>
    <t>微信更新后聊天记录还在吗</t>
  </si>
  <si>
    <t>如果是手机上直接更新的那种升级，所有数据都会保留，包括通话记录、短信、通讯录以及各APP里面的数据都会保留。</t>
  </si>
  <si>
    <t>苹果手机加内存靠谱吗</t>
  </si>
  <si>
    <t>对于这种“自己动手”升级内存的做法，苹果客服人员称，不是在官方维修渠道更换产品的零部件，将失去产品的保修服务，而且经过非正规渠道操作的手机，也不能保证今后的正常使用。实际上，提供升级服务的商家自己也承认，“所有在保修期内的手机换过硬盘后苹果官方是不予保修的”。有手机行业内技术人士表示，除了保修的政策风险，这种操作本身也可能会带来质量上的隐患。拆卸硬盘芯片需要对主板进行加热，而加热时很容易影响到主板上的其他芯片;而更换芯片还会破坏原厂封胶保护，使得绝缘和防尘效果下降。特别是，目前的主板焊接工艺是微米级的，手工操作无法保证精准度，容易造成虚焊和焊空，短期使用也许没有明显影响，但长时间使用后容易造成死机、电池使用寿命缩短、主板漏电等。“这也是为什么多数商家只保修一个月的原因。”</t>
  </si>
  <si>
    <t>苹果手机的内存，分为两类，一个是运行内存，一个是存储内存：1、运行内存，即随机存储器，英文缩写为RAM，相当于电脑的内存条，出厂多大就多大，不能扩充容量，苹果手机都是1G。2、存储内存，习惯上手机参数里往往标称为叫ROM（只读存储器），其实不太准确，因为不是只读的，叫机身内存或手机内存更准确一些，这个相当于电脑的硬盘，容量一般在4GB以上。如果内存不住只能采取，换手机或者升级内存内存升级，在一般情况下升级后能够正常使用一个月基本就不会有后续问题了，只有少数情况下会出现概率性的问题，而且也是和主板方面息息相关的。 目前iPhone6splus，iPhone6s，iPhone6plus都已经有了内存升级的业务 升级内存业务报价认准“51修”官网。</t>
  </si>
  <si>
    <t>装修扰民可以报警吗</t>
  </si>
  <si>
    <t>国家对装修的时间是有限制的：法定休息日、节假日全天，及工作日12时至14时、18时至次日8时，禁止在已竣工交付使用的住宅楼内进行产生噪声的装修等扰民作业。在其他时段内作业的，应当采取噪声控制措施，减轻对周围居民的干扰。同时物业也应该积极配合，如果你住的地方在限制时间以外装修，那你可以通过物业协调的。</t>
  </si>
  <si>
    <t>可以报警。</t>
  </si>
  <si>
    <t>按照8小时工作日 上午施工时间为8：00----12：00，下午施工时间为14：00----18：00 ，其余时间段和周六日只能进行无噪音施工，如超出时间段还有噪音施工 ， 可找物业管理部门投诉 ，如没有物业 ，可拨打110。</t>
  </si>
  <si>
    <t>风油精能吃吗</t>
  </si>
  <si>
    <t>风油精能喝，但是不能够大量服用。</t>
  </si>
  <si>
    <t>当然可以。口服可以治疗咽喉疼痛。</t>
  </si>
  <si>
    <t>虽可口服，但最好别轻易尝试。</t>
  </si>
  <si>
    <t>肺结核传染吗</t>
  </si>
  <si>
    <t>肺结核病是一种传染病，但并不是所有结核病人都具有传染性。现代研究证明，在结核病人中，只有显微镜检查发现痰液中有结核菌的肺结核病人才有传染性。</t>
  </si>
  <si>
    <t>肺结核是传染病，可以通过呼吸道传播。但不是所有的肺结核患者都会传染，如果想知道是否传染，要看痰检的结果。如果痰检阳性，就一定有传染性；如果痰检阴性，有可能不传染，也可能传染性很弱。</t>
  </si>
  <si>
    <t>会传染 ，结核菌主要通过呼吸道传播，飞沫传播是肺结核最重要的传播途径，传染源主要是排菌的肺结核病人的痰，传染的次要途径是经消化道进入体内,此外还可经皮肤传播。</t>
  </si>
  <si>
    <t>iphone7的home键会按坏吗</t>
  </si>
  <si>
    <t>7的home键采用的是压力和触摸式响应。并不是物理按键（虽然外观很像是可以按下去的），所以不会涉及到按压损坏的情况。</t>
  </si>
  <si>
    <t>是个产品都会有其使用寿命的。只不过是时间长短的问题罢了。不过一般来说会用到它的本机使用寿命结束的。</t>
  </si>
  <si>
    <t>信掌柜是骗局吗</t>
  </si>
  <si>
    <t>不是骗人的。</t>
  </si>
  <si>
    <t>是个比较完美的坑。</t>
  </si>
  <si>
    <t>百香果好吃吗</t>
  </si>
  <si>
    <t>很好吃。</t>
  </si>
  <si>
    <t>李连杰能打吗</t>
  </si>
  <si>
    <t>李连杰是全国武术冠军，练习过散打和不同种类的中国武术。1971年，被教练吴彬看中，开始武术生涯。1972年，获得“文革”发生以来第一次举办带有民间自发性全国武术比赛中“杰出表现奖”。1972年，李连杰参加“泛亚洲-非洲-拉丁美洲乒乓球冠军赛”开幕仪式上的武术表演，演出结束后，被周恩来总理接见。1974年，高烧三十九度，带病参加少年组全国武术人生轨迹大赛连夺三冠。《武林》杂志给予李连杰的评价是：“李连杰武术动作的特点是：速度快、动作准、力度大、弹跳好、节奏明、姿势美。1975年全国运动会，12岁的李连杰，参加成年组比赛，获得全能冠军。1979年，在第四届全运会上，李连杰双腿膝盖胫骨粗隆，后筋错位，仍坚持武术比赛，夺得5块金牌。1979年，李连杰屡夺全国武术比赛冠军，引起了政府的注意。开始参与党与政府有许多民间或官方的文化交流活动。</t>
  </si>
  <si>
    <t>没有统计过，李连杰长这么大从来没真的跟人打过架（他自己说的），你敢信？他有信仰，说自己的信仰是不能跟别人打架，即便对方伤害了我，武力不能解决任何问题！我记得有人问过李连杰：你一个人能打多少人？或者你的战斗力到底有多大？能打过散打选手吗？街头斗殴怎么样？等等类似的问题。李连杰的回答是：我们练武之人并不比别人强多少，只能在体力上，身体上比一般人强壮，但是强壮并不能决定打多少。我也是人有很多散打选手都能将我打败，我能做的就是使自己更灵活，让自己的身体更强壮。其实走在大街上随便几个人我觉得都可以将我打到，我也并不是神话。我也是普通人。这是李连杰回答的，但是出自哪里我真的是找不到了。回答的内容大概是这个意思。其实野的怕狠的，狠的怕横的，横的怕不要命的。任何人都有自己的潜力，别忘了人也是动物，如果一个人发挥出动物的本能，我觉得他比一条疯狗的战斗力更强，如果动用智商我觉得比狮子更厉害。</t>
  </si>
  <si>
    <t>首先中国的套路武术大多都是花拳绣腿，李连杰练得就是套路武术，也就是讲究招式好看，实用性比较差。但也不能说李连杰就不能打，毕竟是全国冠军，也是身经百战，刻苦训练。跟特种兵比也要看级别，首先体重要是一个级别，不然李连杰跟一个100公斤的高手打恐怕一下就被踢飞了，因为力量及臂展及抗击打能力都差的太多了。还有要看这个特种兵的实战技能，因为现在盛行的UFC综合格斗和以色列格斗术都是厉害的格斗技能，远比中国的花拳绣腿要厉害，所以李连杰要是战胜了特种兵说明他的功夫是实战型的，如果特种兵赢了就说明李连杰是花架子只是打的好看，谁赢谁输不好说，现在杰哥50多了，也老了，要是年轻时也许打个平手吧，都很强悍。要是李小龙，中国的特种兵肯定打不过，李小龙是综合格斗之父，首先提出各种武术要综合利用打击对手才能达到最高境界，他首先是名伟大的格斗家，其次才是影星，他博众家之所长创立的截拳道更是了不起的功夫。</t>
  </si>
  <si>
    <t>孕妇可以吃海鲜吗</t>
  </si>
  <si>
    <t>共有16种鱼和贝类是孕妇不宜食用的。这16种鱼和贝类包括海豚、鲸鱼、金目绸、箭鱼、黑鳍鱼、目钵鳍、海螺、褪鲸、抹香鲸、黄酮、黑健、长枪鱼、笠子鱼、南鳍鱼、蓝鳖、虎鲸等。孕妇之所以不宜多食用，是因为它们体内含有对胎儿有影响的少量水银。虽然鱼和贝类对于健康的饮食生活是不可缺少的，但为了胎儿的安全，孕妇还是应避免大量食用。</t>
  </si>
  <si>
    <t>孕妇吃海鲜是有忌讳的。注意事项：1、怀孕早期，螃蟹坚决不能吃。2、海鲜一定要吃熟的，千万不可吃生海鲜。3、虾含有很高的钙。如果孕妇吃虾以后没有不良反应，如过敏、腹痛，就没有问题，但要适量。此外，海鲜是指利用海洋动物作成的料理，包括了鱼类、虾类、贝类。海鲜营养丰富，对于孕妇来说，有选择的吃些海鲜是有益处的。比如海鱼中，鱼蛋白比肉蛋白颗粒小，更容易吸收，而虾则是很好的补钙食物。所以，如果孕妇对海鲜不过敏的话，可以少量吃海鲜。但也要注意，也是因人而异的，一旦出现过敏等情况就要及时的去医院检查，以免影响胎儿。</t>
  </si>
  <si>
    <t>加92号汽油的汽车可以换加95号的吗</t>
  </si>
  <si>
    <t>中华大系统是传销吗</t>
  </si>
  <si>
    <t>文华大系统的官方名称已获得了上级主管部门中国战略与管理研究会正式批准，并将于2014年10月1日起正式全面启用官方名称“中国爱国企业联盟”（简称爱国联盟）。</t>
  </si>
  <si>
    <t>虹口动迁拿彩虹湾好吗</t>
  </si>
  <si>
    <t>支付宝绑定信用卡消费算刷卡吗</t>
  </si>
  <si>
    <t>直接刷卡有积分 ，支付宝在线快捷大部分卡没有积分 ，但算刷卡次数，但有的卡如淘宝卡等是有积分的；要积分的话当然刷卡，不过苹果三星支付也算是刷卡，支付宝微信不算；基本没有区别，刷卡会比较不安全，快捷支付简单快捷，支付宝支付可以提高芝麻分，微信支付可以提高腾讯征信分。</t>
  </si>
  <si>
    <t>信用卡绑定了支付宝，网上支付是算刷卡次数的。</t>
  </si>
  <si>
    <t>巴西龟能吃吗</t>
  </si>
  <si>
    <t>巴西龟是可以吃的，肉质细嫩、营养丰富，乃滋补佳品，是集观赏、药用、食用于一体的优良龟类。</t>
  </si>
  <si>
    <t>可以但不好吃。</t>
  </si>
  <si>
    <t>ios10.3.2值得升级吗</t>
  </si>
  <si>
    <t>梨型身材是最丑的吗</t>
  </si>
  <si>
    <t>梨型身材是很多男性为之倾倒的身材，也是最能体现女性优美曲线的身材。</t>
  </si>
  <si>
    <t>女人梨型身材是很难看的，而女人一胖就会形成大屁股的梨型身材。</t>
  </si>
  <si>
    <t>福利彩票加盟利润高吗</t>
  </si>
  <si>
    <t>投资大，利润少。</t>
  </si>
  <si>
    <t>信用卡有一次逾期 影响房贷吗</t>
  </si>
  <si>
    <t>有一、两次的信用卡逾期，而且逾期额度不大、短时间之内归还的话，银行还是乐意为其发放贷款，但是贷款利率会被提高或者获批的贷款额度被调低。</t>
  </si>
  <si>
    <t>有一两次的逾期并不会有太大影响。</t>
  </si>
  <si>
    <t>即征即退的增值税属于政府补助吗</t>
  </si>
  <si>
    <t>雄安新区能发展起来吗</t>
  </si>
  <si>
    <t>虽然雄安新区被类比为深圳和浦东，但是他们两个无论是地理位置还是当时所处的改革开放大势，都不是现在雄安新区能比的，时代不同，以现在的大环境，特区也不是灵丹妙药，单靠行政的改变，是不会有多少效果的。</t>
  </si>
  <si>
    <t>以北京的执政力，加之京津冀一体化背景，北京外扩驱动，深圳、浦东、雄安南北平衡考量，不可能发展不了。</t>
  </si>
  <si>
    <t>努比亚是国产的吗</t>
  </si>
  <si>
    <t>孕妇可以吃百香果吗</t>
  </si>
  <si>
    <t>孕妇是可以吃百香果的，孕妇食用百香果可以增强免疫力，缓解便秘，安定情绪，镇定安神，既补充了营养，也帮助休息养神。</t>
  </si>
  <si>
    <t>孕妇能吃百香果，好处：1.缓解便秘；2.美容养颜；3.缓解呕吐；4.孕妇吃百香果还有滋阴补肾、消除疲劳、消炎止痛、活血强身、增强免疫力、补充营养等其他效果。</t>
  </si>
  <si>
    <t>早上空腹喝蜂蜜水好吗</t>
  </si>
  <si>
    <t>清晨起床后空腹就喝一杯蜂蜜水的做法是错误的。</t>
  </si>
  <si>
    <t>做法并不合理。</t>
  </si>
  <si>
    <t>异星觉醒有第二部吗</t>
  </si>
  <si>
    <t>森林空间公寓靠谱吗</t>
  </si>
  <si>
    <t>一点都不靠谱。</t>
  </si>
  <si>
    <t>晚上吃红豆好吗</t>
  </si>
  <si>
    <t>审计署有权吗</t>
  </si>
  <si>
    <t>根据《审计法》第三十三条规定：审计机关进行审计时，有权就审计事项的有关问题向有关单位和个人进行调查，并取得有关证明材料。有关单位和个人应当支持、协助审计机关工作，如实向审计机关反映情况，提供有关证明材料。</t>
  </si>
  <si>
    <t>《审计法》赋予了审计机关查处举报案件的权力。</t>
  </si>
  <si>
    <t>陈良宇在上海名声好吗</t>
  </si>
  <si>
    <t>并线辅助可以加装吗</t>
  </si>
  <si>
    <t>ipadair升级ios10卡吗</t>
  </si>
  <si>
    <t>我用935感觉还好，就是分屏时候有点卡。</t>
  </si>
  <si>
    <t>卡顿。</t>
  </si>
  <si>
    <t>ipadair1升级ios10，经过测试，确实不卡。</t>
  </si>
  <si>
    <t>月经不调会不会导致不孕</t>
  </si>
  <si>
    <t>会导致不孕不育的。</t>
  </si>
  <si>
    <t>月经不调的原因很多，会不会影响生育，还要看其具体原因。</t>
  </si>
  <si>
    <t>月经不调本身是不会导致不孕的,但是长时间的月经不调会引起其它并发症,这就难免不会影响生育了。</t>
  </si>
  <si>
    <t>高新区属于天府新区吗</t>
  </si>
  <si>
    <t>高新区属于武候区。</t>
  </si>
  <si>
    <t>成都高新区的级别高于五城区，和天府新区一样。</t>
  </si>
  <si>
    <t>手游可以开实体店吗</t>
  </si>
  <si>
    <t>创意不错，不知道你在哪个城市，也不知道你打算在什么地方开，最好选择在人流密集的地方，比如一些大型商业区，或者一些学校周围，甚至一些高端的办公区和居住区都行，这些地方的人消费能力比较强，接触新鲜的东西能力也比较强。可以把你的店铺装修成某种游戏风格，在提供些酒水、饮料、甚至可以一起对战等等。另外给你推荐个好东西，你可以去淘宝买个oneBoard安卓手游键盘电脑玩安卓游戏。直接连上显示器就可以玩，效果非常好，比手机爽多了，跟玩电脑游戏感觉差不多。我就在用。如果在店里把几台大的显示器，在连接上这个电脑，玩起来会很震撼，也能让你的手游店看起来很有逼格。</t>
  </si>
  <si>
    <t>余罪好看吗</t>
  </si>
  <si>
    <t>颜值不高但好看。</t>
  </si>
  <si>
    <t>经期可以吃榴莲吗</t>
  </si>
  <si>
    <t>sony vegas是免费的吗</t>
  </si>
  <si>
    <t>Sony Vegas不是免费软件。</t>
  </si>
  <si>
    <t>不是免费的，但已经没有关系了，都被破解了。</t>
  </si>
  <si>
    <t>短信轰炸机110管得了吗</t>
  </si>
  <si>
    <t>可以报警，但不一定能查处。</t>
  </si>
  <si>
    <t>白金徽章可以交易吗</t>
  </si>
  <si>
    <t>无法交易，如果别人是封印的装备可以给你，然后你给附上，然后交易回去。</t>
  </si>
  <si>
    <t>男士有必要拿个手包吗</t>
  </si>
  <si>
    <t>男士手拿包，主要看个人穿衣风格及要走的路线。潮流风格，轻微的浮夸较适合。具体需不需要，还是看个人意志。并不是每个人都需要的。</t>
  </si>
  <si>
    <t>强迫症能彻底治好吗</t>
  </si>
  <si>
    <t>强迫症是可以治好的，但是由于需要从心理方面进行治疗，并且在治疗的这一个过程中，是需要患者本身的配合度以及强迫症的情况做出一定的评估。在评估完强迫症的程度后，是需要分几个阶段性进行心理治疗。</t>
  </si>
  <si>
    <t>监狱学园第二季出了吗</t>
  </si>
  <si>
    <t>最后那段暗示会有第二季，不过不会是明年1月，因为漫画这章里学生会入狱篇还没完结。</t>
  </si>
  <si>
    <t>暂时没有第二季。</t>
  </si>
  <si>
    <t>nars中国有专柜吗</t>
  </si>
  <si>
    <t>据说上海有了专柜。</t>
  </si>
  <si>
    <t>国内没有NARS的专柜，只在港台有专柜。</t>
  </si>
  <si>
    <t>三界独尊好看吗</t>
  </si>
  <si>
    <t>胃肠型感冒可以自愈吗</t>
  </si>
  <si>
    <t>患者诊断胃肠型感冒，建议清淡易消化饮食，如面条，米粥，休息好，增加抵抗力，可以自愈的。</t>
  </si>
  <si>
    <t>胰腺炎能治好吗</t>
  </si>
  <si>
    <t>只要严格按医生的吩咐做、积极配合治疗，一定会痊愈的。</t>
  </si>
  <si>
    <t>要根据患者的具体病情来分析，还要看治疗方法的选择，严重的急性胰腺炎也是一个比较复杂的问题，患者要进行血液透析治疗。目前，采用新的持续性肾替代疗法治疗急性胰腺炎有很好的疗效。</t>
  </si>
  <si>
    <t>滴滴赚钱吗</t>
  </si>
  <si>
    <t>兼职司机，一个月赚个油钱或许就会满足。全职司机，他们的预期是一个月赚1万+。而当他们只能赚到4、5千的时分，就会吐槽滴滴坑爹、狡诈、不赚钱。</t>
  </si>
  <si>
    <t>发育期的胸可以揉吗?</t>
  </si>
  <si>
    <t>不可以随便揉。</t>
  </si>
  <si>
    <t>电磁采暖炉费电吗</t>
  </si>
  <si>
    <t>跟使用环境和房屋保温有关系，保温好，用电量小；保温不好，散热多，用电量也多。</t>
  </si>
  <si>
    <t>电磁采暖炉比同类电采暖要节能30%以上。</t>
  </si>
  <si>
    <t>根据用户的房屋保温效果不同和使用方法不同略有偏差。</t>
  </si>
  <si>
    <t>注册微信必须要手机号吗</t>
  </si>
  <si>
    <t>4s9.3.5是否能降级</t>
  </si>
  <si>
    <t>凤小岳是混血儿吗</t>
  </si>
  <si>
    <t>是中英混血儿。</t>
  </si>
  <si>
    <t>微信可以同时登陆两个账号吗</t>
  </si>
  <si>
    <t>微信默认只能登录一个号，但是一个手机可以用第三方软件实现两个号的登录。</t>
  </si>
  <si>
    <t>qq幻想倒闭了吗</t>
  </si>
  <si>
    <t>要倒闭了。</t>
  </si>
  <si>
    <t>没倒闭。</t>
  </si>
  <si>
    <t>ballarini锅好吗</t>
  </si>
  <si>
    <t>这个是意大利全进口的，主要做不粘锅，在中国叫巴拉利尼。我在家做甜品都是用这个锅做，拿在手里不是很重，做的东西也不会粘在锅上，清理好方便。</t>
  </si>
  <si>
    <t>ballarini锅中文名字是巴拉利尼，巴拉利尼的铝制不粘锅都是在意大利生产的，巴拉利尼的锅很好，还有专利的。</t>
  </si>
  <si>
    <t>华为麦芒5是冷门手机吗</t>
  </si>
  <si>
    <t>麦芒5冷门机，不过比麦特8漂亮多了，女性如果不是玩游戏，建议麦芒5就够用了。</t>
  </si>
  <si>
    <t>百颐年减肥效果好吗</t>
  </si>
  <si>
    <t>效果不好。</t>
  </si>
  <si>
    <t>刘涛结婚了吗</t>
  </si>
  <si>
    <t>是，结婚了。</t>
  </si>
  <si>
    <t>银行中午休息吗</t>
  </si>
  <si>
    <t>一般网点营业时间时8：00(或9：00)-17：30(或16：30)，看各地的政府规定及本地城市的大小，自助银行是24小时营业。中午一般都不休息的，轮流吃饭。1、个人业务周末是不休息的(除了基金和银证业务以及个人贷款业务外)，对公业务周末休息。营业时间依旧为上午9点到下午5点，具体到某一家网点，可以先打95533询问网点电话，再具体咨询。2、大致时间，城区储蓄网点一律9：00-17：00;郊区关门时间早一点，部分网点周六日可能休息;3、 省行上班时间是8：30或者9：00开门，下午4：30-5：30关门。4、会计结算网点9：00-11：30、13：00-16：30，周末不营业。5、由于南北气候差异，一般个人业务网点周末是不休息的，而对公业务网点双休不上班。一般星期一到星期五是9点到17点，周六日下午4点30就关门。</t>
  </si>
  <si>
    <t>孕妇可以用开塞露吗</t>
  </si>
  <si>
    <t>怀孕期间用开塞露不能太多，会容易引起早产的。</t>
  </si>
  <si>
    <t>是可以使用的,没有影响的。</t>
  </si>
  <si>
    <t>孕妇便秘了也尽量不要用开塞露，容易引起心率失常。</t>
  </si>
  <si>
    <t>新车磨合期能上高速吗</t>
  </si>
  <si>
    <t>新车磨合期最好不要上高速。</t>
  </si>
  <si>
    <t>在3000公里后，必须过磨合期。</t>
  </si>
  <si>
    <t>上海证券之星可靠吗</t>
  </si>
  <si>
    <t>实力挺牛的。</t>
  </si>
  <si>
    <t>自考可以考教师证吗</t>
  </si>
  <si>
    <t>成人高考或者自考的学历是可以报考教师资格证的。</t>
  </si>
  <si>
    <t>水晶泥有毒吗</t>
  </si>
  <si>
    <t>违法添加剂。</t>
  </si>
  <si>
    <t>原来这一粒粒外观可爱，颜色漂亮的小珠子竟是一颗颗毒药。</t>
  </si>
  <si>
    <t>英文关键词首字母要大写吗</t>
  </si>
  <si>
    <t>首字母要大写。</t>
  </si>
  <si>
    <t>不用，关键词之间需空格。</t>
  </si>
  <si>
    <t>招商银行信用卡保险是真的吗</t>
  </si>
  <si>
    <t>是个销售策略，一般的保险都能达到。</t>
  </si>
  <si>
    <t>只要你是在招行柜面买的就不用担心。</t>
  </si>
  <si>
    <t>手机恢复出厂设置对手机有影响吗</t>
  </si>
  <si>
    <t>没有任何的影响。</t>
  </si>
  <si>
    <t>手机恢复出厂设置会对手机设定进行重置，和系统文件的全部删除，所以要注意备份，对手机本身是没有任何的影响。</t>
  </si>
  <si>
    <t>2017年希腊旅游安全吗</t>
  </si>
  <si>
    <t>希腊是欧洲治安较好的国家之一，但游客也应注意看管个人物品和人身安全。希腊专门设有旅游警察，负责向游客提供咨询并帮助解决一些问题。</t>
  </si>
  <si>
    <t>异星觉醒有彩蛋吗</t>
  </si>
  <si>
    <t>彩蛋没有。</t>
  </si>
  <si>
    <t>爱剪辑能不能不要片头</t>
  </si>
  <si>
    <t>1.导出爱剪辑制作的作品。2.打开优酷IDO，点击“剪切视频”功能。点击“添加视频”添加从爱剪辑导出的作品到ido。3.添加视频后，然后选择您要剪切的时间段。首先，先播放视频，在把爱剪辑片头播放完后立即点击空格键，这样就定位了，然后点击视频轨下面的剪刀按钮即可剪切，然后将剪切下来的片段删除即可，片尾同样的方法。4.保存作品即可。</t>
  </si>
  <si>
    <t>1.打开ido软件，在主页面中点击【添加视频或图片】，然后载入需要裁剪片花的爱剪辑视频。2.载入后一般就开始播放视频了，或者我们也可以点击如下图所示位置播放视频，耐心等待爱剪辑的片头部分播放结束后按下空格键。3.然后点击【剪切】，这样就能把片头和剩余部分的视频分开。4.然后移动视频的进度条到结尾处，在爱剪辑片尾播放前进行暂停操作，然后再选中【剪切】，这样视频就会被分为三份了。5.将鼠标移动到步骤5第二个图红框标注的地方，然后点击视频右上角的小红叉删除不要的视频。6.设置下转场图案，不需要可以选择无，然后点击右侧的【保存视频】，然后在跳出来的确认框中选择保存路径就ok了。</t>
  </si>
  <si>
    <t>1、首先我们打开爱剪辑，然后点击“添加视频”将我们想要去除片头片尾的的视频添加进来；2、添加完毕后会弹出一个“预览/截取”的窗口，在这里我们就可以对该视频进行剪辑了；3、我们先拖动进度条上的按钮到视频的开始位置，然后点击一下“开始时间”后边的按钮，之后在拖动到结束位置，再点击一下“结束时间”后边的按钮。当然我们也可以手动在“开始/结束时间”后边的输入框中直接输入视频起始以及结束位置；4、另外我们还可以通过“上/下一帧”进行微调。设置完毕后点击确定就可以了，之后在爱剪辑界面点击“导出视频”即可；5、或者也可以在爱剪辑界面点击“预览/截取原片”打开刚才的剪辑界面。</t>
  </si>
  <si>
    <t>2017冯莹还活着吗</t>
  </si>
  <si>
    <t>还活着的，目前正在接受治疗中。</t>
  </si>
  <si>
    <t>腥红之月慎有特效吗</t>
  </si>
  <si>
    <t>有的，腥红之月系列皮肤不仅技能全特效，而且还有回城特效，算是质量不错。</t>
  </si>
  <si>
    <t>一点特效都没。</t>
  </si>
  <si>
    <t>孕妇能吃杨梅吗</t>
  </si>
  <si>
    <t>孕妇是能够吃杨梅的，杨梅有促进消化，生津止渴，祛除湿气，止泻，利尿等功能，对孕妇的身体有积极作用。</t>
  </si>
  <si>
    <t>2017年煤价会涨吗</t>
  </si>
  <si>
    <t>2017年煤价预计高开稳走。</t>
  </si>
  <si>
    <t>孕妇能吃山楂吗</t>
  </si>
  <si>
    <t>中医认为山楂“只消不补”，怀孕期间，由于身体激素水平发生变化，孕妇的肠胃功能有所下降，多食山楂易引起消化不良和胃酸。山楂可刺激子宫平滑肌收缩，孕妇大量进食山楂有可能诱发流产。因此，孕妇需慎食山楂。</t>
  </si>
  <si>
    <t>怀孕的女性是不能吃山楂的。当然，原因还是因为山楂属于酸性食物。其对子宫的刺激相当大，能刺激其收缩，从而可能引起流产等。尤其是怀孕初期的女性，绝对不能碰山楂。否则引起流产的可能性极高。当然，如果是胎稳定了后，可以少量吃一点点儿，不建议多吃。</t>
  </si>
  <si>
    <t>孕妇是不宜吃山楂的，如果食用不当，会给身体带来不同程度的危害，可能造成胃酸过多、消化不良，甚至流产等，所以孕妇吃山楂一定要慎重。</t>
  </si>
  <si>
    <t>2345贷款王上征信吗</t>
  </si>
  <si>
    <t>上的。</t>
  </si>
  <si>
    <t>小额的现金贷是不上征信的，但2345贷款是和中银消费金融公司合作推出的产品，并不能确保个人逾期之后，逾期信息不会在央行征信报告上出现。</t>
  </si>
  <si>
    <t>超过还款日未还款就是逾期，逾期的不良记录会记录在个人的征信记录中。</t>
  </si>
  <si>
    <t>win10 1607是正式版吗</t>
  </si>
  <si>
    <t>绝地大逃杀好玩吗</t>
  </si>
  <si>
    <t>这个游戏好玩在存在各种各样的可能性。</t>
  </si>
  <si>
    <t>中国有汉东省吗</t>
  </si>
  <si>
    <t>中国没有汉东省。</t>
  </si>
  <si>
    <t>尼尔机械纪元可以联机吗</t>
  </si>
  <si>
    <t>《尼尔：机械纪元》不会有多人模式和合作模式，没法联机。</t>
  </si>
  <si>
    <t>视网膜脱落是大手术吗</t>
  </si>
  <si>
    <t>视网膜脱离手术是眼科比较复杂的大手术。</t>
  </si>
  <si>
    <t>小龙虾能吃吗</t>
  </si>
  <si>
    <t>钻戒可清洗吗?</t>
  </si>
  <si>
    <t>方法 1: 用肥皂水，方法 2: 用快速洗剂。</t>
  </si>
  <si>
    <t>牙膏可以有效的清洗钻戒表面的油污和其他顽固污渍。</t>
  </si>
  <si>
    <t>钻戒不用洗的。</t>
  </si>
  <si>
    <t>cncbk是不是商业骗局呀</t>
  </si>
  <si>
    <t>CNCBK公司是颠覆传统消费理念，打造全新消费模式的互联网+平台，只是一个工具，自愿加入会员，退会自由。</t>
  </si>
  <si>
    <t>微信发出的红包能撤回吗</t>
  </si>
  <si>
    <t>撤回错发的红包，并不是说可以撤销发出的红包，而是通过转发好友的形式间接地要回红包，当然这个方法的前提是错发对象还没有领走红包。</t>
  </si>
  <si>
    <t>如果超过两分钟就不能撤，没有超过就长按红包3~4秒，点击删除就可以了。</t>
  </si>
  <si>
    <t>听力下降能恢复吗</t>
  </si>
  <si>
    <t>听力下降能否恢复看损伤的程度和部位，因为引起体力下降的原因有很多种，有些影响因素对耳朵的损伤只是暂时性的，比如堵塞性的听力下降，只要消除下降原因即可慢慢恢复听力，但是有些因素对耳朵神经造成了比较严重的危害，这种神经性的危害多半是不可逆的，不但不能恢复，还要及时医治，及时保护和控制目前的听力水平，以防加重下降。</t>
  </si>
  <si>
    <t>引起听力下降的原因有很多，如果是外伤引起的耳朵传导途径受阻或是炎症引起的耳朵阻塞导致的听立下降都是可以治疗的。但如果是耳朵神经性损伤引起的听力下降，而且时间超过了3个星期，其结果是不可逆的。 像这位咨询者的情况，应该是属于神经性损伤引起的听力下降，对于其听力的恢复基本是没可能的，建议就是控制目前的听力水平，不要再继续衰退。在生活中要尽量少接触噪声，不要太疲劳，可以吃些六味地黄丸等滋补肝肾的药物，但须在医嘱下服用。 神经性听力损伤一般没有什么先兆，所以当你感到耳朵有杂音或是听力下降时，就应去医院检查，如果发现得早，还有恢复听力的可能。</t>
  </si>
  <si>
    <t>认缴有年限吗</t>
  </si>
  <si>
    <t>是这样的，现在认缴制基本都是十年，二十年，在这个期间内，资金注入公司账户以后，找会计事务所出具验资报告， 例如：认缴资金500万，认缴年限十年，可以在第十年一次注入五百万资金，找会计事务所开具五百万验资报告，就OK；  第二种每年五十万每次开具一个五十万的验资报告，十年五百万。</t>
  </si>
  <si>
    <t>目前我国公司的注册资金以及认缴时间均可以由公司股东自行约定，但公司股东应根据实际情况进行约定，以免影响公司业务的开展。若有股东未能在约定期限足额出资，除了应向公司足额缴纳，还应向其他履行义务的股东承担违约责任。</t>
  </si>
  <si>
    <t>痘坑能修复吗</t>
  </si>
  <si>
    <t>1， 热敷---热敷可以帮助我们的皮肤升温，加快血液的流动速度，从而加快皮肤自身的内部代谢，更快的将色印代谢出去。2， 按摩—同样，按摩也可以帮助我们加快皮肤代谢功能，更能在一定程度上将老化硬化的角质剥脱掉，让新生的皮肤细胞顺利生长。3， 如果对酸性不会过敏，建议您每周一次用很淡的白醋水洗面，这样做的原因是，白醋可以软化老旧的角质层。让那些硬化的角质容易脱落。加快皮肤的代谢功能。但是要切忌，一周只能一次，不能过于频繁。酸性的东西还是容易让您过敏，最好先试试看。</t>
  </si>
  <si>
    <t>男枪防爆士兵值钱吗</t>
  </si>
  <si>
    <t>限定皮肤值钱。</t>
  </si>
  <si>
    <t>贵金属平台好不</t>
  </si>
  <si>
    <t>勇者斗恶龙x好玩吗</t>
  </si>
  <si>
    <t>《勇者斗恶龙X》是一款品质优秀的网络游戏，值得喜欢RPG的玩家们细细品味。如果之前没有体验过勇者斗恶龙系列作品，也可以通过《勇者斗恶龙X》了解这款游戏的内涵所在，相信这款游戏轻松的冒险特色能够吸引更多年轻玩家的关注。</t>
  </si>
  <si>
    <t>五吉图有收藏价值吗</t>
  </si>
  <si>
    <t>当然有了，放个三四年以后再拿出来卖，这个价格是非常高的当时市场。</t>
  </si>
  <si>
    <t>这东西非专业人士不好说的，最好去当地的古玩店或古玩市场看看，在那里会有要的信息的。</t>
  </si>
  <si>
    <t>摩尔庄园还能玩吗</t>
  </si>
  <si>
    <t>登陆不上。</t>
  </si>
  <si>
    <t>能上，但是很麻烦而且不更新了。</t>
  </si>
  <si>
    <t>摩尔有服务器可进。</t>
  </si>
  <si>
    <t>滴滴企业版比个人贵吗</t>
  </si>
  <si>
    <t>滴滴的企业支付比较坑，相同时间，价格是普通的三倍。</t>
  </si>
  <si>
    <t>聊骚app交费了能真聊吗</t>
  </si>
  <si>
    <t>当你充了钱开了会员就没人理你了，而且聪明的可以仔细看看，所有人回你的时候口吻语气都是差不多的。</t>
  </si>
  <si>
    <t>郑州二手房限购吗</t>
  </si>
  <si>
    <t>限购。</t>
  </si>
  <si>
    <t>超级app是骗局吗</t>
  </si>
  <si>
    <t>固态硬盘分区好不好</t>
  </si>
  <si>
    <t>如果电脑只有固态硬盘，并且SSD容量比较大的话，分区还是很有必要的。SSD分区的好处在于可以将系统盘与存储盘区分开来，重装系统也不会丢失其它盘的数据。但如果SSD不分区的话，重装系统会比较麻烦，要考虑备份数据。分区对固态硬盘的寿命没有任何负面影响，简单来说，固态硬盘与机械硬盘一样，是可以分区的，不用担心寿命。</t>
  </si>
  <si>
    <t>固态硬盘的寿命是要求读写次数的，分不分区一般都没什么大问题的。</t>
  </si>
  <si>
    <t>德国沐舒坦副作用大吗</t>
  </si>
  <si>
    <t>偶见皮疹、恶心、胃部不适、食欲缺乏、腹痛、腹泻。其他过敏反应，包括过敏性休克、血管性水肿、荨麻疹和痛痒。其他肠胃道反应，包括呕吐和消化不良。</t>
  </si>
  <si>
    <t>租手机划算吗</t>
  </si>
  <si>
    <t>如果说买=租到坏为止，那么显然买来会贬值，租的话租金会逐年下降，这么考虑可能租会划算，但是显然，出租手机的人也想到了这一点，所以每年的租金也会把贬值计算在内，所以第一年的租金会远大于无风险收益。另外还有问题，如果你在手机坏掉之前就换了新的，那么相当于手机剩下的寿命你白买了，这样想的话似乎还是租比较划算。</t>
  </si>
  <si>
    <t>租iPhone与买iPhone实际上各有优势，对于消费者而言，究竟是租是买，笔者给出如下建议：如果资金相对充裕，没有频繁的换机需求，习惯于一部手机使用多年的用户，建议还是买一部iPhone。如果您有着迫切的换机需求，习惯于年年追求新iPhone，那么租iPhone显然是更加省心的选择。</t>
  </si>
  <si>
    <t>蚌精的盾可以挡晕么</t>
  </si>
  <si>
    <t>红米note4x可以插内存卡吗</t>
  </si>
  <si>
    <t>红米Note4X是三选二卡槽设计，支持 Nano-SIM 卡 Micro-SIM卡 Micro-SD 扩展存储卡（最大支持128GB存储扩展）。其中，卡槽1支持的Nano-SIM卡（迷你卡），卡槽2则支持Micro-SIM卡或Micro-SD 扩展存储卡（也就是卡槽2既可以做SIM卡槽使用，也可以做内存存储卡扩展卡槽使用，二选一）。</t>
  </si>
  <si>
    <t>这个型号是支持的。红米Note4X是三选二卡槽设计，支持 Nano-SIM卡Micro-SIM卡Micro-SD扩展存储卡(最大支持128GB存储扩展)。</t>
  </si>
  <si>
    <t>早搏会死吗</t>
  </si>
  <si>
    <t>早搏是可以控制的疾病，尽早诊断尽早治疗一般不会死的。</t>
  </si>
  <si>
    <t>绿檀香味有毒</t>
  </si>
  <si>
    <t>绿檀木的香味是檀木里面所含的一种天然的气味，这个不是人工制造的化学性的有害物质，因此，这种天然的香味对身体健康是无害的。</t>
  </si>
  <si>
    <t>绿檀没有毒。绿檀木也是古时常供为吉祥之物,称之为“圣檀木”。随身佩带，不仅能够邪气不侵，而且能够保佑平安。而且绿檀还可以治病，正宗的绿檀在古代还可以作为药材。</t>
  </si>
  <si>
    <t>绿檀,紫檀、进口檀木都有毒。是因为生长环境、寄生物、土壤成分所致。主要是经常触摸引起过敏、长时间封闭环境下呼吸困难。</t>
  </si>
  <si>
    <t>dnf深渊打手是真的吗</t>
  </si>
  <si>
    <t>感觉不靠谱，都要交押金。</t>
  </si>
  <si>
    <t>全是骗子。</t>
  </si>
  <si>
    <t>自动挡不踩油门会走吗</t>
  </si>
  <si>
    <t>不踩油门也会向前前进。</t>
  </si>
  <si>
    <t>2017年护考是不是更难</t>
  </si>
  <si>
    <t>为了提高护士的业务水平，据获悉2017护士资格考试通过率会在2016年49.3%的基础上继续降低，通过率几乎降到30%。</t>
  </si>
  <si>
    <t>王者荣耀s7嬴政厉害吗</t>
  </si>
  <si>
    <t>S7赛季，嬴政依旧消耗无敌。</t>
  </si>
  <si>
    <t>dnf同步器封号吗</t>
  </si>
  <si>
    <t>因为肯定你是一根网线而已，一个IP下登陆太多的号，TX就认定你是工作室，管你有没开挂，直接永久，所以，最好躲避的方法就是，每台机刷完3个号，就断一下网换了IP，再上游戏，这样就降低封永久的几率了。</t>
  </si>
  <si>
    <t>导演王文杰是流氓吗</t>
  </si>
  <si>
    <t>天纳克是世界500强吗</t>
  </si>
  <si>
    <t>天纳克是500强企业。</t>
  </si>
  <si>
    <t>好好说话值得买吗 知乎</t>
  </si>
  <si>
    <t>没有什么实质意义。</t>
  </si>
  <si>
    <t>还是挺有用的。</t>
  </si>
  <si>
    <t>戒烟成功的男人很牛吗</t>
  </si>
  <si>
    <t>的确值得牛一把，因为这需要很强的毅力，很不容易做到的。</t>
  </si>
  <si>
    <t>卓望公司是国企吗</t>
  </si>
  <si>
    <t>国企性质的外企，移动体制下的公司。</t>
  </si>
  <si>
    <t>心理咨询师证有用吗</t>
  </si>
  <si>
    <t>同城帮二手良品靠谱吗</t>
  </si>
  <si>
    <t>现在360开始自营二手良品了 质量还是不错的。</t>
  </si>
  <si>
    <t>高尔夫嘉旅买的人多吗</t>
  </si>
  <si>
    <t>蛮多的。</t>
  </si>
  <si>
    <t>车展买车会比4s店要便宜吗</t>
  </si>
  <si>
    <t>现在车展上的价格和店里差不多。</t>
  </si>
  <si>
    <t>不是说肯定，但是车展肯定会有优惠啊。</t>
  </si>
  <si>
    <t>2017端午节放假高速免费吗</t>
  </si>
  <si>
    <t>初步了解，根据国家交通运输部发布的文件《重大节假日免收小型客车通行费实施方案》,仅针对春节、清明节、劳动节、国庆节四个重要节假日,实施7座(包括7座)以下小型客车高速公路免费通行的政策，但不包括元旦、端午节和中秋节。由此可以看出端午节不在免通行费节假日之列，所以2017年端午高速公路不免费。</t>
  </si>
  <si>
    <t>端午高速不免费。</t>
  </si>
  <si>
    <t>斯里兰卡自由行安全吗</t>
  </si>
  <si>
    <t>尽量不要前往东部和北部地区。</t>
  </si>
  <si>
    <t>有保障。</t>
  </si>
  <si>
    <t>360重装系统好用么</t>
  </si>
  <si>
    <t>不怎么好用。</t>
  </si>
  <si>
    <t>2017年科力远会倒闭吗</t>
  </si>
  <si>
    <t>公司预计2017年营业收入有望加速实现75%以上增长，经营业绩将会出现积极改善。</t>
  </si>
  <si>
    <t>蜘点是骗局吗</t>
  </si>
  <si>
    <t>蜘点移动商城的商品可谓是十分的详细全面，分类详细，覆盖面广，商品价格也比较优惠，质量有保障的，跟淘宝有的一拼的，只是知名度没有那么高而已。</t>
  </si>
  <si>
    <t>热水器一直插着费电吗</t>
  </si>
  <si>
    <t>电热水器的用电量是无法精确计算的，许多因素和热水器本身无关，和进水水温关系比较大，更关键的是热水用量，这和用电量成正比，平时保温所耗电量还是小头，不同季节室温不同，一般0.5-2度电。最好电热水器还是长时间通电，热水器的温控探头在热水器的中部，刚加热到设定度时只有热水器的上半部的水温热了，下半部的水温还没有热，要上下温度中和后再加热，如此反复多次，整筒水才能都热，（这个过程是自动的，如同使用冰箱的道理一样）热水器的有效容积才能充分利用，所以电热水器不是随开随用，而是24小时开着，当然这肯定要多用一点电，以抵消保温所散发的热量，而它给带来的是舒适的生活，国外使用电热水器非常普及，它的使用舒适度，和反应速度都比燃气热水器快，不消耗氧气，环保也比较好，更没有开关电源和插拔电源一说，这里和国人的消费水平和消费理念有很大关系。</t>
  </si>
  <si>
    <t>用热水器都不怎么省电。如果基本上每天都在使用热水器的话，建议还是不要关电源的好，如果要关，也是晚上睡觉的时候关掉，白天就一直开着吧，这样白天一直都有热水用，而且也比较剩电，因为热水器重新启动的那几分钟是最耗电的。如果不是经常用，比如象夏天，就拔掉电源，用的时候再开电源吧，这样做比一直开着更经济。总的来说，热水器不算是家里电器的电老虎，只要使用得当还是比较经济的。</t>
  </si>
  <si>
    <t>用的时候再插上省电，电热水器的保温层无法做到百分之百的保温效果，而不散热，水温越高损失热量越大，损失热量就要加热费电，并且还影响温控开关的使用寿命，所以用的时候再插上好。</t>
  </si>
  <si>
    <t>创业板反弹吗</t>
  </si>
  <si>
    <t>创业板短期可能会有反弹，但空间不会很大，很可能弱于主板。</t>
  </si>
  <si>
    <t>非211研究生值得读吗</t>
  </si>
  <si>
    <t>不读。</t>
  </si>
  <si>
    <t>可以，出来做个好一点的高中的老师挺好。</t>
  </si>
  <si>
    <t>无人机需要驾照吗</t>
  </si>
  <si>
    <t>不需要驾照，只需要熟练掌握远程控制设备就可以了。</t>
  </si>
  <si>
    <t>需要，且费用很高。</t>
  </si>
  <si>
    <t>惠威m50w好不好</t>
  </si>
  <si>
    <t>优点：音质好，无电流噪音，做工精美，包装也像大厂家，每个部件都有防潮包，塑料袋包装规整。缺点：开关机应该设置在线控处，有时候不方便听歌，音响放在脚下关机不方便。总结：做工在千元音响里算是上乘。</t>
  </si>
  <si>
    <t>惠威M50W是首款在多媒体2.1音箱中搭配真正金属硬球顶高音的产品,它能完美重放从38Hz-20kHz之间的频率,这个频率跨度远远超越普通的2.1系统。音色明快中性的卫星音箱搭配高品质的低音炮,M50W就是一套对低频进行全面提升的高档2.0音箱。这套系统最明显的特色就是声音的明艳,音色极为清澈明晰,全频段特别是高频的解析力和延伸感比起专业监听音箱都逊色。惠威M50W是一套定位于发烧Hi-Fi2.1、顶尖影院2.1以及超级游戏2.1的产品。作为新一代桌面多媒体2.1系统的颠峰之作,它拥有典雅精致的外观,便捷时尚的操控性以及庞大的动态、细腻的音色。此款音箱素质相当不错.如果价位能接受的话,是目前2.1有源音箱的首选。</t>
  </si>
  <si>
    <t>算是2.1的高端，感觉还是不错的，很多都拿来做家庭影院的低音，这个音箱的低音渲染力比很多音箱强不少的。</t>
  </si>
  <si>
    <t>境界触发者74不出了吗</t>
  </si>
  <si>
    <t>原大介因为健康问题在jump上休刊。</t>
  </si>
  <si>
    <t>已经追上漫画了，所以暂时完结了。</t>
  </si>
  <si>
    <t>淘宝追加评价可以删除吗</t>
  </si>
  <si>
    <t>对某笔订单作出评价后的30天内，可以对评价进行修改或删除，请点击【我的淘宝】-【我的评价】-【给他人的评价】进行操作。评价修改或删除后即时生效，页面显示会有30分钟的滞后。1、评价修改和删除仅限中评和差评，好评和店铺评分一旦作出均不可再修改或删除；2、中评或差评只能修改为好评或删除，且只有一次机会，如差评修改为好评后，将不能再删除或修改；3、收到的评价需要联系评价方修改。</t>
  </si>
  <si>
    <t>重庆房子限购吗</t>
  </si>
  <si>
    <t>重庆的现目前不限购，限第三套的贷款。</t>
  </si>
  <si>
    <t>地中海贫血能治好吗</t>
  </si>
  <si>
    <t>在遗传咨询及产前诊断方面，这是非常重要的疾病。他们需要终生定期的输血和接受除铁剂治疗。极轻型地中海贫血无贫血所以又叫做地贫基因携带者，轻型地中海贫血仅有轻度贫血，多在体检时才发现，这两型患者大多数都不会知道自己带有这种遗传基因。中间型患者中度贫血，可接受药物治疗和脾切除手术，提高血红蛋白，但仅仅是改善贫血，不能治愈，相对较重的还要输血。</t>
  </si>
  <si>
    <t>根据现在的医学水平，地中海贫血要彻底的根治是比较困难的。对于重度地中海贫血患者，可以通过输血治疗来维持血红蛋白的水平。</t>
  </si>
  <si>
    <t>安耐晒金瓶可以涂脸吗</t>
  </si>
  <si>
    <t>安耐晒金瓶是可以涂脸的。</t>
  </si>
  <si>
    <t>海科融通是一清机吗</t>
  </si>
  <si>
    <t>女生看爱情动作片正常吗</t>
  </si>
  <si>
    <t>正常。</t>
  </si>
  <si>
    <t>爱彼迎安全吗</t>
  </si>
  <si>
    <t>从“上戏学生毁房”，到“12房客毁房”，不管最终是否获得了相应经济赔偿，房东都成为最大受害者，毕竟谁都不想自家房子被糟蹋。缺乏安全保障，也成为Airbnb此类短租平台暴露的最大问题。</t>
  </si>
  <si>
    <t>安全方面感觉没有宾馆靠谱。</t>
  </si>
  <si>
    <t>指旺理财是宜信的吗</t>
  </si>
  <si>
    <t>拿了offer可以不去吗</t>
  </si>
  <si>
    <t>签了书面offer后，是可以反悔的。哪怕是签了劳动合同，在试用期内，只要提前3天通知公司，也可以离职。</t>
  </si>
  <si>
    <t>如果不去，就不签，要是已经签了就早点给企业沟通。免得影响人家的招聘计划。</t>
  </si>
  <si>
    <t>支付宝余额宝提现要手续费吗</t>
  </si>
  <si>
    <t>同一身份名下账户终生享有2万元免费额度，如果超过该额度，提现、转账按照0.1%收费，无上限。</t>
  </si>
  <si>
    <t>支付宝将对个人用户超出免费额度的提现收取0.1%的服务费，个人用户每人累计享有2万元基础免费提现额度。在用完基础免费额度后，用户可以使用蚂蚁积分兑换更多免费提现额度。</t>
  </si>
  <si>
    <t>从2016年10月12日开始支付宝提现收手续费，个人有2万元的免费额度，用完以后就按千分之一收取手续费。</t>
  </si>
  <si>
    <t>王者荣耀代打安全吗</t>
  </si>
  <si>
    <t>代打本来就是有风险的。</t>
  </si>
  <si>
    <t>包皮过长影响性爱么</t>
  </si>
  <si>
    <t>影响性生活的和谐：男性存在包皮过长时，龟头被包皮紧紧包住，阴茎头的发育受到很大束缚，影响性发育。包皮过长导致不射精，影响性生活：包皮对龟头有保护的作用，但是过分的保护会使龟头丰富的神经传导性刺激、激发性兴奋的功能消失，在性生活中达不到激发射精所需的刺激强度，就容易出现不射精了，也体验不到快感。</t>
  </si>
  <si>
    <t>刺客信条好看吗</t>
  </si>
  <si>
    <t>总体而言还不错。</t>
  </si>
  <si>
    <t>刺客信条的书是非常不错的，值得一看。刺客信条的游戏更好。</t>
  </si>
  <si>
    <t>换主图对权重有影响吗</t>
  </si>
  <si>
    <t>大疆无人机上市了吗</t>
  </si>
  <si>
    <t>暂时没有消息。</t>
  </si>
  <si>
    <t>上市了。</t>
  </si>
  <si>
    <t>人类进化到极限了吗</t>
  </si>
  <si>
    <t>人类因为科技的进步,可能已经停止进化了。</t>
  </si>
  <si>
    <t>没有什么所谓极限，变化是无穷的，一些趋势上的导向，尽管只是微小的改变，但是在漫长的时间里，就会从量变到质变了。另外人类除了进化，还有退化呢，社会化程度越高，个体反而越退化，而目前似乎正有这种趋势，但是有些退化的人还管这种叫进化。</t>
  </si>
  <si>
    <t>机战现在还有人玩吗</t>
  </si>
  <si>
    <t>3年前玩家正在考虑回归。</t>
  </si>
  <si>
    <t>有人玩啊，我就在河南十四区玩，这区的大号都5000多战了。</t>
  </si>
  <si>
    <t>现在还有鼠疫吗</t>
  </si>
  <si>
    <t>freesync n卡可以用吗</t>
  </si>
  <si>
    <t>谈不上能不能用，用肯定是没问题的，不过 Freesync 是 A 卡特有的技术，上 N 卡，放在支持 Freesync 技术的显示器就没法享受到这个功能，不过 N 卡有类似的 G-sync 技术，如果显示器也支持 G-sync 那上 N 卡就能享受到这个功能。</t>
  </si>
  <si>
    <t>能用，开不了 freesync 而已。</t>
  </si>
  <si>
    <t>新华小记者是骗局吗</t>
  </si>
  <si>
    <t>不是！新华小记者（xinhuaxiaojizhe）活动组织委员会由新华社新华网[1]  发起成立，负责在全国开展新华小记者系列活动，旨在拓展全国中小学生课堂内外的学习与实践空间，为全国中小学生搭建“激励学习生活、培养社会责任、树立远大理想、展示自我风采”的综合平台，促使全国青少年“做教育的发现者、做梦想的记录者、做文化的传播者”，最终为祖国的新闻媒体事业培养合格的优秀人才。</t>
  </si>
  <si>
    <t>小孩吃蚕豆会头痛吗</t>
  </si>
  <si>
    <t>如果孩子患有“蚕豆病”，那么吃蚕豆可能会出现头痛、呕吐、腹痛、腹泻、发烧等症状，严重者甚至深度昏迷。</t>
  </si>
  <si>
    <t>孕妇能吃油桃吗</t>
  </si>
  <si>
    <t>由于怀孕期间的代谢 消耗增加，对营养的需求也加大，必须对孕妇进行适时，适当的营养补充，增加优质蛋白，维生素，含铁，钙，锌等营养物质的摄取，如鱼，大豆，蛋，牛奶，猪肝，木耳，，海带等，油桃也是可以食用的。</t>
  </si>
  <si>
    <t>孕妇在怀孕期间是可以吃油桃的。因为油桃是水果中比较常见的一个种类。而且油桃中含有许多有营养的元素。其中的维生素C的含量较高，吃了油桃不仅可以促进铁的吸收，改善缺铁性贫血的功效，还可以帮助提高孕妇的免疫力。另外，油桃还可以生津止咳，还可以润肠通便，可以有效的改善，女性孕期便秘的症状。油桃除了上述的功效外，还可以改善皮肤暗黄，可以达到养颜的目的。所以孕妇在孕期是可以吃油桃的。那么吃油桃的同时，切记不能和柿子、李子、热性的肉类一起吃，这样会引起发上火或者是轻微的中毒现象。那么由于油桃的维C含量多，也不能和海鲜一起吃的。所以不论是孕妇还是普通人，对这些方面都要加以了解的。否则会造成不良的现象，尤其孕妇来讲，是要十分小心的。怀孕这个期间特殊，能吃的药也少，所以要注意。</t>
  </si>
  <si>
    <t>李晨爷爷是李成芳吗</t>
  </si>
  <si>
    <t>pchy真的出柜了吗</t>
  </si>
  <si>
    <t>好像真的出柜了。</t>
  </si>
  <si>
    <t>很多人都说他出柜了。</t>
  </si>
  <si>
    <t>在电影《暹罗之恋》中塑造的形象太深入人心，现实中没有任何恋情曝光，难免会让影迷揣测其真实性取向。</t>
  </si>
  <si>
    <t>家用踏步机减肥有用吗</t>
  </si>
  <si>
    <t>可以减肥的，但还是要注意日常饮食。</t>
  </si>
  <si>
    <t>练踏步机可以减肥。踏步机是可以同时运动腰部、臀部、腿部，锻炼这些部位的肌肉，能够同时完成身体多个部位的脂肪燃烧。而且还可以锻炼到平时不常动到的地方，如如臀部外侧、大腿內側及外侧等，又增加了热量的消耗。进行踏步机运动半小时，可以帮助消耗200左右热量。每天这样坚持锻炼一个月之后，瘦掉3-7斤是有可能的。在使用踏步机时能够同时运动腿部、腰部、臀部和手臂，消耗身体热量，从而也是能同时完成身体多个部位的脂肪燃烧，对于减肥瘦身是有着比较好的作用的。</t>
  </si>
  <si>
    <t>5460同学录还能用吗</t>
  </si>
  <si>
    <t>5460同学录从去年下半年就打不开了。没有任何通知和公告就不辞而别了。</t>
  </si>
  <si>
    <t>脸黑是肝的问题吗</t>
  </si>
  <si>
    <t>皮肤变黑主要是由以下三种原因导致的：1，影响肤色的黑色素不断产生。2，紫外线照射，加速黑色素形成。3，老化细胞积聚在皮肤表层，导致色斑浮现或肤色不均，与肝的关系并不大。</t>
  </si>
  <si>
    <t>慢性肝病，可引起面部黄褐斑或眼眶周围变黑。</t>
  </si>
  <si>
    <t>马克龙有孩子吗</t>
  </si>
  <si>
    <t>dnf顶级力量灵药出图还有效果吗</t>
  </si>
  <si>
    <t>一吃就半小时效果，出图不影响。</t>
  </si>
  <si>
    <t>有效果，持续30分钟，从你吃的时候开始算，不在图里也算时间。</t>
  </si>
  <si>
    <t>助力车要上牌吗</t>
  </si>
  <si>
    <t>需要上非机动车牌照。</t>
  </si>
  <si>
    <t>看是否超标。</t>
  </si>
  <si>
    <t>蚂蚁金服加班严重吗</t>
  </si>
  <si>
    <t>一个月有那么十几天。</t>
  </si>
  <si>
    <t>恒丰银行要倒闭了吗</t>
  </si>
  <si>
    <t>根据中华人民共和国的《商业银行法》，全国所有的商业银行（人民银行以及部分政策性银行除外），都有可能破产、倒闭。只不过可能性能小。</t>
  </si>
  <si>
    <t>有缘网上女孩可信吗</t>
  </si>
  <si>
    <t>有缘网具备完善严格的审核机制，所有的照片及资料均经过严格审核，此外，有缘网已推出多款在线聊天游戏，争取为大家提供更多的聊天与见面的机会。有缘网具备完善的会员审核机制，最大程度上保障用户交友的安全。尽管有较为完善的制度，对于亿万级的交友网站，骗子现象仍难以完全杜绝，有缘网提醒广大网友遇到资金问题仍需谨慎，不给陌生人汇款。</t>
  </si>
  <si>
    <t>实验的时候一定要注意她们到底是不是真的，资料方面也别完全相信。</t>
  </si>
  <si>
    <t>百度百科需要付费吗</t>
  </si>
  <si>
    <t>韩亚航空是廉价航空吗</t>
  </si>
  <si>
    <t>大韩和韩亚两公司都明显不是廉航。</t>
  </si>
  <si>
    <t>武汉会被郑州超越吗</t>
  </si>
  <si>
    <t>不可能的</t>
  </si>
  <si>
    <t>淘宝网交易风险保障 对店铺有影响么</t>
  </si>
  <si>
    <t>订单交易风险保障，交易的资金会被冻结15天。</t>
  </si>
  <si>
    <t>表格查重能查出来吗</t>
  </si>
  <si>
    <t>最小说停刊了吗</t>
  </si>
  <si>
    <t>郭敬明的《最小说》停刊了。</t>
  </si>
  <si>
    <t>并没有停刊的打算，只是可能转变形式，可以更长时间的销售。</t>
  </si>
  <si>
    <t>没有、九月份的依旧照常上市，只是十月份会全新改版。</t>
  </si>
  <si>
    <t>圣女果是转基因的吗</t>
  </si>
  <si>
    <t>百分百转基因。</t>
  </si>
  <si>
    <t>打乙肝疫苗可以要孩子吗</t>
  </si>
  <si>
    <t>打抗体疫苗是不影响要小孩的，可以复查看有没抗体。</t>
  </si>
  <si>
    <t>如果现在是备孕期，已经注射完疫苗的话，那可以怀孕的。</t>
  </si>
  <si>
    <t>一般这类疫苗对胎儿的影响还是比较小的，不过最好在全程注射乙肝疫苗完毕之后的下个月经周期准备受孕，以免影响到胎儿的健康。</t>
  </si>
  <si>
    <t>普通山上有玉石原石吗</t>
  </si>
  <si>
    <t>所谓玉石就是火成岩孔洞内沉积的二氧化硅，这个需要条件的！有火成岩组成的山脉，历史上曾经有温泉活动的地方才可能有玉石玛瑙，所以，不是所有的山上都有玉石。寻找玉石，要学会看山体岩石种类和成因。</t>
  </si>
  <si>
    <t>能，就看认不认货，如果不认货千年野山参在脚下也能当野草践踏。</t>
  </si>
  <si>
    <t>京东白条取消订单 额度会回来吗</t>
  </si>
  <si>
    <t>白条优惠券取消永远不会回来，额度过一会会回。</t>
  </si>
  <si>
    <t>鼻咽癌会死吗</t>
  </si>
  <si>
    <t>鼻咽癌是临床常见的疾病，对于人体的健康影响较大，但是该病并不等于死亡。</t>
  </si>
  <si>
    <t>破净股好吗</t>
  </si>
  <si>
    <t>在市场调整之际,破净股具有较高的安全边际,往往是稳健性投资者低吸的好机会。</t>
  </si>
  <si>
    <t>鹿晗玩王者荣耀吗</t>
  </si>
  <si>
    <t>玩王者荣耀。</t>
  </si>
  <si>
    <t>三证合一发票章需要重新刻吗</t>
  </si>
  <si>
    <t>不需要重新刻制。</t>
  </si>
  <si>
    <t>需要将“发票专用章”进行重新刻制。</t>
  </si>
  <si>
    <t>2017年西安房价会涨吗</t>
  </si>
  <si>
    <t>灵魂出窍有危险吗</t>
  </si>
  <si>
    <t>普通人不建议去试，风险很大。</t>
  </si>
  <si>
    <t>1.一般情况下不会有事，但会遇到恐怖或者强大的意识体，还是别去冒险。2.不建议过多的灵魂出窍，会对身体有不好的影响，还是少玩。</t>
  </si>
  <si>
    <t>陶瓷机身容易碎吗</t>
  </si>
  <si>
    <t>3D微晶锆纳米陶瓷，微晶：简单来说便是耐摔、耐磨。</t>
  </si>
  <si>
    <t>这个陶瓷非普通陶瓷，从烤瓷的牙齿可以看出其强度，当然其相比于玻璃，是不怎么会碎的。</t>
  </si>
  <si>
    <t>超五类网线能跑千兆吗</t>
  </si>
  <si>
    <t>超五类可以支持1000Base-Tx,但是如果原来水晶头那地方做的不好或者线比较差可能接上千兆设备后还是只认百兆。</t>
  </si>
  <si>
    <t>可以跑的，但这个要求8根芯都是好的，两头的设备也有点要求，还有其他一些的条件，相比之下，六类线跑千兆，没那么多条件要求。</t>
  </si>
  <si>
    <t>循环扇可当电扇用吗</t>
  </si>
  <si>
    <t>主要是看 CPU 和内存的状态怎么样，与风扇关系不大。</t>
  </si>
  <si>
    <t>普通电扇直接对着人吹，降低体表温度，风力柔和；空气循环扇则通过更加强劲的气流打散室内空气，促进空气流通，一般不是对着人吹的。</t>
  </si>
  <si>
    <t>日月昌投资控股靠谱吗</t>
  </si>
  <si>
    <t>很坑的公司。入职当月不给交社保，而且要等你离职了问了才告知，对于有连续社保要求的人坑的不是一点二点。</t>
  </si>
  <si>
    <t>从事正宗产品的推广和运营，旗下还有宗客网。</t>
  </si>
  <si>
    <t>职业蛙 靠谱吗</t>
  </si>
  <si>
    <t>必须的。</t>
  </si>
  <si>
    <t>职业蛙是国际领先的大学生求职领导品牌。</t>
  </si>
  <si>
    <t>无锡感知是骗局吗</t>
  </si>
  <si>
    <t>当然不是。</t>
  </si>
  <si>
    <t>王者荣耀电脑版与手机版同步吗</t>
  </si>
  <si>
    <t>安卓系统电脑版的王者荣耀和安卓手机是一样的，目前电脑版的王者荣耀是没有IOS版的，只有安卓版。所以如果要是苹果手机的话就只能用手机玩，没有电脑版。</t>
  </si>
  <si>
    <t>王者荣耀电脑版和手机版是一样的。1、电脑版的王者荣耀相当于安卓模拟器，游戏内容和比赛匹配到的玩家都是一样的。2、目前电脑版只支持安卓，IOS的账号不支持电脑版。所以苹果玩家下载电脑版之后会发现区服不一样，因为是安卓区服。</t>
  </si>
  <si>
    <t>电脑版和手机版是一个区的，同时数据也同步。不过在用电脑版登陆的时候要注意自己的平台选择，要选择跟手机端同样的微信或者qq平台。注：ios无法在电脑上进行游戏，所以苹果玩家下载电脑版之后会发现区服不一样，因为是安卓区服。</t>
  </si>
  <si>
    <t>烟油可以混合用吗</t>
  </si>
  <si>
    <t>绝对可以,还能调出好味道。</t>
  </si>
  <si>
    <t>烟草和烟草可以混合，水果的和水果可以混合。</t>
  </si>
  <si>
    <t>可以的，不过有些烟油配方不同 混在一起怕你不适应。</t>
  </si>
  <si>
    <t>王者荣耀英雄可以赠送吗</t>
  </si>
  <si>
    <t>硬盘磁头坏了能修吗</t>
  </si>
  <si>
    <t>硬盘磁头坏了的话，如果在保修期内，可以保修，但是保修的话硬盘里的所有的资料是不会帮你恢复的，只会帮你把硬盘修好，有些保修其实就是帮你更换新的硬盘，所以你硬盘里面的资料如果很重要的话你就必须先去恢复里面的数据,我以前找过杭州的冠翔科技做过数据。</t>
  </si>
  <si>
    <t>硬盘一般不修的，只做数据恢复。</t>
  </si>
  <si>
    <t>dnf镜像阿拉德值得刷吗</t>
  </si>
  <si>
    <t>小区停车收费合法吗</t>
  </si>
  <si>
    <t>根据《物权法》第73条的规定，小区内的道路、绿地、公用设施和物业服务用房，属于业主共有。第74条规定，占用业主共有的道路或者其他场地用于停放汽车的车位，属于业主共有。由此可知，土地使用费收费的法律依据是《物权法》，收费主体是业主。业主可以因车辆占用土地而收取土地使用费。而管理费的收费依据是国务院颁布的《物业管理条例》。《合同法》第条及第366条规定，是保管人保管寄存人交付的保管物，并返还该物的合同。寄存人应当按照约定向保管人支付保管费。而《物业管理条例》第54条规定，利用物业共用部位、共用设施设备进行经营的，应当在征得相关业主、业主大会、物业管理企业的同意后，按照规定办理有关手续。由此，物业在征得业主同意后是可以利用小区的土地进行经营的。车主向物业交纳的其实是车辆保管费。</t>
  </si>
  <si>
    <t>只有占用业主共有的道路或其他场地用于停车的车位，才属业主共有。即使是业主共有的车位，收取一定的停车费也是合理的。《物权法》第七十四条第二款规定：建筑区划内，规划用于停放汽车的车位、车库的归属，由当事人通过出售、附赠或者出租等方式约定。所以，目前多数商品房在销售时，开发商和购买者都会在合同中约定专门用来停放汽车的车库、车位，通过出租、出售或附赠等方式，约定其归业主专有或专用。在这种情况下，不宜一概认为车库、车位归业主共有。</t>
  </si>
  <si>
    <t>要看具体情况再定，总的来说，收费大概是肯定的，关键是收的钱应该如何处理。先明确小区里面停车用的土地使用权到底归属谁，1、如果是开发商向有关部门经过单独审批，用作经营性的停车场的，那么该区域就可以用作经营，因为其使用权不是业主。2、有些区域(包括道路和绿化带)如果是属于小区业主共有。在这个公共区域停车是否收费，这决定权就握在全体业主手里，或者选举产生的小区业委会手里。</t>
  </si>
  <si>
    <t>2017端午节银行放假吗</t>
  </si>
  <si>
    <t>由于银行的特殊性，具体放假安排要根据他们的放假公告。</t>
  </si>
  <si>
    <t>合同期满公司不续签有补偿金吗</t>
  </si>
  <si>
    <t>1、劳动合同到期，单位决定不再续签劳动合同，单位应当支付经济补偿金。2、这项新的补偿的计算开始时间为2008年1月1日，经济补偿按工作年限计算，每工作满1年支付1个月工资，六个月以上不满一年的，按一年计算；不满6个月的按照半个月工资计算。</t>
  </si>
  <si>
    <t>有利网理财安全吗</t>
  </si>
  <si>
    <t>有利网是可靠的。</t>
  </si>
  <si>
    <t>这个小心点，谁也说不定。</t>
  </si>
  <si>
    <t>做现货业务员犯法吗</t>
  </si>
  <si>
    <t>不违法，违法的话，政府不可能坐视不管。</t>
  </si>
  <si>
    <t>肯定是违法的，涉嫌非法集资、诈骗等，被举报有可能追究刑事责任。</t>
  </si>
  <si>
    <t>被公司辞退 对以后找工作有影响吗</t>
  </si>
  <si>
    <t>一般被公司辞退不会有什么影响的。</t>
  </si>
  <si>
    <t>劳动合同解除之后，双方劳动合同企业和个人各留一份，解除劳动合同也就是之前签订的合同到期、对于以后找工作不受影响。</t>
  </si>
  <si>
    <t>黄鳝会咬人吗</t>
  </si>
  <si>
    <t>大的会咬人的。</t>
  </si>
  <si>
    <t>gb18218 2014颁布了吗</t>
  </si>
  <si>
    <t>颁布了。</t>
  </si>
  <si>
    <t>垂体瘤严重吗</t>
  </si>
  <si>
    <t>垂体瘤是发生在垂体前叶的常见颅内肿瘤，绝大多数为良性，但是对人体正常的内分泌功能影响很大，一旦患病会诱发各种内分泌症状的出现，因此需要患者提高重视，及早治疗，移除后患。</t>
  </si>
  <si>
    <t>垂体瘤还是比较严重的，垂体瘤的诊断，要综合考虑患者的病史、症状、体征、辅助检查以及术后病理等进行综合考虑和判断。</t>
  </si>
  <si>
    <t>垂体瘤虽然是一种良性肿瘤，但是它对人体的危害也是非常大的，并且有很多的并发症，如尿崩，视力障碍，脑膜炎等等，所以当患有垂体瘤的时候一定要重视病情。</t>
  </si>
  <si>
    <t>侯耀华还活着吗</t>
  </si>
  <si>
    <t>去世的是三爷侯耀文。这位是二大爷。</t>
  </si>
  <si>
    <t>侯耀华没死，死了的是他弟弟郭德纲师傅侯耀文。</t>
  </si>
  <si>
    <t>是的，还在世。</t>
  </si>
  <si>
    <t>精液可以养颜美容嘛</t>
  </si>
  <si>
    <t>男人精液里的营养物质含量其实并不多，所以从营养方面讲并无什么特别之处。精液里还有很多激素。这些激素女性是不能产生的，对于女性来说，这些激素能够调理月经。精液里的锌与雄激素都是抗衰老的良药。其实精液并不能美容，对女性的作用可以说是很小很小的，可以忽略不计。</t>
  </si>
  <si>
    <t>不能。精液的成分百分之九十五是水，其它的是精子、脂肪球、蛋白质、酵素、矿物质、维他命、淀粉体、果糖、结晶体等。虽然精液的成分应该属于对人体有益的，但并不是说明精液具有美容的功效，它不易为皮肤所吸收，不能直接作用于皮肤。</t>
  </si>
  <si>
    <t>csgo大行动能回本吗</t>
  </si>
  <si>
    <t>买箱子买钥匙打开就能回本。</t>
  </si>
  <si>
    <t>勤做任务，总有一天能回本。</t>
  </si>
  <si>
    <t>喜马拉雅有电脑版吗</t>
  </si>
  <si>
    <t>没有电脑版。</t>
  </si>
  <si>
    <t>电脑直接搜索，可以在线收听。</t>
  </si>
  <si>
    <t>湖南白癜风医院能治好吗</t>
  </si>
  <si>
    <t>早期能治好。</t>
  </si>
  <si>
    <t>社保卡和公积金卡是一张卡吗</t>
  </si>
  <si>
    <t>社保卡医保卡公积金卡不是一张卡，社保卡发行以来，凡参保人员都有两张卡，即：一张为社保卡；一张为医保卡。但是，现在社保卡取代了医保卡，它除了具有医保卡的功能之外，还将陆续增加其他应用。‍</t>
  </si>
  <si>
    <t>不是。有住房公积金账户的职工，会得到一张住房公积金联名卡，简称住房公积金。所谓住房公积金卡，是向缴存住房公积金的职工发放的有效凭证，住房公积金管理中心要求各缴存单位不得以任何理由拒绝为本单位职工办理住房公积金联名卡。职工可以实时查询个人住房公积金账户的信息，同时可以监督单位是否按时足额为自己缴存住房公积金，此外还可以核对住房公积金余额。除此之外，联名卡还可办理存款、取款、工资代发、转账汇款、刷卡消费等各种银行业务。单位人事需要为新入职的职员缴纳五险一金，其中就包括办理住房公积金卡。</t>
  </si>
  <si>
    <t>皇家猫粮好不好</t>
  </si>
  <si>
    <t>win10 1607版本好不好</t>
  </si>
  <si>
    <t>1607改动很少，至于流畅，1151更流畅！1607开机资源占满！要过一两分钟后才好一点！两个版本都都用过，建议1151。</t>
  </si>
  <si>
    <t>1607飘过，除了QQ和微信以外没有安装任何国产软件，常用的搜狗输入法也被我换回有重大改进得默认中文输入法了，机箱里面的硬件全部是今年下半年新推出的，表示没有遇到任何问题。</t>
  </si>
  <si>
    <t>脑膜炎有后遗症吗</t>
  </si>
  <si>
    <t>有，一些身体机能的障碍。</t>
  </si>
  <si>
    <t>要是治疗的不及时的话，或者是治疗的不好的话，就会导致之后出现很多的并发症。主要的影响还是在患者的脑部。有可能是会出现脑积水的情况的，还有会出现耳聋和视力方面的障碍问题。</t>
  </si>
  <si>
    <t>脑膜炎后遗症中除了有运动麻痹、异常肌紧张、语言障碍、癫痫发作外，还有性格变化。</t>
  </si>
  <si>
    <t>枇杷能多吃吗</t>
  </si>
  <si>
    <t>正常人多吃不会怎么样，但在好的东西也不能多吃。</t>
  </si>
  <si>
    <t>一般枇杷可能是湿热的，吃多可能会上火。</t>
  </si>
  <si>
    <t>专家表示，枇杷虽好，莫要贪吃。</t>
  </si>
  <si>
    <t>三得公益商城合法吗</t>
  </si>
  <si>
    <t>不合法，本身的存在性质就是虚构的。属于庞氏骗局。</t>
  </si>
  <si>
    <t>微信投诉有用吗</t>
  </si>
  <si>
    <t>证据足够的情况下成功的可能性大。</t>
  </si>
  <si>
    <t>被骗钱的举报一般没有用，应立即报警。</t>
  </si>
  <si>
    <t>支付宝还信用卡要手续费吗</t>
  </si>
  <si>
    <t>使用支付宝为信用卡还款时不需要手续费的。不过使用支付宝还信用卡有限额，具体限额与银行有关。</t>
  </si>
  <si>
    <t>通过支付宝手机客户端还款：免费； 通过电脑端还款：为本人还款免费；为他人还款费率0.20%，最低每笔2元，最高每笔25元。</t>
  </si>
  <si>
    <t>肺部小结节会消失吗</t>
  </si>
  <si>
    <t>肺部的结节有很多疾病都会引起，有的可以消失，有的恒定不变，有的会长大。</t>
  </si>
  <si>
    <t>一般8mm以下的肺部孤立的小结节，很难确定它的性质，也就是说很难弄清楚它是良性的还是恶性的，3mm的结节就更是如此， 有时CT检查可能会漏检，也就是说，这次查到有结节，说不定下次检查时结节又看不到了，似乎消失了，这里说的看不到了，并不是说这个结节真的就消失了，只是CT没有显示出来，CT扫描的层厚通常是5mm，因此5mm以下结节的CT有可能漏检。</t>
  </si>
  <si>
    <t>京东全球购奶粉可靠吗</t>
  </si>
  <si>
    <t>不靠谱，东京好多奶粉都是保税区发的货。</t>
  </si>
  <si>
    <t>自营的应该可以。</t>
  </si>
  <si>
    <t>一带一路纪念币值得收藏吗</t>
  </si>
  <si>
    <t>少部分人喜欢，估计价值不太高。</t>
  </si>
  <si>
    <t>看个人喜好。</t>
  </si>
  <si>
    <t>酸儿辣女有科学依据吗</t>
  </si>
  <si>
    <t>俗话说的“酸儿辣女”没有科学依据，是流传最广的生男生女传言之一。酸儿辣女是使用了互文的修辞手法，意思是女性怀孕后喜欢酸辣等口味的食物。孕妇出现食欲下降、对气味敏感、嗜酸或嗜辣，甚至想吃些平时并不喜吃的食物，均属于正常的妊娠生理反映，原因是孕后内分泌活动改变，胎盘分泌绒毛促性腺激素。这种激素会抑制胃酸分泌，使胃酸分泌量减少，从而降低了消化酶的活性，影响食欲与消化功能，与胎儿性别无关。</t>
  </si>
  <si>
    <t>酸儿辣女之说可谓源远流长。一些生怕绝后的家庭，如果妻子、媳妇孕后喜酸，便十分欣喜；若喜辣，则对孕妇另眼看待，甚至强迫其做人流，以盼下次怀孕喜酸生儿。 其实，孕妇出现食欲下降、对气味敏感、嗜酸或嗜辣，甚至想吃些平时并不喜吃的食物，均属于正常的妊娠生理反映，原因是孕后内分泌活动改变，胎盘分泌绒毛促性腺激素。这种激素会抑制胃酸分泌，使胃酸分泌量减少，从而降低了消化酶的活性，影响食欲与消化功能，与胎儿性别无关。 此外，孕妇口味还与不同地域、不同家庭的饮食习惯有关。例如南甜北咸、西酸川辣，但各地新生儿的性别比例并无显著差异。胎儿的性别是由性染色体决定的，仅以孕妇口味的变化来判断胎儿的性别是毫无科学根据的。 很多人认为怀孕期间，喜欢吃酸的就预示着生男孩，想吃辣的就可能怀的是女孩。其实是毫无道理的。 专家研究证实，孕妇喜欢酸性食物是符合生理和营养需求的。</t>
  </si>
  <si>
    <t>民间一直有“酸儿辣女”的说法，认为孕妇怀孕期间喜欢吃什么，就预示着将来生男生女。如今网络上还流行着一种公式，号称可以测算胎儿性别。妇产科专题提醒孕妇，这些“迷信”的说法毫无科学依据。怀孕后女性体内激素水平的变化会导致妊娠反应，其中的胃肠道反应?如呕吐等往往会引起食欲不振，导致孕妇不爱吃东西。这时酸的、辣的食物，因为可以刺激食欲、起到开胃作用，因此会得到孕妇的偏爱。有人认为孕妇喜欢吃酸的是因为体内碱性物质较多，这样的条件下精子容易存活，因此生男孩。但娄晓君认为，这种说法是毫无科学依据的，就像辣的食物也不是碱性食物，喜欢吃辣的也不能就说体内酸性物质多，就生女孩了。</t>
  </si>
  <si>
    <t>儿童视力4.8算近视吗</t>
  </si>
  <si>
    <t>7岁的儿童一般正常视力达到5.3，如果大于7岁，那4.8就已经算近视了，也可能是真假混合性近视。</t>
  </si>
  <si>
    <t>秋叶系统好用吗</t>
  </si>
  <si>
    <t>这种系统的好处就是快，基本上10分钟内就全部都装好了，还把驱动也都装好，不过一般GHOST版的系统都装了好多插件，会占用系统资源，还有就是系统稳定性也会有一定影响，此外，GHOST系统经常会带有木马和病毒。</t>
  </si>
  <si>
    <t>应勤是渣男吗</t>
  </si>
  <si>
    <t>生活中也有很多好姑娘被人骗，最后找到属于自己的幸福，不谈小蚯蚓，就是应勤，就事论事，应勤有车有房，踏实本分，然后有个要求就是老婆是处女，然后曲妖精就说他是渣男，个人看法，应勤不算渣，他自己就是一个保守的人，主要是自己也不乱来，樊胜美找他的时候，他自己说了不到结婚不会那个事，他自己能做到。</t>
  </si>
  <si>
    <t>应勤有处女情结，自己也能坚持处男之身，要求另一半也是处，这本身没毛病。他错就错在因为女生不是处，就认为她不自爱、放荡，这种思想就大错特错。另外，社会上还有一种男的，就是自己本身不是处，却还要求对方一定是处。处女情结并不是一种不合潮流的想法，而是希望自己的另一半能够对爱忠贞，要学会爱护自己。不过更多评论是直接攻击拥有“直男倾向”的男生，认为这类男生有精神疾病，简直不能再讨厌,分分钟想拿板砖呼过去，更有甚者有女性网友爆出自己的交往截图，正面回击直男群众。</t>
  </si>
  <si>
    <t>三星御魂可以喂吗</t>
  </si>
  <si>
    <t>可以喂，因为主要是4星御魂以上的才有用。4星以下基本就是来喂的。</t>
  </si>
  <si>
    <t>anker是中国企业吗</t>
  </si>
  <si>
    <t>2011年10月，Anker诞生于美国加州，由前Google工程师Steven Yang创办，为全球注册品牌。Anker生产移动电源、充电器、蓝牙外设、数据线等智能数码周边产品，重点市场覆盖北美、日本及欧洲多国。</t>
  </si>
  <si>
    <t>2017年1月11日，全球最大的传播集团WPP和领先的市场调研机构华通明略，联合Google发布了“BrandZ™2017年中国出海品牌30强”的权威榜单，评选出当前在海外市场经营最成功的30个中国品牌。湖南本土品牌Anker上榜，位列第八，领先OPPO、腾讯、360等。</t>
  </si>
  <si>
    <t>忧郁症会复发吗</t>
  </si>
  <si>
    <t>没有治愈的抑郁症自然会复发，但是，得到治愈的抑郁症就不会再复发。</t>
  </si>
  <si>
    <t>抑郁症是可以治好的，而精神分裂基本上很难治愈，且会复发。抑郁症也不会发展为精神分裂，抑郁了，说明不是精神分裂的素质，这其实是一个好的信号，这辈子想精神分裂都分裂不了。抑郁症对发展很可能是件好事。它让陷入反思和内省，治愈后可能会达到比以前更高的层次。</t>
  </si>
  <si>
    <t>抑郁症治愈后复发的概率很小，这点是可以肯定的，但是这样并不是说抑郁症反复发作的情况不会出现在患者身上，要知道抑郁症的复发不是单纯由医师决定，更大的复发危险来源于自身。</t>
  </si>
  <si>
    <t>煎饺要先煮熟吗</t>
  </si>
  <si>
    <t>直接生煎。</t>
  </si>
  <si>
    <t>白素贞是青城山的吗</t>
  </si>
  <si>
    <t>白娘子变成人形后到青城山修炼。</t>
  </si>
  <si>
    <t>iphone7值得买吗 知乎</t>
  </si>
  <si>
    <t>1.7的大小无论是握持的手感还是便捷性来说都比7p要好很多，特别是喜欢那些把手机放口袋的朋友们。2.黑色的一体化和科技感在4.7英寸的屏幕上体现的更好，显得更有设计感，有种精致的感觉。而7p不知怎的，黑色在5.5英寸的屏幕上感觉差了很多。。至少没有7那么有精致感了。</t>
  </si>
  <si>
    <t>Phone7/7 Plus不值得购买的理由。理由一：取消3.5mm耳机接口；理由二：摄像头还是凸起；理由三：双摄选择安卓更多；理由四：iOS 10有的安卓早有了；　理由五：不支持快充功能；理由六：外观设计没有新意；理由七：不支持双卡；理由八：卖得太贵了。</t>
  </si>
  <si>
    <t>虽然s系列一直都是和前代的外观差别不大，但是iPhone的最新的技术科技都是在s系列推出的，所以可以预言，7和6s相比，应该不会有和指纹识别，3D触控一样的代表行业标杆标配的科技，而只会在7s推出，所以个人建议，入手6s，然后如果以后看到7s的新科技很心动的话，可以卖掉6s入手7s。</t>
  </si>
  <si>
    <t>早晨跑步能不能减肥</t>
  </si>
  <si>
    <t>运动时间只要达到半个小时以上就可以燃烧脂肪。当然，想要减肥，关键还是得坚持，只有坚持不懈，才能获得比较明显的减肥效果。此外， 饮食上不妨也给自己制定一个计划，每天控制好热量的摄入。</t>
  </si>
  <si>
    <t>22寸拉杆箱可以登机吗</t>
  </si>
  <si>
    <t>22寸的行李箱托运可以，带上飞机客舱不行。</t>
  </si>
  <si>
    <t>理财规划师有用吗</t>
  </si>
  <si>
    <t>考了这个证书意味着有了一个硬件，但是并不意味着就可以当理财专家了。就像通过司考也不意味着就可以当律师了，这是一个道理，都是需要实战经验的积累。通过司考还好，实习一年，理论上可以当律师；但是拿到理财规划师证书可不意味着你就可以当理财规划师了。目前在北京只有开了一家理财规划师执业机构，而且还在探索阶段，想要当专业的理财顾问没有十来年的经验是不可能的哦。当然拿到理财证书在从事金融相关职业还是有优势的，现在干什么都给看有没有证。所以有个理财规划师的证书还是很有用的。其实推荐可以先去一个大型的互联网金融的企业去学习一下，当有理财规划师的证书以后，想必进入大公司去深度学习是很有必要的。</t>
  </si>
  <si>
    <t>当然有用，有很大作用，它是由国家人力资源与社会保障部职业技能鉴定中心颁发，全国通用，近年来,随着生活水平的提高,人们手中的钱越来越多.但由于个人缺乏专业的知识和及时的信息,如何管好、用好自己的钱,取得最大收益,不断提高生活质量,成为很多人挠头的问题，这就需要针对个人的服务型理财规划师，理财规划师目前的就业前景是一片向好的，从业优势是数量缺口很大，就业前景好，工资又高，理财规划师既可以服务于金融机构，如商业银行，保险公司等，也可以独立执业，以第三方的身份为客户提供理财服务。</t>
  </si>
  <si>
    <t>胖大海可以吃吗</t>
  </si>
  <si>
    <t>可以吃。1，一般胖大海的用法是内服，常用煎汤或泡茶。2，胖大海有肾毒性，可导致肾脏损害，过敏反应包括全身皮肤发痒、口唇水肿、头晕、心慌、恶心等，严重可危及性命。胖大海不适合长期服用。</t>
  </si>
  <si>
    <t>常饮“胖大海”有害。</t>
  </si>
  <si>
    <t>斗战神还有人玩吗2017</t>
  </si>
  <si>
    <t>更新过后，游戏内的人更少了。</t>
  </si>
  <si>
    <t>现在还好，大部分都合区了，双一二，双三四，双五六。除了双五六的灵韵台现在是鬼区，水晶宫是新区，其他的都还好。但是官网更新慢，开了七十级多的几个团本基本都是抗性加高，防御加高，其他没什么变。人气上双三四和双五六应该会多点</t>
  </si>
  <si>
    <t>碧玺可以戴着睡觉吗</t>
  </si>
  <si>
    <t>建议睡觉时把碧玺取下。</t>
  </si>
  <si>
    <t>产检费用可以报销吗</t>
  </si>
  <si>
    <t>1、医疗保险有两种：综合医疗保险、住院医疗保险。2、如果你参保缴纳了综合医疗保险，有部分产检是可以免费的，去医院检查时，医院自动免收这部分费用。如果你参保缴纳了住院医疗保险，你只能在生病住院时享受到医疗保险待遇，门诊则无法使用。3、如果你参保缴纳了生育保险，则产检和生育宝宝时才可以享受到生育保险待遇。大部分必要的产检项目都能记账或报销。而没有参保缴纳生育保险，则无法享受到生育保险待遇。</t>
  </si>
  <si>
    <t>一般情况下有两种，医疗保险和生育保险。而医疗保险又有两种综合医疗保险、住院医疗保险。综合医疗保险：孕妇参保了综合医疗保险，有部分产检是可以免费的，当你去医院检查时，医院会自动免收这部分费用。住院医疗保险：参保了住院医疗保险，只能在生病住院时享受到医疗保险待遇，门诊则无法使用。生育保险：买了生育保险的孕妇产检和生产时都能享受到生育保险的待遇，大部分的必要产检项目都会记账或者报销。如果没有参加生育保险并且缴费，是不能享受到生育保险待遇的，也就是没有办法报销产检费用。</t>
  </si>
  <si>
    <t>qq闪照已销毁还能看吗</t>
  </si>
  <si>
    <t>点击排序，选择按【时间排序】，然后看看闪照消息显示的时间，在文件列表里找到这个时间，唯独这一步需要慢慢来，以此为例，目前发现有两个文件的时间符合，看来离成功不远.把对应闪照时间的缓存文件一个个打开，看来努力是没有白费的，这个正是本例示范发出去的闪照，说好的闪照原来还可以这样找出来.</t>
  </si>
  <si>
    <t>录屏法：其实这一功能大多数手机都是系统自带，没有的话也没有关系，网上这种软件多的是，下载一个就OK啦！利用录屏功能破解闪照的方法是目前来说最简单的一种了，就是在你打开闪现看之前，把录屏功能打开，然后查看闪照，这样我们便把闪照录成了一段视频，我们要做的就是从视频中把闪照截屏保存下来，这个方法不仅简单，而且保存下来的截图也是非常清晰的，足以以假乱真。不过，目前有的手机可以把闪照录下来，而有的手机虽然视频录下来了，但是却仍然看不到闪照，只是在你查看闪照时显示一边黑屏，可以试试。</t>
  </si>
  <si>
    <t>查找闪照文件法：这个方法虽说没有上一种方法简单，但是只要方法对了，一样超级简单。首先，你要做的就是查看闪照发送的时间：记住了发送时间之后，打开文件夹，依次打开&lt;手机内存/tencent/MobileQQ/diskcache&gt;，我们查看的闪照就保存在&lt;diskcache&gt;这个文件夹里边。这一步可是关键步骤啊！我们需要点开功能键把这个文件夹的文件按照“修改时间”排序，这样做是为了方便查找我们要找的文件。从上图也可以看出，这个文件夹有上千个文件，如果不按照时间排一下序，我们是很难找到所需文件的。设置完排序之后，我们找到所需文件，点击&lt;以图片格式打开&gt;，然后用系统自带相册打开便可以看到闪照了。这种方法唯一美中不足的就是图片质量太差，毕竟文件太小，也是情有可原的。</t>
  </si>
  <si>
    <t>叶璇小默先生分手了吗</t>
  </si>
  <si>
    <t>正式宣告分手了。</t>
  </si>
  <si>
    <t>孕妇能不能吃荔枝</t>
  </si>
  <si>
    <t>孕妇吃荔枝能明显改善失眠、健忘，是不错的选择，但是要控制次数跟量。</t>
  </si>
  <si>
    <t>怀孕初期，不宜吃活血的食物(红枣、荔枝)，会造成流产，所以怀孕早期最好不要吃荔枝干；中期可以少量的食用，后期也不能吃荔枝干，会造成早产。</t>
  </si>
  <si>
    <t>怀孕后不要吃。</t>
  </si>
  <si>
    <t>有人理赔过弘康人寿吗</t>
  </si>
  <si>
    <t>住宿发票可以抵扣吗</t>
  </si>
  <si>
    <t>可以按规定抵扣。</t>
  </si>
  <si>
    <t>开具专用发票才能抵扣。</t>
  </si>
  <si>
    <t>外科风云男主是飞升吗</t>
  </si>
  <si>
    <t>石灰乳是溶液吗</t>
  </si>
  <si>
    <t>石灰乳的化学式为Ca(OH)2俗称熟石灰或消石灰，白色固体，微溶于水，其水溶液常称为石灰水。石灰乳一般是在氧化钙中加水生成的。</t>
  </si>
  <si>
    <t>石灰乳不属于溶液,是悬浊液；因为石灰乳中氢氧化钙是微溶于水的,大部分氢氧化钙悬浮在水中(时间久会沉降在底部)形成石灰乳。</t>
  </si>
  <si>
    <t>天天中彩票合法吗</t>
  </si>
  <si>
    <t>这可以的没有问题莘誉才是王道。</t>
  </si>
  <si>
    <t>藤壶能吃吗</t>
  </si>
  <si>
    <t>沙坪坝区府还会搬迁吗</t>
  </si>
  <si>
    <t>不会搬的。</t>
  </si>
  <si>
    <t>甲醛清除剂有用吗</t>
  </si>
  <si>
    <t>甲醛清除剂暂时管用，不能长久处理。</t>
  </si>
  <si>
    <t>膝关节积液会自愈吗</t>
  </si>
  <si>
    <t>这个要看情况，如果积水多的话，不容易吸收，必须抽掉，少的话，少运动，及时外用牵草堂月板膏会慢慢吸收的。</t>
  </si>
  <si>
    <t>dnf对敌人的伤害可以叠加吗</t>
  </si>
  <si>
    <t>出血伤害，附加伤害可以叠加。</t>
  </si>
  <si>
    <t>附加伤害属于白字伤害，和任何装备都不冲突。敌人的伤害增加属于黄字伤害，与一些待定的装备冲突。</t>
  </si>
  <si>
    <t>宽带提速后路由器需要重新设置吗</t>
  </si>
  <si>
    <t>换了宽带，路由器需要重新设置。</t>
  </si>
  <si>
    <t>孕妇能吃海鲜吗</t>
  </si>
  <si>
    <t>如果孕妇对海鲜不过敏的话，可以少量吃海鲜。对其过敏且会诱发湿疹者慎食。每周最多1-2次，每次100克以下，而且不要吃金枪鱼、剑鱼等含汞量高的海鱼，性寒的螃蟹也要慎吃。</t>
  </si>
  <si>
    <t>准妈妈在孕期还是可以吃海鲜的，比如富含蛋白质和钙质的虾类和鱼类。</t>
  </si>
  <si>
    <t>孕妇可以吃燕窝吗</t>
  </si>
  <si>
    <t>hotmail邮箱还能用吗</t>
  </si>
  <si>
    <t>Hotmail作为电子邮件和互联网主要交流平台，已经不复存在。现今，每一个Hotmail账户都应已经迁移到Outlook.com——微软为更好的用户体验而重新设计的新邮箱。</t>
  </si>
  <si>
    <t>hotmail不可以用了。Hotmail是互联网免费电子邮件提供商之一，世界上的任何人可以通过网页浏览器对其进行读取，收发电子邮件。它于1995年，由杰克·史密斯（Jack Smith）和印度企业家沙比尔·巴蒂亚（Sabeer Bhatia）建立，并于1996年7月4日（美国独立日）开始商业运作。于1997年末被微软以4亿美元的巨资收购，并由原来运行于FreeBSD平台逐步过渡至完全运行于Windows平台上。之后还跟微软（Microsoft）的其它服务合并成为MSN和Windows Live的组成部分。2012年7月31日开始，微软Outlook将逐步淘汰Hotmail服务，凸显云计算战略。美国时间2013年5月2日，微软宣布完成Hotmail到Outlook邮箱的升级，用户访问Hotmail将被重定向至Outlook邮箱。Hotmail正式终结。</t>
  </si>
  <si>
    <t>当然能用，微软关闭的是中国大陆地区以外的 Windows Live Messenger 客户端服务。</t>
  </si>
  <si>
    <t>亚当之父是电影吗</t>
  </si>
  <si>
    <t>一部渲染动画短片《Adam》,翻译成《亚当之父》，水准很高，不过就五分钟百度就可都到观看，请采纳。</t>
  </si>
  <si>
    <t>刘恩佑张熙媛分手了吗</t>
  </si>
  <si>
    <t>目前没有说分手。</t>
  </si>
  <si>
    <t>车牌号能换吗</t>
  </si>
  <si>
    <t>不可以。如果已经在车管所登记注册了，就不可以更换。</t>
  </si>
  <si>
    <t>可以，要等2个月。</t>
  </si>
  <si>
    <t>理论上是不可以了。</t>
  </si>
  <si>
    <t>狗能吃巧克力吗</t>
  </si>
  <si>
    <t>实习期能上高速吗</t>
  </si>
  <si>
    <t>不能单独上高速，将被处以20~200元罚款不扣分。一年实习期过后可以单独上高速，在实习期内驾驶机动车上高速公路行驶，应当由持相应或者更高准驾车型驾驶证三年以上的驾驶人陪同。</t>
  </si>
  <si>
    <t>捡的苹果6能解id锁吗</t>
  </si>
  <si>
    <t>肯定有能解的，解开的几率很小很复杂。</t>
  </si>
  <si>
    <t>共享单车密码是固定的吗</t>
  </si>
  <si>
    <t>OFO的一辆车的密码是固定的。</t>
  </si>
  <si>
    <t>因为车辆采用机械锁，4位数的密码永远不变，用户开一次锁得知密码以后，只要不被人骑走，就不需要再花钱开锁了。</t>
  </si>
  <si>
    <t>冬虫夏草真的有用吗</t>
  </si>
  <si>
    <t>挺好的，当然也要看用在哪方面。</t>
  </si>
  <si>
    <t>都是无良商家炒作，再加上民间偏方妖魔化。</t>
  </si>
  <si>
    <t>微信聊天记录清空后还能恢复吗</t>
  </si>
  <si>
    <t>可以。方法一：微信中的“recover”功能。1.打开微信， 然后点击右上角“+”符号，在下拉菜单中，点击"添加朋友".2.在搜索框中输入“：recover”，输入时，要注意到单词前的冒号，需要先将输入法调成英文的在输入。3.点击"搜索“，这时候就会出现一个信息框，可以查看到各种修复选项。4.点击”微信消息与通讯录“，就会弹出”确认修复微信消息与通讯录“的窗口，点击”确定“即可。5.最后等待成功修复，再重新进入微信。方法二:使用互盾苹果恢复大师。1、电脑上请载iTunes软件以及互盾苹果恢复大师。2、打开互盾苹果恢复师，可以查看到，该软件可以通国iPhone设备扫描恢复，也可以iTunes备份文件恢复，根据大家的情况，选择恢复模式。3、将iPhone设备连接到电脑上，互盾苹果恢复大师会自动检测并连接设备。成功连接后，点击”开始从iPhone设备中恢复数据“。4、待互盾苹果恢复大师成功备份好手机数据后，开始扫描设备微信中的记录。5、成功扫描后，在左侧选择”微信“选项，然后可以在右侧查看微信记录。若是需要恢复个别微信好友的记录，勾选出该好友前的方框，选择”导出选聊天记录“即可；当需要恢复所有聊天记录，点击”导出全部聊天记录“。</t>
  </si>
  <si>
    <t>孕妇可以吃枸杞吗</t>
  </si>
  <si>
    <t>答案是肯定的，孕妇是可以吃枸杞的。对于怀孕的女性来讲，一定要记得，如果你有胃寒的症状的话，那么建议你不要食用枸杞，这是因为枸杞，本身就是散热食物，会刺激你的胃部更不适。怀孕的女性如果有腹泻的情况的话，也不要再食用枸杞了，枸杞，本身就有通便的功效，所以，如果再吃，其腹泻的程度更重。孕妇食用枸杞的时候，不建议冲水喝，这样效果其实没有多大。而是建议你可以用煲汤的方式来把枸杞放到里，或者是煲肉的时候，例如，鸡，鸭，等。孕妇在吃枸杞的时候，不建议多吃，一天最好十粒，这样，才能保证好的营养和体温。如果过量食用的话，会导致血热，从而出现流鼻血等情况，反而不利于孕期健康了。</t>
  </si>
  <si>
    <t>孕妇适合食用枸杞，但是枸杞温热身体的效果十分强烈，患有高血压、性情太过急躁的人，在日常饮食中大量摄取肉类会导致面泛红光的人最好不要吃。正在感冒发烧、身体有炎症、腹泻等孕妇在发病期间也不宜吃。</t>
  </si>
  <si>
    <t>孕早期还是可以吃一点枸杞的，不过胃寒的孕妇就不要吃枸杞了，这是因为枸杞本身是散热食物，胃寒的孕妇吃了会加重胃部的不适，此外，腹泻以及感冒的孕妇也最好不要吃枸杞。孕妇早期到底能不能吃枸杞，要根据个人的体质来看，而且枸杞不同的吃法有不同的益处，孕早期想要吃枸杞的准妈妈还是要先咨询医生。</t>
  </si>
  <si>
    <t>有洗碗机还要消毒柜吗</t>
  </si>
  <si>
    <t>一般的洗碗机都带消毒功能了。</t>
  </si>
  <si>
    <t>现在洗碗机好像都带有烘干消毒的功能吧，个人认为消毒柜不是太必要，心理因素占绝大部分。</t>
  </si>
  <si>
    <t>空囊是精子的原因么</t>
  </si>
  <si>
    <t>空囊属于胎停的一种，不能说完完全全是男方的原因。</t>
  </si>
  <si>
    <t>一般男人精子能正常受孕就说明这个精子质量好，所以不能说胎停是因为精子问题，大部分胎停货空囊是因为胚胎本身质量不好导致。</t>
  </si>
  <si>
    <t>如果查出来精子不是很好，那么空囊跟精子很有关系。</t>
  </si>
  <si>
    <t>课栈网贷款是合法的吗</t>
  </si>
  <si>
    <t>就是和培训机构一起坑人的。</t>
  </si>
  <si>
    <t>来分期商品都是正品吗</t>
  </si>
  <si>
    <t>大多数还可以，不过还是要谨慎些验验货最好，因为前些天回收手机的 遇到过它这个平台的翻新机 所以现在都很谨慎。</t>
  </si>
  <si>
    <t>不一定是真。</t>
  </si>
  <si>
    <t>注册税务师取消了吗</t>
  </si>
  <si>
    <t>鉴于注册税务师行业生存发展和对其强化规范的紧迫需要，营造人才发展环境，激发市场创业主体的积极性,对注税只是针对性的进行改革，并不是取消；同时对名称由原来的简称CTA，更改为TA即为税务师职业资格证书。</t>
  </si>
  <si>
    <t>没有被取消，只是取消了税务师的注册功能。</t>
  </si>
  <si>
    <t>故宫珍宝馆和钟表馆值得去吗</t>
  </si>
  <si>
    <t>非常值得去。</t>
  </si>
  <si>
    <t>手机耳机能在电脑上用吗</t>
  </si>
  <si>
    <t>1.可以，将耳机直接插入机箱前绿色插孔即可听歌，但是却不能实现语音功能。2.假如想实现语言功能可以买莲花头转3.5插入后机箱来实现。3.红色插音频输出，白色插麦克风，黑色插耳机即可。</t>
  </si>
  <si>
    <t>可以，只要耳机的插头为3.5MM插头大小便行。1.主机前面板绿色是音频输出，粉红色麦克风。将耳机插头插入绿色插孔即可，但线控及麦克风功能不能使用。2.一般的电脑后面都有三个音频接口：蓝色是音频输入，绿色是音频输出，粉红色麦克风。3.音频输入(蓝色),为外接光驱.随身听及其它音频输入设备,即可以把外部的设备声音传送至电脑播放。</t>
  </si>
  <si>
    <t>泰国需要签证吗</t>
  </si>
  <si>
    <t>去泰国需要办理泰国签证，目前在国内办理泰国签证是免费的，去落地签的话费用是1000泰铢。</t>
  </si>
  <si>
    <t>浪鲸卫浴是一线品牌吗</t>
  </si>
  <si>
    <t>可以的，红星商场里有。</t>
  </si>
  <si>
    <t>不是，一线的toto，科勒，蒙娜丽莎卫浴，法恩莎，九牧等。</t>
  </si>
  <si>
    <t>人人公益网是传销吗</t>
  </si>
  <si>
    <t>撞死人要坐牢吗</t>
  </si>
  <si>
    <t>无过错的情况撞死了，比如你正常行驶，对方突然冲向你，撞死了人，你只需要承担百分之十的损失。只违反了道路交通安全法，没有刑事责任，不用坐牢。其他的有轻微过错但是没有故意的。比如不遵守通规则，撞死人，百分百承担赔钱的责任，只违反了道路交通安全法，没有违反刑法，也没有刑事责任，不用坐牢。有刑法规定的过错情节，撞死人的。比如酒后驾车、醉酒驾车等情况，这时候你违反的就是刑法，就需要坐牢。故意撞死人。不必说，枪毙都可能</t>
  </si>
  <si>
    <t>win10自带温度监控吗</t>
  </si>
  <si>
    <t>不自带。</t>
  </si>
  <si>
    <t>2017年济南房价会降吗</t>
  </si>
  <si>
    <t>对于未来四季度济南将继续维持房价高涨的态势，但是10月份调控政策出台后，上涨幅度将慢慢减少，投机客热度将有所降温，将逐渐进入高位平稳期，没有理由下跌。</t>
  </si>
  <si>
    <t>事实证实，房价 “可控”可能是17年最大的伪命题。17年，依靠广告来维持生存的媒体，将面临处境的艰难，出于生存目的，媒体会继续炒房。</t>
  </si>
  <si>
    <t>虽然近期有微幅下跌的苗头，但济南房价并无大幅下跌的可能，“今年将以高位盘整为主。”</t>
  </si>
  <si>
    <t>住宿费专票可以抵扣吗</t>
  </si>
  <si>
    <t>可以，但要具备几个条件：1、你单位是一般纳税人。2、你的出差要与生产经营有关。3、取得发票联、抵扣联并在规定期限内认证抵扣。</t>
  </si>
  <si>
    <t>若是一般纳税人取得的，那么可以认证抵扣，若是非一般纳税人取得，则不可以认证抵扣。</t>
  </si>
  <si>
    <t>如果是因为业务出差发生的住宿费，不属于上述不得抵扣的情形，可以凭借增值税专用发票来抵扣进项税额。</t>
  </si>
  <si>
    <t>营业执照注册资金可以随便填写吗</t>
  </si>
  <si>
    <t>除螨仪有用吗</t>
  </si>
  <si>
    <t>有用。主要通过“强力拍打”、“清洁排气”、“紫外线杀菌”、“旋转刷”等共同运作，将床褥隐藏的螨虫吸入集尘盒内。床褥除螨机通过一分钟6000次左右的高频震动（每个品牌每分钟震动频率不同），有效清理床褥表面及深处的尘螨及其尸体和排泄物。而每次除螨完毕后，将其放在紫外线底座上，通过5分钟的紫外线消毒还可以避免二次污染。部分除螨机设有双重HEPA，可以过滤灰尘、异味和细菌、排放洁净空气。</t>
  </si>
  <si>
    <t>香港钻戒比大陆便宜吗</t>
  </si>
  <si>
    <t>价格较内地便宜。</t>
  </si>
  <si>
    <t>金桔除湿吗</t>
  </si>
  <si>
    <t>橘子皮具有理气化痰、健胃除湿、降低血压等功能，是一种很好的中药材。</t>
  </si>
  <si>
    <t>薏米要炒过才去湿吗</t>
  </si>
  <si>
    <t>薏米，不炒也可以去湿。但是效果不如炒过的。</t>
  </si>
  <si>
    <t>护照提前一年可以换吗</t>
  </si>
  <si>
    <t>不一定。提前更换护照需要满足：1.护照空白页不满足使用要求。2.签证有效期远远大于护照有效期。3.护照有破损。否则只能等护照有效期不足半年的时候进行更换。</t>
  </si>
  <si>
    <t>可以换。尤其是有要换的理由。</t>
  </si>
  <si>
    <t>红茶和绿茶可以一起喝吗</t>
  </si>
  <si>
    <t>红茶和绿茶一起喝并不会有害，更不会产生有害物质，最多只是口味有点怪。</t>
  </si>
  <si>
    <t>多肉浇水要浇透吗</t>
  </si>
  <si>
    <t>不一定，多肉浇水量与很多因素有关。</t>
  </si>
  <si>
    <t>泰迪好养吗</t>
  </si>
  <si>
    <t>只要稍加训练就可以了。</t>
  </si>
  <si>
    <t>滴滴打车合法吗</t>
  </si>
  <si>
    <t>暴走大事件不怕被告吗</t>
  </si>
  <si>
    <t>不怕。</t>
  </si>
  <si>
    <t>微信可以绑定信用卡吗</t>
  </si>
  <si>
    <t>不是所有的信用卡，必须是微信支持的银行的信用卡。</t>
  </si>
  <si>
    <t>微信是可以绑定信用卡的。</t>
  </si>
  <si>
    <t>合同到期公司不续签有补偿吗</t>
  </si>
  <si>
    <t>用人单位提出不续签的，应该支付劳动者经济补偿金，工作1年支付1个月工资；如果劳动者存在《劳动合同法》14条的情况下要求续签无固定期限劳动合同的话，用人单位拒绝续签违法，应该支付劳动者赔偿金，工作1年支付2个月工资。</t>
  </si>
  <si>
    <t>dnf雪人套2017还出吗</t>
  </si>
  <si>
    <t>应该是不会。</t>
  </si>
  <si>
    <t>包皮阻复环有用吗</t>
  </si>
  <si>
    <t>要说用处肯定是有点，最起码是保持龟头干燥干净。</t>
  </si>
  <si>
    <t>没什么大用，最好别用，那个玩意带着很不舒服的。</t>
  </si>
  <si>
    <t>lsd是毒品吗</t>
  </si>
  <si>
    <t>没有药物成瘾性，药理危害小于香烟啤酒。</t>
  </si>
  <si>
    <t>这是毒品。</t>
  </si>
  <si>
    <t>lsd也是一种精神毒品。</t>
  </si>
  <si>
    <t>做试管婴儿可以吃中药吗</t>
  </si>
  <si>
    <t>服用中药调理月经，对身体和排卵情况都有好处，不会影响做试管的。</t>
  </si>
  <si>
    <t>这个需要根据医生的诊断来判定，如果身体状况不适合做试管，需要中医调理。试管婴儿移植成功之后，需要保胎的情况，有的患者更加适合中医调理。</t>
  </si>
  <si>
    <t>windows defender有用吗</t>
  </si>
  <si>
    <t>非常有用。用这个程序要设置好更新，以保证能识别新病毒。</t>
  </si>
  <si>
    <t>相当好的杀毒软件了，反正比国内某数字的要好很多，内嵌在 win8中了，默认开启，挺不错的。</t>
  </si>
  <si>
    <t>Windows Defender 的主流病毒查杀率约为93.47%，这个查杀率足以对付大多数情况了，达标。而特殊病毒的查杀率就偏低了，没有一项查杀率超过20%，这跟 Windows Defender 的本土化不够有关。不过，Windows Defender 跟 Windows 系统自带的安全机制相配合，安全性还是较高的。</t>
  </si>
  <si>
    <t>大风车恒金币是否合法</t>
  </si>
  <si>
    <t>大风车真实性不用质疑。</t>
  </si>
  <si>
    <t>宝骏730怎么样毛病多吗</t>
  </si>
  <si>
    <t>毛病多。</t>
  </si>
  <si>
    <t>没啥毛病。</t>
  </si>
  <si>
    <t>纳粹礼在中国违法吗</t>
  </si>
  <si>
    <t>当然是不违法的。</t>
  </si>
  <si>
    <t>生育保险男的能用吗</t>
  </si>
  <si>
    <t>普通面粉能做面包吗</t>
  </si>
  <si>
    <t>用普通粉制作，各种原料都是家中常用的，方便取得，口感松软，甜度适中，颜色好看，如有性趣可衍生出各种口味、多种造型和加入各种馅料。</t>
  </si>
  <si>
    <t>能使用普通面粉制作面包，但是，如果不经过特殊处理，普通面粉作出来的面包显得很“死”，微孔收缩，口感很差。</t>
  </si>
  <si>
    <t>普通面粉就可以。做面包用的都是高筋或中筋粉，我们中国面点常用的也都是中高筋面粉，所以一般的什么饺子粉啊都行，不过别用自发粉。</t>
  </si>
  <si>
    <t>乳腺增生可以热敷吗</t>
  </si>
  <si>
    <t>可以热敷的。</t>
  </si>
  <si>
    <t>乳腺增生患者，如果有乳房疼痛不适症状，可以适当热敷的</t>
  </si>
  <si>
    <t>热敷可以促进乳腺局部的血压循环，使血管扩张，在某种程度可以缓解患者疼痛的症状。</t>
  </si>
  <si>
    <t>长陵被盗过吗</t>
  </si>
  <si>
    <t>没有被盗过。</t>
  </si>
  <si>
    <t>过期酸奶能喝吗</t>
  </si>
  <si>
    <t>不能喝。酸奶是人为控制条件下的发酵，含有大量益生菌，变质就不一样了，含微生物种类繁多，对身体不好. 而且厂家为了不破坏营养一般用的是巴氏消毒法，没有办法完全杀灭细菌芽孢哦~过期的酸奶很可能已经滋生其他微生物咯…还是不要喝了… 用来浇花还可以，就是用来护肤的话，也有可能损伤皮肤的。</t>
  </si>
  <si>
    <t>1、过期酸奶喝了最大的害处就是食物中毒，会上吐下泻，会得痢疾。2、过期酸奶放在常温下酸奶中的活菌也会死掉，那么过期的酸奶中活菌自然也会死掉，这就失去了喝酸奶的意义。3、过期的酸奶喝了会引起便秘。4、过期的酸奶受沙门氏菌，弧形杆菌，大肠杆菌等细菌感染，引发恶心，呕吐、腹泻甚至呼吸，循环衰竭等突发性疾病。5、过期的酸奶在受细菌感染的同时也有可能发生化学变化，产生黄曲霉素，亚硝胺，丙烯酰胺等物质，导致“化学型”中毒，诱发癌变，心血管疾病甚至基因突变。</t>
  </si>
  <si>
    <t>尽量不要喝过期的酸奶，处在保质期内的酸奶中含有活菌，对于身体是有益的，当然酸奶是需要冷藏起来的，长时间放在常温下酸奶中的活菌也会死掉，那么过期的酸奶中活菌自然也会死掉，这就失去了喝酸奶的意义，但过期的酸奶中蛋白质以及钙质还是存在的。</t>
  </si>
  <si>
    <t>鸟屎掉头上会走鸿运吗</t>
  </si>
  <si>
    <t>3d豪情2到底有没有</t>
  </si>
  <si>
    <t>没听说有豪情2。</t>
  </si>
  <si>
    <t>硼砂有毒吗</t>
  </si>
  <si>
    <t>硼砂口服对人体有毒,外用有有清热解毒,消肿防腐的作用,多外洗,配制或配成眼剂外用。</t>
  </si>
  <si>
    <t>长期小量摄入硼砂在人体内有蓄积性，对人体健康危害较大。</t>
  </si>
  <si>
    <t>上海采埃孚待遇好吗</t>
  </si>
  <si>
    <t>好的时候几乎月月有惊喜，双薪制度确实会增加工作幸福感，不过经过上汽的薪资改革以后也只能盼盼各个节假日了。</t>
  </si>
  <si>
    <t>总的来讲在汽车零部件行业里中上。</t>
  </si>
  <si>
    <t>应届毕业生，待遇6.5万左右。</t>
  </si>
  <si>
    <t>激光黄褐斑会反弹吗</t>
  </si>
  <si>
    <t>不会反弹，但是容易遗留色素沉着，这种色素沉着容易被人解读为反弹。</t>
  </si>
  <si>
    <t>一般情况下并不会反弹。</t>
  </si>
  <si>
    <t>不存在反弹的可能。</t>
  </si>
  <si>
    <t>win10能装ie8吗</t>
  </si>
  <si>
    <t>第一步：点击“我的电脑”进入我电脑页面，选择“卸载或更新程序“。 第二步：在”程序卸载”中左侧菜单栏找到“已安装更新”，直接卸载“IE 10”（不用卸载中文包），重启电脑后就会变回“IE 8”。</t>
  </si>
  <si>
    <t>1、360极速浏览器的兼容模式，是完全模拟IE8的。2、IE下也有兼容模式，可以模拟IE8来使用。3、IEtest下有IE8，可以模拟IE8。</t>
  </si>
  <si>
    <t>丁志诚是不是结巴</t>
  </si>
  <si>
    <t>叶黄素能长期吃吗</t>
  </si>
  <si>
    <t>叶黄素类产品在用来调理眼疾，一般是需要长期服用的。</t>
  </si>
  <si>
    <t>最好不要长期吃。</t>
  </si>
  <si>
    <t>只要不过量服用是不会有副作用的，国家规定是叶黄素酯每天摄入不要超过12mg。过量服用会对肝脏造成负担，所以这个不是时间问题是一个数量问题。</t>
  </si>
  <si>
    <t>王者荣耀分安卓和ios吗</t>
  </si>
  <si>
    <t>分：1.不能加好友，ios和安卓只能加QQ好友，但是游戏好友的话是查不到对方的；2.不能结为恋人，好友都不是了还想要结婚，想得太多了；3.不能师徒，和好友一样，ios和安卓也不能互相拜师，只能找自己同服务器的玩家；4.不能加入战队，其实不只是ios和安卓，不同的ios区也不可以加入一个战队，比如ios21区就不能加入ios20区的战队，只能加自己本服务器的；5.可以双排，双排指的就是组队排位赛，这个是可以一起参加的。</t>
  </si>
  <si>
    <t>骨盆前倾能彻底治好吗</t>
  </si>
  <si>
    <t>骨盆前倾应该是一个先天性发育问题吧，这也没有好的办法矫正，也可以考虑手术，是没有办法彻底治愈的。</t>
  </si>
  <si>
    <t>骨盆前倾是可以彻底治愈的，不同病症的患者治疗的方法有很大的区别性。如果是轻微的骨盆前倾，早期可以用运动锻炼疗法，能够及时控制病症，但是如果是较为严重的患者，需要借助于手术疗法来控制病情，所以大家建议还是要做到早诊断早治疗，早期治愈率相当高的，到了后期治疗难度还是比较大的。</t>
  </si>
  <si>
    <t>杨梅里面的虫子能吃吗</t>
  </si>
  <si>
    <t>如果不小心吃下去，不会有不良反应。</t>
  </si>
  <si>
    <t>dnf解制裁是真的吗</t>
  </si>
  <si>
    <t>黑胶伞能当雨伞用吗</t>
  </si>
  <si>
    <t>可以的，买的时候说晴雨两用就可以。</t>
  </si>
  <si>
    <t>不能的，雨伞肯定是雨天用的，不过也有防紫外线系数的，可以遮阳，但效果欠佳。</t>
  </si>
  <si>
    <t>王者荣耀有电脑版吗</t>
  </si>
  <si>
    <t>电蚊香液能杀死蚊子吗</t>
  </si>
  <si>
    <t>电蚊香液能驱除并杀死蚊子。</t>
  </si>
  <si>
    <t>政法委副书记有实权吗</t>
  </si>
  <si>
    <t>政法委副书记没有实权</t>
  </si>
  <si>
    <t>灭蚊灯有用吗</t>
  </si>
  <si>
    <t>灭蚊灯是有一定灭蚊功效的。</t>
  </si>
  <si>
    <t>紫外线灭蚊灯不能消灭蚊子，这是科学家早就反复实验证实的。</t>
  </si>
  <si>
    <t>有用，灭蚊灯是利用蚊子对特殊波长的敏感性，通过光催化二氧化碳来吸引蚊子，通过外围的高压电网瞬间将蚊虫杀死。</t>
  </si>
  <si>
    <t>银屑病好治吗</t>
  </si>
  <si>
    <t>当然可以治好，夏季是治疗牛皮癣的最佳时机哦。积极配合医生，找专业的治疗牛皮癣的医院。</t>
  </si>
  <si>
    <t>到了一定的年限，自己就会治愈的。你可以适当的用些药，减轻一下。</t>
  </si>
  <si>
    <t>第五元素喷剂是真的吗</t>
  </si>
  <si>
    <t>有真有假认准防伪就行。</t>
  </si>
  <si>
    <t>迪拜转机需要过境签吗</t>
  </si>
  <si>
    <t>不需要过境签证。</t>
  </si>
  <si>
    <t>不出机场是不需要的，现在出机场也是不需要的，因为阿联酋现在是中国护照落地免签30天政策。</t>
  </si>
  <si>
    <t>麻辣小龙虾干净吗</t>
  </si>
  <si>
    <t>市场出售的小龙虾都是人工养殖的，养殖的环境确实是非常脏。</t>
  </si>
  <si>
    <t>蚊香对宝宝有害吗</t>
  </si>
  <si>
    <t>有害，蚊香是由化学杀虫剂构成的，它的烟雾对人体或多或少都是有害的，更不用说小婴儿了。</t>
  </si>
  <si>
    <t>不会编程能玩树莓派吗</t>
  </si>
  <si>
    <t>看要干嘛，当下载机，当上网本，就不需要编程知识。如果想用来接传感器输出到网页或是控制别的设备，需要编程。</t>
  </si>
  <si>
    <t>当然可以，入手以后就会有编程知识了。</t>
  </si>
  <si>
    <t>可以，连电视上，当网络，光盘（接个光驱），u 盘，硬盘播放器用。</t>
  </si>
  <si>
    <t>行政拘留有案底吗</t>
  </si>
  <si>
    <t>行政拘留不属于犯罪记录的案底，但是，被行政拘留的记录在公安机关的治安部门应当是可以查到的。</t>
  </si>
  <si>
    <t>一般认为行政处罚也算有案底。</t>
  </si>
  <si>
    <t>路亚线组是否加铅坠</t>
  </si>
  <si>
    <t>一般使用软饵时都会加，为了抛的更远，也为了在水底能有更骚的动作，当然也有不加的，不过路亚用的是子弹铜，和铅坠还是有区别的，也有本身带有配重的钩子比如铅头钩和包铅曲柄钩，当然还有包铅鱼。</t>
  </si>
  <si>
    <t>路亚一般不用铅坠，加铅坠的情况，当然有，一是为了增加抛投的距离，二是用于对付深水层的鱼。</t>
  </si>
  <si>
    <t>kindle2017会出新品吗</t>
  </si>
  <si>
    <t>会更新，kindle更新分大小年，隔年硬件升级，隔两年一个大年新产品功能升级。2016款kindle paperwhite比着2015款kindle paperwhite在内存和ppi方面有升级，2016年推的新品Voyage和Oasis。2017年是小年，kindle会升级。</t>
  </si>
  <si>
    <t>2017年6月份。</t>
  </si>
  <si>
    <t>以往的Kindle发布时间表表明，2017 年很可能会有一款升级的 Kindle Paperwhite。</t>
  </si>
  <si>
    <t>阿司匹林可以祛斑吗</t>
  </si>
  <si>
    <t>戴德梁行是大公司吗</t>
  </si>
  <si>
    <t>香港戴德梁行于1993 年成立，并于2000 年元月1 日与英国DTZ Debenham Thorpe(DTZ)及新加坡戴玉祥公司合并，称为戴德梁行公司。戴德梁行是一家综合性的房地产咨询有限公司，物业管理是其主要的专业服务内容之一。公司的业务范围遍及全世界的40 个国家和地区，拥有200 个办事处，专业人员达10000 余名之多。作为国际知名房地产顾问公司，随着整个大陆房地产市场的发展和活跃，戴德梁行已陆续在全国13 个城市设立分公司（现时戴德梁行在深圳、上海、广州、北京、大连、天津、重庆、成都等地均设有正式牌照分公司），业务范围覆盖60 多个城市。经过十余年的发展，戴德梁行已在全中国发展成为拥有三千多名专业人员的专业服务机构，提供并通过专业到位的服务，与很多客户保持着良好的伙伴关系，管理的物业面积超过二千五百万平方米，成为中国最有影响力的地产顾问咨询公司之一。戴德梁行多元化的国际网络确保客户可以获得全球如一的高水平服务。凭着戴德梁行在物业管理及其他房地产相关服务方面的专业知识与经验，戴德梁行的业务范围现已涵盖了公营及私营等不同领域。戴德梁行在不同类型的物业及设施运作方面均累积了丰富的管理经验，并且戴德梁行正努力让众多的置业者能够享受到戴德梁行提供的全球标准专业化的、全方位的优质服务。</t>
  </si>
  <si>
    <t>戴德梁行的业务主要在英国，香港，新加坡，后来又拓展到澳大利亚，而大中华区业务可以排上前三。戴德梁行宣布，合并后的新公司将以高纬环球品牌在市场上运营，收入将达55亿美元，全球人员超过43000名，为全球机构、企业及私人客户管理物业面积40亿平方呎（3.7亿平方米）。</t>
  </si>
  <si>
    <t>舌尖红西洋参能吃吗</t>
  </si>
  <si>
    <t>西洋参清热养阴，但是单味用于舌头刺痛上火可能存在留邪的弊端。</t>
  </si>
  <si>
    <t>乌龟会叫吗</t>
  </si>
  <si>
    <t>三支一扶能入编转正吗</t>
  </si>
  <si>
    <t>三支一扶服务期满，表现优秀的话，不能直接转入公务员编制。</t>
  </si>
  <si>
    <t>如果条件非常优秀，在任职期间对当地做出了非常大的事业贡献，那么服务期满之后就可以入编转正。不过这具体还是需要根据当地主管部门确定。</t>
  </si>
  <si>
    <t>被女生拒绝了还有机会吗</t>
  </si>
  <si>
    <t>被女孩子拒绝之后其实还有机会。</t>
  </si>
  <si>
    <t>作为一个女生我可以告诉你，你的机会很小。</t>
  </si>
  <si>
    <t>伪装者还有第二部吗</t>
  </si>
  <si>
    <t>没有确切消息。</t>
  </si>
  <si>
    <t>高血压能喝咖啡吗</t>
  </si>
  <si>
    <t>不能喝咖啡。</t>
  </si>
  <si>
    <t>正当防卫3好玩吗</t>
  </si>
  <si>
    <t>好玩，《正当防卫3》的完整地图大小约为400平方公里，和前作差不多，更多的海洋区域和互动也为游戏加入了更多乐趣。</t>
  </si>
  <si>
    <t>柳屋生发液有用吗</t>
  </si>
  <si>
    <t>柳屋生发液对付掉发真的很有用。</t>
  </si>
  <si>
    <t>这种生发液一般用处都不大。</t>
  </si>
  <si>
    <t>朴宝英现在有男朋友吗</t>
  </si>
  <si>
    <t>婴儿游泳馆赚钱吗</t>
  </si>
  <si>
    <t>开一家婴幼儿游泳馆利润空间非常可观。</t>
  </si>
  <si>
    <t>民政局星期六上班吗</t>
  </si>
  <si>
    <t>民政局上班情况一般情况是这样子的，周一到五全天上班，周六有的民政局有人值班，周日全天休息。</t>
  </si>
  <si>
    <t>民政局周一至周六是有人上班的。</t>
  </si>
  <si>
    <t>精神病会遗传吗</t>
  </si>
  <si>
    <t>有一些精神病已经肯定为遗传性疾病，而且遗传方式也十分明确，如家族性黑朦性痴呆、苯丙酮尿症、亨廷顿舞蹈病、先天愚型、肝豆状核变性、精神分裂症等。而另一些精神病的发病有遗传因素起作用，但目前还不能确定遗传因素起多大作用和确切的遗传方式。</t>
  </si>
  <si>
    <t>猫身上的跳蚤会跳到人身上吗</t>
  </si>
  <si>
    <t>一台手机可以上两个微信吗</t>
  </si>
  <si>
    <t>可以，下载“微信共存版”就可以实现两个微信，具体操作如下：1）在百度上搜索同步推，然后进入其官网；2）下载并安装同步推，注意区分安卓版和IOS版；3）进入同步推，搜索“微信共存版”，然后下载安装；4）进入微信共存版，登入其他账号即可。</t>
  </si>
  <si>
    <t>可以。1.在手机应用商店里面搜索“微信多开宝”此软件。2.下载安装好之后，打开此软件，点击“云图标”，安装第一个微信。3.如果想安装第二个微信，只需要再次点击“云图标”既可。</t>
  </si>
  <si>
    <t>腿腿和蘑菇头是夫妻吗</t>
  </si>
  <si>
    <t>充电宝能上飞机吗</t>
  </si>
  <si>
    <t>民航局对于携带充电宝的规定：额定能量小于100Wh能带上飞机。最多能带2个充电宝上飞机，而额定能量不能大于100Wh，也就是说，旅客们最多可以携带2个充电宝上飞机，而且总容量不超过20000毫安。民航局对于不能携带充电宝的规定：三无充电宝不能带上飞机，所有的充电宝一律不能托运，只能当做手提行李携带上飞机。</t>
  </si>
  <si>
    <t>35周胎儿可以生了吗</t>
  </si>
  <si>
    <t>剖腹产。</t>
  </si>
  <si>
    <t>怀孕35周是胎肺成熟的重要时期，若必须分娩，建议用促胎肺成熟的药物。</t>
  </si>
  <si>
    <t>早产是指在满28孕周至37孕周之间，既在怀孕196～258天的分娩，所以怀孕35周还算早产，如果母体和胎儿一切正常的话，最好在足月进行生产，保证孩子发育完全，避免不必要的伤害。</t>
  </si>
  <si>
    <t>喷雾能带上飞机吗</t>
  </si>
  <si>
    <t>1. 所有旅客随身携带之液体、凝胶及喷雾类物品，均需以容量不超过100毫升的容器盛装，任何容量大于100毫升的容器，就算未装满也不会接纳。2. 所有盛装液体、凝胶及喷雾类物品之容器，军营储存于一个容量不超过一公升、并可重复密封的透明塑料袋内，而且要确保塑胶袋完全封妥。</t>
  </si>
  <si>
    <t>如果是有易燃标志的喷雾化妆品是不可以带上飞机的，不属于易燃品，可以随身携带不超过100ml，超出的可以托运。携带的液态物品每件容积不得超过100毫升（ml）。</t>
  </si>
  <si>
    <t>现在生孩子要准生证吗</t>
  </si>
  <si>
    <t>必须要办准生证。</t>
  </si>
  <si>
    <t>16年起，家庭生育一孩和二孩子女，不需要办理准生证。</t>
  </si>
  <si>
    <t>硕士延期毕业可怕吗</t>
  </si>
  <si>
    <t>一般都是延期半年毕业，倒不至于说下场很惨，只是对找工作，签工作有影响。如果找到的单位能接受延期取得毕业证就没关系了。</t>
  </si>
  <si>
    <t>如果单单是因为论文质量问题打算延期半年，那么是看不到任何负面的影响的。然而正面的影响，就是会有一篇更高质量的论文，和半年多的学习时间，这无疑是以后职场上面试官更为看重的。</t>
  </si>
  <si>
    <t>“其实，在国外，博士生延期毕业是很正常的现象，本科实行学分制，博士生教育没有具体的学制规定，5年、6年都很常见，学校和学生看重的是论文质量，而不是时间。”著名教育专家熊丙奇说。不少学者也表现，延期毕业也是对学生质量高要求的体现，说明门槛正在提高。</t>
  </si>
  <si>
    <t>婚前购买的房子婚后算共同财产吗</t>
  </si>
  <si>
    <t>婚前买的房子,婚后还在还贷，婚前部分不算共同财产，婚后还贷部分算。</t>
  </si>
  <si>
    <t>不属于共同财产,婚前的房子以房地产证的名字和时间为准,之后的银行按揭属于共同债务,如果离婚的话,需要把这个共同债务的一半的钱给老公或老婆。</t>
  </si>
  <si>
    <t>比特币交易网是真的吗</t>
  </si>
  <si>
    <t>比特币就是骗局。</t>
  </si>
  <si>
    <t>虚拟的。</t>
  </si>
  <si>
    <t>北京贷款公司可靠吗</t>
  </si>
  <si>
    <t>北京钻诚已经成立9年，若是正规渠道联系的是可以信赖依靠的，属于担保机构，可以帮助取得贷款。</t>
  </si>
  <si>
    <t>禽流感鸡蛋能吃吗</t>
  </si>
  <si>
    <t>可以吃鸡蛋的。</t>
  </si>
  <si>
    <t>百香果糖尿病人可以吃吗</t>
  </si>
  <si>
    <t>乐钱安全吗</t>
  </si>
  <si>
    <t>乐钱挺安全的。乐钱技术团队成员均来自于国内大型门户网站及金融企业的技术部门，具有丰富的网站开发及安全保障经验；乐钱采用了阿里金融云服务，金融云除了具有高可靠、高可用、高弹性等特性外，实现安全合规，获得全球首个云安全国际认证金牌，通过ISO27001、等保测评。乐钱严格遵守央行等监管部门的相关管理规定，只作为资金需求的撮合中介，为有资金需求的借款企业寻找对接的闲置资金；投资用户与借款企业的资金在严格、完善的流程监管下对接；投资用户可实时监控自己的投资与存量资金流向，可实时查询资金到账详情；乐钱对用户资料实行严格保密，采用单向加密机制管理用户资料及资金状况，除用户个人能了解自己的资料及资金状况外，其他任何人均无权限查看、了解用户及资金状况。</t>
  </si>
  <si>
    <t>乐钱技术团队成员均来自于国内大型门户网站及金融企业的技术部门，具有丰富的网站开发及安全保障经验；乐钱采用了阿里金融云服务，金融云除了具有高可靠、高可用、高弹性等特性外，实现安全合规，获得全球首个云安全国际认证金牌，通过ISO27001、等保测评。乐钱采用了国际安全巨头赛门铁克公司提供的安全解决方案，包括扩展验证SSL证书、绿色地址栏、最高256位加密、价值 1,500,000 美元的保障以及漏洞评估服务、以及 24/7 全天候支持。乐钱网站全部数据采用加密传输，确保您的个人隐私和资金安全。查看乐钱扩展验证SSL证书信息。乐钱建有严格的内部信息安全管理制度，用户账户等隐私信息均被多道内部防火墙隔离。在乐钱投资是十分可靠的。</t>
  </si>
  <si>
    <t>合作第三方支付平台：北京新浪支付科技有限公司“微钱包”；北京数码视讯软件技术发展有限公司“丰付”；连连银通电子支付有限公司“连连支付”。资金安全：投资用户可实时监控自己的投资与存量资金流向，可实时查询资金到账详情；网站采用国际领先的系统加密及保护技术，实行“365x24”的全天候监控。信息安全：乐钱采用了阿里金融云服务，金融云除了具有高可靠、高可用、高弹性等特性外，实现安全合规，获得全球首个云安全国际认证金牌，通过ISO27001、等保测评。</t>
  </si>
  <si>
    <t>没有手机号可以注册微信吗</t>
  </si>
  <si>
    <t>公司迟到扣钱合法吗</t>
  </si>
  <si>
    <t>如果有制定标准，合法，但是工资克扣的太多，不合理，你还是可以去劳动仲裁委仲裁。</t>
  </si>
  <si>
    <t>公司按迟到分钟数扣钱合法，但所扣工资必须少于劳动者当月工资的20%。</t>
  </si>
  <si>
    <t>乳酸堆积会长肌肉吗</t>
  </si>
  <si>
    <t>qq删除好友对方知道吗</t>
  </si>
  <si>
    <t>1，不会提醒，删除对方后系统并不会提醒对方，对方如果发送消息系统会显示，需要添加对方好友才能给对方发送消息。2，目前腾讯QQ没有设此功能，若对方不在好友列表是收不到对方发来的消息的。</t>
  </si>
  <si>
    <t>QQ好友恢复对方不会收到任何添加信息或者提示,如果不发送信息给好友,好友是不知道在他的QQ上,当发送信息给好友时,是在好友的"陌生人"栏里。</t>
  </si>
  <si>
    <t>不会。删除的话只是好友名单里没有对方了，而对方的好友名单里还有你，对方不会知道把他删了。拉黑名单则是好友里没对方，对方好友里也没你了。</t>
  </si>
  <si>
    <t>ibm被联想收购了吗</t>
  </si>
  <si>
    <t>联想并未收购IBM。</t>
  </si>
  <si>
    <t>四川钱坤的老师靠谱吗</t>
  </si>
  <si>
    <t>这个项目不出名。不做评判。但是不出名间接的说明这个项目没有影响力，没有太大的投资空间。投资有风险，需谨慎。</t>
  </si>
  <si>
    <t>养金刚鹦鹉犯法吗</t>
  </si>
  <si>
    <t>如果是国家保护动物，就犯法，具体请询问派出所。</t>
  </si>
  <si>
    <t>金刚鹦鹉原产于美洲，属于2级保护动物，中国加入野生动物法后，金刚鹦鹉同样在中国受保护，所以说金刚鹦鹉在中国也属于保护对象。</t>
  </si>
  <si>
    <t>两个双眼皮的父母可以生出单眼皮的孩子吗</t>
  </si>
  <si>
    <t>360云盘不能用了吗</t>
  </si>
  <si>
    <t>2016年11月1日起停止云盘上传服务，包括上传、转存等数据写入功能均关闭。2017年2月1日起不再保留云盘数据，关闭所有用户云盘服务并清空数据。</t>
  </si>
  <si>
    <t>是的，数据会全部清空。</t>
  </si>
  <si>
    <t>魔兽世界只有月卡了吗</t>
  </si>
  <si>
    <t>是的，改成只能用月卡了。</t>
  </si>
  <si>
    <t>服务器1g内存够用吗</t>
  </si>
  <si>
    <t>银联商务是正规公司吗</t>
  </si>
  <si>
    <t>银联商务有限公司是中国银联控股的从事银行卡收单专业化服务的全国性公司。</t>
  </si>
  <si>
    <t>成都银联商务公司就是一个骗子公司 皮包公司</t>
  </si>
  <si>
    <t>八戒日付网是真的吗</t>
  </si>
  <si>
    <t>个人账户能给公司账户转账吗</t>
  </si>
  <si>
    <t>当然可以的，不过跨行的话到款的时间不定1天2天。是银行都可以。</t>
  </si>
  <si>
    <t>债权转让车能买吗</t>
  </si>
  <si>
    <t>债权转让的车虽然可以买，但是会有很多风险。</t>
  </si>
  <si>
    <t>西安限购吗</t>
  </si>
  <si>
    <t>做肠镜痛不痛</t>
  </si>
  <si>
    <t>不痛。</t>
  </si>
  <si>
    <t>有点胀痛。</t>
  </si>
  <si>
    <t>win10还免费吗</t>
  </si>
  <si>
    <t>没有。可以免费获取。</t>
  </si>
  <si>
    <t>除权除息日股票会跌吗</t>
  </si>
  <si>
    <t>股票除息除权，对股价没有什么影响，股票有自己的运行规律，如果是高除权的，建议离场观望，小除权的影响不大，总之，需要尊重股票内在的运行规律。除权除息，对股价的影响表现在除权之前和除权之后，除权除息本身说明公司业绩很好，因为容易得到资金的追捧。一方面，在业绩报告出来之前，业绩良好，可能引发除权之前的追捧，另一方面，除权之后，一只股票很可能从高价股变成低价股，符合股民喜欢买低价股的心理想法，而且股民还有这只股票可以回到原来价位的预期。因为除权之后，经常会出现填权行情。在除权除息之前不需要做任何准备。除权之后大跌，是因为利好兑现。如果除权之前在涨，除权之后继续涨，说明主力对该股介入非常深，利用大势吸引眼球，继续拉升择机出货。</t>
  </si>
  <si>
    <t>除权除息后一般有一个填权行情，但是在大盘快速下跌时也有例外。</t>
  </si>
  <si>
    <t>除权除息后，股价就会稀释了。</t>
  </si>
  <si>
    <t>节育环不取可以吗</t>
  </si>
  <si>
    <t>王芳老公田捷是二婚吗</t>
  </si>
  <si>
    <t>增值税专用发票地址有误能否正常抵扣</t>
  </si>
  <si>
    <t>李彩桦结婚了吗</t>
  </si>
  <si>
    <t>已婚。</t>
  </si>
  <si>
    <t>尼尔机械纪元二周目可以用2b吗</t>
  </si>
  <si>
    <t>不行，好像需要第三周目就是2A 的剧情过后四周目才能选人。</t>
  </si>
  <si>
    <t>office2016好用吗</t>
  </si>
  <si>
    <t>office2016虽然比前一版本有些进步，但是进步并不像windows10那般翻天覆地。在office2016正式版发布之前，暂时也不建议普通用户进行升级，毕竟预览版还不够成熟，有一些用户甚至反映excel打开反映缓慢等bug。</t>
  </si>
  <si>
    <t>相比Office2013以及更早期的版本而言，Office2016具有极高的辨识程度。在Office2016中，Word的协同创作功能有所提升。在Office2016中，协同工作的界面也有了很大的改善。</t>
  </si>
  <si>
    <t>牛奶蒸蛋会中毒吗</t>
  </si>
  <si>
    <t>不会中毒。</t>
  </si>
  <si>
    <t>傅晶结婚了吗</t>
  </si>
  <si>
    <t>未婚。</t>
  </si>
  <si>
    <t>没有结婚，和父母住一起。</t>
  </si>
  <si>
    <t>brics是奢侈品牌吗</t>
  </si>
  <si>
    <t>Brics（布利克丝）是来自意大利的女士名包品牌，1952年由Mario Briccola先生创立，而他一直以其富有远见的创造力和卓有成就，将Brics从一个手工作坊发展为现在享誉世界的知名品牌，并成为箱包与女袋生产领域的翘楚。</t>
  </si>
  <si>
    <t>晚婚假取消了吗</t>
  </si>
  <si>
    <t>十二届全国人大常委会第十八次会议12月21日至27日在北京召开，此次会议初次审议了《人口与计划生育法修正案草案》，明确在2016年1月1日施行。修正案草案修改了与全面两孩政策不协调的奖励保障措施，删除了对晚婚晚育夫妻、独生子女父母进行奖励的规定。 根据目前《婚姻法》以及《计划生育条例》的规定，符合法定结婚年龄的初婚公民可享受3天法定婚假;晚婚初婚者可享受15天晚婚假(包含3天法定婚假);二婚者只可享受3天的法定婚假，不能享受晚婚假。 国家关于婚假的规定 1、按法定结婚年龄(女20周岁，男22周岁)结婚的，可享受3 天婚假。 2、符合晚婚年龄(女23周岁，男25周岁)的，可享受晚婚假15天(含3天法定婚假)。 3、结婚时男女双方不在一地工作的，可视路程远近，另给予路程假。 4、在探亲假(探父母)期间结婚的，不另给假期。 5、婚假包括公休假和法定假。 6、再婚的可享受法定婚假，不能享受晚婚假。</t>
  </si>
  <si>
    <t>1、按法定结婚年龄(女20周岁，男22周岁)结婚的，可享受3天婚假。2、符合晚婚年龄(女23周岁，男25周岁)的，可享受晚婚假15天(含3天法定婚假)。3、结婚时男女双方不在一地工作的，可视路程远近，另给予路程假。4、在探亲假(探父母)期间结婚的，不另给假期。5、婚假包括公休假和法定假。6、再婚的可享受法定婚假，不能享受晚婚假。</t>
  </si>
  <si>
    <t>按照修正案草案，从2016年1月1日起可能将取消晚婚假、晚育假。某国企人力资源部表示，只要新政策没实施，就按老政策执行，所以，只要12月31日前拿着结婚证去请假，符合条件的仍可享受晚婚假。</t>
  </si>
  <si>
    <t>新快现上征信吗</t>
  </si>
  <si>
    <t>支付宝证件夹交警认吗</t>
  </si>
  <si>
    <t>这个功能确实能为某些用户提供个移动的证件记录簿，但是，目前只是起着辅助作用，如果现在就拿着支付宝“证件夹”直接开车上路，还是不中的。不过相信，对于不带证件上路的情形，也只是早和晚而已，定能实现。</t>
  </si>
  <si>
    <t>建议用户还是带上自己的驾驶证，并没有官方声明可以使用支付宝电子驾照。</t>
  </si>
  <si>
    <t>支付宝表示，对于经常脑袋短路忘记携带证件的用户，可以为其存储电子信息，解了后顾之忧。使用起起来非常的便利。建议用户支付宝证件夹虽然可以上传驾驶证件照片，但是如果有交警要查证件，这个说不好的，因为并没有官方声明可以使用支付宝电子驾照。所以各位亲们最好还是带上自己的驾驶证那，避免万一。等到还是支付宝证件夹交完全普及了后就是可以使用支付宝证件夹交了，这样交警是肯定会承认的。</t>
  </si>
  <si>
    <t>房贷提前还款合算吗</t>
  </si>
  <si>
    <t>贷越多越好，时间越长越好，在高息周期本金很多的时候可提前还贷，在低息周期尽量不要提前还。</t>
  </si>
  <si>
    <t>提前还款没有违约金一说，但有的银行要收取补偿金，有的银行叫手续费，都不多，几百元足够。具体看你当时和银行签的合同。具体采用哪种方式要看你的还款能力，如果月供压力不大，当然选择缩短期限的方式，这样支付的利息少。</t>
  </si>
  <si>
    <t>适合提前还款的人群：1、不愿意有负债，不想承受过大生活压力的人。2、购房不久，处于还款初期的人。由于刚开始还贷，本金基数大，利息相应高，如果手头有闲置资金，而又没有较好的投资方向，提前还贷也是一个不错的选择。3、希望将房子作为融资工具、从银行获取更多贷款的情况。近年房价上涨较快，部分房屋评估价值相比购买初期已经上涨较多，如果将房屋按揭贷款还清，再以房产抵押从银行贷款往往能获得更大授信额度。</t>
  </si>
  <si>
    <t>女生自慰有影响吗</t>
  </si>
  <si>
    <t>正常的需要 无论男女，自青春期开始，性欲便会渐渐增强。美国的调查发现，百分之九十四的男性及百分之六十三的妇女曾经自慰，且几乎所有的研究也找不出自慰的害处。自慰会提高性欲，对身体没什么坏处，可以提高精神状态，对子宫的收缩也有帮助。但也不要过分的自慰，将来很难得到满足。</t>
  </si>
  <si>
    <t>赢了网的律师靠谱吗</t>
  </si>
  <si>
    <t>应该还行吧，律师介绍里都有律师证号的，如果不放心的话可以去当地的律师协会网站查一下，输入律师证号或者律师姓名就能看到律师的执业信息。</t>
  </si>
  <si>
    <t>陆晨曦的妈妈死了吗</t>
  </si>
  <si>
    <t>fgo石头号会被封吗</t>
  </si>
  <si>
    <t>过章号封的概率大。</t>
  </si>
  <si>
    <t>聚氨酯有毒吗</t>
  </si>
  <si>
    <t>聚氨酯一般都是无毒的。</t>
  </si>
  <si>
    <t>聚氨酯全称为聚氨基甲酸酯 ，没有毒。</t>
  </si>
  <si>
    <t>有毒，因为氨基是有毒的。</t>
  </si>
  <si>
    <t>福特福睿斯质量很差吗</t>
  </si>
  <si>
    <t>同级别算是数一数二的了。</t>
  </si>
  <si>
    <t>同级的算是优越了，安全配置也算不错，价格也比较优惠。</t>
  </si>
  <si>
    <t>地中海贫血能生小孩吗</t>
  </si>
  <si>
    <t>配偶进行染色体检查，看是否完全正常，如果完全正常，那么可以生育小孩，但这个小孩长大以后找配偶，必须要找“基因完全正常的人”，如果有缺陷基因携带，那么，建议在怀孕后，进行胎儿的染色体检查，如果胎儿异常，及时进行人工流产，如果胎儿正常，就可以生下来。</t>
  </si>
  <si>
    <t>拔火罐去湿气吗</t>
  </si>
  <si>
    <t>可以的，拔火罐可以疏通气血、祛湿、排毒。</t>
  </si>
  <si>
    <t>可以，一年一次就够了。</t>
  </si>
  <si>
    <t>效果还好，不宜过多。</t>
  </si>
  <si>
    <t>新风系统能除甲醛吗</t>
  </si>
  <si>
    <t>作用不大。</t>
  </si>
  <si>
    <t>阿里众包兼职靠谱吗</t>
  </si>
  <si>
    <t>不怎么靠谱。</t>
  </si>
  <si>
    <t>西洋参和枸杞能一起泡水喝吗</t>
  </si>
  <si>
    <t>大学生2000元能炒股吗</t>
  </si>
  <si>
    <t>可以，最低交易是100股，只要你交易的股票是每股低于20元就可以交易。钱少炒股是很不错的，可以先尝试这个市场，但不要再多增加钱了。体会一下是很有必要的，但绝对不可以投入很多，这个市场风险是极大的。听说的都是赚钱的，亏钱的也不会主动去到处宣传。实际赚钱比例很低。</t>
  </si>
  <si>
    <t>拆线疼吗</t>
  </si>
  <si>
    <t>这个拆线是不会怎么疼痛的=,并且这个过程也是会比较快的,=不需要过于紧张。</t>
  </si>
  <si>
    <t>伤口拆线疼不疼，其实与伤口的位置有很大的关系，敏感部位的伤口拆线与不敏感部位的拆线疼痛感是有很大差别的，比如后背和嘴唇伤口的拆线的疼痛感觉肯定是不一样的。一般来说，伤口的拆线都会有一定的疼痛感，但是一般这种疼是很轻微的，都是可以忍受的。伤口缝合后，一般过了一定的时间，如果看到缝合处皮肤完全干燥、无“渗出液”，缝合处皮肤已经“向伤口收缩”、结痂，那么就可以认为是已经“长好了”，可以拆线；而拆线时，只要是技术熟练、方法正确的医生，拆线时是不会痛的，最多是没有很明显的痛感。</t>
  </si>
  <si>
    <t>2017淘宝客还能做吗</t>
  </si>
  <si>
    <t>其实做淘宝客的时机已经比较晚了，做过淘宝客并且做成功的人都知道在2013年以前的淘宝客蓝是非常容易做的。</t>
  </si>
  <si>
    <t>七月与安生七月死了没</t>
  </si>
  <si>
    <t>七月生下孩子后，死在了27岁。</t>
  </si>
  <si>
    <t>小说的结局，安生有一个幸福的家庭，七月则一人独自旅行。告诉男主的结局，安生任然独自一人，七月生完孩子给安生后自己独自旅行。一个真实的结局，七月生完孩子大出血死了，讲错了，不是流产死的哈哈哈，孩子由安生养大。</t>
  </si>
  <si>
    <t>实际上是死了，但导演为了满足大多数人的观影感受，表现了两个结局。</t>
  </si>
  <si>
    <t>足光散治灰指甲吗</t>
  </si>
  <si>
    <t>无用。</t>
  </si>
  <si>
    <t>足光粉配红霉素药膏可以。</t>
  </si>
  <si>
    <t>金刚狼死了还会复活吗</t>
  </si>
  <si>
    <t>死侍可以复活金刚狼 。结果，死侍走了，就复活不了了。</t>
  </si>
  <si>
    <t>鼎益丰是合法公司吗</t>
  </si>
  <si>
    <t>是正规的公司。</t>
  </si>
  <si>
    <t>西安中际脑病医院好吗</t>
  </si>
  <si>
    <t>专业医院值得信赖。</t>
  </si>
  <si>
    <t>西安中际脑病医院在治疗脑病方面具有较好的水平。</t>
  </si>
  <si>
    <t>固态硬盘256g够用吗</t>
  </si>
  <si>
    <t>完全够用。</t>
  </si>
  <si>
    <t>iphone5玩王者荣耀卡吗</t>
  </si>
  <si>
    <t>玩是可以玩；移动的时候感觉一卡一卡的。</t>
  </si>
  <si>
    <t>养龟赚钱吗</t>
  </si>
  <si>
    <t>集药用、食用、观赏为一体的龟类动物，正受到广大养殖户的青睐。</t>
  </si>
  <si>
    <t>孕妇能吃香瓜吗</t>
  </si>
  <si>
    <t>孕妇能吃香瓜。孕妇吃水果对身体有好处，但要适量的吃。香瓜果肉，味甘，性寒无毒，清热利尿、止渴，可治暑热、发烧、中暑、口渴、小便不利、口鼻生疮。香瓜一年四季都可以吃得到，是广受人们喜爱的瓜果。孕妇吃香瓜的好处1. 香瓜含大量碳水化合物及柠檬酸等，且水分充沛，可消暑清热、生津解渴、除烦;2. 香瓜中的转化酶可将不溶性蛋白质转变成可溶性蛋白质，能帮助肾脏病人吸收营养;3.香瓜蒂中的葫芦素B能保护肝脏，减轻慢性肝损伤;4. 现代研究发现，香瓜子有驱杀蛔虫，丝虫等作用;5. 香瓜营养丰富，可补充人体所需的能量及营养素。</t>
  </si>
  <si>
    <t>香瓜果肉味甘，性寒无毒，具有清热利尿、止渴化痰的作用，孕妇适当吃香瓜可以缓解暑热、发烧、中暑、口渴、小便不利、口鼻生疮等疾病。不过香瓜性凉且高糖，孕妇不要吃太多，患有妊娠糖尿病的孕妇应慎吃。不过多数孕妇还是可以适当吃香瓜的。</t>
  </si>
  <si>
    <t>孕妇能吃香瓜。孕妇吃水果对身体有好处，但要适量的吃。需要注意的是香瓜不能跟苦瓜和西瓜，榴莲一起吃，还有孕妇不能吃冰的香瓜，对胃肠道有影响。</t>
  </si>
  <si>
    <t>天龙八部手游苹果和安卓能一起玩吗</t>
  </si>
  <si>
    <t>由于安卓和苹果设备的差异，两者是不能在一起进行游戏的。</t>
  </si>
  <si>
    <t>可以，不过前提是ios系统需要越狱，如果舍不得越狱的话。ios是不能和安卓的在同一个服务器玩的。</t>
  </si>
  <si>
    <t>不可以的，因为首先进去安卓手机与苹果手机两个手机进入游戏后，选择相同的登录方法，进入游戏之后选区名字都是不同的。</t>
  </si>
  <si>
    <t>igxe安全吗</t>
  </si>
  <si>
    <t>安全的，网站已安全运营1年，交易饰品数接近两千万，机器人自动发货。现在已开放CSGO DOTA2 H1Z1饰品交易。</t>
  </si>
  <si>
    <t>天津铸源是合法直销吗</t>
  </si>
  <si>
    <t>直销牌照的就是合法正规的。</t>
  </si>
  <si>
    <t>saivian提现有成功的吗</t>
  </si>
  <si>
    <t>有成功过。</t>
  </si>
  <si>
    <t>肝炎可以治愈吗</t>
  </si>
  <si>
    <t>要看是什么肝炎，如果是甲肝，比较容易治愈；如果是脂肪肝、酒精肝，重在预防发展，并控制疾病，纠正不良生活习惯；如果是乙肝，比较难治愈；丙肝治愈也比较困难；自身免疫性肝病，治愈也比较困难。</t>
  </si>
  <si>
    <t>乙肝能治愈，但不能根治，如果是抗病毒治疗的适应症，可以通过抗病毒治疗很快控制病情，达到临床治愈。</t>
  </si>
  <si>
    <t>肝病分好多种，要想治疗肝病一定要选着正规专业的肝病医院，采用正确有效的治疗方法，再结合科学的日常调理，肝病康复还是有希望的。患者在治疗期间一定要听从医生的指导和建议，不要自己盲目用药、停药，以免影响到治疗效果。</t>
  </si>
  <si>
    <t>诺嘉按摩仪有危害吗</t>
  </si>
  <si>
    <t>应该是不错的，当然也要配合着吃药。但是这类产品只是缓解作用，是不能治病的。</t>
  </si>
  <si>
    <t>没有治疗作用，就跟打火机的电子刺激皮肤一样，没有任何意义。</t>
  </si>
  <si>
    <t>赫尔德对增幅有用吗</t>
  </si>
  <si>
    <t>能减少增幅的费用，所以可以视为对概率有效。</t>
  </si>
  <si>
    <t>当然有用。</t>
  </si>
  <si>
    <t>天润奶啤含酒精吗</t>
  </si>
  <si>
    <t>不含酒精。</t>
  </si>
  <si>
    <t>有酒精成分的。</t>
  </si>
  <si>
    <t>它的酒精度很低，酒体呈乳白色，具有馥郁的麦芽清香，略带碳酸气，泡沫丰富洁白，质感更加细腻润滑；同时，奶啤又具有乳饮料酸甜适口、营养丰富的特征。</t>
  </si>
  <si>
    <t>腾讯大王卡可以开热点吗</t>
  </si>
  <si>
    <t>皮尔卡丹是名牌吗</t>
  </si>
  <si>
    <t>很早进入中国的意大利知名品牌。</t>
  </si>
  <si>
    <t>当然算。</t>
  </si>
  <si>
    <t>dnf增加伤害和对敌人的伤害冲突吗</t>
  </si>
  <si>
    <t>是冲突的，目前会冲突的是。</t>
  </si>
  <si>
    <t>吃药可以喝茶吗?</t>
  </si>
  <si>
    <t>服药期间一般不能饮茶，原因是药物的有效成分多数是生物碱，而茶叶里面含有大量的鞣酸，可能和药物的生物碱中和，降低药物的疗效。</t>
  </si>
  <si>
    <t>喝茶不能吃药，茶水会破坏西药的成份和效果，补充维生素和补品又不一样，茶水可以帮助人体微量元素的吸收。</t>
  </si>
  <si>
    <t>吃药只能用开水服下，但不能喝茶。因为茶叶里含有大量单宁酸，能与很多药物发生化学作用。</t>
  </si>
  <si>
    <t>蒲公英治甲状腺结节吗</t>
  </si>
  <si>
    <t>蒲公英不能治疗甲状腺结节。</t>
  </si>
  <si>
    <t>不可以。蒲公英有清热解毒、利湿的作用。</t>
  </si>
  <si>
    <t>心理师好看吗</t>
  </si>
  <si>
    <t>很特别的题材，很有现实意义，现代人的各种心理疾病，尤其是关于儿童心理引人注目。</t>
  </si>
  <si>
    <t>比较短小，内容也比较精炼，但是节奏还是有点慢，揭晓病情有些突兀。双重人格设置很有意思，但结局很出人意料。</t>
  </si>
  <si>
    <t>心理师由心理医生夏木和貌似想象出来的欧阳欣为主线，由一个个治愈系的小故事串联起来，警示我们要关注心理疾病。在故事中有得心理疾病的大人也有得心理疾病的孩子，他们在各种不同的压力下表现出了不同的行为异常--或幻听或行为诡异或幻视更厉害的出现杀人。整部剧体现了电影的质感，节奏紧凑演员演技全部在线，但必须一集一集地仔细看才能看懂，想跳着看的话估计看不懂。总之是一部题材很好的剧。</t>
  </si>
  <si>
    <t>360云盘个人版还能用吗</t>
  </si>
  <si>
    <t>现在360云盘个人版已经部分关闭，目前只能下载不能上传。</t>
  </si>
  <si>
    <t>新思域毛病真的很多吗</t>
  </si>
  <si>
    <t>思域没有什么大毛病，就是普遍的中控异响之类的小问题。</t>
  </si>
  <si>
    <t>原车自带的横滨A349轮胎胎噪很大。</t>
  </si>
  <si>
    <t>一目连的盾能被驱散吗</t>
  </si>
  <si>
    <t>rfid标签衣服要剪掉吗</t>
  </si>
  <si>
    <t>没影响。</t>
  </si>
  <si>
    <t>微信会留下访客痕迹吗</t>
  </si>
  <si>
    <t>1、浏览别人微信是不会有任何记录的，微信软件上面没有访客记录功能。2、目前，微信上面只能通过评论别人朋友圈上面发布内容以及点赞才会有显示记录。</t>
  </si>
  <si>
    <t>微信是不可以看访客记录的，朋友圈里面看过别人的照片也是没有记录的。</t>
  </si>
  <si>
    <t>星际争霸2能单机玩吗</t>
  </si>
  <si>
    <t>如果是对战打电脑的话下完正版注册一个帐号就可以随便玩，战役的话需要花钱。</t>
  </si>
  <si>
    <t>丙烯颜料有毒吗</t>
  </si>
  <si>
    <t>丙烯颜料有轻微的毒。</t>
  </si>
  <si>
    <t>美丽修行的分析靠谱吗</t>
  </si>
  <si>
    <t>经过测试多款化妆及护肤品的查询，显示的成分结果与其他数据来源的查询结果相一致，所以美丽修行 app 的查询值得信赖。</t>
  </si>
  <si>
    <t>可信度高个屁，就像一个将死之人说自己不怕死。</t>
  </si>
  <si>
    <t>按摩咬肌会越按越大吗</t>
  </si>
  <si>
    <t>按摩咬肌是需要讲究手法的，如果手法不正确，这样会让咬肌看起来更加大。</t>
  </si>
  <si>
    <t>咬肌明显变大和用力按压造成局部组织水肿有关。</t>
  </si>
  <si>
    <t>西宁有高原反应吗</t>
  </si>
  <si>
    <t>西宁基本上没有什么反应，看人的身体素质而定。</t>
  </si>
  <si>
    <t>中科院 徐颖结婚了吗</t>
  </si>
  <si>
    <t>前置过滤器影响水压吗</t>
  </si>
  <si>
    <t>有一定影响。</t>
  </si>
  <si>
    <t>小鱼赚钱是真的吗</t>
  </si>
  <si>
    <t>可以肯定的告诉你，小鱼赚钱确实是真的，因为自己试玩了这么久了，靠着小鱼赚钱app软件赚了不少钱了。</t>
  </si>
  <si>
    <t>肯定的告诉你，小鱼赚钱确实是真的，因为试玩了这么久了，靠着小鱼赚钱app软件赚了不少钱了。</t>
  </si>
  <si>
    <t>吴谢宇抓到了吗</t>
  </si>
  <si>
    <t>应该没抓到。</t>
  </si>
  <si>
    <t>目前还没有被抓捕归案。</t>
  </si>
  <si>
    <t>ofo需要押金吗</t>
  </si>
  <si>
    <t>不需要。共享单车平台ofo与蚂蚁金服旗下的芝麻信用宣布达成战略合作，将开启共享单车的信用免押模式。</t>
  </si>
  <si>
    <t>although和but能连用吗</t>
  </si>
  <si>
    <t>although与 but不可连用。</t>
  </si>
  <si>
    <t>生育津贴和产假工资可以同时领取吗</t>
  </si>
  <si>
    <t>身份证过期了能用吗</t>
  </si>
  <si>
    <t>身份证到期就失效了，应该不能继续使用。</t>
  </si>
  <si>
    <t>阿司匹林肠溶片能长期吃吗</t>
  </si>
  <si>
    <t>阿司匹林肠溶片不可以长期服用，因是抗凝药，应按医生要求服用，在服用期间还应经常复查血小板和凝血机制，因长期服用阿司匹林肠溶片致脑出血和眼底出血病人不在少数。</t>
  </si>
  <si>
    <t>阿司匹林肠溶片长期服用会造成眼底出血，针对长期高血压患者，必然存在动脉硬化，阿司匹林是可以长期服用的，以抗血小板聚集。</t>
  </si>
  <si>
    <t>阿司匹林肠溶片可以长期服用的，这种病情是用于心脑血管病变患者的长期治疗的， 这种药物的主要作用是：抑制血小板聚成，防止血栓形成，治疗和预防短暂脑缺血发作、脑血栓、冠心病、心肌梗塞、偏头疼、人工心脏瓣膜，动静脉漏和其他手术后的血栓形成，血栓闭塞性脉管炎等。</t>
  </si>
  <si>
    <t>coreldraw有mac版吗</t>
  </si>
  <si>
    <t>高版本是没有的。</t>
  </si>
  <si>
    <t>2006开始Mac采用Intel处理器以后就没有Mac版的。</t>
  </si>
  <si>
    <t>天天狼人杀有电脑版吗</t>
  </si>
  <si>
    <t>在电脑上安装安卓模拟器BlueStacks，它可以实现手机游戏在电脑上运行。</t>
  </si>
  <si>
    <t>天龙八部手游花钱吗</t>
  </si>
  <si>
    <t>这游戏，0氪是可以玩的</t>
  </si>
  <si>
    <t>不花钱只要有时间也到全四宝石也没有问题。</t>
  </si>
  <si>
    <t>游戏不花钱也是能玩的。</t>
  </si>
  <si>
    <t>意大利安全吗</t>
  </si>
  <si>
    <t>治安方面，恐怖问题。在意大利除了机场有安检机器外，地铁，火车，公交，船都没有任何的人与物的检查，你可以带任何东西到地铁里去，除了有检票人员，剩下的都是乘客。如果有一个人有什么想不开的话，想在地帖里面放个毒气，炸弹都是很简单的事情。之前意大利在70年代有过本国的恐怖主义，不过现在都己经不存在了，在这里你可以放心一点，你不太有可能变为成恐怖主义刀下魂。</t>
  </si>
  <si>
    <t>贫富差距加上外来的东欧和西亚移民，意大利近几年治安确实有点乱，但相比以前黑手党横行已经好多了。出现问题也就是被“偷”，东西看好就行了。</t>
  </si>
  <si>
    <t>圣墟和遮天完美世界有关联吗</t>
  </si>
  <si>
    <t>有的，遮天为现世，完美为过去，圣墟为未来，不过这些都只针对开头及中间能够以一年为单位计算的剧情(后面几百万年匆匆而过就没意义了)，遮天和完美的剧情在完美后期交汇，虽然此时遮天结局已过去很久，按照这样，圣墟结局石昊和叶凡以及一众仙帝肯定给你露个脸。现在小说都这样，一部接一部合成超大世界，我觉得这风气是从唐三开始的，斗罗往后就是同一个天神世界，数个小世界找男主，导致很多小说写手纷纷效仿，辰东的神墓，长生界和后续小说没有任何关系，虽然他的不死不灭是神墓的前传，但我认为不死不灭只是辰东试个手，神墓才是他真正意义上的第一本小说。</t>
  </si>
  <si>
    <t>阅读顺序为完美世界-遮天-圣墟，遮天中的荒天帝推测为完美中的石昊。</t>
  </si>
  <si>
    <t>估计是有关系的，简介里在破败中崛起在寂灭中复苏，估计说这又是一个和遮天那样的末法世界吧；那一缕幽雾又一次临近大地。</t>
  </si>
  <si>
    <t>非洲真的很穷很乱吗</t>
  </si>
  <si>
    <t>随着非洲经济的不断发展，这片大陆会与大家印象中那个贫穷落后的世界越来越远。</t>
  </si>
  <si>
    <t>兔子喝水吗</t>
  </si>
  <si>
    <t>必须要喝，而且对水质要求还很高。</t>
  </si>
  <si>
    <t>每天更换两次饮水器的水。</t>
  </si>
  <si>
    <t>淘宝买到假货可以不可以要求赔偿</t>
  </si>
  <si>
    <t>按照新消法，退一赔二。第五十五条经营者提供商品或者服务有欺诈行为的，应当按照消费者的要求增加赔偿其受到的损失，增加赔偿的金额为消费者购买商品的价款或者接受服务的费用的三倍；增加赔偿的金额不足五百元的，为五百元。法律另有规定的，依照其规定。经营者明知商品或者服务存在缺陷，仍然向消费者提供，造成消费者或者其他受害人死亡或者健康严重损害的，受害人有权要求经营者依照本法第四十九条、第五十一条等法律规定赔偿损失，并有权要求所受损失二倍以下的惩罚性赔偿。</t>
  </si>
  <si>
    <t>400电话是不是诈骗</t>
  </si>
  <si>
    <t>400开头的一般是企业电话，当然也不排除部分私人使用400电话，或者是诈骗犯人在实施犯罪行为时，利用软件恶意篡改了显示号码。</t>
  </si>
  <si>
    <t>王者荣耀牛魔好用吗</t>
  </si>
  <si>
    <t>四级前的牛魔没有想象中的那么肉，如果太激进且与 ADC 配合不好，很容易就被虐杀了。</t>
  </si>
  <si>
    <t>这位全新英雄是一个坦克型英雄，具有超强的生存能力，不过相对的，牛魔的攻击伤害有点“惨不忍睹”，所以在战场上牛魔主要的团战责任就是抗伤害和控制敌人。</t>
  </si>
  <si>
    <t>牛魔是一名最新的辅助英雄，不仅拥有突进和控制能力，要有非常不错的生存能力，从属性还有技能设置可以看下，牛魔也可以说是一名不错的肉盾英雄，根据出装打法更加多变，更适合大地图团战中各种需要。牛魔被动技能可以使对方的防御变低，相信配合上队友输出，打团有不小的优势：1.技能眩晕周围敌人，并且造成伤害，是刷兵神技，也是先手开团不错的控制技能；2.技能拥有突进效果，碰到英雄后能将其击退，是 gank 和切后排的神技；3.大招是70%的免伤能力，近乎无敌，加满后长达7秒，相信可以在团中将拥有超强的生存能力。</t>
  </si>
  <si>
    <t>王者荣耀观战好友知道吗</t>
  </si>
  <si>
    <t>观战好友时，好友是无法看到的。</t>
  </si>
  <si>
    <t>签了三方协议就不算应届生吗</t>
  </si>
  <si>
    <t>原则上是不能算是应届毕业生的。应届毕业生的界定如下：应届毕业生，即将毕业的学生。当一名学生进入其教育层次中的最后一学年的时候，这一年当中，该学生为应届毕业生。比如三年制研究生研三学生，四年制本科的大四在校生，三年制专科的大三在校生等。国家统一招生的普通高校毕业生离校时和在择业期内未落实工作单位，其户口、档案、组织关系保留在原毕业学校，或保留在各级毕业生就业主管部门、各级人才交流服务机构和各级公共就业服务机构的毕业生，也按照应届高校毕业生对待。应届毕业生分两种：1.即将要毕业的，但是还没拿到毕业证，或者已经停止学习了，处于实习状态的。2.拿到毕业证了，但拿到毕业证的时间不超过择业期年限的。</t>
  </si>
  <si>
    <t>康宝消毒柜好不好</t>
  </si>
  <si>
    <t>好的。</t>
  </si>
  <si>
    <t>乐刷pos机安全吗</t>
  </si>
  <si>
    <t>正规的就好。</t>
  </si>
  <si>
    <t>爱奇艺可以看电视直播吗</t>
  </si>
  <si>
    <t>导航——直播中心，推荐里面有当天的重点直播，或是看电视台直播，还有体育。</t>
  </si>
  <si>
    <t>π付 摸金派 是骗局吗</t>
  </si>
  <si>
    <t>新型庞氏骗局。</t>
  </si>
  <si>
    <t>牙根尖炎能自愈吗</t>
  </si>
  <si>
    <t>根尖炎一般是不能够自愈的，可能你当时吃点消炎药后，缓解了，不疼了。但是如果一旦触及到那个点后，根尖炎又会反复发作的。这个就比较麻烦了。所以根尖炎一般是需要通过做根管治疗才能完全治愈好的。建议去医院做下牙齿治疗，这样才能从根本上解决问题。</t>
  </si>
  <si>
    <t>如果牙齿形成根尖周炎需要去医院口腔科开髓引流根管治疗，不能自愈。</t>
  </si>
  <si>
    <t>不会不治自愈的，顶多会没有什么明显症状，但问题还是在那，会发作的。</t>
  </si>
  <si>
    <t>择天记更新完了吗</t>
  </si>
  <si>
    <t>没有完结。</t>
  </si>
  <si>
    <t>胸腺瘤是癌症吗</t>
  </si>
  <si>
    <t>是肿瘤。</t>
  </si>
  <si>
    <t>良性的瘤是不会癌变的。</t>
  </si>
  <si>
    <t>牛油果皮能吃么</t>
  </si>
  <si>
    <t>牛油果皮不能吃。</t>
  </si>
  <si>
    <t>鼎城金融是传销吗</t>
  </si>
  <si>
    <t>差不多。</t>
  </si>
  <si>
    <t>h1z1网吧可以玩么</t>
  </si>
  <si>
    <t>在网吧玩h1z1要下载steam，但是大多数网吧并没有。</t>
  </si>
  <si>
    <t>监事有工资吗</t>
  </si>
  <si>
    <t>如果公司章程或股东会对此有约定，可以按照约定来，如果没有约定监事是不另计工资的。</t>
  </si>
  <si>
    <t>张伦硕真的爱钟丽缇吗</t>
  </si>
  <si>
    <t>张伦硕的表白是真心的。</t>
  </si>
  <si>
    <t>褪黑素能治失眠吗</t>
  </si>
  <si>
    <t>褪黑素是可以治疗失眠的。</t>
  </si>
  <si>
    <t>罗文和甄妮有绯闻吗</t>
  </si>
  <si>
    <t>罗文和甄妮并不是什么情侣关系，只是一般工作上的伙伴，两人为了当年的热门电视剧《射雕英雄传之铁血丹心》演唱了主题曲《铁血丹心》。</t>
  </si>
  <si>
    <t>罗文与甄妮不是夫妻关系，他们只是一起演唱过一些歌曲。</t>
  </si>
  <si>
    <t>现在需要办理准生证吗</t>
  </si>
  <si>
    <t>现在已经不需要办理了。</t>
  </si>
  <si>
    <t>需要，政策变了，没说不用办准生证。</t>
  </si>
  <si>
    <t>养狼对人有感情吗</t>
  </si>
  <si>
    <t>有的，这个是一定的，关键在它对人的感情和它的兽性爆发的时候，它往往会选择后者。</t>
  </si>
  <si>
    <t>激战2魂武者厉害吗</t>
  </si>
  <si>
    <t>玩了一天感觉除了技能华丽点，没啥大用。</t>
  </si>
  <si>
    <t>五月节高速免费吗</t>
  </si>
  <si>
    <t>不会免费的，2017年五月端午节高速公路是照常要收费、没有免过路费的。</t>
  </si>
  <si>
    <t>仅针对春节、清明节、劳动节、国庆节四个重要节假日，实施7座(包括7座)以下小型客车高速公路免费通行的政策，但不包括元旦、端午节和中秋节。</t>
  </si>
  <si>
    <t>股票分成违法吗</t>
  </si>
  <si>
    <t>股票分成是法律所禁止的</t>
  </si>
  <si>
    <t>做股票投资的，有人合作三七分成不算犯法。只要和合作人不违规操作，另外自己协商好收益分成就行，不算不算犯法。但是有些是违法的。客户根据电话指令进行股票买卖，然后收益分成是违法的。</t>
  </si>
  <si>
    <t>不会的，只是没有法律保障而已了。</t>
  </si>
  <si>
    <t>airpods安卓能用吗</t>
  </si>
  <si>
    <t>同时支持iOS设备和Android设备的配件产品。</t>
  </si>
  <si>
    <t>AirPods支持安卓。</t>
  </si>
  <si>
    <t>安卓手机也是可以用AirPods的。</t>
  </si>
  <si>
    <t>高度近视会失明吗</t>
  </si>
  <si>
    <t>这是有可能的。高度近视由于眼轴拉的特别长，有几率造成视网膜被牵拉变薄继而形成视网膜脱落，严重者失明。请保护自己的眼镜，避免剧烈运动刺激，比如说一些对抗性比较强的运动，同时需要定期检查眼底。</t>
  </si>
  <si>
    <t>度近视的人如果不注意用眼，可能会导致眼底出血、视网膜脱落、青光眼等并发症的暴发。至于会不会瞎，就不好说了。</t>
  </si>
  <si>
    <t>高度近视的人如果不注意用眼，极易导致眼底出血、视网膜脱落、青光眼等并发症的暴发。其实高度近视本身并不会导致失明，但是这些并发症的产生会致盲。</t>
  </si>
  <si>
    <t>fgo蜂窝助手会封号吗</t>
  </si>
  <si>
    <t>100实物拍摄违规吗</t>
  </si>
  <si>
    <t>不是违规。</t>
  </si>
  <si>
    <t>隆胸手术安全吗</t>
  </si>
  <si>
    <t>整容手术没有百分百的安全性。</t>
  </si>
  <si>
    <t>乐视电视能安装第三方软件吗</t>
  </si>
  <si>
    <t>用手机给智能电视机安装软件的方法如下：1、确保安卓智能手机和智能电视机连接在同一无线网络下。2、然后在智能手机上下载360电视助手手机版并安装完成。3、安装完成后，打开手机上的360电视助手软件，软件会自动搜索同网的安卓设备，找到智能电视机后，点击连接，在智能电视机的我的应用出会出现360电视助手，智能手机上会提示连接成功，同时显示出智能电视机的名称。4、接下来在智能手机上，点击要安装的第三方软件，该软件就会自动下载、安装到智能电视机上了。5、软件安装完成后，打开智能电视机的”我的应用“，就可以找到刚才安装的第三方软件，选中，按遥控器的确认键打开就可以使用了。6、注意安装第三方软件前，需要进入智能电视机的设置—账号和安全—勾选允许安装未知应用的权限，才能顺利安装。</t>
  </si>
  <si>
    <t>1、勾选权限:首次安装第三方软件时（或者更新了系统之后），请先打开"系统设置"，点开"通用"、"安全"，选中其中的"打开允许安装未知来源应用"。2、U盘安装:用泰捷视频来举个例子，首先在电脑端登录泰捷视频官网，下载最新的安装文件，复制到U盘上，把U盘插到电视机上。点击"文件管理"之后，打开"安装包"，找到U盘。3、安装软件:选中并安装泰捷视频，当安装完成之后，就可以看高清电视直播了。</t>
  </si>
  <si>
    <t>一、最简单是安装方式：U盘安装：1、将下载好的优酷软件拷贝到U盘，插入乐视电视上，在电视播放过程中自动识别U盘，点击立即打开。2、选择安装包，点击打开。3、选择拷贝到U盘上的软件，点击打开安装。4、安装完成打开优酷。二、云端下载安装：乐视云端安装：1、将下载的优酷上传至乐视云端。2、打开乐视电视文件管理选择乐视云盘。3、进入乐视云盘点击全部文件。4、选择刚才上传的优酷软件。5、点击下载。6、选择下载要存储的磁盘，点击查看后可进入下载存储处。7、下载完后会提示安装。8、安装完后，打开优酷，依然是很清新的界面。三：通过SMB共享协议安装优酷：1、smb设置不走这里省略，设置可通过乐视电视端教程开启SMB服务。2、在电脑端下载优酷软件，拷贝到电脑SMB文件夹中。3、打开乐视电视文件管理。4、选共享设备。5、选择SMB协议。6、选择SMB。7、点击优酷打开。8、确定，安装。9、安装完成打开。</t>
  </si>
  <si>
    <t>名取周一黑化了吗</t>
  </si>
  <si>
    <t>名取周一不是说黑化，他结局一直在提的是温柔还会做傻事的夏目持有了很危险的东西，他的第一想法（参加以前后多次，包括柊，还是吃式神鸦的那次，还是温泉旅馆旅馆）是夏目总是特别相信妖怪好的那一面，总是会为了帮助妖怪自己身处险境，觉得更多的就是想知道夏目拿的是什么，危险的话，会制止之类的，觉得应该是为了夏目好。而且他不让柊去，害怕回事她会告诉夏目，而周一并不想让夏目知道他知道，毕竟夏目都犹豫了2345季了，不跟周一说。</t>
  </si>
  <si>
    <t>脂肪瘤经常揉会消失吗</t>
  </si>
  <si>
    <t>不能揉，也不能按摩，万一出现破损，会导致细菌感染，只有当脂肪瘤变大，出现疼痛感后，那么就应该去医院做手术切除。</t>
  </si>
  <si>
    <t>脂肪瘤一旦形成通过按摩是起不到治疗的效果的，脂肪瘤由增生的成熟脂肪组织形成的良性肿瘤，极少癌变，一般无需治疗。若瘤体较大，影响活动，或近期内突然增大或发生破溃，则应手术切除。</t>
  </si>
  <si>
    <t>无畏号墨菲特有特效吗</t>
  </si>
  <si>
    <t>有特效的。</t>
  </si>
  <si>
    <t>论文查重表格里的字算吗</t>
  </si>
  <si>
    <t>算。</t>
  </si>
  <si>
    <t>孕妇能吃李子吗</t>
  </si>
  <si>
    <t>答案是肯定的。怀孕的女性是可以吃李子的。对于李子来讲，是属于营养丰富的水果之一。</t>
  </si>
  <si>
    <t>孕妇是可以吃李子的，李子营养丰富，果实中含糖、微量蛋白质、脂肪、胡萝卜素、维生素、钙、磷、铁等营养成分。因此李子是适合一般人群食用的，也包括孕妇。不过要注意适量食用，每次吃3、5个就好。李子中含有高量的果酸，肠胃消化不良者应少吃，如果食用过量会引起轻微的腹泻，所以对于脾胃虚弱的孕妇，李子还是少吃为妙。</t>
  </si>
  <si>
    <t>李子可以适当的吃一些，但是不要食用过多，各地是流传着一些李子食用过多不好，但是可以少量食用，这毕竟也是一种水果，少量食用不会有什么影响的。</t>
  </si>
  <si>
    <t>fish可数吗</t>
  </si>
  <si>
    <t>fish：1.当作为“鱼”的种类来讲时,是可数名词；2.当作为“鱼肉”来讲时,则是不可数名词。</t>
  </si>
  <si>
    <t>32g的iphone7够用吗</t>
  </si>
  <si>
    <t>要看个人怎么使用，手机里面装了多少软件。</t>
  </si>
  <si>
    <t>32GB仍然不能够满足大部分手机用户的需求。32GB的iPhone 6s实际上可用的存储空间只有29.8GB。其次再加上iOS所占用的空间以及安装的应用所产生的缓存数据，这29.8GB的存储空间并没有想象中那么多。</t>
  </si>
  <si>
    <t>想要完美的体验60fps的4K视频，32GB是远远不够的；对拍照要求不高，日常也不在手机存照片和视频的，可以考虑32G版本。</t>
  </si>
  <si>
    <t>花露水驱蚊吗</t>
  </si>
  <si>
    <t>脉宝云店属于传销吗</t>
  </si>
  <si>
    <t>金子塔形利益分配，拉人头赚钱，是传销。</t>
  </si>
  <si>
    <t>单位补缴社保 算连续么</t>
  </si>
  <si>
    <t>社保月报补缴算连续的。</t>
  </si>
  <si>
    <t>德莱文金牌主播皮肤是为文森特出的吗</t>
  </si>
  <si>
    <t>想太多，连飞科都没有文森特何来的皮肤。</t>
  </si>
  <si>
    <t>精尽人亡是真的吗</t>
  </si>
  <si>
    <t>在短期内连续射精后，精液会枯竭，但人不会因此而死，同时身体有自我保护机制，不可能实现极高频次的连续射精。但必须指出，任何人都不能违背自身的生理规律，纵欲无度是会损伤身体的。</t>
  </si>
  <si>
    <t>人不会精尽而亡。</t>
  </si>
  <si>
    <t>勿忘我鲜花要放水养吗</t>
  </si>
  <si>
    <t>两地同时交社保违法吗</t>
  </si>
  <si>
    <t>原则上是不可以的。</t>
  </si>
  <si>
    <t>可以同时交。</t>
  </si>
  <si>
    <t>兵役登记一定要去吗</t>
  </si>
  <si>
    <t>是强制性的。国家兵役法规定公民的服役年限为18至22岁，凡是适龄青年，必须依法进行兵役登记。</t>
  </si>
  <si>
    <t>结婚证照片可以自带吗</t>
  </si>
  <si>
    <t>可以自带的。</t>
  </si>
  <si>
    <t>照片最好是不要带。</t>
  </si>
  <si>
    <t>可以，自带三张二寸红底双人照，不需要现场拍照。</t>
  </si>
  <si>
    <t>共享单车要钱吗</t>
  </si>
  <si>
    <t>按时间进行计费、目前，国内所有的共享单车品牌均是按照时间来进行收费，分为每半小时收费多少和每一个小时收费多少进行计算。但是也有例外，比如ofo共享单车，当您在缴纳一定费用后收养了一辆单车后，那么您在任何城市使用其单车的时候都是免费的。使用人群不同 收费标准也不同：以ofo共享单车为例，他将用户分为两类，一类是学生/教职工，另一类是个人用户，通过实名认证后，前者是按照0.5元/小时的费用进行收取，后者则是按照1元/小时的价格进行进行收费。同一品牌不同车型 收费标准不同：以摩拜单车为例，摩拜单车有两款主要车型，分为摩拜单车和摩拜lite，他们的收费标准分别是1元/半小时和0.5元/半小时。国内主要共享单车收费标准举例ofo共享单车收费：学生/教职工0.5元/小时，个人用户1元/小时。摩拜单车收费：经典版1元/半小时，lite0.5元/半小时。小蓝单车收费：0.5元/半小时。永安行单车收费：0.5元/半小时。酷奇单车收费：0.3元/半小时。</t>
  </si>
  <si>
    <t>1.ofo：押金99，先消费后付款，自带师生认证机制，身份认证为师生时，收费半小时5毛钱，如果不是则收半小时1块钱，不足半小时按半小时计算。2. Mobike：押金299元，先充值再消费，余额不足别想骑。每半小时1块钱，不足半小时按半小时计算。 3. 小鸣单车：押金199元，先充值再消费。收费每半小时1块钱。内设邀请机制，每邀请1位好友加入，半小时收费幅度递减1毛，递减后最小消费额度每半小时1毛，不足半小时按半小时计算。 4. 小蓝单车：押金99元，先消费后付款，收费每半小时5毛钱，不足半小时按半小时计算。</t>
  </si>
  <si>
    <t>公务员体检有不过的吗</t>
  </si>
  <si>
    <t>整体可能性没用，落到个人身上过和不过都是100%。</t>
  </si>
  <si>
    <t>逐梦之音 会返场吗</t>
  </si>
  <si>
    <t>总会有一天返场。</t>
  </si>
  <si>
    <t>还有比赛应该会出的。</t>
  </si>
  <si>
    <t>自然不会。</t>
  </si>
  <si>
    <t>十字军东征到过中国吗</t>
  </si>
  <si>
    <t>没有来过。</t>
  </si>
  <si>
    <t>香港康宏理财是传销吗</t>
  </si>
  <si>
    <t>这家公司是典型的网络传销。</t>
  </si>
  <si>
    <t>腰间盘突出能治愈吗</t>
  </si>
  <si>
    <t>不能根治的。</t>
  </si>
  <si>
    <t>阿瓦隆之王电脑能玩吗</t>
  </si>
  <si>
    <t>下载个安卓的APP用鼠标点住托到模拟器里；直接电脑挂。</t>
  </si>
  <si>
    <t>首先在百度上面搜索一下几款模拟器，靠谱（怀旧3.8版最好），新浪，雷电，这3款是目前性能最好的几款模拟器，下载完毕模拟器了以后，在到阿瓦隆之王官网上面下载apk文件到pc端本地里面，然后在启动模拟器，找到安装本地apk文件，安装到模拟器里面去，这样就可以在模拟器里面玩阿瓦隆之王，同时配上电脑端蜂窝助手，辅助你主线 日常 支线等，一切都轻松多了，因为模拟器是在电脑上使用的软件，所以在模拟器上面玩阿瓦隆之王客观上也是在电脑上面玩手游了呢，也可算作电脑版。</t>
  </si>
  <si>
    <t>自来水烧开能喝吗</t>
  </si>
  <si>
    <t>自来水是经过过滤消毒等简单处理的地表水或者井水，水质在三者之中是最低的，但是放心，烧开后喝是没有问题的。</t>
  </si>
  <si>
    <t>做nt需要空腹吗</t>
  </si>
  <si>
    <t>做NT不用空腹，也不用憋尿，只是看宝宝的颈带透明度。NT值是胎儿颈部半透明厚度的英文简写，正常妊娠10~14周颈项透明层厚度随孕周略微上升，凡测值&lt;2.5mm时判为正常，凡测值≥2.5mm时诊断为颈项透明层增厚。胎儿颈部半透明厚度的增加，超过2毫米，则考虑与21-三体风险率增高有关。一般不用憋尿，对胎儿也无影响。</t>
  </si>
  <si>
    <t>1、NT（颈后透明带扫描）检查是一种B超检查项目，不需要抽血检验，进食和饮水不会影响检查结果，因此在检查前不需要空腹。2、由于孕11周前胎儿过小无法难以观察颈后透明带，而孕14周后由于胎儿逐渐发育，可能会将颈项透明层出多余的体液吸收，影响检测结果，因此孕妇最好在怀孕11-14周内去做NT，以免检查结果不准确。3、做NT最好提前预约，一般在孕11周前就可以开始和医院预约时间以便排期。不要在孕13周后再去预约，以免排队时间过长，超过孕周做NT会影响检测结果的准确率。</t>
  </si>
  <si>
    <t>淘宝企业店铺需要交税吗</t>
  </si>
  <si>
    <t>有收入一般都要交税。看企业类型，增值税企业所得税个人所得税印花税等等。</t>
  </si>
  <si>
    <t>淘宝企业店铺没有税务的，是自己的公司有税务的 。</t>
  </si>
  <si>
    <t>1·淘宝企业店铺不需要交税。需要在企业支付宝冻结一定金额的保证金，保证金根据自己店铺销售的商品种类有所不同。</t>
  </si>
  <si>
    <t>九牧跟toto档次一样吗</t>
  </si>
  <si>
    <t>明显不是一个档次上的，显然 TOTO 的比较好。</t>
  </si>
  <si>
    <t>姜老太修肤堂可信吗</t>
  </si>
  <si>
    <t>一点都不可信。</t>
  </si>
  <si>
    <t>效果不怎么样，一停止用药，马上恶化。</t>
  </si>
  <si>
    <t>是真的，效果很好的。</t>
  </si>
  <si>
    <t>发票复印件可以入账吗</t>
  </si>
  <si>
    <t>拔智齿疼吗</t>
  </si>
  <si>
    <t>个人经历是不疼的，应该是每个人情况都不同吧。</t>
  </si>
  <si>
    <t>看情况，身体好的就不会。</t>
  </si>
  <si>
    <t>psvr能接电脑吗</t>
  </si>
  <si>
    <t>雪装奈德丽有特效吗</t>
  </si>
  <si>
    <t>无任何技能上的特效。</t>
  </si>
  <si>
    <t>上海钱坤是正规公司吗</t>
  </si>
  <si>
    <t>挺正规的。</t>
  </si>
  <si>
    <t>绝对的骗子公司。</t>
  </si>
  <si>
    <t>博尔特退役了吗</t>
  </si>
  <si>
    <t>身份证到期了还能买火车票吗</t>
  </si>
  <si>
    <t>身份证过期不能在人工窗口购买实名制火车票，但可以网上订票然后凭二代身份证到自动售票机上取票，自动售票机只录取身份证信息。</t>
  </si>
  <si>
    <t>旧的身份证可以在代售点或火车站买票的。也可以网上购票在火车站自动售票机凭老身份证免费取票的。</t>
  </si>
  <si>
    <t>旧身份证在新身份证没有颁发前会一直有效的。买票没有问题。就是不拿身份证，到火车站办证窗口报出老身份证号码，也可以验证本人给出临时身份证的。</t>
  </si>
  <si>
    <t>端午节有三倍工资吗</t>
  </si>
  <si>
    <t>加班是的。</t>
  </si>
  <si>
    <t>银耳是凉性的吗</t>
  </si>
  <si>
    <t>温性的。</t>
  </si>
  <si>
    <t>本兮是童可可害死的吗</t>
  </si>
  <si>
    <t>没有的事，本兮没死。</t>
  </si>
  <si>
    <t>锁阳固精丸治早泄吗</t>
  </si>
  <si>
    <t>如果是肾阳虚引起的早泄，服用锁阳固精丸有效，需要至少一个月。</t>
  </si>
  <si>
    <t>锁阳固精丸温肾固精。用于肾阳不足所致的腰膝酸软、头晕耳鸣、遗精早泄。对早泄有一定的作用，调节人体内分泌水平，生命动力通道打开，精力进一步恢复，使阳痿早泄等性功能障碍得以康复。</t>
  </si>
  <si>
    <t>斯里兰卡安全吗</t>
  </si>
  <si>
    <t>总体较为安全，兰卡是个佛教国家，对宗教的无比虔诚正是他们对世间万物充满慈悲和善意的精神根源。斯里兰卡人民十分淳朴善良，人民向善，对待我们中国人也很友好。不过任何问题不能太过绝对，世界上最安全的国家也会出现各种意外。出门在外留心还是好的，不能缺乏安全意识，尤其是女孩子尽量避免在深夜外出。以防万一，未雨绸缪，建议提前购买境外保险。</t>
  </si>
  <si>
    <t>斯里兰卡总体治安还是非常安全的，只是针对游客会有宰客的tutu车，尤其是聚集在景点周围不打表的车，还有就是随路买工艺品，纪念品的，不理他们便是，再就是海边不要被BEACH BOY搭讪，不要轻信他们的人情，其他的应该没有什么大问题，再就是临近雨季，注意避雨，南部海边风浪已经变大，不适合下水玩耍，要在安全区域进行。</t>
  </si>
  <si>
    <t>自来水中的氯会危害健康吗</t>
  </si>
  <si>
    <t>自来水中会留有很少的次氯酸和次氯酸根，来实现对细菌的抑制。换句话说，自来水中需要一定的“余氯”存在。氯气或者二氧化氯是自来水杀菌的方案中经济高效的一种。尽管不如臭氧那么“高级”，但是效率与成本的优势使得它依然在世界许多地方广泛使用，对它的安全性也就有了比较多的研究。 既然能杀菌，自然会有一定的毒性。如果吞下少量含氯漂白剂，会刺激食道、口腔、喉咙以及导致呕吐。不过，自来水中的余氯远远达不到那个剂量。目前，国际癌症研究中心在“致癌分类”中，把氯归入“第三类”，跟咖啡因同级，意为“目前尚无足够资料来确定该物质是否为人类致癌物”。直接用氯处理的水进行的动物实验和人体实验，都显示了很高的安全性。</t>
  </si>
  <si>
    <t>氯气对人体有严重危害，它能刺激眼、鼻、喉以及上呼吸道等。引起急性肺水肿及肺炎，浓度高时可麻痹呼吸中枢、出现“闪击性死亡”。长期吸入低浓度的氯会引起慢性中毒，导致体内产生大量的自由基，加速人体衰老速度。主要病症为鼻炎、慢性支气管炎、肺气肿、肝硬化、动脉粥样硬化，甚至是癌症。氯加入水中后，会让您的头发产生干涩、断裂、分叉，也让您的肌肤漂白化、皮肤层脱落及产生奇痒无比的皮癣过敏症。氯受热后与水中有机腐质产生三氯甲烷等致癌物质。</t>
  </si>
  <si>
    <t>含余氯的水对洗菜，水果，谷物等有何影响呢：氯会破坏蔬菜水果，谷物中的维生素，矿物质等营养成分，严重影响人体对营养物质的吸收。长期用含余氯的水洗澡有什么危害呢：用含余氯的水洗澡，浴室里氯气的总量中有四成是经过呼吸道吸入，三成是由皮肤吸收，是平常通过饮用进入人体里氯的6到8倍，轻者产生瘙痒，重者致癌几率增加30%。自来水烧开危害更大：自来水烧开后水中的有机腐质产生三氯甲烷等致癌物质。三氯甲烷将比自来水增加3到4倍，如果余氯不能去除，我们每日饮用的咖啡，茶，汤，经过加热后，人体的致癌物质将增加3到4倍。长期饮用含余氯的水会导致什么疾病：心脏病，冠状动脉粥样硬化，贫血，膀胱癌，肝癌，直肠癌，高血压和过敏的症状。</t>
  </si>
  <si>
    <t>嘉善孔雀城是骗局吗</t>
  </si>
  <si>
    <t>是骗局。</t>
  </si>
  <si>
    <t>公益人马蓉是马蓉吗</t>
  </si>
  <si>
    <t>“公益人马蓉"系有人刻意冒充以达到自己的目的。</t>
  </si>
  <si>
    <t>可燃冰是可再生能源吗</t>
  </si>
  <si>
    <t>不是可再生能源。</t>
  </si>
  <si>
    <t>可燃冰属于不可再生资源，是一种十分实用的燃料。不正确的开采会导致大量甲烷气体泄露在空气中，会造成比二氧化碳造温室效应更加严重的后果。目前采燃冰属于实验阶段</t>
  </si>
  <si>
    <t>百度钱包理财靠谱吗</t>
  </si>
  <si>
    <t>小米之家能买到现货吗</t>
  </si>
  <si>
    <t>有的，抓紧去买。</t>
  </si>
  <si>
    <t>还没有，而且还不能预约。</t>
  </si>
  <si>
    <t>阴阳师不充钱能玩吗</t>
  </si>
  <si>
    <t>可以玩，需要时间慢慢积累。</t>
  </si>
  <si>
    <t>阴阳师如果不充钱玩的话也可以玩，只不过肯定会比充钱的人差一点。</t>
  </si>
  <si>
    <t>激光能永久性脱毛吗</t>
  </si>
  <si>
    <t>能，激光永久脱毛主要是指利用激光仪器来脱毛的一种方法，跟脱毛器、脱毛膏和脱毛贴等相比，脱毛手术需由专业医生来操作，才可确保脱毛效果。而且脱毛手术进行脱毛是属于永久性脱毛，脱毛器、脱毛膏等是暂时性脱毛。</t>
  </si>
  <si>
    <t>现在的脱毛的方式是比较的多的，激光脱毛，冰点脱毛都是很好的脱毛方式。这些脱毛方式的效果都是很好的。可以去医院进行了解。看看自己适合通过哪种方式进行手术。激光脱毛手术的效果是真的很好的，也是可以达到永久脱毛的效果的。当然了，并不是治疗一次就可以达到永久的效果。正常的情况下，看你的毛发的情况进行三到五次的治疗之后就可以达到永久脱毛的效果了。</t>
  </si>
  <si>
    <t>限价商品房可以买卖吗</t>
  </si>
  <si>
    <t>目前，限价商品房是可以卖的，但是前提是要满足一定的条件。</t>
  </si>
  <si>
    <t>可以买卖，是需要补交差价的。</t>
  </si>
  <si>
    <t>租租车靠谱吗</t>
  </si>
  <si>
    <t>没什么不靠谱的，租租车的全险分两种，一种是车行全险，一种是特惠全险是租租车自己的，车行的全险不含玻璃和轮胎，租租车的特惠全险是汗玻璃和轮胎的，租租车的全险出险要自己先垫付的，回来报销。</t>
  </si>
  <si>
    <t>租租车是一个国际租车网站，网页里面有很多关于租车的情况，性价比很高，而且租租车的信誉和口碑一直都很好尤其是像我特别喜欢出国旅游但又英语不好，尤其是一下飞机就不知道上哪租车到酒店，很不错，还可以在国外轻松约到车，而且还可以选择自驾游，大家还可以在网页里面相互交流自驾心得和想法。</t>
  </si>
  <si>
    <t>租租车是Avis, Hertz, Alamo, Europcar等所有国际顶级车行在中国最大的合作伙伴，还拥有大量的全球独家车行资源，因此可以为出境自驾游客提供最实在的价格。对于境外车行可能存在的乱收费、隐形消费等问题，租租车客服团队都将为用户进行全程跟进协调，最大程度维护用户利益。若用户在其他平台发现存在同等租车套餐价格更低的情况，租租车承诺差价双倍赔偿。为了给中国用户提供更好的境外自驾保障，我们也与安盛、平安保险集团等国内外保险巨头合作，推出专为国人定制的“超级补充全险”等境外自驾车险，不仅比门店便宜一半以上，而且承保范围也更广。</t>
  </si>
  <si>
    <t>隐私玻璃还需要贴膜吗</t>
  </si>
  <si>
    <t>桃子跟西瓜可以一起吃吗</t>
  </si>
  <si>
    <t>根据桃子和西瓜的营养成分可以看出，二者同食并不会产生所谓的食物相克。夏季天气炎热，多食不同种类的新鲜水果可以有效地补充人体流失的水分，还可以达到营养成分的互补，也是我们推荐的食用方法。大家也要注意，一定要做到食不过量。</t>
  </si>
  <si>
    <t>桃子和西瓜虽不是相克食物，但在一起吃并不太好。因为桃子是温性水果，但多吃桃子容易上火。所以有“桃养人，不养贪吃人”的说法。而西瓜名"寒瓜"，性寒质滑。两种食物同食比较容易让人拉肚子，最好不要同时吃，一起吃会造成腹泻，消耗元气，引起胃肠不适。另外，西瓜和桃子都是甜度极大的水果，一起吃味道也不很好，比较甜腻。</t>
  </si>
  <si>
    <t>崩坏3安卓 ios互通吗</t>
  </si>
  <si>
    <t>目前崩坏3iOS平台与安卓平台数据不互通，毕竟苹果的iOS系统和安卓系统是两个完全独立的手机系统，两者之间的数据也是独立计算不能够互通的。另外由于技术原因，崩坏3不支持任何类型的模拟器，也不支持iOS越狱系统。若使用模拟器或iOS越狱系统运行崩坏3，遇到任何游戏问题包括但不限于兼容性、游戏闪退、充值不到账等，目前是不处理的哦。</t>
  </si>
  <si>
    <t>简易征收可以开专票么</t>
  </si>
  <si>
    <t>智慧导航免费提速是真的吗</t>
  </si>
  <si>
    <t>是的，目前各地电信都有针对老用户的免费提速活动，可以登录网上营业厅自助提速或到电信营业厅办理提速。</t>
  </si>
  <si>
    <t>中国教材是美式英语吗</t>
  </si>
  <si>
    <t>中小学人教版教材规定是英式英语，全国四六级考试听力也是英式英语，课本朗读也是英式英语，英语专业四八级是美式英语。</t>
  </si>
  <si>
    <t>百世快递快吗</t>
  </si>
  <si>
    <t>快。</t>
  </si>
  <si>
    <t>很不靠谱。</t>
  </si>
  <si>
    <t>中国太平是央企吗</t>
  </si>
  <si>
    <t>是央企。</t>
  </si>
  <si>
    <t>抽东症能随年龄会好吗</t>
  </si>
  <si>
    <t>抽动症如果症状比较轻的话，会长大后慢慢自愈。</t>
  </si>
  <si>
    <t>少数至青春期自行缓解，大部分渐加重。</t>
  </si>
  <si>
    <t>京东方2017能长到8元吗</t>
  </si>
  <si>
    <t>有可能。</t>
  </si>
  <si>
    <t>京东方2017保守价位6元左右，超预期8元附近都是合理价位。</t>
  </si>
  <si>
    <t>预测2017年京东方A应该涨到10元左右。即便大盘不好，也不会低于8元。</t>
  </si>
  <si>
    <t>小米手环2防水吗</t>
  </si>
  <si>
    <t>防水还可以，洗澡洗衣服都可以。</t>
  </si>
  <si>
    <t>小米手环是防水的，防水级别是IP67。IP67防水级别是指可短暂时浸泡，常温常压下，可承受1米的水深。也就是说在游泳时不能携带小米手环，平常洗手/洗澡是没有问题的。</t>
  </si>
  <si>
    <t>京东白条提前还款后面的分期还有手续费吗</t>
  </si>
  <si>
    <t>根据京东的相关规定，如果用户提前还款，京东是不会额外加收用户的提前还款服务费的。但要留意的是，就算选择了提前还款，原定的白条分期利息也是要继续还的。</t>
  </si>
  <si>
    <t>可以提前还款，直接还完都成，不过当初办理分期时如果不是免息的，当时已经算好手续费分摊在每一期了，提前还并不会少分期手续费。</t>
  </si>
  <si>
    <t>水蛭在人体里会繁殖吗</t>
  </si>
  <si>
    <t>高铁上可以带白酒吗</t>
  </si>
  <si>
    <t>散装白酒是不能带上车的，但封存完好的瓶装白酒可以带上火车，不过数量不能超过一箱(6瓶装)；如果带的白酒超过数量限制，也可以托运。</t>
  </si>
  <si>
    <t>红豆杉可以放在卧室吗</t>
  </si>
  <si>
    <t>可以，红豆杉全天24小时吸入二氧化碳，吐出氧气；同时可释放出一种负氧气体，不但可以净化空气，消炎杀菌，而且被人体吸入后，可以增强抵抗力，预防疾病，有利于人体健康。 同时具有驱蚊避虫的本领，它向外挥发气味分子-香茅醛，气温越高，挥发香分子越多，驱蚊效果越好。</t>
  </si>
  <si>
    <t>红豆杉适合放在卧室或者室内养殖。但是都不能在室内养殖太久。需要一定的光照才能生长、活。红豆杉是木本常绿小乔木灌木状，属红豆杉科。是非常好观赏植物。对净化空气、美化环境都有好处。提取医药紫杉醇，用于防癌、抗癌。红豆杉科在零下10度的环境下不会冻死，可耐36度左右的高温。他喜欢半阴偏阳的环境。</t>
  </si>
  <si>
    <t>玩狼人杀能看出智商吗</t>
  </si>
  <si>
    <t>明显不能。</t>
  </si>
  <si>
    <t>和智商是有一定关联，但不绝对。</t>
  </si>
  <si>
    <t>丽柜厅手机能看吗</t>
  </si>
  <si>
    <t>可以在手机上面打开丽柜厅官网地址观看。</t>
  </si>
  <si>
    <t>龙存在吗</t>
  </si>
  <si>
    <t>龙乃灵物,信则有,不信,则没有。</t>
  </si>
  <si>
    <t>虚构的。</t>
  </si>
  <si>
    <t>短信能呼叫转移吗</t>
  </si>
  <si>
    <t>短信是不会转移的。</t>
  </si>
  <si>
    <t>按号码转移，客户可以将移动网内号码设置为转移号码，系统将按照客户的设置进行转移操作。短信方式：发送“ZY#接收短信的号码”到10658171，即可设置转移号码。按时段转移，客户可以自己设置转移时段。在转移时段内，所有发给客户的短信都会被转移。步骤1：点击“转移设置”，进入“转移设置”页面；步骤2：在页面右面点击“修改”，修改完成后点击“确定”，即可修改转移时段。通过短信伴侣客户端使用短信转移，1.客户端下载安装：访问北京移动官方网站，搜索短信伴侣，点击即可打开下载页面，选择机型下载安装客户端软件。2.使用：点击“短信转移”标签，输入门户网站登录密码后，即可进入短信转移设置，可以设置转移号码和转移时间段，激活或暂停业务。</t>
  </si>
  <si>
    <t>孙怡是孙俪的侄女吗</t>
  </si>
  <si>
    <t>霸州房产值得投资吗</t>
  </si>
  <si>
    <t>知网参考文献查重吗</t>
  </si>
  <si>
    <t>知网论文检测系统是可以识别到格式标准的参考文献的，格式正确系统会自动剔除不算重复率。如果格式有误，那么参考文献会被当成正文来检测将会标红算重复率。</t>
  </si>
  <si>
    <t>反流性食道炎能自愈吗</t>
  </si>
  <si>
    <t>反流性食道炎能治愈。建议注意饮食很重要。可以服用奥美拉唑胶囊和吗叮啉片。应注意日常饮食与保健，并注重运动和休息，调整精神状态。生活有规律，定食定量用餐，远离烟酒，保持心情舒畅，不要有过多的精神压力。</t>
  </si>
  <si>
    <t>反流性食管炎这种疾病，如果注意恰当的生活方式保养也可以自然痊愈。在药物治疗上，主要是使用一些抑制胃酸的药物和促进胃动力的药物。在生活方面，注意不要吃辛辣刺激食物，不要吃偏酸偏甜的食物。多吃一些含植物纤维素丰富的蔬菜。饮食不要过饱，饭后不要过早平卧。</t>
  </si>
  <si>
    <t>反流性食管炎自己痊愈的可能性比较小，所以需要服用减少胃酸分泌保护胃粘膜以及抗炎的药物。常见的药物有盼头拉唑，阿莫西林，甲硝唑和枸缘酸钠钾胶囊。避免食用辛辣油腻的食物，适当的体育锻炼，避免劳累。</t>
  </si>
  <si>
    <t>魔兽世界还有点卡吗</t>
  </si>
  <si>
    <t>没有，官方宣布《魔兽世界》从2016年8月4日起不再出售点卡，点卡制度全面取消，全部改为月卡收费。</t>
  </si>
  <si>
    <t>脸上的痘坑能修复吗</t>
  </si>
  <si>
    <t>淘宝上的知网查重靠谱吗</t>
  </si>
  <si>
    <t>还算靠谱。</t>
  </si>
  <si>
    <t>并不靠谱，有一定的风险。</t>
  </si>
  <si>
    <t>景甜双眼皮是割的吗</t>
  </si>
  <si>
    <t>裹保鲜膜运动能减肥吗</t>
  </si>
  <si>
    <t>运动时裹保鲜膜能提高减肥效率。</t>
  </si>
  <si>
    <t>赢越人生划算么</t>
  </si>
  <si>
    <t>从价格上来说华夏的要划算一点，从品质，售后，以及其他的附加服务上来说，平安的更加划算。</t>
  </si>
  <si>
    <t>付融宝可靠吗</t>
  </si>
  <si>
    <t>没听过，应该不怎么可靠。</t>
  </si>
  <si>
    <t>付融宝平台还不错，产品类型多，给用户提供更多的选择；平台信息也越发透明，让用户放心踏实去投资。</t>
  </si>
  <si>
    <t>李达康当上省长了吗</t>
  </si>
  <si>
    <t>看网上剧透说，好像是没当上省长。</t>
  </si>
  <si>
    <t>李达康没有离开官场，反而成为了省长。</t>
  </si>
  <si>
    <t>美国遣返无证移民吗</t>
  </si>
  <si>
    <t>美国采用快速遣返措施，每年把数千人递解出境。</t>
  </si>
  <si>
    <t>美国首先遣返的是有犯罪记录的无证居民，其次是非法移民等。</t>
  </si>
  <si>
    <t>拉活app靠谱吗</t>
  </si>
  <si>
    <t>仙剑6一定要乐动圈圈吗</t>
  </si>
  <si>
    <t>韩庚的老婆是吴昕吗</t>
  </si>
  <si>
    <t>韩庚还没结婚呢，哪来的老婆。</t>
  </si>
  <si>
    <t>复仇武神 贾克斯有特效吗</t>
  </si>
  <si>
    <t>武器大师只复仇武神有特效，且为全特效，Q技能有一道紫光，W是紫色电击，E是紫光，R是几条紫线圈，且被动第三下攻击发出紫光。</t>
  </si>
  <si>
    <t>全技能有紫特效，别的皮肤都没特效。</t>
  </si>
  <si>
    <t>人事专员没经验能做吗</t>
  </si>
  <si>
    <t>可以的，但是要有不断学习的态度。</t>
  </si>
  <si>
    <t>一般大型公司特别看重人才，经验都是次要的!</t>
  </si>
  <si>
    <t>微信提现要手续费吗</t>
  </si>
  <si>
    <t>2016年3月1日起，微信支付对转账功能停止收取手续费。同日起，对个人用户的微信零钱提现功能开始收取手续费。</t>
  </si>
  <si>
    <t>大都会人寿上班靠谱吗</t>
  </si>
  <si>
    <t>公司很好，保险是完全靠个人能力的，想做好必须有同等的付出。</t>
  </si>
  <si>
    <t>中美大都会绝对是骗子公司，不光骗客户，连招聘员工都骗。</t>
  </si>
  <si>
    <t>荣耀v9有疏油层吗</t>
  </si>
  <si>
    <t>空腹吃水果好吗?</t>
  </si>
  <si>
    <t>空腹吃水果没什么不好。</t>
  </si>
  <si>
    <t>百臻堂金尊皇帝油效果好不好</t>
  </si>
  <si>
    <t>效果非常好，没有依赖性。</t>
  </si>
  <si>
    <t>甘油可以养护琥珀吗,</t>
  </si>
  <si>
    <t>不建议，一般是密封或涂抹强生的婴儿油保护。短时间是橄榄油。</t>
  </si>
  <si>
    <t>可以吧，据说婴儿油挺好。</t>
  </si>
  <si>
    <t>win10收费吗</t>
  </si>
  <si>
    <t>不要的，完全免费的。</t>
  </si>
  <si>
    <t>iphone6s有64g的吗</t>
  </si>
  <si>
    <t>支付宝基金能赚钱吗</t>
  </si>
  <si>
    <t>大部分基金都有赚有赔的，不过风险没有股票高。要是想保本就直接余额宝啊，背后就是货币基金，或者领先基金的领先盈也是一样，背后都是货币基金，收益总比存银行活期强。</t>
  </si>
  <si>
    <t>北京十里河医院靠谱吗</t>
  </si>
  <si>
    <t>ktv小姐需要一人一个吗</t>
  </si>
  <si>
    <t>纯属个人爱好，不见得。</t>
  </si>
  <si>
    <t>成龙是美国国籍吗</t>
  </si>
  <si>
    <t>成龙曾公开受访时称，自己不是美国国籍，而是中国国籍。</t>
  </si>
  <si>
    <t>创世战车删档吗</t>
  </si>
  <si>
    <t>阿司匹林可以做面膜吗</t>
  </si>
  <si>
    <t>可以，但是阿司匹林面膜一定要谨慎使用。</t>
  </si>
  <si>
    <t>有些人对对阿司匹林会过敏，所以用它之前在手臂内侧检测一下，是不是也过敏。安全使用产品最重要。</t>
  </si>
  <si>
    <t>西班牙语好学吗</t>
  </si>
  <si>
    <t>班牙语的大舌音太难学会，另外，西班牙人的语速比法国人快，入门期间很难跟上。</t>
  </si>
  <si>
    <t>公众号做淘客会封号吗</t>
  </si>
  <si>
    <t>一般不会，如果有违禁的行为，可能会被警告。</t>
  </si>
  <si>
    <t>不会啊，只要不做违法的。</t>
  </si>
  <si>
    <t>被举报就废。</t>
  </si>
  <si>
    <t>驯龙女巫璐璐有特效吗</t>
  </si>
  <si>
    <t>皮肤算是有特效吧。</t>
  </si>
  <si>
    <t>百合网相亲靠谱吗</t>
  </si>
  <si>
    <t>不靠谱，珍爱网百合有缘都是假的，会让你充值会员，然后没有人找你，之前打招呼的都是系统。</t>
  </si>
  <si>
    <t>宝树行的酒都是真的吗</t>
  </si>
  <si>
    <t>是正品。</t>
  </si>
  <si>
    <t>端午节要去女方家吗</t>
  </si>
  <si>
    <t>拉肚子喝盐水有用吗</t>
  </si>
  <si>
    <t>在拉肚子的时候，会造成体内盐分和水分流失，电解质紊乱，喝盐水主要是补充电解质钠钾离子，防止脱水，对治疗或者缓解拉肚子作用不大。</t>
  </si>
  <si>
    <t>腹泻久了容易脱水，可以喝点盐水，建议干口渴时喝，最好是生理盐水加葡萄糖水，效果最好。</t>
  </si>
  <si>
    <t>订金不退可以报警吗</t>
  </si>
  <si>
    <t>可以起诉处理。</t>
  </si>
  <si>
    <t>这属于经济纠纷、只能自己协商。</t>
  </si>
  <si>
    <t>对于不按合同退还定金的行为，属于违约行为，不属于公安机关管辖范围，当事人可以协商解决，协商无效的，可以直接向人民法院起诉解决纠纷。</t>
  </si>
  <si>
    <t>孕妇可以吃巴旦木吗</t>
  </si>
  <si>
    <t>孕妇可以吃巴旦木。</t>
  </si>
  <si>
    <t>孕妇慎吃巴旦木。</t>
  </si>
  <si>
    <t>违停罚单一定要在15日内去处理么?</t>
  </si>
  <si>
    <t>不用必须在15天内去处理，那只是一个行文格式。违法停车告知单，不是处罚决定书，不会产生任何滞纳金。在车辆年审前，可带本人驾驶证、行驶证到就近交警部门一并处理。</t>
  </si>
  <si>
    <t>保险公司怕保监会吗</t>
  </si>
  <si>
    <t>如果发现保险和业务员说的不一样可以去保监局投诉，保监会是监管保险公司的，不能简单的说保险公司怕保监会，保监会和保险公司是监管和被监管的关系。</t>
  </si>
  <si>
    <t>月经不调会不孕吗</t>
  </si>
  <si>
    <t>是否能够怀孕跟女性的排卵是否正常是有很大关系的，如果没有规律，就一定会影响排卵期也不规律，这样肯定会造成受孕障碍。</t>
  </si>
  <si>
    <t>月经不调的原因很多，可能是内分泌失调、子宫内膜异位、子宫内膜炎、附件炎等原因，如果没有治疗好这些妇科病，也会导致不孕。</t>
  </si>
  <si>
    <t>宫肌瘤、子宫内膜息肉、子宫内膜增殖症、子宫内膜异位症等常见妇科疾病都可能导致月经不正常。生殖器官局部的炎症、内分泌功能失调如甲状腺，这些也都会导致月经出现异常，而这些病症很可能会造成不孕。需要先检查治疗后在准备受孕。治疗月经不调很关键，因为月经不调真的会可能导致不孕。</t>
  </si>
  <si>
    <t>房产证抵押在银行 可以拿出来用吗</t>
  </si>
  <si>
    <t>银行在办完抵押后，房管局就给银行一个"他权证"，房产证就没有再抵押的用途了，只可以做证明用，可以问一下办贷款时的相关当事人，取回即可。</t>
  </si>
  <si>
    <t>lol替换语音包会封号吗</t>
  </si>
  <si>
    <t>太极拳伤膝盖吗</t>
  </si>
  <si>
    <t>姿势不正确肯定会伤膝盖。</t>
  </si>
  <si>
    <t>掌握太极拳正确的练习方法，就不会出现伤害膝关节。</t>
  </si>
  <si>
    <t>asmr听多了对身体好吗</t>
  </si>
  <si>
    <t>有，耳朵，总戴着耳机耳朵会痛。会有依赖性，而且还会有莫名的高潮涌出，总听的话肯定不好。</t>
  </si>
  <si>
    <t>ASMR对人体没伤害的。</t>
  </si>
  <si>
    <t>汽车之家上的报价和4s店里一样吗</t>
  </si>
  <si>
    <t>汽车之家上的报价是当地经销商挂在网上的最低报价，不一定准的，有时候去店里面磨磨还会更低，当然也要看什么车。</t>
  </si>
  <si>
    <t>不同的店都不一样，有的不好卖的车为了吸引客户会把价格设置的低一些让顾客进店，有的会高一些，让顾客来店再谈。所以一定要去店里问。</t>
  </si>
  <si>
    <t>猪肺吃了有害处吗</t>
  </si>
  <si>
    <t>没什么害处。</t>
  </si>
  <si>
    <t>胡子敢用剪刀剪不</t>
  </si>
  <si>
    <t>用剪刀剪，一般越剪越剪粗，生长得越快。</t>
  </si>
  <si>
    <t>2017年新疆现在还乱吗</t>
  </si>
  <si>
    <t>没有网上说的那么恐怖，那只是极端个别的事件。</t>
  </si>
  <si>
    <t>会计证要取消吗</t>
  </si>
  <si>
    <t>只是暂停，没有取消。</t>
  </si>
  <si>
    <t>传递优化文件可以删吗</t>
  </si>
  <si>
    <t>可以清理优化传递缓存文件。</t>
  </si>
  <si>
    <t>峡谷之巅能双排吗</t>
  </si>
  <si>
    <t>江疏影是江珊的女儿吗</t>
  </si>
  <si>
    <t>藕粉热量高不高</t>
  </si>
  <si>
    <t>藕粉的热量值还是很高的，每100克含热量372.00大卡。</t>
  </si>
  <si>
    <t>藕粉中虽然没有含的有脂肪，但是藕粉中含的有大量的淀粉，淀粉进入体内后，就会转变为糖，如果糖在体内堆积多了，消耗不完，就会由糖转变为脂肪，最后这些脂肪就会堆积在体内，就会适得其反了。</t>
  </si>
  <si>
    <t>启辰发动机是进口的吗</t>
  </si>
  <si>
    <t>是东风日产的。</t>
  </si>
  <si>
    <t>不是，是合资组装的。</t>
  </si>
  <si>
    <t>慢性肾炎可以治愈吗</t>
  </si>
  <si>
    <t>准确的来说,慢性肾炎不能治愈!因为慢性肾炎的特点就是病程时间长,会缓慢持续的进行。但这也就是说,医学上说这是一个缓慢的过程,却并不是说治愈不了。但凡是打着“慢性”头衔的疾病无不是如此。当然,“治愈不了”就不等于是“绝症”,是“不治之症”。相反的,如果及早就医,合理的作息饮食,慢性肾炎是可以被完全控制住的,并不会变成大家所意识到的那样无法治愈。</t>
  </si>
  <si>
    <t>慢性肾炎是不能根治的，但可以临床治愈，如果疾病管理的好，是可以和正常人一样寿命的，但容易反复发作，治疗的时候需要关注远期疗效，如果只关注指标不关注病人的身体感受，就容易反复发作，反复发作频繁还会造成病情加重，所以最好用一些针对病人病情的慢性肾炎中成药，尤其是针对病人的本证的中成药，很多慢性肾炎患者直到尿毒都不知道自己慢性肾炎的证型是什么，结果远期疗效不好，长期反复发作，最终发展成为尿毒。</t>
  </si>
  <si>
    <t>vpn合法吗</t>
  </si>
  <si>
    <t>当你使用vpn访问的内容不算违法的就不算违法!</t>
  </si>
  <si>
    <t>足贴有用吗</t>
  </si>
  <si>
    <t>有用，足贴治疗颈椎，贴了第一天就觉得轻松了，低头久一点，不疼了。</t>
  </si>
  <si>
    <t>贴足贴效果应该不会明显，中医祛湿主要是通过利小便的方法，要利湿。</t>
  </si>
  <si>
    <t>科技布沙发到底好不好</t>
  </si>
  <si>
    <t>优点：不易损坏，品质保障，可选择料子。缺点：布料容易脏，拆洗后变得很旧。</t>
  </si>
  <si>
    <t>微信能转账到支付宝吗</t>
  </si>
  <si>
    <t>微信的钱不可以直接转到支付宝。</t>
  </si>
  <si>
    <t>芙丽芳丝日本人不用吗</t>
  </si>
  <si>
    <t>在日本很多年轻 MM 都用芙丽芳丝的，口碑很好。</t>
  </si>
  <si>
    <t>twitter在中国能用吗</t>
  </si>
  <si>
    <t>不能用。</t>
  </si>
  <si>
    <t>被屏蔽了，要挂VPN才能用。</t>
  </si>
  <si>
    <t>皮囊之下是替身吗</t>
  </si>
  <si>
    <t>没有用替身。</t>
  </si>
  <si>
    <t>来月经可以喝咖啡吗</t>
  </si>
  <si>
    <t>车前草治疗痛风吗</t>
  </si>
  <si>
    <t>车前子是治疗痛风的一种常见偏方，车前草是被称作车轮菜的一种草本植物。多年生草本，连花茎高达50厘米，具须根。车前草有被分为大车前和平车前。车前草属于偏寒性的，入口味道甘。一般会生长在路旁，河边，山中，田地、石头边、房屋前后等等。车前草中富含大量的蛋白质，碳水化合物，胡萝卜素，钙，磷，铁等微量元素，还有丰富的维生素等多种成分，治疗痛风虽然有一定的效果，但是由于车前草长期大量服用可能因利尿排钾而出现头晕、心悸。</t>
  </si>
  <si>
    <t>琼瑶有子女吗</t>
  </si>
  <si>
    <t>吃瓜子会长胖吗</t>
  </si>
  <si>
    <t>会的，瓜子油脂含量高，容易引起人体内脂肪的累积。</t>
  </si>
  <si>
    <t>二级建造师好考吗</t>
  </si>
  <si>
    <t>二级建造师考试不是很难。</t>
  </si>
  <si>
    <t>二建相对来说还是比较简单的。</t>
  </si>
  <si>
    <t>琴叶榕好养吗</t>
  </si>
  <si>
    <t>琴叶榕喜欢温暖湿润的环境，只要有充足的阳光，就会长的很好，所以琴叶榕好养。</t>
  </si>
  <si>
    <t>因为琴叶榕对于光照和温度都有很高的要求。对阳光的需求较高，可以直接放在室外接受光照，但要避风。最佳生长温度25~35℃，是从热带来的。但能保持15℃以上的室温也可以养活，冬季最好能在10℃以上。</t>
  </si>
  <si>
    <t>苏志燮整容了吗</t>
  </si>
  <si>
    <t>苏志燮没有整过容。</t>
  </si>
  <si>
    <t>商家给淘宝多开的消费积分可以下次抵用吗</t>
  </si>
  <si>
    <t>端午节能说节日快乐吗</t>
  </si>
  <si>
    <t>端午节不适合跟朋友说“节日快乐”，因为端午是一个祭祀节日，悲壮的日子。</t>
  </si>
  <si>
    <t>端午节既然是祭日，那么节日氛围不能太过欢庆，彼此见面是不可以说节日快乐的，而对亲朋友好友送上“身体安康”的祝福可能更恰当。</t>
  </si>
  <si>
    <t>端午节可以说节日快乐。</t>
  </si>
  <si>
    <t>唇炎能彻底治好吗</t>
  </si>
  <si>
    <t>能彻底治好</t>
  </si>
  <si>
    <t>御尊资本集团是真是假</t>
  </si>
  <si>
    <t>一年翻5倍，俩年25倍，3年125倍，要是真的中国早就是共产主义社会了，早就超级强国了，到时候美国对于中国来说连只蚂蚁都不如，所以珍爱生命，远离传销。</t>
  </si>
  <si>
    <t>成都中科甲状腺医院是公立医院吗</t>
  </si>
  <si>
    <t>成都中科甲状腺医院是国家公立二甲医院。</t>
  </si>
  <si>
    <t>孕妇能吃蓝莓吗</t>
  </si>
  <si>
    <t>孕妇可以吃蓝莓，只要控制好食用量。</t>
  </si>
  <si>
    <t>刺猬紫檀家具会升值吗</t>
  </si>
  <si>
    <t>与其它收藏品相比，紫檀木家具具有实用价值，可谓中看又中用，尤其是明清紫檀木家具，在收藏界的地位一直稳升不降。此外，紫檀木由于生长周期长，产量少，价格昂贵，在收藏市场上可谓奇货可居。在我国，紫檀家具经过数百年的蜕变，历经沧桑，大部分遭到毁损，珍品存世量不多，只有故宫和各地博物馆、园林有部分珍藏。作为木中极品的紫檀，甚至连外国人也为之着迷。自古以来，外国收藏者对紫檀家具的收藏一直很狂热。在今年4月底举办的嘉德春拍会上，一件清乾隆年间的紫檀罗汉床，以3248万元人民币的价格成交，刷新了中国古典家具拍卖的世界纪录。明清紫檀最具升值空间，当前，中国明清紫檀家具在收藏市场上逐年升温，一些精品在拍卖会上连创天价。从拍卖成交情况来看，不仅是那些国宝级的珍品紫檀价值高，那些保存状态良好、装饰性强、大小适中的中小型紫檀家具，也深受古典家具爱好者的欢迎，成交比例较高。</t>
  </si>
  <si>
    <t>小儿颠痫病可以治愈吗</t>
  </si>
  <si>
    <t>控制不好,可迁延数年,甚至数十年之久,为此,但是必须指出,大多数癫痫的愈后较好,当然也有少数癫痫难以控制,愈后不理想.癫痫患者应持乐观态度,树立战胜疾病的信心,一定要坚持长期治疗。</t>
  </si>
  <si>
    <t>能临床治好。</t>
  </si>
  <si>
    <t>iphone 6 32g是真品吗</t>
  </si>
  <si>
    <t>微信公众号收费吗</t>
  </si>
  <si>
    <t>目前公众平台是免费的，具体操作也很简单，可以去公众平台了解一下。</t>
  </si>
  <si>
    <t>陈冯富珍会说中国话吗</t>
  </si>
  <si>
    <t>应该是不会的。</t>
  </si>
  <si>
    <t>当然会。</t>
  </si>
  <si>
    <t>郑和是太监吗</t>
  </si>
  <si>
    <t>不是太监。</t>
  </si>
  <si>
    <t>是太监</t>
  </si>
  <si>
    <t>小孩可以吃榴莲吗</t>
  </si>
  <si>
    <t>两岁的小孩可以吃榴莲了，但是不要吃太多。</t>
  </si>
  <si>
    <t>在一岁半左右就可以去吃了。</t>
  </si>
  <si>
    <t>一岁以上是可以吃适量榴莲的。</t>
  </si>
  <si>
    <t>国考和省考的教材一样吗</t>
  </si>
  <si>
    <t>还是有一点差别的。</t>
  </si>
  <si>
    <t>小米对讲机好用吗</t>
  </si>
  <si>
    <t>应该还是可以的。</t>
  </si>
  <si>
    <t>善林金融理财安全吗</t>
  </si>
  <si>
    <t>善林金融这个平台相对比较安全，值得信任。</t>
  </si>
  <si>
    <t>胆脂瘤手术是大手术吗</t>
  </si>
  <si>
    <t>胆脂瘤的手术是比较复杂的手术。</t>
  </si>
  <si>
    <t>胆脂瘤算一个不大不小的手术。</t>
  </si>
  <si>
    <t>这个手术要看胆脂瘤侵犯的部位和范围，如果严重的话，这个手术之后可能会造成面瘫的。</t>
  </si>
  <si>
    <t>思域底盘农村能开吗</t>
  </si>
  <si>
    <t>可以，底盘低。</t>
  </si>
  <si>
    <t>西部大开发失败了吗</t>
  </si>
  <si>
    <t>失败了。</t>
  </si>
  <si>
    <t>西南挺成功，西北完全失败。</t>
  </si>
  <si>
    <t>长久来看，是成功的。</t>
  </si>
  <si>
    <t>喉咙堵得慌是癌症吗</t>
  </si>
  <si>
    <t>赌的慌不是癌症。</t>
  </si>
  <si>
    <t>出现咽喉肿胀，胸闷症状表现，考虑咽喉炎或者支气管炎的症状表现。</t>
  </si>
  <si>
    <t>财富庄园游戏是骗局吗</t>
  </si>
  <si>
    <t>旧盘崩盘，新盘出现，改头换面而已！所谓的拆分盘，骗局！</t>
  </si>
  <si>
    <t>吃鳄鱼犯法吗</t>
  </si>
  <si>
    <t>自2003年开始，鳄鱼——特指人工驯养繁殖的鳄鱼，可以有条件的进行商业性经营利用，人们可以食用了。</t>
  </si>
  <si>
    <t>现在很多地方都有人工养殖的食用鳄鱼，吃这种鳄鱼是不犯法的。要是吃扬子鳄等珍惜类，当然犯法。</t>
  </si>
  <si>
    <t>野生的鳄鱼是不可以捕杀的，而养殖的，还要到政府有关部门审批才可。</t>
  </si>
  <si>
    <t>澳大利亚签证好办吗</t>
  </si>
  <si>
    <t>签证比较好办。</t>
  </si>
  <si>
    <t>省呗上征信吗</t>
  </si>
  <si>
    <t>省呗在申请的时候需要人脸识别、身份验证、资料验证以及银行授信，银行放贷会查询个人的征信记录。根据网友的反馈，征信显示为哈尔滨银行的查询记录，由此可见省呗不上征信的说法完全是不正确的。</t>
  </si>
  <si>
    <t>如果发生逾期行为，省呗也会将逾期记录提交央行征信系统，影响个人信用记录。</t>
  </si>
  <si>
    <t>心悦会员可以解封lol吗</t>
  </si>
  <si>
    <t>那些说收费的 解封的都不行。解封不了不管什么。除非有那些大主播有内部关系证明的确没问题的才可能解开，只是有可能，一般情况不给解的。</t>
  </si>
  <si>
    <t>华为p10是双卡双待吗</t>
  </si>
  <si>
    <t>是双卡双待。</t>
  </si>
  <si>
    <t>肉桂和桂皮一样吗</t>
  </si>
  <si>
    <t>桂皮原产于牙买加群岛一带，和肉桂一样同属樟树科，树高约3米， 树皮比肉桂厚且粗糙，颜色也深;虽然桂皮和肉桂香味相似，但桂皮比肉桂在甘甜中夹带着苦涩。</t>
  </si>
  <si>
    <t>肉桂是龙眼，桂皮是树皮。</t>
  </si>
  <si>
    <t>深圳海洋世界好玩吗</t>
  </si>
  <si>
    <t>深圳海洋世界是真正建在海边的海洋公园，在国内尚属第一家。设有海洋剧场、极地动物馆、水族馆、幻游馆、鲨鱼馆、鲸鲨馆、海贝馆、科普馆、小动物剧场等多处游玩地，全方位的展示海洋的奇幻，体会梦境一般的海洋世界。深圳海洋世界坐落在广东省深圳市小梅沙海滨旅游区（小梅沙被称为“东方夏威夷”），距市区28公里，交通便利；海洋世界价格适中，成人票140元，儿童票只要75元。除了观赏海底奇观，看各类海洋动物的表演，欣赏乌克兰水下芭蕾、趣味跳水，还可以学到不少关于海洋的科普知识，很值得一去。</t>
  </si>
  <si>
    <t>中国第一个大型的“极地动物世界”，让您现场亲眼目睹来自极地的大白鲸、北极熊、北极狐、企鹅。由俄罗斯、乌克兰等异国表演团全情打造近2个小时、亚太地区最大规模的“海陆空”特技综艺表演。深圳海洋世界建有目前国内最大鲨鱼馆，并有华南地区最精美的珍奇的海洋贝类馆。国内独家“天然海洋馆”，汲取大鹏海湾纯净天然海水饲养。海洋剧场、海底剧场、白鲸剧场、小动物剧场，四大剧场全天循环表演理由6国内最大的梦幻水母馆，全新升级的豪华海洋乐园。</t>
  </si>
  <si>
    <t>弹射起步伤车吗</t>
  </si>
  <si>
    <t>最伤驱动轮的轮胎、发动机至轮胎每一个传动部位都会被伤害、只不过很轻微。</t>
  </si>
  <si>
    <t>磁性手机支架 会对手机有影响么</t>
  </si>
  <si>
    <t>当然是有影响的，手机支架表面磁力(接触手机的部分)超过200GS就会对手机产生影响，甚至损害。</t>
  </si>
  <si>
    <t>磁性手机支架对手机有危害，因为手机里有金属元器件，会受到电磁的干扰，影响其正常功能和工作，导致手机失灵和运作瘫痪。</t>
  </si>
  <si>
    <t>没有影响，手机一般都有防磁设计的。</t>
  </si>
  <si>
    <t>金钟国蔡妍交往过吗</t>
  </si>
  <si>
    <t>知网查重后会影响二次查重的重复率吗</t>
  </si>
  <si>
    <t>会有一定的影响，如果你在初次检测的时候没有填写作者真实姓名，收录后，系统不能排除和自己的论文重复的内容，因为很可能被认定抄袭，到时有口说不清，会带来很多的麻烦。</t>
  </si>
  <si>
    <t>江南大学研究生好考吗</t>
  </si>
  <si>
    <t>看专业，江南食品难度等级就很大。</t>
  </si>
  <si>
    <t>计算机专业不是很强，过线调剂过来，很容易考的。</t>
  </si>
  <si>
    <t>樱桃含糖量高吗</t>
  </si>
  <si>
    <t>樱桃含糖量不太高。</t>
  </si>
  <si>
    <t>外面挖的苔藓养的活吗</t>
  </si>
  <si>
    <t>养得活。</t>
  </si>
  <si>
    <t>咸鸭蛋健康吗</t>
  </si>
  <si>
    <t>1、咸蛋中部分蛋白质被分解为氨基酸，由于盐腌，使蛋内盐份增加，蛋内无机盐也随之略增。生蛋黄中的脂肪由于与蛋白质结合在一起，看不出含有油脂，腌制时间久了，蛋白质会变性，并与脂肪分离，脂肪聚集在一起就成了蛋黄油，蛋黄中带有红黄色卵黄素及胡萝卜素，溶与蛋黄油呈红黄色，增加咸蛋的感官性状，咸蛋出油是咸蛋已腌好的标志。所以咸蛋与鲜蛋的营养价值基本相同。2、鸡蛋腌制成咸蛋后，其蛋白质含量明显减少，由鲜蛋的每百克含14.7克，下降为10.4克；脂肪含量明显增多，由鲜蛋每百克含11.6克，上升为13.1克；碳水化合物含量变化更大，由鲜蛋每百克含1.6克，上升为10.7克；矿物质保存较好，钙的含量大大提高，由鲜蛋每百克含55毫克，上升为512毫克。3、咸蛋中钙质、铁质等无机盐含量丰富，含钙质量、含铁质量比鸡蛋、鲜鸭蛋都高。所以它们的营养价值是基本相同的各有好处，对身体没有危害，可以放心食用。不过任何食物都不能吃多，比如咸蛋用盐量一般在10%左右，吃多了容易得高血压。</t>
  </si>
  <si>
    <t>1、咸蛋中部分蛋白质被分解为氨基酸，由于盐腌，使蛋内盐份增加，蛋内无机盐也随之略增。生蛋黄中的脂肪由于与蛋白质结合在一起，看不出含有油脂，腌制时间久了，蛋白质会变性，并与脂肪分离，脂肪聚集在一起就成了蛋黄油，蛋黄中带有红免费卵黄素及胡萝卜素，溶与蛋黄油呈红免费，增加咸蛋的感官性状，咸蛋出油是咸蛋已腌好的标志。所以咸蛋与鲜蛋的营养价值基本相同。 3、咸蛋中钙质、铁质等无盐含量丰富，含钙质量、含铁质量比鸡蛋、鲜鸭蛋都高。</t>
  </si>
  <si>
    <t>咸鸭蛋是指以新鲜鸭蛋为主要原料经过腌制而成的再制蛋，营养丰富，富含脂肪、蛋白质及人体所需的各种氨基酸、钙、磷、铁、各种微量元素、维生素等，易被人体吸收，咸味适中，老少皆宜。</t>
  </si>
  <si>
    <t>方阵金保网靠谱不</t>
  </si>
  <si>
    <t>很靠谱的一家公司，本土企业，资质齐全，不仅有社保公积金的代理资质，还是一家有实力的公司。</t>
  </si>
  <si>
    <t>方阵金保网是正规人力资源服务机构，自有办公场所，对待客户耐心有责任感。</t>
  </si>
  <si>
    <t>身份证过期能在自动取票机取票吗</t>
  </si>
  <si>
    <t>酸奶过期几天能喝吗</t>
  </si>
  <si>
    <t>酸奶过期能不能喝主要看过期多久了，如果过期不到一星期，可以考虑喝。过期的酸奶如果能闻出酒味，或者酸奶生了霉菌，这种情况下千万不能喝。</t>
  </si>
  <si>
    <t>不可以喝，而且酸奶很容易变质。加上长期放在冰箱里，容易滋生细菌和微生物。</t>
  </si>
  <si>
    <t>飞猪 500元大礼包有用吗</t>
  </si>
  <si>
    <t>有用。飞猪出行大礼包内含机票立减券、酒店红包、接送机券、旅行红包。在飞猪app购买相关旅行产品时能够享受优惠。</t>
  </si>
  <si>
    <t>ios9.3.5能越狱吗</t>
  </si>
  <si>
    <t>桃胶孕妇能吃吗</t>
  </si>
  <si>
    <t>桃胶是桃树上分泌的一种树脂，桃胶不仅没有毒副作用而且还含有我们人体所需多种营养元素，所以孕妇怀孕期间是可以适量食用桃胶的。</t>
  </si>
  <si>
    <t>霍金预言中国是真的吗</t>
  </si>
  <si>
    <t>这只是网络上的说说，并没有认证。</t>
  </si>
  <si>
    <t>ageloc me是骗局吗</t>
  </si>
  <si>
    <t>骗人的传销，央视都曝光了。</t>
  </si>
  <si>
    <t>坐飞机可以带充电宝吗</t>
  </si>
  <si>
    <t>可携带额定能量在160W以内的充电宝。</t>
  </si>
  <si>
    <t>充电宝只要额定能量值符合要求。</t>
  </si>
  <si>
    <t>死刑立即执行还有救吗</t>
  </si>
  <si>
    <t>还有一个上诉期呢。</t>
  </si>
  <si>
    <t>胆结石需要手术吗</t>
  </si>
  <si>
    <t>有症状结石最好手术治疗。</t>
  </si>
  <si>
    <t>发烧可以洗热水澡吗</t>
  </si>
  <si>
    <t>发烧期间最好别洗澡。本来这个期间的抵抗力就弱，再忽冷忽热的话容易加重病情。</t>
  </si>
  <si>
    <t>发烧首先需要测量体温，根据不同的情况做出相应的缓解和治疗方案，一般对于高烧患者，也就是体温超过38℃的时候，就需要立即就医，不要因为进行洗澡降温而耽误救援时间，如果只是低烧的话，可以进行物理降温，要么用热毛巾对额头和身体进行擦浴降温，或者直接洗热水澡进行降温，但是一定要注意身边要有人照看，否则发烧严重可致头晕，发生危险。</t>
  </si>
  <si>
    <t>可以洗澡，不要洗太久，不要再次受凉了，本来发烧洗温水澡就有降温的作用，但是水温不要太低，让自己受凉。洗头的话最好等退烧以后，如果非要洗的话，洗完后要用吹风机吹干，避免再次受凉。</t>
  </si>
  <si>
    <t>卢本伟真的是香港人吗</t>
  </si>
  <si>
    <t>红绿灯路口可以掉头吗</t>
  </si>
  <si>
    <t>1、有掉头灯的路口：允许。2、无掉头灯有左转灯的路口：允许。3、黄色网格区域：允许。4、禁止左转路口：禁止。5、斑马线区域：一般并没有禁止掉头标识，但是这种区域等同于人行道，是绝对不允许掉头的。6、最左侧车道只有直行箭头：禁止。7、道路上的黄色虚实线和双虚线。</t>
  </si>
  <si>
    <t>停止线左侧是虚线，不用考虑红绿灯，直接在虚线部分掉头。停止线左侧是实线或者隔离带，必须等绿灯才可以越过停止线掉头。如果所在车道为直行车道，禁止左转，不能掉头。如果左转车道在最右侧，只能左转，禁止掉头。如果左转车道在最右侧，只能左转，禁止掉头。一般辅路都是右转车道，禁止掉头。任何掉头，都不能影响行人和其他车辆。</t>
  </si>
  <si>
    <t>keep健身软件有效果吗</t>
  </si>
  <si>
    <t>可以减肥。</t>
  </si>
  <si>
    <t>网易考拉有假货吗</t>
  </si>
  <si>
    <t>网易钱多用不着卖假货。</t>
  </si>
  <si>
    <t>应该没有吧。</t>
  </si>
  <si>
    <t>车牌号可以换吗</t>
  </si>
  <si>
    <t>牌照是终身制，汽车上牌照后不可以更换牌照。除非过户后可以重新办。新牌属于购车人，要想更换牌照，除非买别的车。</t>
  </si>
  <si>
    <t>由于车牌是终身对应一户一车，在车没有进行过户的时候，不允许更换车牌，没有所谓的报停再申请，一辆车要换车牌只能进行户。</t>
  </si>
  <si>
    <t>慢性鼻炎能根治吗</t>
  </si>
  <si>
    <t>可以肯定的一点是，慢性鼻炎是一种可以彻底治愈的一种疾病，只是一定要注意治疗的方式以及方法，否则，鼻炎复发的可能性是非常大的。</t>
  </si>
  <si>
    <t>陪护假包含双休吗</t>
  </si>
  <si>
    <t>因假期为连续性，故包含周末。</t>
  </si>
  <si>
    <t>粽子可以放微波炉吗</t>
  </si>
  <si>
    <t>气门室盖垫渗油要紧吗</t>
  </si>
  <si>
    <t>首先，任何部位渗油都是不被允许的，说明此原件的密封性能或者内部压力出现问题。其次，要看渗油量的大小，常见的德系车特别是带涡轮增压的发动机容易出现此类问题。渗油严重会导致发动机机油减少，对润滑产生影响，而且机体在高温情况下，容易引发自燃，所以还是及早处理的比较好。</t>
  </si>
  <si>
    <t>一般的气门室盖下边都是有一根密封圈，因为密封圈老化就导致惨油，这种时间久了的车是通病，而别克和雪佛兰气门室盖是塑料的，所以这种用不了多久都会漏，高温以后塑料会变形，一变形就密封不了，所以这都是小问题。</t>
  </si>
  <si>
    <t>詹姆斯能撞动奥尼尔吗</t>
  </si>
  <si>
    <t>撞不动的。</t>
  </si>
  <si>
    <t>冰箱能躺着运输吗</t>
  </si>
  <si>
    <t>冰箱不能躺倒着运输。</t>
  </si>
  <si>
    <t>不会有太大的问题。</t>
  </si>
  <si>
    <t>可以，一般批量冰箱运输，为节省空间，都是平躺着放的。</t>
  </si>
  <si>
    <t>闪银大额贷有下款的吗</t>
  </si>
  <si>
    <t>闪银里比较好下款的有纳米，呼呼，好又贷，乐宝，都是当天审核只要通过必然当天下款。</t>
  </si>
  <si>
    <t>华誉环亚公司可靠吗</t>
  </si>
  <si>
    <t>是一个难得的可靠、靠谱的贵金属投资平台。</t>
  </si>
  <si>
    <t>是个骗子平台。</t>
  </si>
  <si>
    <t>正规的。</t>
  </si>
  <si>
    <t>浦发银行信用卡激活必需去柜台吗</t>
  </si>
  <si>
    <t>信用卡激活通常有三种方式：通过信用卡所在的银行柜台激活，需要本人出面以及本人身份证原件，信用卡；打电话卡面上的信用卡服务电话激活；登陆信用卡网上银行，在线激活。</t>
  </si>
  <si>
    <t>如果是在网上申请的就需要带上身份证、信用卡去银行验证身份激活。</t>
  </si>
  <si>
    <t>首卡需要去柜台激活，二卡不需要。</t>
  </si>
  <si>
    <t>李海娜现实中结婚了吗</t>
  </si>
  <si>
    <t>是的，在曼谷举行的婚礼。</t>
  </si>
  <si>
    <t>潍坊新东方学校好吗</t>
  </si>
  <si>
    <t>新东方教育科技集团，由1993年11月16日成立的北京新东方学校发展壮大而来，目前集团以语言培训为核心，拥有短期语言培训系统、职业教育系统、基础教育系统、文化传播系统、科技产业系统、咨询服务系统、发展研究系统等多个发展平台，是一家集教育培训、教育产品研发、教育服务等于一体的大型综合性教育科技集团。新东方教育科技集团于2006年9月7日在美国纽约证券交易所成功上市，成为中国第一家海外上市的教育机构。截止2014年5月31日，新东方已经在全国50座城市设立了56所学校、31家书店以及703家学习中心。自成立以来，新东方累计面授学员近2000万人次。</t>
  </si>
  <si>
    <t>有人被中细软公司骗吗</t>
  </si>
  <si>
    <t>身份证到期银行卡还能用吗</t>
  </si>
  <si>
    <t>身份证过期银行卡是能用的。这两个是相对独立的卡片。</t>
  </si>
  <si>
    <t>身份证过期，当时不影响银行卡使用的，但是要及时换证，否则以后密码挂失和银行柜台业务是无法办理的。</t>
  </si>
  <si>
    <t>摩洛哥中国人去安全么</t>
  </si>
  <si>
    <t>感觉很安全，而且他们对中国的印象都挺好。</t>
  </si>
  <si>
    <t>土豆皮能吃吗</t>
  </si>
  <si>
    <t>在正常情况下，这种毒素在土豆中的含量非常非常低，不至于引起中毒问题。研究者提示，对于局部发芽变青的土豆，如果情况不太严重，只要厚厚地剜去芽眼，削去发青部分，仍然可以烹调食用。但是如果变青发芽的比例太大，则建议把土豆扔掉。</t>
  </si>
  <si>
    <t>土豆皮非常安全，而且营养丰富，它富含能增加饱腹感的膳食纤维和有助降低血压的钾元素，吃土豆时可别随便丢了这层营养皮。</t>
  </si>
  <si>
    <t>微信小程序需要后端吗</t>
  </si>
  <si>
    <t>需要。因为后端接口采用的的json数据格式所以后台的一般是web端， 现在比较好的做web后端语言：php java .net。</t>
  </si>
  <si>
    <t>十里河医院是黑医院吗</t>
  </si>
  <si>
    <t>不是，北京十里河妇科医院所有的收费项目都是经过成都市卫生局、物价局审核的，且所有收费项目都会在一楼门诊明示，绝不存在虚收费、胡乱收费的现象，我们恳请网络推手不要再抹黑一个诚信、真心实意为患者服务的医疗企业。</t>
  </si>
  <si>
    <t>闲鱼买东西有保障吗</t>
  </si>
  <si>
    <t>闲鱼是二手交易，买卖二手会存在一些问题，你要知道，特别是电子产品，如果对电子产品不熟悉，不建议买二手。</t>
  </si>
  <si>
    <t>心率90多正常吗</t>
  </si>
  <si>
    <t>每分钟心率超过100次称为心动过速，低于60次称为心动过缓。 心动过速能够引起人们的重视，而在临床工作中，心动过缓却往往被人们忽视，特别是中青年。不少人说心跳慢说明身体好，当然如果他精力充沛，这是经常锻炼的结果，是正常的，但是有些人经常委靡不振，这就要引起特别重视了。病态的心动过缓如果不进行及时纠正，病情可能进一步发展，轻则影响正常生活，重则危及生命。 正常成人的心率在每分钟60—100次之间，如果超过100次称为心动过速，低于60次称为心动过缓。 长期体育锻炼的人、运动员或重体力劳动者，虽然心率只有每分钟50—60次，但精力充沛，无任何不适，不属于病态，这种情况多为生理性窦性心动过缓，是正常现象，不会影响健康。此外，健康的成人睡眠期间的心率也可在每分钟50—60次左右。 心动过缓是心律失常的一个重要类型。有些患者平时的基础心率偏慢，在每分钟50—60次左右。</t>
  </si>
  <si>
    <t>正常的。正常成年人平均在75次/分左右(60—100次/分之间)。</t>
  </si>
  <si>
    <t>在安静状态下健康成人心率大约平均75次/分钟,正常成年人心率的波动范围为60-100/分钟,女性的心率较男性心率快,体力活动及精神兴奋时心跳都可增快。</t>
  </si>
  <si>
    <t>唯品会的手机是正品吗</t>
  </si>
  <si>
    <t>唯品会的手机应该是真的，因为该电商会给正规发票。可以拿到手机后拨打售后服务热线，查询该机的真伪。</t>
  </si>
  <si>
    <t>公司法司法解释四通过了吗</t>
  </si>
  <si>
    <t>通过了。</t>
  </si>
  <si>
    <t>香蕉可以放冰箱吗</t>
  </si>
  <si>
    <t>香蕉能放冰箱，香蕉是热带水果，你如果把这种水果保存在过低的温度中，细胞膜的某些区域就会变得过于黏稠，失去将细胞内空间分隔成不同小室的作用。在这种情况下，生物酶与本来被细胞膜分隔开来的底物（酶作用物）就会混合在一起。香蕉就会变黑了。放在冰箱里的香蕉，比起放在冰箱外，表皮更容易变为棕黑色，不过这并不影响食用。</t>
  </si>
  <si>
    <t>香蕉不能放冰箱，放冰箱生的香蕉不会再变熟，而且香蕉会变黑，根本起不到保鲜作用。</t>
  </si>
  <si>
    <t>请私教有用吗</t>
  </si>
  <si>
    <t>教练对健身方法的掌握、因人而异的生理特点、训练时间和周期的把握、运动量和运动强度的控制都比非专业健身人士好，术业有专攻。健身新手，需要教练根据身体情况设置运动处方：运动形式、运动频率、运动量和强度、饮食建议等；健身达人，需要教练帮助度过平台期、尝试新的训练方法和技巧等。</t>
  </si>
  <si>
    <t>验车和提车不是一天吗</t>
  </si>
  <si>
    <t>有可能，没合格证就上不了保险，也可能等合格证到了，办完保险、领牌再走！</t>
  </si>
  <si>
    <t>异地可以办身份证吗</t>
  </si>
  <si>
    <t>可异地办理。</t>
  </si>
  <si>
    <t>父母赠与子女房产要交税吗</t>
  </si>
  <si>
    <t>赠与性质分两种，1是买卖性质：以买卖方式赠与，到房管局直接去过户，会告诉最低多少钱交易，然后按交易价格交税，如果父母除了赠与的房子之外有其他的房子，他需要交1%成交价的个人所得税，是首套需要交1%的个税2：赠与性质：（无条件过户给你）不需要费用，只要换房本的工本费，但是以这种性质过户是不划算的，因为以后有房了要卖的时候就需要交20%的个人所得税了。</t>
  </si>
  <si>
    <t>至亲间赠与是不用缴纳税费的，带到交易市场。做个公证。</t>
  </si>
  <si>
    <t>ipad32g内存够用吗</t>
  </si>
  <si>
    <t>会比较吃紧。</t>
  </si>
  <si>
    <t>不够的。</t>
  </si>
  <si>
    <t>微信好友删除了 可以找回聊天记录吗</t>
  </si>
  <si>
    <t>1. 将想恢复微信聊天记录的苹果手机连接到电脑上，然后在电脑上打开iTunes软件将该苹果手机中的所有数据备份到电脑上来。2. 使用iTools软件中的“iTunes备份管理”功能，将iTunes备份数据中var/mobile/Applications/com.tencent.xin/Documents/文件夹导出到电脑的某个文件夹中。3. 打开“楼月微信聊天记录导出恢复助手”软件，设置为“苹果版微信”将打开之前导出的Documents文件夹。4. 点击“文件”“恢复已删除微信聊天记录”菜单，稍等一会时间后，删除的苹果手机微信聊天记录就被成功恢复回来了。</t>
  </si>
  <si>
    <t>第一：聊天记录——上传备份方法：在微信轻触“我”-&gt;设置-&gt;通用-&gt;聊天记录备份和恢复-&gt;根据需要上传或下载聊天记录。上传的聊天记录，只能保存7天；上传的聊天记录，只能维持1份，如果重新上传，会覆盖之前的聊天记录，请谨慎操作。QQ离线消息记录，暂不支持备份。第二：聊天记录——下载事项：更换手机后，通过“下载”已上传的聊天记录可以同步到新手机中，下载后可以在微信好友聊天记录中查看。聊天记录迁移后，下载次数不限；下载聊天记录，会与本机聊天记录合并，不会覆盖本机原有聊天记录。</t>
  </si>
  <si>
    <t>这个只要是原来的手机加回好友聊天记录应该还有的。</t>
  </si>
  <si>
    <t>康美药业直销合法吗</t>
  </si>
  <si>
    <t>它也是拿牌企业，算是正规合法的呢。只是制度比较苛刻，价位也比较高，很难做，口碑也不怎么好，所以选择很重要。</t>
  </si>
  <si>
    <t>合法，证件都齐全。</t>
  </si>
  <si>
    <t>现在跨行转账要手续费吗</t>
  </si>
  <si>
    <t>中信银行、招商银行、浦发银行、光大银行、华夏银行、民生银行、广发银行、兴业银行、平安银行、恒丰银行、浙商银行、渤海银行。中国工商银行、中国农业银行、中国银行、中国建设银行、交通银行。用手机银行转账免手续费。</t>
  </si>
  <si>
    <t>1.不同的银行、不同的渠道收费情况不一样。2.举例：工行理财金账户、白金卡，平安银行网银、渣打银行网银等这些网上转账都不需要手续费。3.国内绝大部分跨行转账都需要手续费，一般手机转账收费费最低、次之是网银、最贵的是柜台。</t>
  </si>
  <si>
    <t>常年不吃晚饭有好处吗</t>
  </si>
  <si>
    <t>1.不吃晚饭导致长达10个小时的空腹期间，这样很容易得胃病。2.如果处于正在发育期的人，长期不吃晚饭就会影响身体发育和抵抗力。3.不吃晚饭身体所需营养物缺少的话，新陈代谢就会变慢，或许你会因此变瘦，但是是有病态的瘦。</t>
  </si>
  <si>
    <t>营养跟不上，且虽然没吃饭，但是胃液等消化液还是会分泌，然而没有食物，结果会导致胃病和其他疾病。</t>
  </si>
  <si>
    <t>长期不吃晚饭胃将会变得扁，很容易得胃癌以及与胃相关的其他疾病。</t>
  </si>
  <si>
    <t>有糖是不是要倒了</t>
  </si>
  <si>
    <t>任何投资都是有风险的，目前有糖发展的还不错，前景应该可以。</t>
  </si>
  <si>
    <t>婚后买车写一方名字属于共同财产吗</t>
  </si>
  <si>
    <t>如果是用婚后收入买的车子，即使登记在一方的名下，也属于夫妻共同财产。</t>
  </si>
  <si>
    <t>1、婚后买车，即使只写了一方的名字，仍然属夫妻共同财产，因为车是在夫妻关系存续期间夫妻所共同拥有的财产。2、夫妻共同财产，是指在夫妻关系存续期间夫妻所共同拥有的财产。</t>
  </si>
  <si>
    <t>比特币违法吗</t>
  </si>
  <si>
    <t>苹果皮能吃吗</t>
  </si>
  <si>
    <t>当然能吃，但是要洗干净，苹果皮表面可能有农药残留。</t>
  </si>
  <si>
    <t>拼多多的东西是正品吗</t>
  </si>
  <si>
    <t>伴郎伴娘必须未婚吗</t>
  </si>
  <si>
    <t>伴郎伴娘必须未婚。</t>
  </si>
  <si>
    <t>医院端午节放假吗</t>
  </si>
  <si>
    <t>放三天，但是放假期间还是会安排人员值班，内部人员进行调休。</t>
  </si>
  <si>
    <t>2016年端午节放假安排：2016年6月9日-6月11日放假。6月12日上班。</t>
  </si>
  <si>
    <t>端午节：5月28日至5月30日放假调休，共3天。其中， 5月30日(星期二)为端午节法定节假日，门诊停诊1天，急诊照常运行;5月27日(星期六)公休日调至5月29日(星期一)。5月27日(星期六)上班(课)。</t>
  </si>
  <si>
    <t>跑800米前喝红牛有用吗</t>
  </si>
  <si>
    <t>有用，体力恢复的快，建议不要一次性喝完，慢点喝。</t>
  </si>
  <si>
    <t>聂远真的有艾滋吗</t>
  </si>
  <si>
    <t>聂远躺枪淡定否认：太无聊。</t>
  </si>
  <si>
    <t>淘宝苹果官换机靠谱吗</t>
  </si>
  <si>
    <t>不太靠谱。</t>
  </si>
  <si>
    <t>有官换机这个说法，假的居多，有猫腻，有些不良商家在淘宝上冒充官换机，其实是一些翻新机，或者高仿山寨，还有组装的，一次性解锁的（刷机后有ID锁，后期要很大一笔费来解锁），大多数是从广州深圳涌进的（看到是这个地方的货源就要小心了）。之所以叫淘宝，淘到了就是宝，淘错了就亏。</t>
  </si>
  <si>
    <t>加陌生人微信有风险吗</t>
  </si>
  <si>
    <t>只要自己注意不泄露自己的个人重要信息，就不会有什么危险的，所以不要危言耸听，自己会有原则，就不会有事。</t>
  </si>
  <si>
    <t>泰康人寿是正规公司吗</t>
  </si>
  <si>
    <t>泰康人寿成立于1996年，几年成立20周年，今年已改为泰康保险集团，泰康人寿是旗下六大子公司之一，分别为泰康人寿，泰康在线，泰康医养，泰康资管，泰康之家，泰康健康管理。总部在北京长安街中国银行总行对面。现已发展为中国第四大保险公司。</t>
  </si>
  <si>
    <t>任何一家保险公司都是正规的。</t>
  </si>
  <si>
    <t>256固态硬盘够用吗</t>
  </si>
  <si>
    <t>给你花上征信吗</t>
  </si>
  <si>
    <t>不上征信，但是上支付宝负面记录。</t>
  </si>
  <si>
    <t>没有明确逾期是否上征信。</t>
  </si>
  <si>
    <t>蚂蚁花呗要利息吗</t>
  </si>
  <si>
    <t>花呗你在购物后在次月的还款日全额还清即不收取利息，若使用分期还款，则需要支付一定比例的利息，利率如下：3期分期总金额的2.5%，6期分期总金额的4.5%，9期分期总金额的6.5%，12期分期总金额的8.8%。</t>
  </si>
  <si>
    <t>还款日之前还款，没有利息。</t>
  </si>
  <si>
    <t>这个月用，下个月还是没有利息的。</t>
  </si>
  <si>
    <t>初中毕业能上大专吗</t>
  </si>
  <si>
    <t>跑男有剧本吗</t>
  </si>
  <si>
    <t>《奔跑吧》的总编剧王璐接受采访时曾说：当时从韩方引入“编剧”这个工位时，应该翻译成“作家”会更好，“最早我也以为编剧是给真人秀设定剧情，甚至让明星配合表演，但之后发现完全不是这样。 ”“跑男”编剧的工作内容是主题设置和游戏策划，至于嘉宾要怎么玩、谁输谁赢完全是现场自然发生。”通过王璐这段话，我们可以知道，《跑男》的编剧们的确是设计了剧本，但他们设计的是主题和情境、游戏的环节、流程，而临场反应都是靠嘉宾们自由发挥的。</t>
  </si>
  <si>
    <t>觉得节目组应该有一个大致剧本，不然节目没办法引导嘛，但是不会全部告诉常驻和嘉宾。</t>
  </si>
  <si>
    <t>轻氧轻燕是传销么</t>
  </si>
  <si>
    <t>就是传销。做轻氧产品的都是原来做微商的。用钱请各种大明星，开高端，买跑车的噱头，吸引下线。</t>
  </si>
  <si>
    <t>顶呱呱贷款可靠吗</t>
  </si>
  <si>
    <t>靠谱不靠谱是和你的自身条件相关的，一工厂上班的客户和一事业单位上班的客户享受的利息额度绝对是不一样的。</t>
  </si>
  <si>
    <t>百单网是培训机构吗</t>
  </si>
  <si>
    <t>余额宝限额25万吗</t>
  </si>
  <si>
    <t>自2017年5月27日起，个人持有余额宝的最高额度调整为25万元。</t>
  </si>
  <si>
    <t>狮航有没有免费行李托运</t>
  </si>
  <si>
    <t>15kg免费托运。</t>
  </si>
  <si>
    <t>预约角色删除能再预约吗</t>
  </si>
  <si>
    <t>删不掉的，除非活动完了，预约次数用了，你也别想再预约了。</t>
  </si>
  <si>
    <t>杰出公民好看吗</t>
  </si>
  <si>
    <t>本片的镜头特色就是将长镜头的优点发挥得极好。长镜头很适合拍人物对话，但对台词和人物调度要求高，不然只会让人觉得无聊，幸好本片的台词写得都很有意思和意味，也有人物调度。我的注意力几乎都放在台词上而不是镜头何时切换上。即使如此，主人公说的一波接一波的哲理还是未来得及消化的，说明值得推敲能多看几遍呀。如果说本片有啥能改进的，就是镜头美感可以进一步加强。另外，情节可以删减些再紧凑点，比如男主老友喝醉酒大清晨来找他等。总觉得本片信息量太大了，要不是有章节名字，很容易思绪昏乱。</t>
  </si>
  <si>
    <t>老套餐是否取消漫游费</t>
  </si>
  <si>
    <t>已经取消单独收取漫游费，漫游时统一费用，主叫0.59元/分钟，接听0.29元/分钟。下一步会取消手机漫游，实现全国统一收费。</t>
  </si>
  <si>
    <t>三大运营商说的十月一全部取消长途漫游费。</t>
  </si>
  <si>
    <t>移动联通电信都会取消漫游费的。新套餐老套餐也都会取消漫游费的。</t>
  </si>
  <si>
    <t>美缝有必要做吗</t>
  </si>
  <si>
    <t>聚合物改性水泥基填缝剂，目前较为常见的普通美缝剂，强度高，颜色丰富，有一定的防水防霉能力，耐久性好。主要原料为白水泥、石英砂、纤维素、聚醋酸乙烯酯乳胶粉（也有用丙烯酸的）、防霉剂、颜料。纤维素具有提高保水能力、改善施工性能的作用，聚醋酸乙烯酯粉末乳胶能提高防水性、变形能力和黏附力，使用氧化物颜料或有机颜料，防霉剂用来防止真菌的生长。</t>
  </si>
  <si>
    <t>美观。美缝剂的产品丰富多样，相比不用美缝剂的，要美观很多，对于追求细节精致的人来说，那是肯定要做的。</t>
  </si>
  <si>
    <t>可以做，价钱不是很贵的。做完地面还会更加的立体一些。</t>
  </si>
  <si>
    <t>空调扇能冷一个晚上吗</t>
  </si>
  <si>
    <t>任桥梁是王思聪杀的吗</t>
  </si>
  <si>
    <t>没什么关系啊，想多了。</t>
  </si>
  <si>
    <t>好像是真的。</t>
  </si>
  <si>
    <t>圆方软件有破解版的吗</t>
  </si>
  <si>
    <t>没有免费版的，即使你下载了破解版，安装好了也要插上加密锁才能使用。所以网上说的破解版，其实就是盗版，一样要花钱买锁。</t>
  </si>
  <si>
    <t>好像没有的，那是要大洋买的，没有那个加密狗是用不了的。</t>
  </si>
  <si>
    <t>派出所端午节上班吗</t>
  </si>
  <si>
    <t>端午节派出所放假只有值班人员。</t>
  </si>
  <si>
    <t>派出所2017年端午节放假时间安排：5月28日至5月30日共放假3天（其中的治安民警值班轮休），但5月27日的星期六照常上班、不再休息。</t>
  </si>
  <si>
    <t>端午节派出所多数人员是没有上班的。除了治安民警值班轮休之外，5月28号至5月30号派出所其他部门人员一般是放假休息的，5月31号（星期三）开始恢复正常上班。</t>
  </si>
  <si>
    <t>小规模纳税人可以开增值税专票吗</t>
  </si>
  <si>
    <t>小规模纳税人自己是不可以开增值税专用发票的。但是根据业务需要的，可以申请税务局代开增值税专用发票，税率为3%。</t>
  </si>
  <si>
    <t>mfc理财在中国是否合法</t>
  </si>
  <si>
    <t>法无禁止即可为。</t>
  </si>
  <si>
    <t>央视都曝光了。</t>
  </si>
  <si>
    <t>华米手表可以接电话吗</t>
  </si>
  <si>
    <t>华米手表不具备接电话的功能。</t>
  </si>
  <si>
    <t>很抱歉，华米amazfit 运动手表没有通信模块，是无法接打电话的，但是可以使用手表的来电提醒功能，进行挂断或静音。</t>
  </si>
  <si>
    <t>当然可以，这个都是最基本的功能。</t>
  </si>
  <si>
    <t>薄荷可以放在卧室吗</t>
  </si>
  <si>
    <t>一般情况下，薄荷是可以放卧室的，薄荷散发的气味是无毒的，不会对身体产生不良的影响，人们可以在卧室种薄荷。</t>
  </si>
  <si>
    <t>薄荷是可以放在卧室的，薄荷喜水喜肥，对光照要求不高，散射光就可以，所以是可以放在卧室的，当然它是喜光照的，多晒晒太阳更好，另外薄荷叶皱，有很多毛，可吸收室内的灰尘，可净化空气，还可以达到提神驱蚊的效果。</t>
  </si>
  <si>
    <t>防暑降温费是否缴纳个人所得税</t>
  </si>
  <si>
    <t>高温补贴和防暑降温补贴需要计入劳动者的薪酬内进行个人所得税的缴纳。</t>
  </si>
  <si>
    <t>德语好学吗</t>
  </si>
  <si>
    <t>德语比英语好学，从发音和书写上相对比较简单，当然语法上讲德语要比英语难一些，但是规则都很清楚，没有英语那么灵活，属于开始死记硬背就可以，之后容易熟练运用。</t>
  </si>
  <si>
    <t>不好学。小语种圈里有句行话：三分钟韩语，三小时英语，三天的法语，三个月的日语，三年的德语，三百年的阿拉伯语。一般要办理出国留学，德语都需要800学时基础，而法语500学时就够了。德语除了有变位和性数配合（除了阴阳性，还多了个中性）、有语式语态、还有语格（1、2、3、4格），各种变化，极端的讲求配合，确实非常不容易上手。学好德语，不但需要严谨的治学态度还得有钢铁般的意志。</t>
  </si>
  <si>
    <t>王者荣耀微信和qq的能一起玩吗</t>
  </si>
  <si>
    <t>只能是这样的  只能微信和微信里面，QQ和QQ里面是可以的，而且微信和QQ是不能在一起玩的。</t>
  </si>
  <si>
    <t>棉花可以吃吗</t>
  </si>
  <si>
    <t>棉花不能吃。棉花，是锦葵科棉属植物的种子纤维，原产于亚热带。植株灌木状，在热带地区栽培可长到6米高，一般为1到2米。花朵乳白色，开花后不久转成深红色然后凋谢，留下绿色小型的蒴果，称为棉铃。棉铃内有棉籽，棉籽上的茸毛从棉籽表皮长出，塞满棉铃内部，棉铃成熟时裂开，露出柔软的纤维。纤维白色或白中带黄，长约2至4厘米，含纤维素约87～90%。</t>
  </si>
  <si>
    <t>公积金可以买车吗</t>
  </si>
  <si>
    <t>买车是不可以用公积金贷款的。</t>
  </si>
  <si>
    <t>答辩完可以离校吗</t>
  </si>
  <si>
    <t>可以，答辩完已经宣布你毕业了。之后抽空回来拿一下学位证和毕业证就行。</t>
  </si>
  <si>
    <t>越南插座和国内一样吗</t>
  </si>
  <si>
    <t>越南的插座与中国不同，为德式两孔插座，中国电器插头不能直接使用，需插头转换器。</t>
  </si>
  <si>
    <t>狗狗币有升值潜力吗</t>
  </si>
  <si>
    <t>市场没有稳定不稳定的说法，价格是由市场参与决定的，现在比特币价格很高，比如比特币涨到10000翻的是一倍，而狗狗币目前价格0.0015涨到1.5翻的是1000倍，涨到15翻的是10000倍……，所以我看好狗狗币的涨幅空间。狗狗币涨的空间太大了就像当年的比特币只有几美分所以有更大的空间。</t>
  </si>
  <si>
    <t>狗狗币和比特币都属于虚拟货币，现在被很多平台所承认，如果拿比特币对照的话，个人认为其未来的升值空间是巨大的。</t>
  </si>
  <si>
    <t>明星真的在用麦吉丽吗</t>
  </si>
  <si>
    <t>其实这套产品早已不是李湘一个人在用了，圈内众多男、女明星都在使用，尤其是里面的素颜精华，光是我见过的就有金晨、柳岩、陆毅，叶一茜、刘涛、陈伟霆、好声音陈冰、张馨予等。</t>
  </si>
  <si>
    <t>apple computer可以删除吗</t>
  </si>
  <si>
    <t>可以删除，但以后不能恢复备份。</t>
  </si>
  <si>
    <t>c盘的apple computer是apple各个软件数据设置存放的地方。如果、只装了itunes的话，可以删掉，如果还有其他apple软件，就要甄别了再删对应的数据文件，不能全删。</t>
  </si>
  <si>
    <t>导流线可以压吗</t>
  </si>
  <si>
    <t>车辆需按规定线路行驶不得压线或超线行驶，更不准车辆停放。倘若车子压到导流线或越线行驶、停车，不仅要罚款还要扣分。</t>
  </si>
  <si>
    <t>起亚极睿值得买吗</t>
  </si>
  <si>
    <t>这车真的很不错，油耗不到4L。</t>
  </si>
  <si>
    <t>外型时尚，空间够大，省油，安静，性价比高。</t>
  </si>
  <si>
    <t>棒棒堂手游还能玩么</t>
  </si>
  <si>
    <t>可以下载到手机里玩。</t>
  </si>
  <si>
    <t>油耳朵一定有狐臭吗</t>
  </si>
  <si>
    <t>刮胡刀能带上飞机吗</t>
  </si>
  <si>
    <t>手动剃须刀可以带上飞机。</t>
  </si>
  <si>
    <t>王者荣耀安卓跟苹果能一起玩吗</t>
  </si>
  <si>
    <t>微信公众号不认证可以用吗</t>
  </si>
  <si>
    <t>没有认证的。可以用。但当别人新注册的微信号重复时，可以提交认证资料，通过后，这个名字就属于别人了。没有在线付款、收款的功能。</t>
  </si>
  <si>
    <t>q+桌面被放弃了吗</t>
  </si>
  <si>
    <t>是的，本来想整合web端，出来的时候正逢移动互联网高速发展，结果微信及公众账号的发展使他无疾而终。</t>
  </si>
  <si>
    <t>腾讯已经逐渐放弃Q+这个桌面程序了。</t>
  </si>
  <si>
    <t>32giphone6s够用吗</t>
  </si>
  <si>
    <t>实际可用大概27g，如果你拍照多一些，再拍拍视频还是选择64g，32g勉强够用，64g放心使用。</t>
  </si>
  <si>
    <t>猫耳螨会传染人吗</t>
  </si>
  <si>
    <t>不会传染的。</t>
  </si>
  <si>
    <t>张宝年事件是真的吗</t>
  </si>
  <si>
    <t>张宝成的特异功能未必是真的，但是人的大脑竟然能识别物体的属性则是令人匪夷所思的。例如，大脑能归纳金属与非金属的集合则是令人费解的。</t>
  </si>
  <si>
    <t>淘宝对卖家发布的商品数量是否有限制</t>
  </si>
  <si>
    <t>没有限制，不过前期铺货不超过10件以上。</t>
  </si>
  <si>
    <t>痔疮能自愈吗</t>
  </si>
  <si>
    <t>如何让痔疮自然痊愈：1.不要使用通便药，以免形成依赖性，使肠道变弱，可能导致长期便秘。2.进行坐浴。3.用温水敷患处。将干净的棉质毛巾浸在温水中（不要用热水）。直接敷在患处10到15分钟，每天3次。每天重复4到5次。4.冰敷。冰袋有助于缓解痔疮肿胀。你可以用现成的冰袋，或是将一些冰块放进塑料袋，用布裹着，敷在痔疮处。每次只敷5到10分钟。不要让皮肤直接接触冰块，以免引起负面作用（比如冻伤）。5.是感染或因为皮肤过度干燥而起水疱。为了预防这些并发症，每次排便后，用无香味的棉质湿巾轻轻擦拭肛门部位。6.在患处涂收敛剂。7.涂止痛和止痒凝胶或乳霜。8.善用冰箱里的蔬菜。将甜菜根和胡萝卜压碎，榨出汁液。用一片厚棉花或大纱布沾一些汁，然后涂在肿胀的静脉上。初步研究显示甜菜根可以降低血压，或许可以帮助充血的痔疮消肿。9.服用药草补充剂。10.使用精油。11.使用天然缓解方法。</t>
  </si>
  <si>
    <t>初期的痔疮对患者影响不大，多见的就是便血，很多人认为便血过后就会自愈，可是痔疮也和其他疾病一样有一个由小变大，由轻变重的过程。若不及时治疗痔疮，痔疮也会越演越烈，一旦加重，痔疮就会从I期发展成II期或III期，则会对人体造成更大的危害，如痔核脱出，形成嵌顿，感染后如果强力复位，容易使感染扩散，血体上行，形成肛门静脉菌血症甚至脓毒血症，还可导致妇科炎症等一系列疾病，所以痔疮不治不会好，还需发现及时明确检查治疗。</t>
  </si>
  <si>
    <t>痔疮一旦产生是不能治愈的。</t>
  </si>
  <si>
    <t>中国ipanda在国外播吗</t>
  </si>
  <si>
    <t>播。</t>
  </si>
  <si>
    <t>quora需要翻墙吗</t>
  </si>
  <si>
    <t>不需要，因为quora没有中文版，而且各种英文版只允许使用英文。以大部分中国人的英文水平，墙不墙差别不大。</t>
  </si>
  <si>
    <t>蜻蜓fm费流量吗</t>
  </si>
  <si>
    <t>音频文件虽然比视频文件小，但还是耗费流量的，建议在WiFi情况下收听，不建议用流量。听一个小时大概要耗费5~10MB左右流量。</t>
  </si>
  <si>
    <t>爱否商城靠谱吗</t>
  </si>
  <si>
    <t>大骗子，看看他们6s回收3000，在他们商城卖4000多还说市场最低价，一个手机挣1OOO元还好意思说是最低价，说是七天无理由退货，还扣十几块。</t>
  </si>
  <si>
    <t>痰湿会不会造成产后奶水不足吗?</t>
  </si>
  <si>
    <t>王者荣耀安卓ios互通吗</t>
  </si>
  <si>
    <t>王者荣耀 ios 和安卓数据是不互通的。</t>
  </si>
  <si>
    <t>纳税人识别号和税务登记证号一样吗</t>
  </si>
  <si>
    <t>税务登记证号就是纳税人识别码。</t>
  </si>
  <si>
    <t>一样的。</t>
  </si>
  <si>
    <t>同步推vip版是真的吗</t>
  </si>
  <si>
    <t>无论是苹果商店找不到的App、亦或是苹果商店的付费游戏应用、又或是修改版资源，只要你想得到的，同步推VIP版里统统可免费下载。</t>
  </si>
  <si>
    <t>同步推VIP版是同步推的高端版本。独享无限金币游戏专区、汉化游戏专区、收费游戏应用免费下载专区，海外游戏大作优先破解，永不闪退。VIP版内下载的游戏，支持游戏存档的导出和导入。</t>
  </si>
  <si>
    <t>华为p10plus防水吗</t>
  </si>
  <si>
    <t>P10 Plus防水等级为国际标准IPX3，可实现日常生活中防泼溅场景，也可应付日常生活中的汗液以及短时间中小雨等场景。但还无法应对手机掉入水盆、水池等整个浸入水中的情况，如发生此类情况，建议您即刻关机（如果手机已经自动关机请不要尝试开机），到最近的维修网点进行检测维修。</t>
  </si>
  <si>
    <t>p10是防水防尘的。</t>
  </si>
  <si>
    <t>学校教育研究是正规期刊吗</t>
  </si>
  <si>
    <t>《学校教育研究》杂志是经中华人民共和国新闻出版总署批准的国内外公开出版发行的综合性教育教学类国家级学术期刊，是教育部中国人生科学学会教师发展专业委员会指导的国家级期刊。</t>
  </si>
  <si>
    <t>是一般刊物，不能界定为国家级，因为在新闻出版署查询不到。</t>
  </si>
  <si>
    <t>购买第三套房能贷款吗</t>
  </si>
  <si>
    <t>以现行政策来看，“只认贷，不认房”，已结清的贷款，不作为现在申请商贷的考察条件。1、如果前面两套房目前都在还款中，那么第三套购买是无法办理贷款的；2、除此的情况按2015年3月30日新政执行：2015年3月30日，人行、银监会、住房城乡建设部发布的《关于个人住房贷款政策有关问题的通知》提到，对拥有1套住房且相应购房贷款未结清的居民家庭，为改善居住条件再次申请商业性个人住房贷款购买普通自住房，最低首付款比例调整为不低于40%，具体首付款比例和利率水平由银行业金融机构根据借款人的信用状况和还款能力等合理确定。公积金房贷的门槛也进一步调低。缴存职工家庭使用住房公积金委托贷款购买首套普通自住房，最低首付款比例为20%;对拥有1套住房并已结清相应购房贷款的缴存职工家庭，为改善居住条件再次申请住房公积金委托贷款购买普通自住房，最低首付款比例为30%。</t>
  </si>
  <si>
    <t>可以的！二套房贷款首付不得低于50%。</t>
  </si>
  <si>
    <t>所在的城市限购几套。第二套房卖了，相当于你只有一套房。如果在我们这（长春，政策是本地户口以家庭为单位，最多可以买两套），这种情况可以购房。可以贷款，首付不低于60%，利率上浮10%。</t>
  </si>
  <si>
    <t>淘宝管控记录有影响吗</t>
  </si>
  <si>
    <t>肯定会影响权重。</t>
  </si>
  <si>
    <t>主要看管控的原因，从运营的角度来讲一般的管控没影响，如果涉嫌违规的管控是有影响的，严重的会扣分降权。</t>
  </si>
  <si>
    <t>一次没有影响。</t>
  </si>
  <si>
    <t>没户口本能办身份证吗</t>
  </si>
  <si>
    <t>根据《中华人民共和国居民身份证法》的规定：公民申、换（包括居民身份证有效期满）、补领居民身份证，应持本人居民户口簿到常住户口所在地的公安派出所照相、采集指纹信息办理。</t>
  </si>
  <si>
    <t>外地人补换身份证只需暂住证或居住证，不需携带户口本。</t>
  </si>
  <si>
    <t>康德资本是对赌平台吗</t>
  </si>
  <si>
    <t>不是。是新西兰的金融产品交易服务商，专门从事外汇、贵金属差价合约、商品期货等金融衍生品等交易的服务。</t>
  </si>
  <si>
    <t>大大红包到200能兑现吗</t>
  </si>
  <si>
    <t>无需质疑是真的。</t>
  </si>
  <si>
    <t>大大红包就是个骗子。</t>
  </si>
  <si>
    <t>自动挡新车需要磨合吗</t>
  </si>
  <si>
    <t>1. 500公里为初期磨合，此时速度不宜过快，一般为70-80公里以下，转速不要超过2200转为好。2. 500-1000公里为中期磨合，最高速度可适当提高，一般可以达到90-100公里，转速依然2500转以下为好。适当提提速不但不会影响发动机，反而可以促进磨合，而且可以看看是否再提速时有否异常。3. 1000-1500公里为后期磨合，速度可以提至120公里以下。因为磨合是一个渐进的过程，必须逐步加码。转速不要超过3000转即可。</t>
  </si>
  <si>
    <t>新车磨合，是指新车的初运行阶段，让引擎的各个部分磨合顺畅，一般为1000~1500公里，这是保证机件充分接触、摩擦、适应、定型的基本里程。</t>
  </si>
  <si>
    <t>机械零部件运行的时候会产生的接触摩擦和咬合的这么一个过程，磨合就是为了保证发动机的零部件充分的接触-摩擦-适应-然后定型的一个过程，磨合期的会对汽车寿命、安全性和经济性产生重要影响。</t>
  </si>
  <si>
    <t>窦唯和窦靖童关系好吗</t>
  </si>
  <si>
    <t>还算融洽。</t>
  </si>
  <si>
    <t>安耐晒需要卸妆吗</t>
  </si>
  <si>
    <t>涂安耐晒后要卸妆。</t>
  </si>
  <si>
    <t>一般而言，超强防水型需要卸妆，其余则一般无必要。a耐晒金瓶是超强防水款，需要卸妆，其他不同款型，主要看产品介绍功能决定是否要卸妆。</t>
  </si>
  <si>
    <t>必须卸妆。</t>
  </si>
  <si>
    <t>雅漾芙蓉蜜可以不洗吗</t>
  </si>
  <si>
    <t>其实雅漾芙蓉蜜可以不洗的，就是涂好以后直接睡觉，如果皮肤不是太油的话也可以这样的。</t>
  </si>
  <si>
    <t>可以不洗，但是要清洁。</t>
  </si>
  <si>
    <t>王者荣耀张飞值得买吗</t>
  </si>
  <si>
    <t>张飞可以说是王者荣耀里最肉的坦克之一，肉体的强悍无人能敌。</t>
  </si>
  <si>
    <t>张飞也是一个坦克类型的英雄，从生存方面来讲比东皇太一要高，攻击伤害方面比东皇太一要低;正所谓各有所长;张飞除了可以为队友加持护盾提升生存能力外，自身经过变身之后拥有巨大护盾跟地裂攻击让张飞在敌阵中横冲直撞;他的输出能力虽然被削弱过，但是依然不弱。</t>
  </si>
  <si>
    <t>交警队周末上班吗</t>
  </si>
  <si>
    <t>不上班的，但是会有值班人员值班。</t>
  </si>
  <si>
    <t>iphone7磨砂黑掉漆吗</t>
  </si>
  <si>
    <t>最近不少使用磨砂黑的用户发现自己的手机出现掉漆的现象。</t>
  </si>
  <si>
    <t>甲状腺炎能根治吗</t>
  </si>
  <si>
    <t>甲状腺炎通过积极的治疗是可以治愈的。</t>
  </si>
  <si>
    <t>超级计算机能玩游戏吗</t>
  </si>
  <si>
    <t>估计只能玩挖地雷。这种级别的计算机都是为了特殊用途设计的，虽然计算能力强大，但并不代表就能胜任桌面计算机上运行的一些功能。比如，我肯定绝对不支持各种图形处理接口，比如什么DX10 DX11中的一些图形特效算法。硬件接口是否支持都不一定，也就是说，你要是拿块顶级显卡，估计都没地方插。这种超级计算机一般都是只管计算机数据，然后输出结果，而且接收的数据格式也是特定的，跟家用桌面计算机的工作方式完全不一样。你就不用考虑这个问题了，根本没有比较的基本条件，也没比较的意义。</t>
  </si>
  <si>
    <t>余额宝取现要手续费吗</t>
  </si>
  <si>
    <t>余额宝的提现方式可以分为：普通提现，实时提现和2小时到账提现三种。普通提现对于所有银行来说都是不需要手续费的，同时支持个人用户和公司用户，到账的时间一般是两个工作日（即法定节假日除外）。实时提现只有部分银行的卡通是支持的，比如成都银行，招商银行等，而且只能针对个人账户，也是不收取手续费的。但对于提现的金额各银行是有一定限制的，一般不超过5万元/笔/日。对于不支持实时提现的银行卡通要从余额宝紧急提现的话，就属于2小时到账的提现方式了，如果使用手机客户端操作2小时提现到账的话也是不收取手续费的，但是如果要在电脑端来操作的话就要支付一定的手续费了。一般服务费率是0.2%，最低2元，最高25元，具体金额系统会根据提现的金额自动算出。</t>
  </si>
  <si>
    <t>自2016年10月12日起，支付宝将对个人用户超出免费额度的提现收取0.1%的服务费，个人用户每人累计享有2万元基础免费提现额度。支付宝的提现涉及“提现到本人银行卡”和“转账到他人银行卡”两个功能。按照调整后的规则，支付宝也对超出免费额度的部分按提现金额的0.1%收取服务费，单笔服务费不到0.1元的则按照0.1元收取。</t>
  </si>
  <si>
    <t>必赢彩票网合法吗</t>
  </si>
  <si>
    <t>从2015年3月起，停止网络售彩，因此所有的彩票网站出售彩票的行为都是违法的，没有合法的彩票网站。</t>
  </si>
  <si>
    <t>少年精灵王还能玩吗</t>
  </si>
  <si>
    <t>少年精灵王已经永久的关闭，据说是因为公司破产而倒闭。</t>
  </si>
  <si>
    <t>江苏大学是211吗</t>
  </si>
  <si>
    <t>江苏大学不是211也不是095，是省属重点大学。</t>
  </si>
  <si>
    <t>淘宝异地发货违规吗</t>
  </si>
  <si>
    <t>不违规的，淘宝店异地登陆，最多就是支付宝因为异地登陆，被支付宝认为有安全问题而冻结支付宝的支付功能而已；发货其实跟淘宝没有什么关系，因为发货是属于快递方面的了，你要做的就是把发货的信息导入淘宝网店就可以了；但是有一个情况必须说明，如果你在同一台电脑上登陆的淘宝店铺，都是卖相同的东西的话，估计就违规了！</t>
  </si>
  <si>
    <t>源讯公司待遇好吗</t>
  </si>
  <si>
    <t>还行吧。</t>
  </si>
  <si>
    <t>很不错哦。</t>
  </si>
  <si>
    <t>吴青峰是同志吗 知乎</t>
  </si>
  <si>
    <t>主唱曾在微博上隐晦的对此事进行否认。</t>
  </si>
  <si>
    <t>给你花靠谱吗</t>
  </si>
  <si>
    <t>还可以吧，反正周转的数目也不大。</t>
  </si>
  <si>
    <t>互联网金融平台风险比较大。</t>
  </si>
  <si>
    <t>世界上有僵尸吗</t>
  </si>
  <si>
    <t>没有真的，只有伪造。</t>
  </si>
  <si>
    <t>就看科学来讲没有。</t>
  </si>
  <si>
    <t>苯溴马隆片能长期服用</t>
  </si>
  <si>
    <t>不建议长期服用。苯溴马隆片原发性高尿酸血症，痛风性关节炎间歇期及痛风结节肿等。成人每次口服50mg（1片），每日一次，早餐后服用。用药1－3周检查血清尿酸浓度，在后续治疗中，成人和14岁以上的年轻人每日50－100mg（1-2片），或遵医嘱。1.不能在痛风急性发作期服用，因为开始治疗阶段，随着组织中尿酸溶出，有可能加重病症。2.为了避免治疗初期痛风急性发作，建议在给药最初几天合用秋水仙碱或抗炎药。3.治疗期间需大量饮水以增加尿量（治疗初期饮水量不得少于1.5—2升).以免在排泄的尿中由于尿酸过多导致尿酸结晶。定期测量尿液的酸碱度，为促进尿液碱化，可酌情给予碳酸氢钠或枸橼酸合剂，并注意酸碱平衡。病人尿液的pH应调节在6.5—6.8之间。4.在开始治疗时有大量尿酸随尿排出，因此在此时的用药量要小（起始剂量）。</t>
  </si>
  <si>
    <t>现金白卡逾期还能借吗</t>
  </si>
  <si>
    <t>现金白卡对于逾期的处理有不同的结果，如果逾期不还的话是不能继续再借的，如果逾期但是还了本金和逾期罚息，现金白卡会根据实际情况处理，再借也是有可能的。</t>
  </si>
  <si>
    <t>欧冠4强抽签吗</t>
  </si>
  <si>
    <t>从14年开始要继续抽签。</t>
  </si>
  <si>
    <t>华为手机卡吗</t>
  </si>
  <si>
    <t>用久就会卡。</t>
  </si>
  <si>
    <t>格林卡音乐学院难考吗</t>
  </si>
  <si>
    <t>学校不错，也比较好申请。</t>
  </si>
  <si>
    <t>速度与激情8唐老大真的背叛了吗</t>
  </si>
  <si>
    <t>老大假叛变，为了洗白杰森。</t>
  </si>
  <si>
    <t>一般户可以转账给个人吗</t>
  </si>
  <si>
    <t>百度商桥收费吗</t>
  </si>
  <si>
    <t>百度商桥可以免费使用。商桥是一款免费的产品，百度商桥是对百度推广用户推出的免费聊天工具，也就是说如果做了百度推广的网站才能免费用。之后如果需要继续使用就要保证推广账户里面有余额。简而言之，商桥是不收费的，但是百度推广时需要费用的。</t>
  </si>
  <si>
    <t>微信只能用手机号注册吗</t>
  </si>
  <si>
    <t>可以不用。</t>
  </si>
  <si>
    <t>遗佩鲁斯换装是否有效</t>
  </si>
  <si>
    <t>有啊不然价格怎么不同。</t>
  </si>
  <si>
    <t>边牧好养吗</t>
  </si>
  <si>
    <t>好养。作为智商排名第一的边境牧羊犬，拥有相当于6岁儿童的智商。边境牧羊犬是非常匀称的、中等体型的、外观健壮的狗。身高在43-53厘米之间，雌性比雄性略低。成年体重在14-20公斤之间。显示出来的优雅和敏捷与体质及精力相称。它的身躯坚实、肌肉发达，具有平滑的轮廓，给人的印象是动作毫不费力，且具有无穷的耐力。这一特征使它成为世界排名第一位的牧羊用犬。</t>
  </si>
  <si>
    <t>其实边境牧羊犬好养的。首先第一点边牧比较聪明，边境牧羊犬具有强烈的牧羊本能，天性聪慧，能察言观色，能确实明白主人的指示，被当作牧羊犬已有多年的历史，可通过眼神的注视而驱动羊群移动。二来边牧和人比较友善，具有容易训练、温和、忠诚、顺从等特点。因此只要耐心的喂养、注意方法，肯定能喂养出一只非常听话的边境牧羊犬。下面介绍一些养护知识和训练知识。</t>
  </si>
  <si>
    <t>小栗旬真的很花心吗</t>
  </si>
  <si>
    <t>媒体对于小栗旬的定位一直都是业界内的花花公子， 但是他跟优这么些年了 也都处过来了 而且看他综艺的时候 没有表现出种种花花公子的特点 。</t>
  </si>
  <si>
    <t>孕妇可以吃海参吗</t>
  </si>
  <si>
    <t>答案是肯定的，怀孕的女性是可以吃一些海参的。注意，是一些，而不是长期吃。</t>
  </si>
  <si>
    <t>孕妇及哺乳期妇女吃海参的最佳时间计划怀孕前六个月，怀孕前两个月应少量进食海参；怀孕三个月后可以每周吃海参2-3次，每次1个。孕妇早晨进食海参为最佳时间，可将海参的营养全部吸收。</t>
  </si>
  <si>
    <t>苹果手机可以加内存吗</t>
  </si>
  <si>
    <t>不可以的哦 。</t>
  </si>
  <si>
    <t>可以的，你可以去苹果的官方维修中心，把你的手机硬盘换成大的。</t>
  </si>
  <si>
    <t>简单百宝箱会封号吗</t>
  </si>
  <si>
    <t>简单百宝箱里面的键盘连按不会封号的，键盘连按就是所谓的按键精灵。</t>
  </si>
  <si>
    <t>孕妇可以吃燕麦吗</t>
  </si>
  <si>
    <t>孕妇不能吃燕麦。</t>
  </si>
  <si>
    <t>水豚可以当宠物吗</t>
  </si>
  <si>
    <t>适合，但得有相匹配的环境。首先得过检疫这一关。看似呆萌的水豚，能吃能拉，清理排泄物也是很麻烦的。</t>
  </si>
  <si>
    <t>东戴河的房子能升值吗</t>
  </si>
  <si>
    <t>升值空间不大。</t>
  </si>
  <si>
    <t>滔搏运动卖的是真货吗</t>
  </si>
  <si>
    <t>滔搏运动的耐克是正品的！滔搏运动在国内算比较大的代理，耐克鞋子都没问题的。</t>
  </si>
  <si>
    <t>假的也有。</t>
  </si>
  <si>
    <t>36.8算发烧吗</t>
  </si>
  <si>
    <t>正常人体体表稳定腋下测量不超过37.2摄氏度，目前的体温属于正常体温，不存在发热，不必担心。</t>
  </si>
  <si>
    <t>这个是不属于发烧的，38度以上是发烧。</t>
  </si>
  <si>
    <t>营改增后还有营业税吗</t>
  </si>
  <si>
    <t>从2016年5月1号起，实行全面营改增，营业税全部改征增值税，从此营业税将永久退出历史舞台。</t>
  </si>
  <si>
    <t>守望先锋好玩吗</t>
  </si>
  <si>
    <t>这款游戏对于萌新的照顾不是特别到位。刚完的时候基本上都会坑队友：死的快，配合差，瞎突突，乱开大等等（实际上有很多因素）但是玩多了之后，就会知道如何全场最佳，如何补人头，何时开大，如何配合走位。这时候就好玩了。</t>
  </si>
  <si>
    <t>游戏一般，在这个年代不值这个价！实际体验性一般！</t>
  </si>
  <si>
    <t>除了画面好看机会没有可玩性。</t>
  </si>
  <si>
    <t>领牧卖的是真的n厂表吗</t>
  </si>
  <si>
    <t>被小狗抓伤要打针吗</t>
  </si>
  <si>
    <t>一般猫狗都是健康的，被咬伤后，要用科学的态度去面对，简单地科学处理就ok了。</t>
  </si>
  <si>
    <t>被狗、猫咬伤是否发病首先决定咬人的狗、猫是否带狂犬病毒，其次咬伤程度和部位。 一般定期打过预防针的正常狗狗、猫猫没有什么问题，如果是疯狗、病猫就得重视了。如果咬你的狗、猫是健康的，并且你的皮肤没有被爪破或被咬破，那就不必担心。</t>
  </si>
  <si>
    <t>孕妇能吃咸鸭蛋吗</t>
  </si>
  <si>
    <t>孕妇慎吃咸鸭蛋。</t>
  </si>
  <si>
    <t>孕妇不可食用。</t>
  </si>
  <si>
    <t>疤痕体质可以纹身吗</t>
  </si>
  <si>
    <t>疤痕体质的人还是最好不要纹身。</t>
  </si>
  <si>
    <t>疤痕体质的人不能做手术更不能纹身否则会造成疤痕增生，别说影响纹饰的效果了，就是一大块的疤痕增生，那实在是难看。</t>
  </si>
  <si>
    <t>瘢痕体质是不能纹身的,打耳洞都不可以。</t>
  </si>
  <si>
    <t>淘宝美版三星s7能买吗</t>
  </si>
  <si>
    <t>不能，大概率翻新。美版出了问题没有售后，而且美版 pay 用不了还锁 bl。</t>
  </si>
  <si>
    <t>甲状腺结节是否需要做手术</t>
  </si>
  <si>
    <t>大多数甲状腺结节不需要手术，只定期观察即可。只有少数恶性甲状腺结节才需要手术。</t>
  </si>
  <si>
    <t>孕11周还会胎停吗</t>
  </si>
  <si>
    <t>怀孕的任何时候都可能发生胎停。</t>
  </si>
  <si>
    <t>360借条靠谱吗</t>
  </si>
  <si>
    <t>感觉360借条比较靠谱。</t>
  </si>
  <si>
    <t>家用投影仪实用吗</t>
  </si>
  <si>
    <t>家用投影仪现在很实用的。</t>
  </si>
  <si>
    <t>卧底归来有第二部吗</t>
  </si>
  <si>
    <t>绝对会出下一部的。</t>
  </si>
  <si>
    <t>顺风车算网约车吗</t>
  </si>
  <si>
    <t>风车不属于网约车不属于营运，是出行目的地差不多为分摊降低费用而为，不以盈利为目的，不属于网约车范畴，只要不收现金，要挟乘客加价就行。</t>
  </si>
  <si>
    <t>所以不是网约车包括顺风车 因此不需要执行网约车相关规定，但这个也要看当地的相关规定 通常不会只出台网约车的规定。</t>
  </si>
  <si>
    <t>赵高是不是太监</t>
  </si>
  <si>
    <t>赵高被认为是太监，出于后人对《史记》中两种材料的解释。一，是对上引《史记》蒙恬列传文“赵高兄弟皆生隐宫”生发的误解。二，是对赵高被称为“宦人”，有“宦籍”的解释。</t>
  </si>
  <si>
    <t>喝中药会长胖吗</t>
  </si>
  <si>
    <t>身体出现肥胖的情况，这有可能是因为吃了补血的中药所致，补血的中药可以使人发胖，这是身体正常反应。服用中药会导致肠胃吸收增加，储备增加，所以会发胖，夏天服用中药效果会好一些，这是由于夏天气血运行快所致。若是在中药的方子里面有当归，淫羊藿，鸡血藤，肉苁蓉，黄芪，黄精，这些补药的话，也有可能会造成身体出现肥胖的情况的。</t>
  </si>
  <si>
    <t>淘达人短信是真的吗</t>
  </si>
  <si>
    <t>梦幻西游会出18门派吗</t>
  </si>
  <si>
    <t>不止十八门派，还会出两女一男新角色。</t>
  </si>
  <si>
    <t>肯定会出的。</t>
  </si>
  <si>
    <t>刚削的菠萝可以吃吗</t>
  </si>
  <si>
    <t>可以直接吃不过那口感。</t>
  </si>
  <si>
    <t>2017年夏天热吗</t>
  </si>
  <si>
    <t>2017年的夏天可能炎热且少雨，尤以南方地区为主。</t>
  </si>
  <si>
    <t>2017年夏天会很热。</t>
  </si>
  <si>
    <t>磷酸二氢钾可以浇花吗</t>
  </si>
  <si>
    <t>可以灌施，可以叶面喷施。</t>
  </si>
  <si>
    <t>磷酸二氢钾可以浇花</t>
  </si>
  <si>
    <t>王凯和蒋欣在一起了吗</t>
  </si>
  <si>
    <t>两人确实在一起也挺般配的。但是蒋欣公开说过，她和王凯就是好朋友，没有大家想的那样的关系。</t>
  </si>
  <si>
    <t>俩人目前都是单身，郎才女貌，在一起了，也不是不可能。而且从俩人出席活动的种种亲密互动，和王凯的眼神中，应该是在一起了，而且是刚刚在一起。</t>
  </si>
  <si>
    <t>零度可乐真的没热量吗</t>
  </si>
  <si>
    <t>并非完全没有热量。</t>
  </si>
  <si>
    <t>王者荣耀 好玩吗</t>
  </si>
  <si>
    <t>助贷网 靠谱吗</t>
  </si>
  <si>
    <t>助贷网独特的实体O2O模式，无论对贷款用户，还是对银行机构，都更加安全可靠，能够筛选出优质的借款客户，保障符合条件的借款人能够成功贷到款，也能帮助银行等金融机构找到精准匹配的信贷用户，提升银行的业务效率，有效降低银行等金融机构运营成本。同时，助贷网将继续坚持稳健的实体O2O路线，秉持“找正规贷款，就上助贷网”的定位初衷，为互联网金融市场的健康发展做出自己应有的贡献。</t>
  </si>
  <si>
    <t>比较安全，他们只做正规银行的产品，其它乱七八糟的不做，比如什么小贷公司、典当行之类的，所以安全很多。</t>
  </si>
  <si>
    <t>择天记有泄露版吗</t>
  </si>
  <si>
    <t>腾讯有26一集的泄露bug。</t>
  </si>
  <si>
    <t>择天记泄露版未删减百度云资源。</t>
  </si>
  <si>
    <t>京东自营的是真的吗</t>
  </si>
  <si>
    <t>只要是京东自营的商品(也就是由京东供货并提供售后服务的商品)那是可以完全放心的。</t>
  </si>
  <si>
    <t>婚内出轨犯法吗</t>
  </si>
  <si>
    <t>这个不属于法律规制的范畴，仅仅属于道德规制的范畴。如果婚后出轨在未离婚的前提下又再次与第三者结婚的可能构成重婚罪。</t>
  </si>
  <si>
    <t>感冒能喝茶吗</t>
  </si>
  <si>
    <t>没吃药，病不是很重的话一般还是可以喝的。</t>
  </si>
  <si>
    <t>感冒时饮用茶水，会使病人的体温升高，病情进一步加重。</t>
  </si>
  <si>
    <t>windows搜索服务可以禁用吗</t>
  </si>
  <si>
    <t>可以关闭，1、在控制面板中单击“程序和功能”项目。2、在左侧界面单击“打开或关闭 Windows 功能”。3、在打开或关闭 Windows 功能框中找到“Windows Search”，将勾去掉。4、弹出“关闭 Windows Search 可能影响计算机上安装的其他 Windows 功能和程序，包括默认设置”的提示对话框，单击“是”。5、最后单击“确定”以应用设置。6、出来 Windows 正在更改功能的窗口，耐心等待一下。7、最后重新启动计算机以应用所做的更改。</t>
  </si>
  <si>
    <t>1、快捷键组合键“Win+R”输入“services.msc”2、或是直接点击开始菜单的允许一样。3、在右侧栏找到Windows Search4、双击此项启动类型改为禁用即可5、启动类型改为禁用是全局禁用6、服务状态是本地登录帐号禁止启动。</t>
  </si>
  <si>
    <t>肺结核会传染吗</t>
  </si>
  <si>
    <t>肺结核病是一种传染病。</t>
  </si>
  <si>
    <t>开放大学学历有用吗</t>
  </si>
  <si>
    <t>国家开放大学是成人教育学校，文凭没有什么用。</t>
  </si>
  <si>
    <t>承认。</t>
  </si>
  <si>
    <t>思密达是亲爱的意思吗</t>
  </si>
  <si>
    <t>思密达”是朝鲜语（韩语）“습니다”的谐音，습니다和动词、形容词等谓语词干连用，用于向对方解释或描述一个具体的动作或状态。是朝鲜语（韩语）中的语气助词，做陈述句的句尾，用作敬语，无实义 （ㅂ在遇到ㄴ时，读音要变p为m）。</t>
  </si>
  <si>
    <t>night shift保护视力吗</t>
  </si>
  <si>
    <t>这将使得屏幕的颜色变得较为暖和，并让用户的眼睛更加适应。而到了第二天的早上，设备便会将屏幕的色温调回到初始设置。尽管苹果官方没有直接说明这点，但可以考虑蓝光对眼部的影响，根据眼部验光专业网站reviewofoptometry.com描述，蓝光会更深地抵达眼部，进而可能伤害视网膜，在某些特定的波长，蓝光可能刺激引发老年黄斑病变。</t>
  </si>
  <si>
    <t>Night Shift 模式下，苹果将会试图减弱通常被设备所忽略的蓝光光线，从而阻止蓝光对用户的生物钟造成影响。有研究指出，蓝光正是导致产生数码视觉疲劳的主要原因，因此通过减弱蓝光在理论上就可以帮助用户更好地入睡。系统将会通过设备的时钟和 数据来计算出当地的太阳是否已经下山，从而自动打开 Night Shift。</t>
  </si>
  <si>
    <t>美团众包要自买箱子吗</t>
  </si>
  <si>
    <t>外星人真的存在吗</t>
  </si>
  <si>
    <t>存在。</t>
  </si>
  <si>
    <t>dnf光环扩展后叠加技能吗</t>
  </si>
  <si>
    <t>不会叠加技能属性。</t>
  </si>
  <si>
    <t>枸杞和菊花能一起泡吗</t>
  </si>
  <si>
    <t>win10 8g内存够用吗</t>
  </si>
  <si>
    <t>win10不运行虚拟机，不剪辑视频的话，8GB内存是够用的。</t>
  </si>
  <si>
    <t>物业管理资质取消了吗</t>
  </si>
  <si>
    <t>取消物业行业二级及以下资质。</t>
  </si>
  <si>
    <t>现在还没有消息。</t>
  </si>
  <si>
    <t>红叶李果实能吃吗</t>
  </si>
  <si>
    <t>果实能吃，但不好吃。</t>
  </si>
  <si>
    <t>ukvi能当普通雅思用吗</t>
  </si>
  <si>
    <t>拉黑色的屎是在排毒吗</t>
  </si>
  <si>
    <t>不一定是在排毒。出现黑色大便可能是因为肠胃疾病或是因为服用某些药物导致，也可能因为吃了诸如猪胆、桑葚、猪血等食物，一些中药也会影响大便的形态， 因素很多，总之不一定是排毒。</t>
  </si>
  <si>
    <t>大便黑色可能是肠胃炎，或胃出血。</t>
  </si>
  <si>
    <t>dnf额外暴击伤害叠加吗</t>
  </si>
  <si>
    <t>叠加。</t>
  </si>
  <si>
    <t>智慧牙一定要拔吗</t>
  </si>
  <si>
    <t>首先并不是每个人都有机会萌出全部四颗智齿，如果某一颗没有对生的，有可能会造成对位的口腔黏膜磨损，多见于下位。其次，阻生智齿一定要拔除。</t>
  </si>
  <si>
    <t>主要还是因为智齿很难清洁的原因，比一般的牙齿容易出现口腔问题，所以医生才会建议拔掉哦。</t>
  </si>
  <si>
    <t>智齿不一定非得拔掉.智齿阻生分好多种,比如说近中阻生,远中阻生,骨内阻生等等,一般只拔出有症状表现的智齿,比如说经常引起发炎,经常引起智齿旁边的牙齿龋坏等,在这种情况下一般要求拔出智齿。</t>
  </si>
  <si>
    <t>人寿保险公司可靠吗</t>
  </si>
  <si>
    <t>保险公司就是以分红盈利，让人不知不觉的就上当受骗了。</t>
  </si>
  <si>
    <t>只要是保险公司都没问题，不用担心寿险公司有问题以后自己保单的利益，《保险法》都明确规定了。</t>
  </si>
  <si>
    <t>充电宝20000毫安能带上飞机吗</t>
  </si>
  <si>
    <t>20000毫安的移动电源可以带上飞机，但不能托运，只能随身携带。</t>
  </si>
  <si>
    <t>星露谷物语xp能玩吗</t>
  </si>
  <si>
    <t>可能不能玩，系统太古老安装不了net 插件。</t>
  </si>
  <si>
    <t>已经测试xp可以玩，打汉化也没问题。</t>
  </si>
  <si>
    <t>不支持，进去和汉化没有问题。</t>
  </si>
  <si>
    <t>在美年大健康上班好吗</t>
  </si>
  <si>
    <t>特别好，过年福利5双拖鞋</t>
  </si>
  <si>
    <t>工资非常低。半天班，工资1800，扣完五险一金也就1200。公积金扣150，公司交150，这点能干啥?职称工资80。我骨折了病假一个月请完后面的假，工资80。想不通这么低，还有那么多人上班。外检一天80，市内一天50。呵呵。不可能每个月都能跑出去。但是好多人不是为了孩子就是为了有事情做打发时间。同事不乏各种老头老太太，呵呵。嫁的好可以去这里混日子，嫁的不好别来。</t>
  </si>
  <si>
    <t>不行</t>
  </si>
  <si>
    <t>她唇之下是真拍的吗</t>
  </si>
  <si>
    <t>是的。2016-09-10(多伦多电影节)。</t>
  </si>
  <si>
    <t>印度神油能增大吗</t>
  </si>
  <si>
    <t>借条可以打印再签字吗</t>
  </si>
  <si>
    <t>按实际情况，对于借条的格式只要符合法律规定，即使是打印出来，然后经当事人签字确认就有法律效力。</t>
  </si>
  <si>
    <t>世界上有丧尸案例吗</t>
  </si>
  <si>
    <t>传说在15世纪左右，有个病叫黑死病。症状和丧尸很像。</t>
  </si>
  <si>
    <t>星巴克粽子好吃吗</t>
  </si>
  <si>
    <t>挺好吃的。</t>
  </si>
  <si>
    <t>不好吃。</t>
  </si>
  <si>
    <t>瑞星杀毒软件倒闭了吗</t>
  </si>
  <si>
    <t>瑞星活得挺好，只是工作重点转向了企业级产品开发、性能提升、用户体验提升等方面。做企业级和个人级产品不一样，普通网友可能接触不到瑞星企业级产品和服务，所以不太了解。瑞星企业级产品的重量级用户很多，中央办公厅、国务院参事室、中宣部、交通部、民政部、水利部、国土资源部、新闻出版署等等。</t>
  </si>
  <si>
    <t>没有 只是因为360都出了免费杀毒软件 卡巴也有半年免费 他再不采取措施就真的要倒闭了 。</t>
  </si>
  <si>
    <t>没有的啦。</t>
  </si>
  <si>
    <t>宜信指旺理财安全吗</t>
  </si>
  <si>
    <t>h1z1可以裸连吗</t>
  </si>
  <si>
    <t>可以，但是会卡。</t>
  </si>
  <si>
    <t>如果按道理讲的话是可以裸连的，不过建议加速器试试，确实有些人开加速器比不开还卡，但这不是全部。</t>
  </si>
  <si>
    <t>一定要连vpn才能玩，不然接的时候一定会出现网络延迟。</t>
  </si>
  <si>
    <t>苹果6玩王者荣耀卡吗</t>
  </si>
  <si>
    <t>一般不会卡，任何手机时间久了都要注意清理垃圾文件。</t>
  </si>
  <si>
    <t>微信号可以隐藏吗</t>
  </si>
  <si>
    <t>1.通常情况下，我们看到的微信好友都是带微信号、昵称的。那么，有没有方法让朋友们看不到我们自己的号呢？2.进入微信后，点击右下角的我。选择设置。3.进入设置界面后，选择隐私。4.在出现的界面中，找到可以搜到我的选项那。5.将通过微信号搜到我、通过手机号搜到我、通过QQ号搜到我；全部关闭。向左侧滑绿色的选项框直到变成灰色就可以了。</t>
  </si>
  <si>
    <t>1.我们点击自己的微信头像，可以看到自己的微信号和昵称。2.进入微信后，点击右下角的“我”。3.接下来，点击设置按钮 。4.接下来点击隐私。5.这时我们看到通过微信号搜索到我，通过手机号搜索到我，后面的条形栏都是绿色的。6.向右拉动绿色条形栏，直到变成灰色为止。这时你所有的好友都找不到你了。</t>
  </si>
  <si>
    <t>百单网是不是培训</t>
  </si>
  <si>
    <t>假的，都是假的，特别是某才某秀 XX 人人公司，都是培训公司。</t>
  </si>
  <si>
    <t>玻尿酸涂抹有用吗</t>
  </si>
  <si>
    <t>涂抹玻尿酸可信，效果没有注射玻尿酸直接，见效要慢一些。</t>
  </si>
  <si>
    <t>玻尿酸在人体表面能被吸收的只有一点点，真正能起到作用的是注射到真皮层。</t>
  </si>
  <si>
    <t>查重的时候 参考文献算吗</t>
  </si>
  <si>
    <t>知网检测系统识别参考文献的标准：1. 有明显的“参考文献”标记，参考文献4个字独占一行，下面是各个参考文献条目；2. 每个参考文献有明显的标号，标号可以是以下任意一种：【Num】、[Num]、(Num)；3. 标号可以是Word自动生成也可以手工书写；4. 标号内不要添加标点符号，例如：不要[Num.]或(Num、)等；5. 每个参考文献中最好有时间休息或者URL或《》书目信息；6. 一条参考文献内及在此条参考文献没有结束时不要有手动换行或者回车符。</t>
  </si>
  <si>
    <t>算，不能超出总字数的百分之十。</t>
  </si>
  <si>
    <t>蒸汽烟有害吗</t>
  </si>
  <si>
    <t>有害。水烟枪里面的烟草经过水过滤，会比直接吸香烟危害低很多，但不是说就没有危害了，烟草本身就是含有尼古丁的，对身体有危害，特别是对小孩影响非常大，所以很多国家是禁烟的。如果长时间吸烟，最明显、最直接影响到的就是1：记忆力下降，2：生育能力下降，3：肺癌发病率变高。</t>
  </si>
  <si>
    <t>世界卫生组织（WHO）于5月29日表示，水烟将带来和普通香烟同样的健康风险。</t>
  </si>
  <si>
    <t>长期是有害的。</t>
  </si>
  <si>
    <t>淘宝上有出租车发票吗</t>
  </si>
  <si>
    <t>前线迷雾吃磨损吗</t>
  </si>
  <si>
    <t>云付通云支付是骗局吗?</t>
  </si>
  <si>
    <t>这个肯定是骗局。</t>
  </si>
  <si>
    <t>苹方字体可以商用吗</t>
  </si>
  <si>
    <t>苹方字体可以进行商业使用。</t>
  </si>
  <si>
    <t>原则上是不可以商用的。</t>
  </si>
  <si>
    <t>皮肤衣防晒吗</t>
  </si>
  <si>
    <t>皮肤衣能带来防晒效果是因为它能给皮肤带来一层物理遮蔽。</t>
  </si>
  <si>
    <t>淘宝网众多商家和山寨户外皮肤衣在宣传营销推广概念上误导消费者，把皮肤衣宣传成防晒、抗紫外线、防水、防风、透气、耐磨、抗撕裂等太多功能的噱头，本身皮肤衣那么轻薄的面料，抗撕裂不可能有多好，特别是抗紫外线能达到 UPF50+，当然，很多消费者购买此类产品时，本身不具备对这些专业知识的了解和熟悉，而只是因商家的宣传加上心理因素，穿着上感觉有点防晒和透气，实际上户外穿着多次，明显的感觉不是那么一回事。</t>
  </si>
  <si>
    <t>色达要拆了吗</t>
  </si>
  <si>
    <t>并不是真的要“拆除”，而是要进行相应的整改与规划，对漫山的红色房子实行合理改造，而拆除的房屋也将改建成消防通道、饭店等设施。</t>
  </si>
  <si>
    <t>露娜洗脸仪有必要买吗</t>
  </si>
  <si>
    <t>FOREO LUNA洁面仪的清洁效果不错。</t>
  </si>
  <si>
    <t>云支付有上当受骗的吗</t>
  </si>
  <si>
    <t>管控记录对店铺有影响吗</t>
  </si>
  <si>
    <t>一般的管控没影响，如果涉嫌违规的管控是有影响的，严重的会扣分降权。</t>
  </si>
  <si>
    <t>红茶第一泡要倒掉吗</t>
  </si>
  <si>
    <t>茶道里喝茶，第一泡都是倒掉的。</t>
  </si>
  <si>
    <t>第一泡是可以喝的。</t>
  </si>
  <si>
    <t>倒不倒都没什么关系。</t>
  </si>
  <si>
    <t>牙线会让牙缝变大吗</t>
  </si>
  <si>
    <t>牙线是绝不可能使牙缝变大的。</t>
  </si>
  <si>
    <t>牙线会使牙缝变大的。</t>
  </si>
  <si>
    <t>糖尿病影响性功能吗</t>
  </si>
  <si>
    <t>糖尿病患者一般70%都没有性欲，后期100%没有性欲。</t>
  </si>
  <si>
    <t>糖尿病对性功能会有影响的，因为糖尿病会损伤血管，而男性阴茎的勃起需要良好的血管环境，所以会有一定的影响。</t>
  </si>
  <si>
    <t>糖尿采以导致阴茎供血减少，导致性功能障碍。糖尿病越重，对性功能影响越大。</t>
  </si>
  <si>
    <t>pageadmin是免费的吗</t>
  </si>
  <si>
    <t>兴业银行信用卡不激活收年费吗</t>
  </si>
  <si>
    <t>兴业银行信用卡不激活不收取年费。</t>
  </si>
  <si>
    <t>微信清理缓存会清理聊天记录吗</t>
  </si>
  <si>
    <t>手机微信清理了缓存,聊天记录不会再存在了。微信用的时间长了以后，微信会变的很慢，有些手机会提醒内存已满等等原因。其实，这些都是微信缓存垃圾和聊天记录造成的。平时与朋友聊天的视频图片的等都在里面存着。所以执行了清理缓存后，聊天记录及图片都不会再存在了。</t>
  </si>
  <si>
    <t>如果是清理缓存的话，聊天记录是会丢失的，其实你可以提前把微信的聊天记录备份一下，这样的话你清理缓存的时候就不会丢失记录拉，如果不清理缓存的话，手机会造成卡顿、空间满等现象，可以下载腾讯电脑管家可以备份微信记录，然后使用腾讯手机清理手机中的缓存。</t>
  </si>
  <si>
    <t>会没有的，可以备份一下就不怕清理了。清理缓存可以让微信接收更多的东西。使用腾讯手机管家微信专清功能，直接清理，可以清理垃圾文件、多余安装包、后台软件、清理大文件。</t>
  </si>
  <si>
    <t>yy语音和yy直播一样吗</t>
  </si>
  <si>
    <t>两者是同一个软件，只不过在手机上的名称与在电脑上的名称不同罢了，本质上是一样的。YY视听就是手机版的YY语音，能够满足你在手机上直接使用YY的需求，包含了视频直播、游戏直播、IM聊天等功能，两者都是用同一个账号登入，只是手机电脑的软件名不同。yy语音是欢聚时代公司旗下的一款通讯软件，基于Internet团队语音通信平台，功能强大、音质清晰、安全稳定、不占资源、反响良好、适应游戏玩家的免费语音软件。在网络上通常用YY表示。</t>
  </si>
  <si>
    <t>苹果越狱了还能还原吗</t>
  </si>
  <si>
    <t>将手机与电脑连接起来，并打开 iTunes 软件；接着请先将 iPhone 手机关机，长按右侧的电源键，再滑动关机就好；先请按住电源键开机，这时屏幕会出现苹果标志，不要松开电源键；接着再按住主屏 Home 键，直到屏幕黑屏；当屏幕黑屏时，请松开电源键，主屏 Home 键不要松开，直到电脑端的 iTunes出现检测到一个处于恢复模式的 iPhone；接下来我们可以直接点击 iTunes 窗口中的 “恢复 iPhone”按钮；如果一旦恢复，原来手机上的数据会全部消失，确定要恢复的话请按“恢复”按钮；当下载完成以后，它会自动为手机恢复系统。值得注意的是，由于 iTunes 下载固件的速度可能会很慢，需要耐心等待。另外如果在下载固件期间，手机自动重新启动的话，请按之前的操作方法重新进入恢复模式。最后就是在恢复 iPhone 手机的过程，不能拨掉手机与电脑之前的数据连接线。</t>
  </si>
  <si>
    <t>首先下载好ios最新正版软固件，然后把iPhone连接到电脑，并且打开iTunes软件，找到自己的手机设备；然后，按住键盘上的“shift”键，再用鼠标点击iTunes软件中的“恢复”按钮，软件会弹出一个固件文件选择的对话框，如下图所示。接着选择好之前已经下载好的固件，点击打开；接着，系统会提示如果继续恢复IOS固件，会抹掉当前设备的所有数据。点击“恢复”继续；然后，系统提取刚刚选择的固件，验证以及准备恢复，如下图所示；接下来就是等待iTunes把新固件恢复到iPhone中，并且验证恢复；当iTunes把固件恢复完成以后，设备会自动重新启动。然后根据系统提示一步一步设置好就可以了。</t>
  </si>
  <si>
    <t>银屑病传染吗</t>
  </si>
  <si>
    <t>微信位置共享可以作假吗</t>
  </si>
  <si>
    <t>可以更改微信地址的，先进入微信，点击最下面右边的【设置】，再点有头像并且有姓名微信号的最上面的框框会出现【填写个人信息】，最后再点【地区】进行选择就行。</t>
  </si>
  <si>
    <t>可以，移动地图，把红点标记到别的位置再发送，对方收到的就是移动红点定位后的位置，而不是自动定位好的位置。</t>
  </si>
  <si>
    <t>比如在中国大陆，然后手动把地图挪到香港，打开位置服务之后会自动定位所在区域，出来之后就显示在香港了，这个是可以作假的。</t>
  </si>
  <si>
    <t>南戴河娱乐中心还开吗</t>
  </si>
  <si>
    <t>开了。</t>
  </si>
  <si>
    <t>家用电脑能挖比特币吗</t>
  </si>
  <si>
    <t>挖毕比特币主要靠GPU也就是显卡上的处理芯片，家用电脑集成显卡的根本不能挖。</t>
  </si>
  <si>
    <t>家用电脑仍旧是可以挖到比特币的，这只是时间的因素。但实际上，家用电脑是挖不到比特币的。</t>
  </si>
  <si>
    <t>黄家驹还活着是真的吗</t>
  </si>
  <si>
    <t>可能是骨灰级的粉丝编的，不过说挺有逻辑，真假难辨。</t>
  </si>
  <si>
    <t>佛鳄是最凶的龟吗</t>
  </si>
  <si>
    <t>要主人怎么培养。</t>
  </si>
  <si>
    <t>佛鳄龟是龟类中最凶猛的一种。</t>
  </si>
  <si>
    <t>fgo大帝好不好</t>
  </si>
  <si>
    <t>不建议抽。</t>
  </si>
  <si>
    <t>后期很好。</t>
  </si>
  <si>
    <t>美国尔湾是富人区吗</t>
  </si>
  <si>
    <t>是的，尔湾市位于加州橙县, 成立于1971年。占地约 170平方公里,。总人口21万，其中将近36.5%的居民为亚裔。尔湾市是一个年轻的新兴的中型城市，成立时做了完整的城市规划，加州大学尔湾分校的校舍建筑也配合整个尔湾市而设计，环境优美、街道宽广、市容整齐、社区内绿树成荫，是由着名的尔湾公司精心规划出来的梦想城市。</t>
  </si>
  <si>
    <t>辞职了公积金能取出来吗</t>
  </si>
  <si>
    <t>统一社会信用代码是组织机构代码吗</t>
  </si>
  <si>
    <t>组织机构代码只有九位数，一般是统一社会信用代码的倒数第二位往后推9位数。</t>
  </si>
  <si>
    <t>刺猬能吃吗</t>
  </si>
  <si>
    <t>刺猬的皮称异香、仙人衣，是重要的传统中药材，具有降气镇痛、凉血止血、行气解毒、消肿止痛的功效，主治反胃吐食、疝气腹痛、肠风痔漏等症。刺猬肉是含高蛋白的上品佳肴，烤吃可补下元，理胃气，增强食欲。刺猬的脂肪可治严重拉（泻）血，涂擦可治秃疮疥癣，有杀皮肤寄生虫之功效。刺猬的脑、心、肝、胆、肾鞭浸酒饮之，可提神醒目，消除疲劳，健身壮骨。</t>
  </si>
  <si>
    <t>刺猬肉具有滋补作用。</t>
  </si>
  <si>
    <t>公积金可以取出来吗</t>
  </si>
  <si>
    <t>只要员工满足住房公积金提取条件，是可以本人携带材料到住房公积金管理中心办理提取手续的。</t>
  </si>
  <si>
    <t>住房公积金可以全额提取。</t>
  </si>
  <si>
    <t>wis祛痘印效果好吗</t>
  </si>
  <si>
    <t>1、微博上每天都见到他的广告，算算应该砸了不少钱2、点进店里看成分介绍，除了化妆品品牌经常忽悠的“植物萃取”“草本”等虚得不能再虚的概念没有看出任何对痤疮（也就是通俗说的痘痘）有效的成分3、痘印一般使用具有剥离效果的酸类（一定浓度的水杨酸、果酸等）和烟酰胺，VC等美白成分，痘坑基本只能通过医学美容（激光、光子嫩肤）等方式达到一定的治疗效果。里面宣传的抹几天痘印就没了基本是哄人的。</t>
  </si>
  <si>
    <t>喜欢你好看吗</t>
  </si>
  <si>
    <t>一般好看。</t>
  </si>
  <si>
    <t>叶倩文有孩子吗</t>
  </si>
  <si>
    <t>身边有一个儿子和一个女儿，不过是林子祥前妻所生。</t>
  </si>
  <si>
    <t>李白要改成辅助吗</t>
  </si>
  <si>
    <t>是假的。部落里关于王者荣耀即将更新内容的文章，最有公信力的是一个id是夕颜的人、部落里的大酋长，此人从未发布过这种内容。目前此内容最早是从一人的自己写的文章然后截图开始谣传的。李白也不可能会改成辅助，因为前阵子更新才刚削弱李白，如果真要改就不用削弱。从商业角度讲，这不但费时费力，就算真要改，改个名字就行，这样更省时省力。</t>
  </si>
  <si>
    <t>大大红包是真的吗</t>
  </si>
  <si>
    <t>太假了，刚开始两三天还可以拿几十元，当收益余额超过100元后就很困难了，因为来来去去就那十来个任务，做过了再做是没有奖励的，只能在软件签到那里每单拿可怜的几分钱。收益余额100元以前分享红包每次一元，达到100以后就没有了；还有抢红包刚开始几天还能签到两三元，越往后越小只有一两毛，还有个“微信关注可赚一元”，点开永远显示是：今天的量跑完了。</t>
  </si>
  <si>
    <t>开题报告查重吗</t>
  </si>
  <si>
    <t>如果放进论文中，就会查重，因为是查重是全选进行的。</t>
  </si>
  <si>
    <t>没有查重</t>
  </si>
  <si>
    <t>杨舒婷孔令辉结婚了吗</t>
  </si>
  <si>
    <t>孔令辉的老婆名叫杨舒婷。</t>
  </si>
  <si>
    <t>物业公司挣钱吗</t>
  </si>
  <si>
    <t>不赚钱，除非用机器去管，劳动力太贵了。赚钱的点基本没有，除非走非法线路，比如拿小区的公共面积收广告费呀，车位费呀，各大通信的入场费和他们的基站占地费呀，这些东西都是业主的，看你怎么蒙业主了。</t>
  </si>
  <si>
    <t>有的。1、物业公司的收入来源源于庞大的物业税,首先每月向业主收取300-500元的管理费,而他们一间物业公司的管理费就高达10多万以上,而车场搽卡系统平均超过500个车位,每个车位月保200-300元,临保市区高达10-20元一个钟,每月停车保管费就高达几十万,业主受到管理处的管辖。2、物业公司外围拥有商铺,这样的商铺非常昂贵,小小一间就需要1万多元以上。</t>
  </si>
  <si>
    <t>万达信息是王健林的吗</t>
  </si>
  <si>
    <t>无任何关系。</t>
  </si>
  <si>
    <t>微信能看到访客记录吗</t>
  </si>
  <si>
    <t>小小骑士阿木木有特效吗</t>
  </si>
  <si>
    <t>电动剃须刀可以带上飞机吗</t>
  </si>
  <si>
    <t>剃须刀只要不是刀片的就可以随身带，电动剃须刀可以随身携带。</t>
  </si>
  <si>
    <t>电动剃须刀可以带上飞机。</t>
  </si>
  <si>
    <t>不可以，电池类产品不能带上飞机。</t>
  </si>
  <si>
    <t>剑网3好玩吗</t>
  </si>
  <si>
    <t>剑网三还是不错的。</t>
  </si>
  <si>
    <t>充电宝坏了可以修吗</t>
  </si>
  <si>
    <t>只要有配件都可以修理的。</t>
  </si>
  <si>
    <t>约瑟翰庞麦郎是傻子吗</t>
  </si>
  <si>
    <t>不是傻子。</t>
  </si>
  <si>
    <t>分号后面的英文要大写吗</t>
  </si>
  <si>
    <t>一般是小写的，如果后面是I或者人名需要大写。</t>
  </si>
  <si>
    <t>逍遥模拟器支持手柄吗</t>
  </si>
  <si>
    <t>支持。</t>
  </si>
  <si>
    <t>感冒能泡脚吗</t>
  </si>
  <si>
    <t>治感冒经验，而且简便易行，绝无副作用，泡脚。</t>
  </si>
  <si>
    <t>脚部的穴位比较多、而且血流丰富，经常泡脚，对身体健康是有好处的。</t>
  </si>
  <si>
    <t>手足口病疫苗要不要打</t>
  </si>
  <si>
    <t>打，手足口病是由20多种病毒引起的，但其中一种病毒71，是会引起死亡的，而我们打的手足口疫苗，其实就只防御71这一种最厉害的病毒。</t>
  </si>
  <si>
    <t>不打，这个手足口病是多方面多种病毒引起的，打这预防针起不了多大作用，因为不是单一病毒引起的。</t>
  </si>
  <si>
    <t>淘宝保证金能退吗</t>
  </si>
  <si>
    <t>1、首先登录到淘宝网，在单击保证金管理。2、选择解冻。3、在保证金，选择全部解冻，单击确定。4、出现您确定要解冻保证金吗？单击确定。5、没有交易完成，保证金无法解冻。交易完成了就可以解冻了。</t>
  </si>
  <si>
    <t>1.登陆你的淘宝会员账号。2.点击用户名，进入个人的主页。3.在我的主页里点击“卖家中心”，进入卖家信息中心。4.在卖家中心里左边一栏里找到客服服务下面的“消费者保障服务”，点击进入。5.进入“消费者保障服务”后，里面会显示已交的保证金额度。如果想提出保证金里的钱，就要点击“申请解冻保证金”。如果是特色服务，需要退出特色服务才能点击申请解冻。6.申请解冻保证金需要符合淘宝制定的条件，分别是：没有未完结的基础服务转移单；没有正在处理的先行赔付投诉记录；没有正在处理的未完结的赔付记录；淘宝赔付基金无催缴单；没有未结束的消保交易记录；没有交易成功并且在15天以内的消保交易记录；没有交易成功并且在45天以内的30天维修服务记录；没有未完结的退款记录。如果有一条不符合，也无法通过申请。7.申请成功后，保证金会转到支付宝里面，可以在“我的支付宝”里面的账户余额查看。8.申请提现之后，可以在提现记录里面查询。</t>
  </si>
  <si>
    <t>淘宝默认封冻你缴纳的保证金三个月，三个月后进入“我是卖家”&gt;“客户服务”&gt;“消费者保障服务”找到“现金账户可用余额”点击“解冻”可进入保证金解冻退回流程，根据系统页面的提示操作就可以完成解冻操作。</t>
  </si>
  <si>
    <t>京东seele自营可靠吗</t>
  </si>
  <si>
    <t>自营还行的。</t>
  </si>
  <si>
    <t>京东自营电脑配件还是真材实料的（除散热外），配送也周到快速。</t>
  </si>
  <si>
    <t>不排卵会来月经吗</t>
  </si>
  <si>
    <t>不排卵的话还是会有月经的，无排卵月经。</t>
  </si>
  <si>
    <t>江民杀毒倒闭了吗</t>
  </si>
  <si>
    <t>苹果facetime收费吗?</t>
  </si>
  <si>
    <t>用Face Time来打电话是不收取任何费用的，只收发流量，流量由运营商收取费用。</t>
  </si>
  <si>
    <t>魔兽世界还会有8.0吗</t>
  </si>
  <si>
    <t>h1z1汉化补丁会封号吗</t>
  </si>
  <si>
    <t>BE系统有几率误认为是外挂然后给封掉的。</t>
  </si>
  <si>
    <t>在校大学生可以报考教师资格证吗</t>
  </si>
  <si>
    <t>鹅口疮自己会好吗</t>
  </si>
  <si>
    <t>1、鹅口疮是小婴幼儿十分常见的一种口腔霉菌感染性疾病，特点就是容易反复。 2、目前治疗方法就是口腔涂“制霉菌素”，用到孩子口腔内一点白色膜状物都看不见时，再多用3天药。同时要注意口腔卫生，注意奶头奶嘴的卫生。 3、这种病用药都很容易反复，不用药一般不会自愈的，因此还是按上述方法给予治疗为好。</t>
  </si>
  <si>
    <t>不会，要治疗才能痊愈，患了鹅口疮的宝宝很难受，不思饮食还爱哭闹，最好及时治疗，以免影响宝宝情绪及身体成长。</t>
  </si>
  <si>
    <t>患有鹅口疮应该及时治疗，因为不及时治疗的话白色念珠菌就会一直在口腔内部繁衍，导致患儿的口腔内出现白色的膜样物，因此是不会自行好转痊愈的，轻度鹅口疮的患者之口腔内部就会布满白屑，一般没有伴随症状。严重者会在口腔粘膜表面形成白色斑膜，并伴有灼热和干燥的感觉，部分患儿伴有低烧的症状，甚至有可能造成吞咽和呼吸困难。患有此病的孩子经常哭闹不安，吃东西或者喝水时会有刺痛感，所以孩子经常不愿意吃奶。</t>
  </si>
  <si>
    <t>莲花之令 艾瑞莉娅有特效吗</t>
  </si>
  <si>
    <t>在lol中，莲花之令艾瑞莉娅是稀有皮肤，拥有全特效，即使刀妹的技能和使用不如以前，但皮肤仍然深受玩家喜爱，只需4500点券即可买到它了。不过由于刀妹本身的技能无特殊性，所以特效一般，明显度不高，该皮肤与莲花之令卡尔玛是同一系列。但总体而言，刀妹的这款皮肤还是挺别致的，虽然没有其他传说类皮肤的特效华丽，但是武器模型有一定变化，加上技能本身的特效，属于性价比较高的皮肤。想要购买它，可以到官网或道聚城以4500点券的价格即可购买。</t>
  </si>
  <si>
    <t>有特效，但是不怎么明显（QWE），壁画模型都很不错，建议购买</t>
  </si>
  <si>
    <t>有特效，不过女刀本身技能没什么特殊的，所以特效并不明显好看。</t>
  </si>
  <si>
    <t>幽蓝梦魇 加里奥有特效吗</t>
  </si>
  <si>
    <t>土豆可以和鸡蛋一起吃吗</t>
  </si>
  <si>
    <t>手机王者荣耀跟电脑同步吗</t>
  </si>
  <si>
    <t>安卓系统电脑版的王者荣耀和安卓手机是一样的，目前电脑版的王者荣耀是没有IOS版的。</t>
  </si>
  <si>
    <t>签了劳动合同可以辞职吗</t>
  </si>
  <si>
    <t>劳动者与公司签订劳动合同后是不可以随时辞职的，劳动者辞职的，只需要提前一个月以书面的形式通知用人单位就可以解除劳动关系。</t>
  </si>
  <si>
    <t>淘宝能微信支付吗</t>
  </si>
  <si>
    <t>淘宝能微信支付。</t>
  </si>
  <si>
    <t>淘宝不能微信支付。</t>
  </si>
  <si>
    <t>离婚必须回婚姻登记地办理吗</t>
  </si>
  <si>
    <t>如果双方都同意离婚，可以到民政局办理离婚手续，而且必须是到原来办理登记的地方的民事局申请办理。</t>
  </si>
  <si>
    <t>电阻炉是马弗炉吗</t>
  </si>
  <si>
    <t>马弗炉的一种。</t>
  </si>
  <si>
    <t>圣好臻阳颗粒可信吗</t>
  </si>
  <si>
    <t>有一定的效果。</t>
  </si>
  <si>
    <t>100%纯中药制剂 无添加 无副作用；精选14味养生保健药材，国家药监局权威批准，10万忠实患者实用疗效见证。</t>
  </si>
  <si>
    <t>既然说起李时珍补肾方，则不得不提其来历，此方为明代医圣李时珍所创，运用黄精、牡蛎、枸杞、黄秋葵、黑芝麻和蜂蜜等熬制而成，具有补肾强身、延时固精、促进二次发育等神奇功效，被誉为李时珍的诸多秘方种的圣品之作。</t>
  </si>
  <si>
    <t>德家是传销吗</t>
  </si>
  <si>
    <t>是传销。第一、不能从电脑上到网站去购买商品，没有网站，只有从微商或者商家去买，经过对比商品基本和京东上价格保持一致，没有任何价格优势。这和宣传的价格更便宜不相符合。第二、想成为商家就要缴纳加盟费，虽然不多但是商家多。第三、允许介绍商家加盟，介绍者有抽成。第四、商品品种很少，多是些价格不太透明，市场上比较少的商品，无法凭借经验以及普通超市价格来进行对比，究竟是不是便宜很难直接判断。赚的就是加盟费。</t>
  </si>
  <si>
    <t>iphone7p32g内存够用吗</t>
  </si>
  <si>
    <t>32g绝对用一段时间就不够用了，别说不玩游戏，现在app用量越来越大，照片，音乐各种占内存。</t>
  </si>
  <si>
    <t>打羽毛球治颈椎病吗</t>
  </si>
  <si>
    <t>羽毛球对颈椎病非常有好处。</t>
  </si>
  <si>
    <t>打羽毛球治好颈椎病。</t>
  </si>
  <si>
    <t>护照没到期 可以申请换新的吗</t>
  </si>
  <si>
    <t>可以。但是需要满足以下条件：1、签证页即将使用完毕的。2、护照已过有效期、或有效期不足六个月或有材料证明该有效期不符合前往国签发签证要求的。3、户口簿上的姓名、性别、身份证号码、出生地、出生日期等内容变更的。4、相貌发生较大变化的（需已在户政部门更换身份证）。5、申请人手指伤病痊愈后补采指纹的。6、经审批机关或主管部门认可的其它情况。</t>
  </si>
  <si>
    <t>婴宝有激素吗</t>
  </si>
  <si>
    <t>婴宝确实含有激素。</t>
  </si>
  <si>
    <t>是中草药植物提取，不含激素。</t>
  </si>
  <si>
    <t>第一调查网是真的吗</t>
  </si>
  <si>
    <t>拟录取后还会被刷么</t>
  </si>
  <si>
    <t>通常拟录取就等于是正式录取了，只要没有考试作弊的历史，没有弄虚作假，没有严重的违法问题，都是没有问题的。</t>
  </si>
  <si>
    <t>转氨酶200多严重吗</t>
  </si>
  <si>
    <t>谷丙转氨酶升高是很常见的现象，大可不必惊慌。</t>
  </si>
  <si>
    <t>胶南市在黄岛吗</t>
  </si>
  <si>
    <t>月经期间可以吃芒果吗</t>
  </si>
  <si>
    <t>白百合人品差是真的吗</t>
  </si>
  <si>
    <t>不是空穴来风。</t>
  </si>
  <si>
    <t>室性早搏能根治吗</t>
  </si>
  <si>
    <t>室性早搏能够根治。可以药物治疗，也可以采取手术治疗。</t>
  </si>
  <si>
    <t>孕妇能吃薏米吗</t>
  </si>
  <si>
    <t>孕妇建议慎食薏米，多吃容易造成对胎儿造成不良影响。</t>
  </si>
  <si>
    <t>薏米虽然有很高的营养价值，薏米能拿去煮粥，也能拿去煮汤，而且还能帮助人预防便秘，但是孕妇吃了薏米会造成孕妇尿多，尿尿的次数也多，这样会严重的影响到孕妇肚子里面的胎儿的发育，因此孕妇是不能吃薏米的。</t>
  </si>
  <si>
    <t>孕的妇女不能吃薏米，因为属于寒性食物，对子宫的平滑肌有兴奋作用，经常食用薏米对增加孕妇子宫的紧张度，从而促进子宫逐渐收缩，对肚子内的宝宝会有影响，严重时会造成流产的。怀孕初期时最好不要经常吃薏米。</t>
  </si>
  <si>
    <t>女生到20岁还能长高吗</t>
  </si>
  <si>
    <t>长高的最后冲刺创段: 男性17—26岁，女性16—25岁。</t>
  </si>
  <si>
    <t>自然长高： 一，男性在25岁停止身体增高。女性则是23岁。</t>
  </si>
  <si>
    <t>电子签章有法律效力吗</t>
  </si>
  <si>
    <t>如果是电子签名或者是经过认证的电子签章是合法有效的，如果是单纯的将印章图片打印出来使用是无效的，可能涉嫌伪造公司印章罪。</t>
  </si>
  <si>
    <t>1.《中华人民共和国电子签名法》，一般来说，电子签名是有效的，法院认可了，除了以下这些文书外：（一）涉及婚姻、收养、继承等人身关系的；（二）涉及土地、房屋等不动产权益转让的；（三）涉及停止供水、供热、供气、供电等公用事业服务的；（四）法律、行政法规规定的不适用电子文书的其他情形。2. 盖章还是签名还是电子签名主要看合同约定，如果合同里生效条款明显说了一定要手写的签字才生效，那盖章电子的都没用，如果约定了都可以，或者没有约定，那电子签名法第十四条规定，可靠的电子签名与手写签名或者盖章具有同等的法律效力。3. 至于何为可靠的电子签名，第十三条说： 电子签名同时符合下列条件的，视为可靠的电子签名：（一）电子签名制作数据用于电子签名时，属于电子签名人专有；（二）签署时电子签名制作数据仅由电子签名人控制；（三）签署后对电子签名的任何改动能够被发现；（四）签署后对数据电文内容和形式的任何改动能够被发现。当事人也可以选择使用符合其约定的可靠条件的电子签名。</t>
  </si>
  <si>
    <t>端午节可以说节日快乐吗</t>
  </si>
  <si>
    <t>不能说快乐。</t>
  </si>
  <si>
    <t>端午节是不能互祝快乐的，应当互祝＂端午安康＂。</t>
  </si>
  <si>
    <t>不建议这样说。</t>
  </si>
  <si>
    <t>单双排和灵活组排段位是不是分开的</t>
  </si>
  <si>
    <t>两个排位段位都是分开的。</t>
  </si>
  <si>
    <t>补水仪有用吗</t>
  </si>
  <si>
    <t>没有用，而且用不好还有副作用，破坏皮肤免疫力。</t>
  </si>
  <si>
    <t>吻戏是真的接吻吗</t>
  </si>
  <si>
    <t>可能不是的。因为有的是借位的。有的可能是真的。演戏的时候，演员大多数都是借位的。</t>
  </si>
  <si>
    <t>有很多种。有些镜头需要特写的话，经过演员同意是可以真吻得；如果演员比较保守的话，也可以选择借位、替身之类的手段。要知道是不是真吻，主要看是不是能看清脸和嘴唇，要是看不清的话，那八成就是真吻 。</t>
  </si>
  <si>
    <t>缅甸昂山素季有实权吗</t>
  </si>
  <si>
    <t>目前无实权。</t>
  </si>
  <si>
    <t>公积金贷款后可以提取公积金吗</t>
  </si>
  <si>
    <t>以下几种情况是可以提取公积金的：1.购买首套自住住房（不包括二手房）、未全额付清购房款的。2.购买首套自住住房、已全额付清购房房款的。3.购买首套自住住房、选择使用商业贷款且贷款未还清的。4.同时由于新政出台，公积金余额可提取还组合贷款商贷部分。</t>
  </si>
  <si>
    <t>如果办理公积金贷款前，你没有支取过公积金的，可以在还贷一周年后，办理公积金支取。</t>
  </si>
  <si>
    <t>樱桃里有虫子是真的吗</t>
  </si>
  <si>
    <t>有的，是果蝇的幼虫，可以用淡盐水泡一下，但是建议还是不要泡，因为是不可能全部出来的。而且这种小虫子吃了是没有关系的，这跟杨梅是一样的。</t>
  </si>
  <si>
    <t>炎色娱乐真的假的</t>
  </si>
  <si>
    <t>炎色这个是私服。目前没有任何东西能证明它是官服。之前贴吧曝出炎色填写的公司地址是假的。</t>
  </si>
  <si>
    <t>snapseed有没有电脑版</t>
  </si>
  <si>
    <t>蚕蛾会飞吗</t>
  </si>
  <si>
    <t>由于两对翅较小，已失去飞翔能力。</t>
  </si>
  <si>
    <t>转正定级取消了吗</t>
  </si>
  <si>
    <t>楼上漏水物业有责任吗</t>
  </si>
  <si>
    <t>要根据实际情况而定，楼上装修时是不是破坏了原有的防水层呢，买的房子多长时间，如果五年之内的话物业是应该免费维修的，开发商是有责任的。</t>
  </si>
  <si>
    <t>1、看下漏水的位置，是管道漏水还是土建处渗水；2、防水层破换的话相当麻烦，处理起来费用很大；3、如果是管道漏水就简单许多，物业有责任帮助检查漏水原因。</t>
  </si>
  <si>
    <t>瓷砖有辐射吗</t>
  </si>
  <si>
    <t>瓷砖辐射的确存在，但放射性水平较低。</t>
  </si>
  <si>
    <t>王者荣耀水晶猎龙者是限定吗</t>
  </si>
  <si>
    <t>水晶猎龙者不是限定皮肤的可能性还是蛮大的。</t>
  </si>
  <si>
    <t>不算限定。</t>
  </si>
  <si>
    <t>该皮肤从目前来看是五五开黑节的限定皮肤。</t>
  </si>
  <si>
    <t>加勒比海盗5有彩蛋吗</t>
  </si>
  <si>
    <t>电动三轮车需要驾照吗</t>
  </si>
  <si>
    <t>据我国道路交通安全法的相关规定以及普通电动车及电动摩托车的定义，驾驶电动摩托车必须按照相关规定持有摩托车驾驶证(准驾代码为‘E’)。凡最高车速大于20km/h,整车质量(重量)大于40kg的电动车都要驾驶证和牌照。</t>
  </si>
  <si>
    <t>应该需要D照。</t>
  </si>
  <si>
    <t>国家目前对电动三轮车没有指定标准，所以上牌只能按两轮电动车来执行。但如果电动三轮车明显超标，所以上不到牌照，也不允许这种车辆在市区内通行。 因为超标无法上牌的电动三轮车按机动车认定，驾驶员也应当持有机动车相关驾照。同时，处罚也按机动车处罚，一旦发生交通事故，会参照机动车发生交通事故处理办法来认定电动三轮车车主的责任和赔偿。</t>
  </si>
  <si>
    <t>闪电降价app是正品吗</t>
  </si>
  <si>
    <t>闪电降价的东西性价比很好，目测是牌子的尾货，要求高的谨慎购买。</t>
  </si>
  <si>
    <t>闪电降价这款软件是真的，是有正品保障的，可以放心购物。</t>
  </si>
  <si>
    <t>消费全返国家承认吗</t>
  </si>
  <si>
    <t>不承认，是骗局，列入国家打击骗局范围。</t>
  </si>
  <si>
    <t>同一个手机号能注册两个微信吗</t>
  </si>
  <si>
    <t>1. 登录第一个微信，找到右下角的“我”，进入设置，进去后发现账户与安全里面是绿色已保护，点击进入，之后再点击账户与安全里的手机号码，之后点击右上角的省略号出现解绑信息，解绑手机号与微信之间的绑定。如果此时微信没有与QQ绑定，那么会弹出对话框，要求微信绑定QQ后才能解除与手机的绑定，此时只要将QQ与微信进行绑定即可。2.退出登录，再行重新用手机进行注册，这样就可以注册第2个微信了。</t>
  </si>
  <si>
    <t>把现有的微信解除手机号码的绑定，就可以再用手机号码申请新的了。如果原来的微信绑定了qq或邮箱，用账号或邮箱或qq号码登陆就可以了。但是，如果在一个月内操作过解除绑定（qq或邮箱），就要过一个月操作手机号解除绑定才有效。一个手机号可以申请多个微信号，但是只能绑定一个微信。</t>
  </si>
  <si>
    <t>孕妇防辐射服有用吗</t>
  </si>
  <si>
    <t>孕妇防辐射服一般都比较轻，是将金属纤维配合织物一起织成布料，再做成衣服，并没有铅的成分，因此从这个方面看，孕妇防辐射服对于电离辐射起不到防护作用。防辐射服中的金属丝，对单一的电磁辐射有一定的防护作用，但孕妇穿上效果不会太大，因为生活中，发光发热的东西都会产生不同程度的辐射，这些辐射也是不可避免的。防辐射服并不是完全封闭的，领口、袖口、下摆都呈开放状态，通俗地说，电磁辐射也会拐弯，挡住了身体的一部分，它还是会拐个弯儿靠近身体。对于危险系数较高的电离辐射，孕妇穿的防辐射服对其起不到什么作用。</t>
  </si>
  <si>
    <t>通过试验样品采集、试验进行、试验结果对比分析，孕妇防辐射服是有用的。</t>
  </si>
  <si>
    <t>江一燕是不是白莲花</t>
  </si>
  <si>
    <t>还不是的。</t>
  </si>
  <si>
    <t>hadoop有前途吗</t>
  </si>
  <si>
    <t>有前途。</t>
  </si>
  <si>
    <t>高校人事代理稳定吗</t>
  </si>
  <si>
    <t>稳定的。</t>
  </si>
  <si>
    <t>菲律宾航空安全吗</t>
  </si>
  <si>
    <t>安全的，相当于国内的国航，准点率还是比较高的，价格相当也高一点。</t>
  </si>
  <si>
    <t>一般，航班和国家政治没什么关系。</t>
  </si>
  <si>
    <t>事故：1949年5月7日航行中的DC-3在空中爆炸。13名乘员全部死亡。1994年12月11日基地组织在菲律宾航空434号班机波音747-200机上放置炸弹，引导客机在日本上空爆炸，一名日籍乘客不幸遇难，航机紧急降落在日本冲绳那霸机场。</t>
  </si>
  <si>
    <t>三证合一后公章要换吗</t>
  </si>
  <si>
    <t>企业三证合一后需要重新刻制的章主要是原印章上含有旧执照代码或是税号的那些章才需要重新刻制，把它们更改成新的社会统一代码。如果原印章上不存在有原有税号等情况下，那些章还可以继续使用，是不需要重新刻制的。</t>
  </si>
  <si>
    <t>更换三证合一是否要重新刻一套章：章是不用换的，只需要把营业执照、税务登记证、组织机构代码拿过去就直接发一新的营业执照。</t>
  </si>
  <si>
    <t>公章不需要换，但发票专用章需要换。</t>
  </si>
  <si>
    <t>form嵌套form 可以吗</t>
  </si>
  <si>
    <t>全景摄像头有必要吗</t>
  </si>
  <si>
    <t>fcf五福集团有被骗的吗</t>
  </si>
  <si>
    <t>是真的，但是这些东西都很不靠谱的，也是很辛苦的，而且做什么都有考虑风险因素的，钱少一点是最好的，可以看下那个无比墙画。不用开店，朋友要去做了，大城市已经开始风靡了，肯定没什么风险的。</t>
  </si>
  <si>
    <t>这种传销国家就没有人管在榆林府谷非法集资。</t>
  </si>
  <si>
    <t>肋骨骨折需要手术吗</t>
  </si>
  <si>
    <t>如果单纯的肋骨骨折一般不用手术，但多发肋骨骨折可能导致反常呼吸和损伤胸腔内脏器的可能，所以可以考虑手术固定。</t>
  </si>
  <si>
    <t>一般肋骨骨折，多根的单处骨折和单根的多处骨折多无需固定处理，可以自行愈合的。</t>
  </si>
  <si>
    <t>肋骨骨折导致连枷胸的话需要手术。</t>
  </si>
  <si>
    <t>高度近视可以激光吗</t>
  </si>
  <si>
    <t>如果你的角膜厚度够就可以，但术后容易屈光回退，就是又出现一定的近视。</t>
  </si>
  <si>
    <t>没钱可以成为赛车手嘛</t>
  </si>
  <si>
    <t>反正基本上赛车手就是用钱堆起来的。</t>
  </si>
  <si>
    <t>来彩彩票安全吗</t>
  </si>
  <si>
    <t>grace当英文名俗吗</t>
  </si>
  <si>
    <t>这就一个称谓，无关其他。</t>
  </si>
  <si>
    <t>无论是发音，还是意义都是很好的一个英文名字。</t>
  </si>
  <si>
    <t>晴雨挡有用吗</t>
  </si>
  <si>
    <t>装晴雨档下雨天可以开一点窗户，个人建议最好都装上。</t>
  </si>
  <si>
    <t>夏天喝红茶会上火吗</t>
  </si>
  <si>
    <t>梅西大学中国人多吗</t>
  </si>
  <si>
    <t>知道，得看在那个城市，城市不同也是不一样的；奥克兰北岸梅西，中国人巨多。</t>
  </si>
  <si>
    <t>麟龙软件是假的么</t>
  </si>
  <si>
    <t>雷佳音结婚了吗</t>
  </si>
  <si>
    <t>不锈钢杯子能泡茶吗</t>
  </si>
  <si>
    <t>用不锈钢杯泡茶没有影响。</t>
  </si>
  <si>
    <t>最好不要用不锈钢的，泡茶会有一股腥的味道。</t>
  </si>
  <si>
    <t>空孕催乳剂丰胸行吗</t>
  </si>
  <si>
    <t>可以的，我买的是注射的，我原来是B罩杯，第二天就猛增到E，胸特别胀，如果不挤奶，胸胀的都能看见血管，然后我加大药量，能胀到F罩杯。</t>
  </si>
  <si>
    <t>汇仁女金好不好</t>
  </si>
  <si>
    <t>着床后白带会增多吗</t>
  </si>
  <si>
    <t>女性在怀孕后白带量比平时要明显增多。</t>
  </si>
  <si>
    <t>途虎机油是正品吗</t>
  </si>
  <si>
    <t>看价格。有些店家打出名声说是正品油，或者网购机油时看到评论说是正品，但是在价格上如果和别的相差过于悬殊，车主就要小心了，因为，正品机油一般会有个统一售价，即使有变化，也不会差距很大。闻气味、看手感。真油味淡，有点水晶蜡的那种清香；假油味浓有刺激性。同黏度等级的油品，常温下手感黏度小;而劣质油品，手感较黏，并且假油用手摸有拉丝现象。</t>
  </si>
  <si>
    <t>巧虎有用吗</t>
  </si>
  <si>
    <t>个人感觉很好。</t>
  </si>
  <si>
    <t>这个问题一直都是早教里面争论不休的，几乎每个妈妈都会遇到这个问题。巧虎的教育理念确实问题很大，受人诟病。个人不是很喜欢巧虎，它对宝宝的奴性教育实在是太明显了，而宝宝又是极其容易受影响的。</t>
  </si>
  <si>
    <t>张碧晨郑子豪是真的吗</t>
  </si>
  <si>
    <t>是一个大乌龙。</t>
  </si>
  <si>
    <t>兔玩英雄训练营有用吗</t>
  </si>
  <si>
    <t>当然就是个训练你英雄联盟技术的地方啊，里面有许多技巧帮助你上分。</t>
  </si>
  <si>
    <t>跨行存款要手续费吗</t>
  </si>
  <si>
    <t>跨行存款要手续费。</t>
  </si>
  <si>
    <t>跨行是不能存款的，只能转账，转账是要收取手续费的。</t>
  </si>
  <si>
    <t>过夜的白开水能喝吗</t>
  </si>
  <si>
    <t>当然能喝了。</t>
  </si>
  <si>
    <t>对于身体是有影响的，因为其中的氧气含量不多了，而且也具有着其他的致癌物质等。减少服用为宜，建议注意卫生，健康生活，开水适宜现烧现喝。</t>
  </si>
  <si>
    <t>暴露在外的凉白开容易被污染，不能喝。</t>
  </si>
  <si>
    <t>微信可以同时在两个手机上登陆吗</t>
  </si>
  <si>
    <t>在微信帐号未保护的情况下是可以同时登录的。</t>
  </si>
  <si>
    <t>得用微信共存版的软件才可以。</t>
  </si>
  <si>
    <t>迸发好玩吗</t>
  </si>
  <si>
    <t>挺好玩的。</t>
  </si>
  <si>
    <t>不好玩，像变形金刚。</t>
  </si>
  <si>
    <t>毕业论文图片查重吗</t>
  </si>
  <si>
    <t>图片不查重，只是针对文字。如果图片不是自己画的，可以标注是引用的，添加为参考文献即可。</t>
  </si>
  <si>
    <t>图片不会进行论文查重，因为首先要进行识别，但是现在的算法无法很有效的对于图片进行识别，所以论文查重不会对图片进行查重。</t>
  </si>
  <si>
    <t>准信hiv试纸国家认可吗</t>
  </si>
  <si>
    <t>艾滋病试纸国家是认可以的。</t>
  </si>
  <si>
    <t>防蚊扣有用吗</t>
  </si>
  <si>
    <t>作用有限的。</t>
  </si>
  <si>
    <t>有一些用的。</t>
  </si>
  <si>
    <t>朝朝盈会亏本吗</t>
  </si>
  <si>
    <t>基本不会亏损。</t>
  </si>
  <si>
    <t>极少发生。</t>
  </si>
  <si>
    <t>美宝莲眼影好吗</t>
  </si>
  <si>
    <t>算好的了。</t>
  </si>
  <si>
    <t>眼影不好。</t>
  </si>
  <si>
    <t>s8是双卡双待吗</t>
  </si>
  <si>
    <t>S8是一款全网通双卡手机，卡1/卡2均支持移动、联通、电信2G/3G/4G网络。</t>
  </si>
  <si>
    <t>据TechRadar网站报道，三星S8或不支持双卡双待，主要移动运营商和手机制造商透露，但是，这款手机缺乏的一项特性是双SIM卡槽。</t>
  </si>
  <si>
    <t>S8是一款全网通双卡双待手机。</t>
  </si>
  <si>
    <t>ofo周末免费吗</t>
  </si>
  <si>
    <t>7点到10点用车免费。</t>
  </si>
  <si>
    <t>来月经能艾灸吗</t>
  </si>
  <si>
    <t>经期有些人量比较大，那么艾灸可以活血化瘀，疏经通络，如果此时艾灸，可以活血化瘀，并且导致经量更大。如果您经量比较少，那么经期可以艾灸的，正好趁着艾灸的时候活血化瘀疏经通络，并且排出体内的一些瘀阻，从而达到治病的目的。</t>
  </si>
  <si>
    <t>如果是受凉导致月经来潮腹痛的情况，或者出血量少，有血块等情况，用艾灸最好，其他的不一定合适，需要根据具体的情况来确定。</t>
  </si>
  <si>
    <t>当然可以，经期不仅可以艾灸，而且我建议你一定要艾灸。因为这个时间段是调理女性健康问题和美容瘦身的黄金时间！</t>
  </si>
  <si>
    <t>三星s8 4g内存够用吗</t>
  </si>
  <si>
    <t>虎鲸吃人吗</t>
  </si>
  <si>
    <t>虎鲸不吃人。</t>
  </si>
  <si>
    <t>事实上，除了在水族馆长期被虐待的虎鲸攻击过饲养员外，野生虎鲸至今没有杀人记录。</t>
  </si>
  <si>
    <t>久恒营销是真的吗</t>
  </si>
  <si>
    <t>外汇ast是真的吗</t>
  </si>
  <si>
    <t>翼龙贷可靠吗</t>
  </si>
  <si>
    <t>翼龙贷是个不错的平台，同行业中利息算是较高的，现在又有联想做后台更是步步高升了，在社科院的网贷评级中被评为AA企业，安全放心投。</t>
  </si>
  <si>
    <t>高铁一等座可以躺着吗</t>
  </si>
  <si>
    <t>不可以的，但是靠背可以调节。</t>
  </si>
  <si>
    <t>小罐茶真有那么好喝吗</t>
  </si>
  <si>
    <t>小罐茶的味道还是很不错的，当然好茶还需要配合好的水质、茶具、泡法、泡茶环境才能将茶性充分发挥。</t>
  </si>
  <si>
    <t>煮沸的醋可以驱蚊子吗</t>
  </si>
  <si>
    <t>民间驱蚊术，用处多大就仁者见仁了。</t>
  </si>
  <si>
    <t>水弹枪违法吗</t>
  </si>
  <si>
    <t>不在公共场合使用不违法。</t>
  </si>
  <si>
    <t>违法，因为外形为1：1的枪支定义为仿真枪，以压缩气体为动力的，发射塑料。钢珠等弹丸的为枪支，发射水弹的枪支也属于枪支一类。因为水弹也可以用钢珠替代，所以警察会将水弹更换成钢珠弹来定义。</t>
  </si>
  <si>
    <t>淋巴瘤能治好吗</t>
  </si>
  <si>
    <t>早期能。</t>
  </si>
  <si>
    <t>地砖上墙好不好</t>
  </si>
  <si>
    <t>地砖不建议作为墙砖来使用，因为地砖上墙弊端多。</t>
  </si>
  <si>
    <t>由此可见，地砖上墙，在技术层面上完全可以达到，只是需要严格注意施工过程中的工艺流程和施工方法。如果在铺装的时候偷工减料，时间长了就容易造成空鼓，甚至砖面脱落，沉重的地砖从墙面掉下，是很大的安全隐患。因此我建议，如果您有把地砖上墙的计划，那么在施工时一定要亲临现场，把控工程质量，做好铜丝预埋保险，这样在今后的使用过程中才能放心。</t>
  </si>
  <si>
    <t>买车位可以贷款吗</t>
  </si>
  <si>
    <t>隔音吊顶能隔绝脚步吗</t>
  </si>
  <si>
    <t>吊顶的隔音效果一般，隔音吊顶的隔音效果是相对的，不可能安装隔音吊顶后就完全隔绝声音。</t>
  </si>
  <si>
    <t>万协云商牛buy靠谱吗</t>
  </si>
  <si>
    <t>公积金可以异地贷款买房吗</t>
  </si>
  <si>
    <t>可以的，这种情况属于异地公积金贷款。</t>
  </si>
  <si>
    <t>公积金只要符合一定的条件的话可以在异地贷款买房。</t>
  </si>
  <si>
    <t>天谕好玩吗</t>
  </si>
  <si>
    <t>不好玩，给你几点理由：1无缝大地图，别看说的那么好听，平日里95%以上的玩家只能在大地图里打打怪、跑跑路做循环任务，做到吐血，根本不能在大地图里打人，2网游满级和装备齐全了是迟早的事情，并不能靠开发新装备系统、新人物修炼、新等级段来挽留玩家，然而天谕不断的更新新战力系统，天启。护符、职业精修，满级了就能PVP，想得美，无限坑死你。3天谕你上线后，去大地图随便偷个人头数，公会会长分分钟把你踢出公会，说影响本公会声誉，不好吸收新人。</t>
  </si>
  <si>
    <t>日本可以用支付宝吗</t>
  </si>
  <si>
    <t>目前，支付宝在日本已经接入了近4000家商户。</t>
  </si>
  <si>
    <t>红色男爵 库奇有特效吗</t>
  </si>
  <si>
    <t>木有。</t>
  </si>
  <si>
    <t>全民k歌直播能赚钱吗</t>
  </si>
  <si>
    <t>在直播平台有名气了就能挣钱。</t>
  </si>
  <si>
    <t>高中学历网上能查到吗</t>
  </si>
  <si>
    <t>北海房价还会升值吗</t>
  </si>
  <si>
    <t>现在北海的万达广场新开张不久，还有个投资20亿的主题公园要建，未来北海放假肯定会升值，作为一个海滨城市，冬暖，夏天虽炎热，但风很大，不像其他城市那般燥热，适合旅游，过冬，未来北海会越来越好。</t>
  </si>
  <si>
    <t>西藏路开通，交通更方便。为在七中、北海职业学院上学的学生同提供方便。交通可以说是房子升值速度快的重要因素。</t>
  </si>
  <si>
    <t>上海地铁三日票划算吗</t>
  </si>
  <si>
    <t>没多大优惠，如果一天玩几个景点，平均地铁票价是4-6元，一天超过3次地铁的话还是建议买三日票，不超过的话就没必要了。具体看行程安排，因为3日游，一般都是挨着近的地方一起，所以不是特别需要换乘，转乘，如果要坐很多次就推荐买下。</t>
  </si>
  <si>
    <t>奥克兰理工大学很差吗</t>
  </si>
  <si>
    <t>不差。</t>
  </si>
  <si>
    <t>财富中国是不是传销</t>
  </si>
  <si>
    <t>不是，是一个全国性的公司。</t>
  </si>
  <si>
    <t>114114114114dns安全吗</t>
  </si>
  <si>
    <t>单纯使用的话，比较靠谱。</t>
  </si>
  <si>
    <t>有阴部剃毛的吗</t>
  </si>
  <si>
    <t>cpucores有用吗</t>
  </si>
  <si>
    <t>梦蓝全自动挂机 是真的吗</t>
  </si>
  <si>
    <t>本来就是骗人的，绑定支付宝的时候会叫打一毛钱，实际上是把余额全转出去了。</t>
  </si>
  <si>
    <t>这个是真的，可以具体操作，用过天龙八部挂机。</t>
  </si>
  <si>
    <t>医保跨省能报销吗</t>
  </si>
  <si>
    <t>全国30省份1563家医院实现医保跨省报销。</t>
  </si>
  <si>
    <t>可以跨省报销，异地办理医疗报销的流程：1.在住院前或住院后3日内打老家新农合咨询电话对住院就医情况进行登记备案；2.出院后必须在居住所在地由街道办事处或居委会出具一份居住证明，如果是在外务工，需有务工单位出具务工证明；3.出院后持病历复印件、汇总明细单、住院收费票据、出院证明，再拿着患者身份证、合作医疗证及居住或务工证明回参合所在地报销；4.如果是从参合所在地直接到省外住院化疗，必须在走之前办理转诊转院手续，然后才可去外地住院治疗；5.省外报销的比例最低，一般起付线2000左右，报销比例为合理费用的45%，花的少的话，很难报销几个钱的，医院级别越低，报销比例越高。</t>
  </si>
  <si>
    <t>1.不可以，在哪里交的保险在哪里报销。2.如果没有办理长期驻外或异地安置的话，很遗憾这个费用是报销不了的。</t>
  </si>
  <si>
    <t>pdf可以编辑吗</t>
  </si>
  <si>
    <t>只要将pdf以Adobe acrobat工具打开，进行编辑即可。</t>
  </si>
  <si>
    <t>应用体验师靠谱吗</t>
  </si>
  <si>
    <t>应用体验师是个骗局！</t>
  </si>
  <si>
    <t>54青年节放假吗</t>
  </si>
  <si>
    <t>10a转16a插座安全吗</t>
  </si>
  <si>
    <t>16A的漏电开关可以取代10A的,但是可能会烧坏额定电流小于10A的电器产品。所以安全性是很不好的。</t>
  </si>
  <si>
    <t>鹿晗有喜欢的人吗</t>
  </si>
  <si>
    <t>魏千雅。</t>
  </si>
  <si>
    <t>迪丽热巴。</t>
  </si>
  <si>
    <t>fgo南丁格尔好用吗</t>
  </si>
  <si>
    <t>听说很垃圾。</t>
  </si>
  <si>
    <t>算好用的。</t>
  </si>
  <si>
    <t>很难用。</t>
  </si>
  <si>
    <t>8g内存和16g内存差距大吗</t>
  </si>
  <si>
    <t>1、肯定有区别，16G相对8G有更大的程序运行空间，但是，要看使用率，如果平时只用于简单的办公或者运行很少的程序，那么8G和16G本质上没有太大的差别。如果进行视频处理、大型设计等工作时16G的内存肯定会更效率。</t>
  </si>
  <si>
    <t>交行临时额度好不好</t>
  </si>
  <si>
    <t>1.临时提额都是有有效期的，超过期限，银行就会将卡片自动恢复到原有额度，可向对应客服人员问清楚。2.还款的时候，临时提额之后超出固定额度的部分，不能享受最低还款待遇。3.申请临时提额之后的消费，是无法办理账单分期的。</t>
  </si>
  <si>
    <t>如果确实需要的话，可以使用，如果不需要，那么没有多大意义，有效期也只有两三个月。</t>
  </si>
  <si>
    <t>北野武与母亲真的吗</t>
  </si>
  <si>
    <t>枇杷可以多吃吗</t>
  </si>
  <si>
    <t>不可食用过量。</t>
  </si>
  <si>
    <t>不宜多食。</t>
  </si>
  <si>
    <t>安图恩炸团了还能打么</t>
  </si>
  <si>
    <t>如果没掉线等40分钟到能拿退票从新打，如果掉线就不行了。</t>
  </si>
  <si>
    <t>炸团了就等攻坚时间结束，然后会退票。退票就可以接着打。</t>
  </si>
  <si>
    <t>可以的，等到攻坚时间结束后会反还门票，可再次购买魔刹石进行额外一次挑战。</t>
  </si>
  <si>
    <t>丰田致享能买吗</t>
  </si>
  <si>
    <t>可以入手的。</t>
  </si>
  <si>
    <t>何炅是同性恋么</t>
  </si>
  <si>
    <t>同性恋也好，结婚也好，何炅都没有公开承认过。真真假假也没人知道。</t>
  </si>
  <si>
    <t>硕士论文查原始数据吗</t>
  </si>
  <si>
    <t>一般不会查。</t>
  </si>
  <si>
    <t>facebook有访客记录吗</t>
  </si>
  <si>
    <t>没有，而且之前Facebook明确表示为了尊重用户隐私，不会做这个功能。</t>
  </si>
  <si>
    <t>FB没有访客的记录，如果是专页的话，可以看到多少人看了某个帖子。</t>
  </si>
  <si>
    <t>不能查看访客记录的哦。</t>
  </si>
  <si>
    <t>深圳前海艾艾贴靠谱吗</t>
  </si>
  <si>
    <t>一，深圳前海艾艾贴主治：对鼻炎、伤风感冒、咳嗽气喘、胃炎、上吐下泻、关节疼痛、腰膝酸软、心腹冷痛、眩晕心悸、失眠多梦、疲劳健忘、视力减退、手脚冰冷、月经不调、宫寒不孕、痛经闭经、肾虚气滞、等症状有独到功效。</t>
  </si>
  <si>
    <t>艾艾贴研发过程中，结合了中华传统中医艾灸温灸理论、经络理论和现代科技，使之操作简便、安全可靠。</t>
  </si>
  <si>
    <t>身份证拍照给别人有危险吗</t>
  </si>
  <si>
    <t>如果只是正面的话，有可能会被别人用来注册一些账号，不会出现太大问题。但如果是身份证正反面，就有一定问题，别人可以打印出来，有了身份证正反面复印件，可以办理一些业务，比如手机业务等等。如果出现了当事人不知情的业务，或事项，可以报警解决，警方会进行调查。</t>
  </si>
  <si>
    <t>1、身份证是需要经常出示的证件，但要查询，只有公安部门查询2、正面拍照了，在政府部门肯定不能作为凭证和证据使用，现在的复印件都需要亲笔签名呢。3、别有用心的人，有可能利用你的信息对你亲人进行诈骗，这个还是有一定的危险的。</t>
  </si>
  <si>
    <t>38度算发烧吗</t>
  </si>
  <si>
    <t>超出37℃算发烧。</t>
  </si>
  <si>
    <t>当然。</t>
  </si>
  <si>
    <t>葵司有没有步兵番</t>
  </si>
  <si>
    <t>有的，葵司番号作品封面,葵つかさ步兵番号ed2k持续更新中。</t>
  </si>
  <si>
    <t>梦幻互通版要点卡吗</t>
  </si>
  <si>
    <t>1.玩家等级≤10级，不收费。2.玩家等级≥10级，梦幻西游互通版就要点卡了，点卡收费的标准和电脑版是一样的，每小时6点，每点相当于0.1元人民币，所以1小时是6毛钱。3.互通版是离线扣点的，玩家不需要担心游戏中途被强制下线，但是在离线时有可能玩家点数不足，造成欠费，之后若要继续游戏，必须补足所欠的点数。</t>
  </si>
  <si>
    <t>俄罗斯自由行难度大吗</t>
  </si>
  <si>
    <t>假如会一点俄语的话没难度。</t>
  </si>
  <si>
    <t>并没有想象中那么难。</t>
  </si>
  <si>
    <t>bcoder ss好用吗</t>
  </si>
  <si>
    <t>iphone6玩王者荣耀卡吗</t>
  </si>
  <si>
    <t>苹果6玩王者荣耀有时候会出现不流畅和卡顿现象，而且发热耗电严重，排除网络问题，原因有多方面。1.手机用久了，硬件老化。2.应用装多了，内存不足。3.手机的系统版本和王者荣耀存在部分兼容问题。</t>
  </si>
  <si>
    <t>玩王者荣耀在iPhone6上表现不俗、运行稳定、画质好。</t>
  </si>
  <si>
    <t>系统版本不超过iOS10就不卡顿。</t>
  </si>
  <si>
    <t>花鸟卷治疗能暴击吗</t>
  </si>
  <si>
    <t>奶吃暴击的。不过争花鸟不需要，如果你是打先手或者打本的树妖花妖，可以堆满暴击。</t>
  </si>
  <si>
    <t>花鸟卷技能不可以引发暴击，玩家得到它，可以好好作为一个奶妈去培。</t>
  </si>
  <si>
    <t>配偶的奶奶去世有丧假吗</t>
  </si>
  <si>
    <t>没有的，只有直属关系即父母、子女和配偶，才有丧假的。</t>
  </si>
  <si>
    <t>塑料袋可以放微波炉吗</t>
  </si>
  <si>
    <t>不可以，因为在加热的同时塑料会产生有毒物质。</t>
  </si>
  <si>
    <t>相亲后要不要天天联系</t>
  </si>
  <si>
    <t>建议多联系。</t>
  </si>
  <si>
    <t>不要，要留一定的时间给对方思念。</t>
  </si>
  <si>
    <t>d女郎缩阴真的有用吗</t>
  </si>
  <si>
    <t>有一定的作用，但是明显程度还是因人而异的，建议您多进行提肛运动，深蹲运动，这样才可以起到缩阴的作用的。</t>
  </si>
  <si>
    <t>D女郎是一款集消炎、杀菌，修复、紧致阴道的女性私处保养品，都是名贵中药萃取没有任何副作用，并可长期使用。</t>
  </si>
  <si>
    <t>男生第一次会疼吗</t>
  </si>
  <si>
    <t>会的，但是相较于女人的疼，男人的疼是可以忽略的。</t>
  </si>
  <si>
    <t>男生当然不会痛。是舒服的事情。</t>
  </si>
  <si>
    <t>乌克兰女人好娶吗</t>
  </si>
  <si>
    <t>首先，语言基础。如果有机会的话找一个会说中文的乌克兰姑娘也是很不错的。其次，经济基础。应该这么说，重点不是娶乌克兰姑娘要花多少钱，而是娶一个什么样的乌克兰姑娘才是最重要的。恋爱阶段，乌克兰的年轻女孩儿，正常来说开销很小。结婚阶段，没有要求事先拍婚纱照这一说，婚纱照片是在婚礼当天拍摄的，其次，婚礼要求也很简单，有能力有经济实力的可以大办，没有的可以简单点办。</t>
  </si>
  <si>
    <t>小米note2怎么样好不好</t>
  </si>
  <si>
    <t>note2的屏幕舒适感还没有 note 好，还有晚上亮度太高。</t>
  </si>
  <si>
    <t>屏幕看起来不错，摄像头很失望。</t>
  </si>
  <si>
    <t>2799这个价格说实在话不算贵，至少比 s7强。就是分辨率才381dpi，诚意太低了。电池续航力应该是很好的。不是2K 屏幕还有这个电池量，玩一天的手机是基本没问题了。这个配置的确是超快的手机，跑分达到15W 以上是没问题的，期待真机表现。手机重量也是很合适的。电池那么大才166克，镜头还能不突出，表现很可以了 ，满意：外观，配置，电池，漫游。不满意：可选颜色少，分辨率低，饥饿营销，稍微有点山寨。</t>
  </si>
  <si>
    <t>殷秀梅有孩子吗</t>
  </si>
  <si>
    <t>肯定有。</t>
  </si>
  <si>
    <t>党组成员是领导职务吗</t>
  </si>
  <si>
    <t>ps4能玩ps2的游戏吗</t>
  </si>
  <si>
    <t>不能玩。</t>
  </si>
  <si>
    <t>不能的，ps4目前是不兼容ps3和ps2的。除非官方出一个向下模拟兼容的功能。</t>
  </si>
  <si>
    <t>成都中科甲状腺病医院好不好</t>
  </si>
  <si>
    <t>成都中科甲状腺病医院，是全国甲状腺重点临床科研、教学基地，医院全心致力于甲状腺疾病的临床研究和治疗，且是西南地区唯一一家甲状腺专科医院。具有先进的设备、技术，以及强大的医疗团队的同时，还具有优质的服务体系，所以得到了广大患者的认可。</t>
  </si>
  <si>
    <t>成都中科甲状腺病医院独树一帜的专业特色在第一时间满足患者多元化的需求，真正做到“专业、专研、专病、专治”。“科氏靶向介入疗法”采用局部靶向介入治疗快速有效治疗甲亢、甲减、桥本氏病，改变使用碘-131和药物治疗甲状腺疾病给患者带来的肝肾功能损害等弊端。而“微波消融技术” 是在超声引导下的超微创手术，能彻底发现、消除微小病灶，使甲状腺病变组织完全消融，改变了传统手术需要开刀且不易完全切除病变组织的劣势。</t>
  </si>
  <si>
    <t>孕妇可以吃牛肉吗</t>
  </si>
  <si>
    <t>孕妇是可以适量食用牛肉的，对身体有益无害。</t>
  </si>
  <si>
    <t>孕期适当吃牛肉，对妈妈和宝宝还有不少的好处。</t>
  </si>
  <si>
    <t>皇家猫粮真的很差吗</t>
  </si>
  <si>
    <t>不差，就是油大点。</t>
  </si>
  <si>
    <t>边充电边玩手机对电池有影响吗</t>
  </si>
  <si>
    <t>对电池有损害，长期下去，电池会加快老化，可能出现的结果：充电慢、电很快用完的情况。</t>
  </si>
  <si>
    <t>安全期会怀孕吗</t>
  </si>
  <si>
    <t>安全期也是有可能怀孕的，安全期避孕并不都安全，是不值得提倡的。</t>
  </si>
  <si>
    <t>安全期并非绝对安全，有时候排卵会提前，或者延后，是有怀孕的可能的。</t>
  </si>
  <si>
    <t>安全期也不是百分百安全。</t>
  </si>
  <si>
    <t>膝盖理疗仪有用吗</t>
  </si>
  <si>
    <t>理疗仪治疗效果不错。</t>
  </si>
  <si>
    <t>小米6可以扩展内存吗</t>
  </si>
  <si>
    <t>小米6采用了双Nano SIM卡槽的设计，但不支持Micro SD卡扩展。此外，支持双卡双待全网通网络制式。也就说不支持TF卡扩展。</t>
  </si>
  <si>
    <t>小米6不支持存储卡</t>
  </si>
  <si>
    <t>不可以扩展内存卡。</t>
  </si>
  <si>
    <t>光大永明人寿可靠吗</t>
  </si>
  <si>
    <t>是正规的保险公司，肯定是靠谱的，但对于用户来讲，选择一个合适的、性价比高的产品才是重点，每一家公司都有自己的优势产品，选择的时候取长补短能让客户获得最大的价值。</t>
  </si>
  <si>
    <t>所说的“光大永明”，这家保险公司可能还在小区域内，保险平台不普遍，所以小规模公司收取保费相对比大规模公司要高，产品也没大规模公司产品好。</t>
  </si>
  <si>
    <t>酸奶过期了还能喝吗</t>
  </si>
  <si>
    <t>过期了只会发酵的更厉害而已，所以喝了也没关系。</t>
  </si>
  <si>
    <t>如果说酸奶只是过期1-2天还是可以尝试着喝的，但过期很多天的话最好不要饮用。</t>
  </si>
  <si>
    <t>约哦直播大秀是骗局吗?</t>
  </si>
  <si>
    <t>进去后都打不开的，是骗子软件。</t>
  </si>
  <si>
    <t>听说直播都是录像，可能是真的，建议你去试试看。</t>
  </si>
  <si>
    <t>孙连城是好人吗</t>
  </si>
  <si>
    <t>懒政官员的代表。不犯事，也不干事.</t>
  </si>
  <si>
    <t>孙连城虽然有苦衷，但是在《人民的名义》中肯定不是一个好官.</t>
  </si>
  <si>
    <t>2017菲律宾旅游危险吗</t>
  </si>
  <si>
    <t>放心的来，菲律宾整体治安还是很安全的，尤其旅游景点。</t>
  </si>
  <si>
    <t>绿萝能晒太阳吗</t>
  </si>
  <si>
    <t>绿萝可以晒太阳。</t>
  </si>
  <si>
    <t>移动卡可以异地补卡吗</t>
  </si>
  <si>
    <t>移动可以在异地补卡。</t>
  </si>
  <si>
    <t>java uuid 会重复吗</t>
  </si>
  <si>
    <t>UUID(Universally Unique Identifier)全局唯一标识符,是指在一台机器上生成的数字，它保证对在同一时空中的所有机器都是唯一的。按照开放软件基金会(OSF)制定的标准计算，用到了以太网卡地址、纳秒级时间、芯片ID码和许多可能的数字。由以下几部分的组合：当前日期和时间(UUID的第一个部分与时间有关，如果你在生成一个UUID之后，过几秒又生成一个UUID，则第一个部分不同，其余相同)，时钟序列，全局唯一的IEEE机器识别号（如果有网卡，从网卡获得，没有网卡以其他方式获得），UUID的唯一缺陷在于生成的结果串会比较长。</t>
  </si>
  <si>
    <t>java对象的散列码hashcode，有32位，有40亿的空间。“永远不会重复”，没有说永远，好的散列函数在尽可能大的空间不重复。个人认为：1、可能重复，但重复后应该有处理机制。不担心重复。2、在对象达到相当多的时候（比如10亿个），重复的几率才会变大。但实际使用上实时超过十万个对象的情况都不多。即很难重复。</t>
  </si>
  <si>
    <t>UUID 是指在一台机器上生成的数字，它保证对在同一时空中的所有机器都是唯一的。通常平台会提供生成的API。按照开放软件基金会(OSF)制定的标准计算，用到了以太网卡地址、纳秒级时间、芯片ID码和许多可能的数字。UUID由以下几部分的组合：（1）当前日期和时间，UUID的第一个部分与时间有关，如果你在生成一个UUID之后，过几秒又生成一个UUID，则第一个部分不同，其余相同。（2）时钟序列（3）全局唯一的IEEE机器识别号，如果有网卡，从网卡MAC地址获得，没有网卡以其他方式获得。</t>
  </si>
  <si>
    <t>新疆自驾游安全吗</t>
  </si>
  <si>
    <t>很安全，治安很好。</t>
  </si>
  <si>
    <t>国药网卖的药是真的吗</t>
  </si>
  <si>
    <t>怀孕26周s/d1.7是否正常</t>
  </si>
  <si>
    <t>这个数据应该是正常的。</t>
  </si>
  <si>
    <t>巴博萨死了吗</t>
  </si>
  <si>
    <t>在《加勒比海盗5》中，死了。</t>
  </si>
  <si>
    <t>不思议迷宫天空副本值得反复刷吗</t>
  </si>
  <si>
    <t>刷不刷天空副本，得看版本更新的时候，有没有加入新东西进来，如果有好东西，还是值得大家去刷的。</t>
  </si>
  <si>
    <t>除了获得微量古遗迹碎片+提升练习过该本熟练度+消耗过量萝卜。其他的并没有什么亮点。</t>
  </si>
  <si>
    <t>子弹能打到水里的人吗</t>
  </si>
  <si>
    <t>子弹在水中射程大约是2-3米，而且弹道也会改变，所以说人潜下水中2-3米子弹是伤不到人的。</t>
  </si>
  <si>
    <t>1.能；2.常规的子弹打到水里动能会迅速降低，威力也会大打折扣，这与子弹的口径型号和入水前的速度都有关系。</t>
  </si>
  <si>
    <t>xin域名会不会废了</t>
  </si>
  <si>
    <t>域名不会作废，但是可以拥有者可以换。</t>
  </si>
  <si>
    <t>早上洗澡好吗</t>
  </si>
  <si>
    <t>人体生理学以及身体健康方面出发，早上洗澡是很不好的。</t>
  </si>
  <si>
    <t>早上洗澡是个好习惯，早上洗澡确实有助于促使血液循环更加旺盛并且清洁的感觉和浴液的芬芳本身就可以调整心情，使精神更加饱满。早上起来洗澡可以把晚上新陈代谢的垃圾清除，会觉得很舒服的。</t>
  </si>
  <si>
    <t>早晨起床洗澡，如遇水温不当，易患感冒。</t>
  </si>
  <si>
    <t>差旅补助是否缴纳个税</t>
  </si>
  <si>
    <t>不用交个人所得税。</t>
  </si>
  <si>
    <t>阎崇年还在歌颂清朝吗</t>
  </si>
  <si>
    <t>人家讲的是清朝前期，和后期没关系，何来歌颂。狭隘的心胸看历史，也只会看自己想看的，跟没看一样。</t>
  </si>
  <si>
    <t>孕妇能吃西瓜吗?</t>
  </si>
  <si>
    <t>孕妇可以时常吃些西瓜，但是为了未来宝宝的健康，一定要控制食量。</t>
  </si>
  <si>
    <t>可以吃的，不会有问题，一般孕妇就是应该多吃点蔬菜水果的。</t>
  </si>
  <si>
    <t>怀孕可以吃西瓜，不过西瓜是凉性的，不要一次吃太多。</t>
  </si>
  <si>
    <t>仙侠传可以自动打怪吗</t>
  </si>
  <si>
    <t>支付宝余额宝转到银行卡收手续费吗</t>
  </si>
  <si>
    <t>余额宝转出到支付宝余额和转出到银行卡，不收费。同一身份名下的所有实名用户每人终身享有2万元基础免费额度（含提现、转账到银行卡），电脑端、客户端共用额度。超过额度按照0.1%收取服务费，最低0.1元。</t>
  </si>
  <si>
    <t>支付宝提现也将收费：每人累计2万元免费提。</t>
  </si>
  <si>
    <t>公章没有编码有效吗</t>
  </si>
  <si>
    <t>公章有很多类型，只要公章不是伪造，肯定有效。</t>
  </si>
  <si>
    <t>樱桃里面有虫能吃吗</t>
  </si>
  <si>
    <t>这是一种名为“樱桃果蝇”的昆虫幼虫，只在水果上活动，幼虫从出生到成长，都在无污染环境中，很少带病菌。因此，这种虫子对人体是没有害处的，哪怕这些幼虫被人们吃到肚子里，进入人体后不会成为寄生虫，而是被胃酸杀死直接消化掉，变成蛋白质被人体消化吸收，有益健康。</t>
  </si>
  <si>
    <t>企业微信考勤能作弊吗</t>
  </si>
  <si>
    <t>不可以，微信企业号的打卡签到会自动定位到一个范围，不能手动定位到这个范围外的地点，而且企业号是绑定手机号的，即使是让同事帮忙登陆签到也不可以，因此微信企业号能有效防止作弊签到。</t>
  </si>
  <si>
    <t>可以的，首先可以任意修改签到的位置然后如果需要现场拍照的话也可以在手机里轻松实现的，一键上传相册里的照片，方便简单，关键是稳定。</t>
  </si>
  <si>
    <t>镇魔曲安卓和ios可以一起玩吗</t>
  </si>
  <si>
    <t>镇魔曲手游ios和安卓是不能一起玩的。</t>
  </si>
  <si>
    <t>就目前的情况来看是不互通的，首先安卓和苹果版开服时间就不一样，亲自测试了确实不能。不过也不排除后续会开互通的服。</t>
  </si>
  <si>
    <t>工信部投诉移动有用吗</t>
  </si>
  <si>
    <t>1. 首先打10086向客服描述问题，对方一般会受理并在48小时内给你答复。2. 如果客服答复不能解决你的问题，而你觉得是受到移动的不公平对待则可以到工信部投诉。也无须跟客服提前说要投诉到工信部云云，他们不帮你处理，你就在工信部的投诉说明里注明工号等等，届时移动接到工信部的问询就会正视你的问题。</t>
  </si>
  <si>
    <t>在网上留下你的真实信息，联系电话，把你遇到的问题详细描述清楚，并注明哪天与哪个工号客服联系要求解决问题，后来处理的结果等，如果你有任何的证据，例如清单，短信等的也可以在这里注明。记得所有的描述都要按事实不要夸大，因为你与客服的对话有录音可以查证的。然后就是等待，工信部在收到你的投诉后的1-3天内会致电与你联系并询问情况，所以要留意一下北京区号的来电。3. 在工信部向移动问询后，你的投诉个案一般都会升级到客户经理处，之后移动的客户经理会与你联系，此时你再提出对解决问题的要求等等，因为是受到工信部的监督，所以移动不会玩什么花样，在你的要求不太过分的前提下问题应该有望得到解决。</t>
  </si>
  <si>
    <t>星露谷物语同性可以结婚吗</t>
  </si>
  <si>
    <t>星露谷物语里同性是可以结婚的。</t>
  </si>
  <si>
    <t>淘宝能用微信支付吗</t>
  </si>
  <si>
    <t>淘宝上没有微信钱包这一种支付方式。</t>
  </si>
  <si>
    <t>腾讯与淘宝网是两个不同的公司，无法直接用微信的零钱购买淘宝物品。</t>
  </si>
  <si>
    <t>昂科威1.5t动力够吗</t>
  </si>
  <si>
    <t>动力可以，家用足够。</t>
  </si>
  <si>
    <t>动力一般。看怎么用，城里代步，跑跑高速完全够用。</t>
  </si>
  <si>
    <t>在市区跑动力肯定是不够的，因为需要频繁起步加速。如果在高速跑还马马虎虎。</t>
  </si>
  <si>
    <t>桃子与西瓜一起吃会中毒吗</t>
  </si>
  <si>
    <t>借贷宝不还钱会坐牢吗</t>
  </si>
  <si>
    <t>超过九十天，会上央行征信，跟信用卡一样，到一定的程度，会被起诉，严重者还要坐牢，处2万至20万之间罚款。</t>
  </si>
  <si>
    <t>全球购有假货吗</t>
  </si>
  <si>
    <t>没有买到过假货。</t>
  </si>
  <si>
    <t>十宗罪6出了吗</t>
  </si>
  <si>
    <t>买车全返通是真的吗</t>
  </si>
  <si>
    <t>老虎证券炒美股合法吗</t>
  </si>
  <si>
    <t>老虎证券是国内兴起的美股券商，是受美国证监会管理的，就是美股券商所以肯定可以交易美股，资金托管是交给美国花旗银行的。法无禁止即可炒，只是换汇各位恐怕要想一番办法了。</t>
  </si>
  <si>
    <t>老虎证券的创业团队拥有多年的金融市场及互联网经验，主要团队成员来自腾讯，百度，阿里，网易，摩根士丹利，国信证券，国家开发银行，汤森路透等互联网及金融机构。老虎证券拥有小米科技、景林投资、真格基金、华兴资本旗下险峰华兴、美团王兴，智明星通唐彬森等多家知名投资机构和个人的投资。所以安全性是很高的。虽然上面的不鼓励投资美股，但也没有法律风险。</t>
  </si>
  <si>
    <t>端午节不能说快乐</t>
  </si>
  <si>
    <t>端午节是农历五月初五，既是一个祭祀的日子，也是犯禁忌的日子，更是一个悲壮的日子。所以不是所有节日都是可以互祝快乐，如清明节和端午节，只能互送“安康”。</t>
  </si>
  <si>
    <t>客观上讲，端午节的源流确有悲壮的因素，不说“快乐”说“安康”，不无道理。看上去，它就该跟纪念、忧伤等字眼联系在一起，“互祝快乐”确实显得有些不合时宜。</t>
  </si>
  <si>
    <t>端午节的来历跟屈原分不开，作为一个悲壮的祭日，确实有着特殊的意义。长期以来，端午节都是在一种严肃而庄重的状态下而度过的，也由此滋生了很多禁忌性的东西。很多人看来，既然为祭日，显然场面不能太过欢庆，彼此见面道“安康”而不说“快乐”。然而事实却是，按照民俗专家的说法，端午节说“节日快乐”并没有不适合，因为一直以来，端午节都是一个喜庆的节日，说节日快乐跟氛围完全相符。认为不能说“快乐”，恰是认知表面化的体现。</t>
  </si>
  <si>
    <t>廊坊九天休闲谷要拆吗</t>
  </si>
  <si>
    <t>九天还在，被拆除的廊坊九天休闲谷只是位于整个景区北部的一小部分，大约在原景区羽毛球场地以北，其余大部分将予以保留。</t>
  </si>
  <si>
    <t>华夏把地方买下来了，六月份就搬完了，搬到调河头地什里风筝小镇。</t>
  </si>
  <si>
    <t>2017安防资质停办了吗</t>
  </si>
  <si>
    <t>没有停办。</t>
  </si>
  <si>
    <t>淘宝主营类目可以修改吗</t>
  </si>
  <si>
    <t>店铺当前主营目前无法由卖家自行设置，这是淘宝根据店铺内宝贝名称、数量、类别、风格等自动识别而生成的。如果店铺宝贝经常更新，则主营宝贝也会随着识别的结果而进行更新。</t>
  </si>
  <si>
    <t>可以修改，修改对店铺运营不好。</t>
  </si>
  <si>
    <t>一定条件下可以改。</t>
  </si>
  <si>
    <t>电话手表有辐射吗</t>
  </si>
  <si>
    <t>“电话手表的辐射主要来自天线，根据工信部下属权威机构检测报告显示，辐射量为1.14瓦特/千克，远小于国家标准2瓦特/千克。”小天才电话手表产品策划负责人说，“电话手表通话时离头部还有10~15厘米的距离，辐射比手机还小，是安全的。”即使在弱信号条件下，电话手表的辐射较强时，也还是远未达到对人体有害的量。</t>
  </si>
  <si>
    <t>撤诉后能否再起诉</t>
  </si>
  <si>
    <t>民事和行政是有区别的。民事可以起诉，而行政诉讼是不可以的。最高人民法院关于执行《中华人民共和国行政诉讼法》若干问题的解释，第三十六条人民法院裁定准许原告撤诉后，原告以同一事实和理由重新起诉的，人民法院不予受理。准予撤诉的裁定确有错误，原告申请再审的，人民法院应当通过审判监督程序撤销原准予撤诉的裁定，重新对案件进行审理。最高院关于适用《中华人民共和国民事诉讼法》若干问题的意见：144、当事人撤诉或人民法院按撤诉处理后，当事人以同一诉讼请求再次起诉的，人民法院应予受理。原告撤诉或者按撤诉处理的离婚案件，没有新情况、新理由，六个月内又起诉的，可比照民事诉讼法第一百一十一条第（七）项的规定不予受理。</t>
  </si>
  <si>
    <t>云服务器就是主机么</t>
  </si>
  <si>
    <t>云服务器的业内名称其实叫做计算单元。所谓计算单元，就是说这个服务器只能算是一个人的大脑，相当于普通电脑的CPU，里面的资源都是有限的。要获得更好的性能，解决办法一是升级云服务器，二是将其它耗费计算单元资源的软件部署在对应的云服务上。云主机是云计算在基础设施应用上的重要组成部分，位于云计算产业链金字塔底层，产品源自云计算平台。</t>
  </si>
  <si>
    <t>花呗可以在超市付款吗</t>
  </si>
  <si>
    <t>可以的，在手机支付宝的设置里，把花呗列为付款顺序的第一位就行了。</t>
  </si>
  <si>
    <t>蚂蚁花呗就是支付宝的一个支付渠道（支付宝有多个支付渠道）。不管是什么实体店铺，凡是支持支付宝的，都支持蚂蚁花呗；同样的，凡是不支持支付宝的，也肯定不支持蚂蚁花呗。</t>
  </si>
  <si>
    <t>婚检和领证是同一天吗</t>
  </si>
  <si>
    <t>一般是在领证之前。</t>
  </si>
  <si>
    <t>奶粉可以做酸奶吗</t>
  </si>
  <si>
    <t>奶粉可以做酸奶。</t>
  </si>
  <si>
    <t>掠食 好玩吗</t>
  </si>
  <si>
    <t>这是一款优秀新颖的游戏，而且还有不错的背景设定和极高的重复可玩性，令人惊艳，掠食凭借有趣的玩法以及非常不错的优化受到了不错的反响。</t>
  </si>
  <si>
    <t>惊奇、惊艳、惊悚，这是评价Prey这部游戏的三个词，无论是游戏本身的高素质还是B社在汉化方面的用心，都值得中文玩家去尝试、去感受。</t>
  </si>
  <si>
    <t>删了，画风不喜欢，这是次要，最主要的是门卡设定，要是喜欢收集解密类的可以试试。</t>
  </si>
  <si>
    <t>王者荣耀可以删除角色吗</t>
  </si>
  <si>
    <t>飞机上能带充电宝吗</t>
  </si>
  <si>
    <t>额定能量在100Wh以内的充电宝可以带上飞机，额定能量在100Wh到160Wh直接的充电宝，需要经过航空公司的同意才能带上飞机。最多能带2个充电宝上飞机，而额定能量不能大于100Wh，也就是说，旅客们最多可以携带2个充电宝上飞机，而且总容量不超过20000毫安。三无充电宝不能带上飞机。</t>
  </si>
  <si>
    <t>ufc2有pc版吗</t>
  </si>
  <si>
    <t>保险公司会倒闭吗</t>
  </si>
  <si>
    <t>严格意义上说保险公司是会由于经营不善允许倒闭的，就同现在的银行一样。但是中国现在还没有过倒闭的例子。</t>
  </si>
  <si>
    <t>隔夜柠檬水能不能喝</t>
  </si>
  <si>
    <t>前提是在适宜的温度下是可以的，如果在冰箱中保存过夜，是没有问题的。如果保存时温度高于25度过夜，就不能喝。</t>
  </si>
  <si>
    <t>微粒贷上征信吗</t>
  </si>
  <si>
    <t>是一定会上征信的。</t>
  </si>
  <si>
    <t>windows esd安装文件可以删除吗</t>
  </si>
  <si>
    <t>win10中windows-esd文件夹是，升级WIN10时生成的临时文件夹。只要是升级成功了。就可以删除。</t>
  </si>
  <si>
    <t>不可以，别乱动C盘，否则会出现问题的。</t>
  </si>
  <si>
    <t>悦美网上玻尿酸是真的吗</t>
  </si>
  <si>
    <t>悦美整形的特价玻尿酸也是为了拉客源，自己能买到正品的货，找医院的医生打是更合算的，所以说悦美整形的玻尿酸还算靠谱。</t>
  </si>
  <si>
    <t>都是一些商家入住的，她们自己不做整形，具体看你去哪个机构了。</t>
  </si>
  <si>
    <t>金基范跟成员还联系吗</t>
  </si>
  <si>
    <t>关系不是很好。</t>
  </si>
  <si>
    <t>关系都不错的。</t>
  </si>
  <si>
    <t>海伦凯勒结婚了吗</t>
  </si>
  <si>
    <t>海伦凯勒一生都没有结婚，只是谈过一次恋爱。</t>
  </si>
  <si>
    <t>复方甘草酸苷片副作用大吗</t>
  </si>
  <si>
    <t>可以出现低血钾症、血压上升、钠及液体潴留、浮肿、尿量减少、体重增加等假性醛固酮增多症状，因此在用药过程中，要充分注意观察(血清钾值等)，发现异常情况，应停止给药。另外，还可出现脱力感、肌力低下、肌肉痛、四肢痉挛、麻痹等横纹肌溶解症的症状，在发现CK(CPK)升高，血、尿中肌红蛋白升高时应停药并给与适当的处置。</t>
  </si>
  <si>
    <t>虽然复方甘草酸苷也具有一些副作用，但本着两利相权取其重、两害相权取其轻的原则，还是可以长期口服的。</t>
  </si>
  <si>
    <t>可以出现低血钾症、血压上升、钠及液体贮留、浮肿、尿量减少、体重增加等假性醛固酮增多症状，因此在用药过程中，要充分注意观察（血清钾值等），发现异常情况，应停止给药。另外，还可出现脱力感、肌力低下、肌肉痛、四肢痉挛、麻痹等横纹肌溶解症的症状，在发现CK(CPK)升高，血、尿中肌红蛋白升高时应停药并给与适当处置。复方甘草酸苷片是可以引起脱力感的，建议检查一下电解质和血尿常规明确有无异常，并建议暂时停用复方甘草酸苷片观察。</t>
  </si>
  <si>
    <t>ebay开店要钱吗</t>
  </si>
  <si>
    <t>注册eBay是完全免费的，不过开设eBay店铺，每月需支付相应的店铺月租费(视店铺级别而定)，此外还有物品刊登费与成交费。</t>
  </si>
  <si>
    <t>宁波壹加壹美容医院好吗</t>
  </si>
  <si>
    <t>里面的管理都是有整形经验的。</t>
  </si>
  <si>
    <t>paperfree查重靠谱吗</t>
  </si>
  <si>
    <t>PaperFree 首次免费试用，并且还可以在线修改功能，是论文辅助修改的好工具，但是学校又是以 cnki 为准，他们的检测结果会有些差异，定稿到“学术不端网”进行一次 cnki 检测更保险一些。</t>
  </si>
  <si>
    <t>是正规公司运营的的论文检测系统，不会泄露任何人信息的。</t>
  </si>
  <si>
    <t>小黑记事本是病毒么</t>
  </si>
  <si>
    <t>是木马病毒。</t>
  </si>
  <si>
    <t>小黑记事本是一款电脑记事本软件。</t>
  </si>
  <si>
    <t>小黑有病毒。</t>
  </si>
  <si>
    <t>城野医生能当爽肤水吗</t>
  </si>
  <si>
    <t>可以。也可以湿敷。效果更好。</t>
  </si>
  <si>
    <t>可以，当时凉一下，收毛孔效果一般。</t>
  </si>
  <si>
    <t>铺铺旺转店靠谱吗</t>
  </si>
  <si>
    <t>没怎么听过，还是要慎重，不要轻易相信这些。</t>
  </si>
  <si>
    <t>派学车可靠吗?</t>
  </si>
  <si>
    <t>互联网的天然改造基因是派学车成为互联网学车领跑者的一大原因。不全是，找到传统驾校的结症，明确死磕服务的目标，才使得派学车胜在真诚，胜在客户为本，让派学车成为学员眼中最可靠的驾校，秉承学员至上的精神，派学车定然会扬帆远航。</t>
  </si>
  <si>
    <t>作为一家全国连锁的互联网驾培企业，派学车口碑优越、服务贴心。学车收费透明，绝无隐形费用。覆盖全市主要练车场地，有自营的车队和教练团队。而且派学车在创业之初就将服务精神作为公司核心的企业文化，且有一整套的服务质量管理体系。截止到目前，学员的服务体验一直维持在高水准，获得了优秀的口碑，派学车不断被主流媒体作为互联网驾培领域标杆企业而争相报道。</t>
  </si>
  <si>
    <t>教练和服务这块，可以说还是比较可以的。</t>
  </si>
  <si>
    <t>2018宝马x3是不是今年上市</t>
  </si>
  <si>
    <t>2018款全新宝马X3将于2018年3月国产上市。</t>
  </si>
  <si>
    <t>iphone7真的防水吗</t>
  </si>
  <si>
    <t>iPhone7的防水等级达到了IP67标准，可以在1米深的水中最长坚持30分钟，如果超过时间可能会造成永久损伤。</t>
  </si>
  <si>
    <t>iPhone7据目前发布出来的消息是有防水功能的，但是时间久了就不行了。</t>
  </si>
  <si>
    <t>正常人可以吃安宫丸吗</t>
  </si>
  <si>
    <t>最好不要吃。安宫牛黄丸用注意一定是热病，如果是寒证的话，吃了会有生命危险。于热病，邪入心包，高热惊厥，神昏谵语;中风昏迷及脑炎、脑膜炎、中毒性脑病、脑出血、败血症等上述症候者。</t>
  </si>
  <si>
    <t>不可以吃！药都是有副作用的。</t>
  </si>
  <si>
    <t>褐青色斑能去除干净吗</t>
  </si>
  <si>
    <t>可以去干净的。</t>
  </si>
  <si>
    <t>可以，但是需要坚持。</t>
  </si>
  <si>
    <t>肥料涨价了吗</t>
  </si>
  <si>
    <t>2017年多个化肥品种价格呈现大涨势头。</t>
  </si>
  <si>
    <t>胎心监测仪有辐射吗</t>
  </si>
  <si>
    <t>1、胎心仪是应用超声原理达到收集胎儿的心跳信息的目的，并不向外发射任何辐射信号没有任何辐射。</t>
  </si>
  <si>
    <t>兵役登记必须填吗</t>
  </si>
  <si>
    <t>可以不填兵役登记。</t>
  </si>
  <si>
    <t>百度账号必须绑定手机吗</t>
  </si>
  <si>
    <t>对，要实名认证。</t>
  </si>
  <si>
    <t>信用卡未激活收年费吗</t>
  </si>
  <si>
    <t>信用卡不激活是不会收取任何费用的。</t>
  </si>
  <si>
    <t>李成儒有钱吗</t>
  </si>
  <si>
    <t>网商银行可以转账到别人的银行卡吗</t>
  </si>
  <si>
    <t>在网上转账需要开通网银才可以转账，而且开通的不能只是网上查询功能的，还需要有交易、有密保的。</t>
  </si>
  <si>
    <t>只能提现到本人已捆绑的某张银行卡。然后通过手机银行将提现的资金汇入他人的银行卡，不会产生任何手续费的。</t>
  </si>
  <si>
    <t>蛋壳公寓靠谱吗</t>
  </si>
  <si>
    <t>适合薪资稍微高一些的人住，高级白领什么的，或者是那些对住的地方很讲究的人。感觉房子设计的很用心，设计师是花了心思进去的。</t>
  </si>
  <si>
    <t>1:现在在做品牌，盈利的少。2:用料都是好的，油漆都是好的。3:房价在那，针对的客户群体都是高级白领，还有风控，租户间互相投诉。</t>
  </si>
  <si>
    <t>袋鼠妈妈护肤品安全吗</t>
  </si>
  <si>
    <t>马廷强是天生残疾吗</t>
  </si>
  <si>
    <t>据了解马延强是先天跛脚。</t>
  </si>
  <si>
    <t>安迪的弟是亲生的吗</t>
  </si>
  <si>
    <t>安迪的身世之谜慢慢的被解开了，而剧中的安迪有一个弟弟，但是这个弟弟并不是跟她同父同母，而是同母异父的姐弟。</t>
  </si>
  <si>
    <t>安迪是为了找寻亲弟弟而回国的。</t>
  </si>
  <si>
    <t>是同母异父的。</t>
  </si>
  <si>
    <t>桃子不能和西瓜一起吃吗</t>
  </si>
  <si>
    <t>桃子和西瓜虽不是相克食物，但在一起吃并不太好。另外，西瓜和桃子都是甜度极大的水果，一起吃味道也不很好，比较甜腻。</t>
  </si>
  <si>
    <t>一起吃是没有问题的。但注意的是先吃那个水果是要有顺序的，由于桃子脆甜酸、西瓜沙甜口味口感的不同，会影响口感的。</t>
  </si>
  <si>
    <t>王者荣耀可以用手柄吗</t>
  </si>
  <si>
    <t>可以，准备新游手柄，在新游的手柄游戏大厅app（从大厅下载王者荣耀游戏），下载的新游手柄助手安装后就可以用手柄玩了。</t>
  </si>
  <si>
    <t>没驾照能买车吗</t>
  </si>
  <si>
    <t>汽车的车主不需要有驾照，只需要身份证就可以够买了。</t>
  </si>
  <si>
    <t>没有驾照，是可以买车的，但是只有考出驾驶证后，才可以上路行驶。</t>
  </si>
  <si>
    <t>汽车上牌不管你有没有驾驶证。</t>
  </si>
  <si>
    <t>珍爱网相亲可靠吗</t>
  </si>
  <si>
    <t>爱奇艺连续包月 包一个月可以取消么</t>
  </si>
  <si>
    <t>可以取消。登陆自己的爱奇艺账号，然后点击右上角的VIP账户 &gt;02、进入会员后点击“连续包月用户”（和自动续费的功能是一样的） &gt;03、然后会在右侧提示“关闭自动续费”，点击 &gt;04、进入到VIP套餐页面，点击我要取消就行了 &gt;05、点击“仍要取消” &gt;06、取消成功。</t>
  </si>
  <si>
    <t>国家开放大学学历硬吗</t>
  </si>
  <si>
    <t>开放教育学历是国家承认的。只不过因是学历教育的一个新获取方法，社会上认可度不是很高。</t>
  </si>
  <si>
    <t>国家开放大学是成人教育学校，然而文凭没有什么用。</t>
  </si>
  <si>
    <t>国家开放大学，就是常说的电大，主要是网上学习和部分科目的考试，期末参加全国统一组织的电大考试，成绩合格，取得学分，修完规定的学分，就可以毕业了，毕业证国家承认学历，社会认可度高。</t>
  </si>
  <si>
    <t>aecom难进吗</t>
  </si>
  <si>
    <t>Aecom并不难进。</t>
  </si>
  <si>
    <t>强卫是四大金刚吗</t>
  </si>
  <si>
    <t>王凯是同志吗</t>
  </si>
  <si>
    <t>王凯肯定不是gay，王凯在唱吧有账号，播放时插图的照片好多都是和女朋友的合照。</t>
  </si>
  <si>
    <t>感觉王凯不像，阳刚之气很足。看访谈，虽然之前演过丑女无敌的娘娘腔，后来很多类似角色找王凯演， 但王凯都推掉了，为此一年没戏演，不会是GAY</t>
  </si>
  <si>
    <t>王凯就是gay。</t>
  </si>
  <si>
    <t>外科风云杨帆是好人吗</t>
  </si>
  <si>
    <t>在大是大非面前杨帆是绝对的正义的好医生好院长。</t>
  </si>
  <si>
    <t>甲减能彻底治愈吗</t>
  </si>
  <si>
    <t>甲减是能治愈的，但是治愈之后的患者也还是要经常性的服用药物，药物如果一断的话，就容易引起甲减的再次复发，患者在平时的时候要定时的吃药和去医院做好甲状腺检查工作，这样才是对病情有帮助的。</t>
  </si>
  <si>
    <t>一般来说甲减是不能治愈的。</t>
  </si>
  <si>
    <t>扳手腕能说明力气大吗</t>
  </si>
  <si>
    <t>只能说明肱二头肌逼别人发达。力气要分种类的，比如推力和拉力，举力，掷力，等等。</t>
  </si>
  <si>
    <t>不能说明。</t>
  </si>
  <si>
    <t>力气的大小包括很多。比如说：肌肉的发达程度、速度的快慢、扳手腕的情况、以及身体的素质。所以说扳手腕可以说力气大。</t>
  </si>
  <si>
    <t>微信没绑定银行卡可以收红包吗</t>
  </si>
  <si>
    <t>可以收红包的。</t>
  </si>
  <si>
    <t>免打孔置物架靠谱吗</t>
  </si>
  <si>
    <t>车停树下树胶好洗么</t>
  </si>
  <si>
    <t>酒精清洗树胶的能力最强，不论凝固与否，都可以轻易地擦去玻璃表面的树胶。而且擦拭之后并不会留下任何痕迹。擦拭完成大约40秒。但长期使用的话，会对车身上的塑料、橡胶等材质造成损坏，汽车的一些零部件受到侵蚀会变脆。因此，作为洗车的溶剂，建议用洗衣粉等无机试剂，“洗车不能光看清洁的难度，还要从对车体的保护方面考虑。”</t>
  </si>
  <si>
    <t>一、自己用水枪清洗，要泡半个小时左右，然后打上水晶腊，打完腊以后，下次是很容易洗的。二、等着下大雨，一般下过雨后，非常好清洗的。</t>
  </si>
  <si>
    <t>买瓶驱风油滴几滴在那过一会用布或者拿银行卡之类的轻轻刮就可以了。</t>
  </si>
  <si>
    <t>湖北黄冈蕲春很穷吗</t>
  </si>
  <si>
    <t>蕲春县并不穷。</t>
  </si>
  <si>
    <t>鼠妇对人有害吗</t>
  </si>
  <si>
    <t>对人体无害。</t>
  </si>
  <si>
    <t>鼠妇对人没有危害，相反鼠妇还能入药，用于利咽止痛，破瘀利水。用于慢性气管炎，术后疼痛，牙痛，口腔炎，鹅口疮，咽喉肿痛，小便不利，闭经。</t>
  </si>
  <si>
    <t>有传播疾病的可能性。</t>
  </si>
  <si>
    <t>淘抢购急速抢有效果吗</t>
  </si>
  <si>
    <t>基本是看不到效果。</t>
  </si>
  <si>
    <t>档案和户口必须在一起吗</t>
  </si>
  <si>
    <t>不是，户口与档案是分开的，没有规定要放在一起，档案放在哪主要看个人的工作情况来决定，不管怎么来说，档案如果能放在单位或单位所在地是最好，这样不容易丢失，也可以免去找人才中心挂靠的麻烦。1、如果户口在工作地，那档案放在当地人才中心或工作单位，便宜管理。2、如果户口不在工作地也不打算落户在工作地，那档案可选择放在户口地人才中心，这样就不用以后换单位需要转档案，当然不怕麻烦也可放在工作地人才中心或工作单位。如果是大学生的话，要考虑转正定级是否容易办理，如放在单位所在地，则比较容易办理，如户口和单位所在地不同，则需要找户口地的人才心挂靠，办理较为麻烦。</t>
  </si>
  <si>
    <t>迁户口，跟你的档案好像没关系吧，你的档案照样是在你们杭州用人单位那里.迁户口，只要户口迁移证，和你们家的户口本，加上你的毕业证到你们兰州老家公安局办理就行了。如果你跳槽，你辞职，公司有那个辞职证明，就拿辞职证明和你的身份证去办理档案迁出手续，要迁回老家也行，要迁到下一个工作地点也行。从公司迁到另个公司比较难为情，你可以先迁回老家，或者拿到自己手里，等找到下个工作，那就业合同证明，到公司人事部门，或者公司所在城市的人才市场，打个电话咨询看看。</t>
  </si>
  <si>
    <t>可以的，档案和户口可以不在同一个地方，因为有的时候档案容易转但户口难转，特别是北京档案问题公安局是不参与的，负责管理的是人事局或人才市场，所以你只要办一个迁往兰州的户口迁移证，去兰州重新上户，然后去北京区人才市场开一个档案的调函，拿调函去杭州你目前档案所在地开一个报到证，拿报到证再回去北京区人才市场就行了，可以找人代办，但要拿你的身份证复印件。</t>
  </si>
  <si>
    <t>盒子支付套现安全吗</t>
  </si>
  <si>
    <t>安全盒子有银联官网的认证，比较安全。</t>
  </si>
  <si>
    <t>闪电借款安全吗</t>
  </si>
  <si>
    <t>关于法律层面，这个并不好界定，本质上等于用你的信用卡买个东西做抵押，然后你还钱他撤销抵押。</t>
  </si>
  <si>
    <t>新氧app整容靠谱吗</t>
  </si>
  <si>
    <t>新氧这个APP挺靠谱的，很真实。</t>
  </si>
  <si>
    <t>郑爽是不是精神有问题</t>
  </si>
  <si>
    <t>一个天天上热搜榜的当红小花，在舆论风口浪尖伸手向粉丝讨红包，这足够令人尴尬癌秒发的行为，显然已经是其本人出了什么问题，不是经济方面就是精神方面，但后者可能性或许更大些。</t>
  </si>
  <si>
    <t>大家都非常担心郑爽的精神状态，因为看上去的确不太正常。</t>
  </si>
  <si>
    <t>九牛网还能配资吗</t>
  </si>
  <si>
    <t>这个网站多配资是可以，但是真正实惠客户的不多，免息操盘，融1 1收费都挺贵的。</t>
  </si>
  <si>
    <t>河北邮币卡有新消息吗?</t>
  </si>
  <si>
    <t>河北邮币卡平台下属几个会员单位高管及诈骗犯罪嫌疑人大部分已辑捕归案。浙江地区已刑拘批捕两叁百集团诈骗嫌犯，平台被查封，资金被冻结，全国民众拍手称快！希望被骗受害者抓紧向当地公安机关报案，大家必须全力为铲除这个社会毒瘤而快速行动起来！为避免更多善良的百姓被诈骗尽一份力！请全国各地受害者为浙江公安机关、检察院惩恶扬善、伸张正义、除恶安民、积极打击网络金融诈骗犯罪维护金融秩序稳定的利国益民之举点赞！！</t>
  </si>
  <si>
    <t>王者荣耀月卡可以叠加吗</t>
  </si>
  <si>
    <t>如果玩家买了2张月卡，那么有效期是60天。</t>
  </si>
  <si>
    <t>火线和零线接反了有影响吗</t>
  </si>
  <si>
    <t>没有任何影响。</t>
  </si>
  <si>
    <t>对于安全用电来讲，存在隐患的。</t>
  </si>
  <si>
    <t>尚德机构可靠吗</t>
  </si>
  <si>
    <t>是骗子公司，不可靠。</t>
  </si>
  <si>
    <t>洗衣机蓝光杀菌有用吗</t>
  </si>
  <si>
    <t>所谓蓝光就是紫外线，洗衣机使用紫外线杀菌，这个除菌方式是有效的，但是洗衣机死角很多能否达到最佳效果就不能确定了。紫外线长时间照射会损伤皮肤引起炎症，在使用时人体尽量避免接触光照。</t>
  </si>
  <si>
    <t>当有机污染物经过紫外线照射区域时，蓝光穿透生物的细胞膜和细胞核，破坏DNA的分子键，使其失去复制能力或失去活性。因此细胞不能复制，微生物不久就会死亡。内空气消毒机对经过其照射范围内的微生物产生累加的影响，也就是说，对第一次经过蓝光照射区域没有被杀死的微生物，在随后的循环中将会被杀死。蓝光破坏生物的再生能力，这点是非常重要的。因为一个细菌在24小时内会繁殖成百上千甚至上百万细菌，这也意味着即使最有效的空气过滤器也不能完全去除微生物，所以利用蓝光是治本之道。一种微生物被蓝光灭所需要的剂量取决于蓝光强度和照射时间。</t>
  </si>
  <si>
    <t>双绞线是否表示只有两根线?无线传输是否是指没有传输介质?</t>
  </si>
  <si>
    <t>否。双绞线由按规则螺旋结构排列的两根，四根或八根绝缘导线组成的一种传输介质。 否。</t>
  </si>
  <si>
    <t>孕妇拉肚子会影响胎儿吗</t>
  </si>
  <si>
    <t>孕妇拉肚子对宝宝有影响。首先，当孕妇拉肚子时，如果过于频繁，会让体内的水分和电解质，尤其是钾离子大量流失，孕妇会出现脱水情况，同时这也会直接影响到胎儿的营养吸收，从而造成胎儿营养不良。其次，孕妇拉肚子时会促使肠的蠕动加快，还会出现肠痉挛、肠胀气从而刺激子宫收缩，容易引起流产。因此，如果孕妇出现拉肚子的情况，一定要时时注意胎儿的胎动，观察有无流产及早产的迹象，并及时去医院就诊。总的来说，孕妇拉肚子对宝宝健康是有很大威胁的，所以当出现腹泻时，切不可自己盲目服用一些止泻药物，因为大多数的药物都会对胎儿的正常发育造成一定的影响，甚至会造成胎儿畸形。</t>
  </si>
  <si>
    <t>1、拉肚子影响母体对营养物质的吸收，进而会影响胎儿获得足够的营养供应。2、如果准妈妈剧烈而频繁的拉肚子，有可能引发子宫收缩，导致早产甚至流产。尤其是在怀孕初期，严重拉肚子可能引发流产。3、有些拉肚子本身可能就是早产或流产的“预警”，孕妇必须重视。</t>
  </si>
  <si>
    <t>偶尔拉肚子对宝宝是不会有影响的。但长期拉肚子会造成营养不良，影响宝宝成长发育。长期拉肚子对宝宝会有影响的，可以吃点思密达，这个药孕妇是可以吃的，我怀孕的时候也是吃的这个，现在我宝宝很健康。当然有影响哦，天气热了吃东西一定要注意哦，不要吃太冷的东西。</t>
  </si>
  <si>
    <t>屈臣氏的东西都是正品吗</t>
  </si>
  <si>
    <t>屈臣氏里的东西95%是保证正品的。质量还是很高的。它里面最好用的是护理系列的。其他的化妆品走的都是白领路线，真正好用的不多；有些药妆还不错，但也不能一直用，症状消失就不好再用了。</t>
  </si>
  <si>
    <t>牛皮癣能根治吗</t>
  </si>
  <si>
    <t>牛皮癣是种很难治愈的疾病，要根据自身的病症，制定相应的治疗方法，这样可以有效治愈此病。</t>
  </si>
  <si>
    <t>目前全世界没有根治方法，只有选择好的药物进行抑制舒缓。</t>
  </si>
  <si>
    <t>能，母亲治好了3个牛皮癣病人。</t>
  </si>
  <si>
    <t>眼睛散光能治好吗</t>
  </si>
  <si>
    <t>散光是眼球的一种缺陷，来自远处物体在视网膜上形成的影像呈一条线，而不是一个清晰的点。这是由于角膜或晶状体不够圆。散光无法用药物治疗，最常用的方法也是配戴柱面镜片来矫正，高度散光也可以考虑做散光的手术矫正，不过通常无法完全矫正。一般来说，成人配戴散光眼镜的初期可能会有晕眩的感觉，因此医师会建议度数比实际少一些，以减少晕眩感。不过以孩子来说，医师建议配足该有的度数来做矫正。普遍来说，一般人几乎都有五十度以下的散光，轻度散光的症状在生活上并不会造成重大的影响，不那么明显。所以大部分人并不会特别去做治疗矫正。</t>
  </si>
  <si>
    <t>散光是由屈光不正引起的100度左右的散光一般可以治好 但要合适用眼少看电视少打电脑 多锻炼身体对眼睛恢复也有好处因为眼角膜自己有恢复的功能但不强。应该多吃蔬菜，平常喝点绿茶、枸杞菊花差茶多吃点猪肝都瞑目。最好去医院检查一下是怎么的散光是规折的还是不归折的积极配合医生的治疗就一定会好的。</t>
  </si>
  <si>
    <t>散光也是屈光不正的一种，现在并无特效的药物治疗，主要的治疗方法还是通过佩戴眼镜来矫正，但是由于普通隐形眼镜轴位不确定，因此无法矫正散光。</t>
  </si>
  <si>
    <t>鼻子山根低捏高可以吗</t>
  </si>
  <si>
    <t>买车定金可以退吗</t>
  </si>
  <si>
    <t>债务人履行债务后，定金应当抵作价款或者收回。给付定金的一方不履行债务的，无权要求返还定金；接受定金的一方不履行债务的，应当双倍返还定金。</t>
  </si>
  <si>
    <t>欧联杯冠军可以参加欧冠吗</t>
  </si>
  <si>
    <t>可以，只要有名额。</t>
  </si>
  <si>
    <t>小米6闪存是ufs2.1吗</t>
  </si>
  <si>
    <t>官方给出的参数页面上只标识了小米6采用的闪存格式是UFS，并没有明确标明到底是UFS2.0还是2.1，不过有网友跟客服的截图，及小米官方论坛上却明确说明了是UFS2.0，虽然感觉有点美中不足，不过已经暴露出的小米6闪存跑分基本都在700M/S以上，基本上不是UFS2.1，也是UFS2.0的高配版了。</t>
  </si>
  <si>
    <t>小米6媒体机采用了UFS2.1闪存，而正式开卖的量产版则使用了UFS2.0规格的闪存。</t>
  </si>
  <si>
    <t>米6尊享版使用的是UFS2.1闪存，读写速度在700MB/200MB/S以上。</t>
  </si>
  <si>
    <t>公积金贷款可以提前还款吗</t>
  </si>
  <si>
    <t>公积金可以一次性提前还清的。</t>
  </si>
  <si>
    <t>具体要看做的那种类型，有的一年后就可以提前还款。</t>
  </si>
  <si>
    <t>住房公积金贷款是可以提前还贷的。根据现行公积金政策，公积金贷款发放后，借款人可根据自身情况和需要，申请办理部分提前还款或全部提前还款。</t>
  </si>
  <si>
    <t>该不该去招商信诺上班</t>
  </si>
  <si>
    <t>招商信诺面试成功率很低的 ，里面待遇也不错 ，既然面试上了，有这个机会就去。</t>
  </si>
  <si>
    <t>paperpass准不准</t>
  </si>
  <si>
    <t>手机支持exfat格式吗</t>
  </si>
  <si>
    <t>主流的手机支持FAT和exFAT文件系统的存储卡。插入不同文件系统格式的存储卡时，设备会要求重新格式化存储卡或无法识别存储卡。</t>
  </si>
  <si>
    <t>可以。但有版本的区别。1、XP系统，必须SP3以上版本才可以用。如果不到这个版本，可以下载个SP3补丁包，升级后即可。2、vista以上的系统，直接可以识别exfat。exfat这个文件系统，是微软专门为闪存盘开发的。</t>
  </si>
  <si>
    <t>大于32g的卡默认是exFAT文件格式的。</t>
  </si>
  <si>
    <t>h1z1需要加速器吗</t>
  </si>
  <si>
    <t>冰点脱毛有副作用吗</t>
  </si>
  <si>
    <t>冰点脱毛其副作用的影响是很少的。因为每个人的皮肤状况以及手术操作的影响，如皮肤中的黑素量、治疗部位、治疗所用仪器类型、能量密度、有无冷却措施等。会出现一些不适反应。冰点脱毛在治疗时，部分爱美者可能会出现暂时性发红或肿胀，甚至轻度皮肤瘙痒，这都是正常的反映，我们不需要担心，治疗后几小时内红肿会消退，皮肤也会恢复正常;注意术后皮肤保持清洁，避免阳光照射。</t>
  </si>
  <si>
    <t>华尔兹华尔兹冰点脱毛几乎没有副作用的。华尔兹华尔兹冰点脱毛是依据激光的选择性热动力学作用原理，利用最新激光技术除毛。激光机发射的光束会穿透皮肤表层最终被毛囊吸收，通过对激光能量的有选择吸收，使毛囊受到破坏，不能再生长毛发，同时又不损伤周边组织。华尔兹华尔兹冰点脱毛的过程简单、快捷，治疗后一般不留疤痕。华尔兹华尔兹冰点脱毛治疗时部分患者可能会出现暂时性发红或肿胀，甚至轻度皮肤瘙痒，治疗后几小时红肿消退，皮肤恢复正常。激光不会损害皮肤，因此不用做任何处理。华尔兹华尔兹冰点脱毛后很少有不适感，不影响正常的生活和工作。而华尔兹华尔兹冰点脱毛副作用也会有一些皮肤的红肿，但通常是由于操作不但引起的，只要你选择正规的医院，华尔兹华尔兹冰点脱毛副作用也就减少了很多。</t>
  </si>
  <si>
    <t>首先冰点脱毛适合一些皮肤颜色较浅但毛发颜色较深的人群，如果皮肤颜色较深，激光就会一并破坏皮肤色素而造成黑斑或者白斑的形成，但一般几个月基本可以恢复正常。因此，在进行冰点脱毛前应该选择一家正规的整形美容医院和有经验的医师。其次，在冰点脱毛时，有一小部分患者或许会出现暂时性的肌肤发红、微肿或者伴有轻度的皮肤瘙痒，这些都是正常反应，术后几小时就可以恢复正常了。冰点脱毛需要多次的治疗，但无论反复几次都不会对皮肤造成伤害。因为，激光能量只能被毛囊中的黑色素吸收，所以，不会多皮肤造成伤害，肤色较黑的人例外。冰点脱毛治疗后通常会有不适的感觉，但一段时间就会消失，无需特别的护理。</t>
  </si>
  <si>
    <t>温州苍南的人有钱吗</t>
  </si>
  <si>
    <t>挺富的。</t>
  </si>
  <si>
    <t>网易考拉是正品吗</t>
  </si>
  <si>
    <t>基本都说网易考拉的货是假的。</t>
  </si>
  <si>
    <t>从多次购买经历看，丁三石的考拉还是放心的。</t>
  </si>
  <si>
    <t>买到一条假的菲拉格慕的皮带。专柜说盒子不一样。而且刻字也非常假。</t>
  </si>
  <si>
    <t>手机听无损音乐明显吗</t>
  </si>
  <si>
    <t>手机上听无损和听高音质几乎没有区别，在专业的播放器陪hifi耳机才能听出差距，而且有些高端安卓机有底噪(三星note2本人亲测5台，均有明显噪音)中低端的杂音更多，手机听歌就中高音质即可，没必要追求无损，想真正感受无损，买专业播放器加HiFi耳机或音响才是正路。</t>
  </si>
  <si>
    <t>唯品会的化妆品是正品吗</t>
  </si>
  <si>
    <t>基本都是正品来的，但是要注意是不是最新产品。</t>
  </si>
  <si>
    <t>淘宝企业店铺要交税吗</t>
  </si>
  <si>
    <t>肯定的，淘宝企业店铺要交税。</t>
  </si>
  <si>
    <t>目前淘宝是不干预缴税的，缴税完全是当地税务局的问题，当地的公司，肯定是要缴税的，这是公司的义务。</t>
  </si>
  <si>
    <t>淘宝企业店铺不需要交税。需要在企业支付宝冻结一定金额的保证金，保证金根据自己店铺销售的商品种类有所不同。</t>
  </si>
  <si>
    <t>眼睛有黑影能自愈吗</t>
  </si>
  <si>
    <t>可以使用左氧氟沙星滴眼液，服用维生素AD治疗试试，多吃蔬菜水果，避免熬夜，不要吃辣的。</t>
  </si>
  <si>
    <t>应该是属于飞蚊症，飞蚊症就是眼前见黑点飞舞，是玻璃体内的不透明物体投影在视网膜上产生的。本病为肝肾亏损所致，治宜补益肝肾，，请在临床医生具体指导下用药，建议口服葫萝卜素和外用珍珠明目滴眼液，多喝水，忌酸辣油腻食物，多吃蔬菜水果。</t>
  </si>
  <si>
    <t>生粉可以炸东西吗</t>
  </si>
  <si>
    <t>可以的，我们做油炸都是用生粉，生粉其实就是洋溢（土豆）粉熟了都可以吃。不熟是会事物中毒的，因此要确定熟了才吃。</t>
  </si>
  <si>
    <t>不可以的，会失误中毒。</t>
  </si>
  <si>
    <t>人民的名义有原型吗</t>
  </si>
  <si>
    <t>赵德汉这个角色有原型，是国家能源局煤炭司原副司长魏鹏远。</t>
  </si>
  <si>
    <t>罗斯切尔德家族真的存在吗</t>
  </si>
  <si>
    <t>其实并不是叫罗斯切尔德，而是叫罗斯柴尔德，罗斯柴尔德或许在19世纪拥有呼风唤雨的能力，但目前已经没落了。</t>
  </si>
  <si>
    <t>存在，最多的时候坐欧洲六国财长的位子好像。</t>
  </si>
  <si>
    <t>罗斯柴尔德（罗斯切尔德）家族是欧洲乃至世界久负盛名的金融家族。它发迹于19世纪初，其创始人是梅耶·罗斯柴尔德。他和他的5个儿子即“罗氏五虎”先后在英国伦敦、法国巴黎、奥地利维也纳、德国法兰克福、意大利那不勒斯等欧洲著名城市开设银行。所以说，罗斯切尔德家族是真实存在的。</t>
  </si>
  <si>
    <t>捐血对身体有害吗</t>
  </si>
  <si>
    <t>即使一个人一年献血2～3次，每次200～400 ml，对人的健康也不会有影响。</t>
  </si>
  <si>
    <t>成都中科甲状腺病医院是公立医院吗</t>
  </si>
  <si>
    <t>要约收购是利好吗</t>
  </si>
  <si>
    <t>一般情况下都是利好。</t>
  </si>
  <si>
    <t>房租发票可以抵扣吗</t>
  </si>
  <si>
    <t>房租发票不可以做增值税进项抵扣。</t>
  </si>
  <si>
    <t>房屋租赁项目发票可以抵扣。</t>
  </si>
  <si>
    <t>喝酒前喝牛奶有用吗</t>
  </si>
  <si>
    <t>coolibar中国有专柜吗</t>
  </si>
  <si>
    <t>大河票务网靠谱吗</t>
  </si>
  <si>
    <t>大河票务网，是中原地区涵盖演出领域与旅游行业的知名互联网企划品牌，多元化传播业务横跨娱乐、演出、旅游、营销策划、娱乐休闲等多个文化创意产业领域。公司经过长期发展，形成了以线上带动线下、以互联网带动实体商家的成熟运营模式，并以中原地区为中心形成了覆盖华北、华南、华东、华西等地的巨大辐射网，为广大客户提供优质、便捷的一流服务。公司成立至今已逾 10年，十年间公司以专业的策划与研发团队，精准的市场与行业定位，高效的营销与推广策略，使得作为圣星文化主力品牌平台的大河票务网日均IP访问量逾量10万，平台交易量月均超过450万，已累积会员总量超过100万。时至今日，公司凭借优质的客户服务，已然赢得了广大消费者的青睐、获得了优秀的业界口碑和市场影响力。</t>
  </si>
  <si>
    <t>马苏里拉奶酪能生吃吗</t>
  </si>
  <si>
    <t>理论上可以。</t>
  </si>
  <si>
    <t>榻榻米好吗</t>
  </si>
  <si>
    <t>榻榻米挺好的，最近也流行，但是还是床好。榻榻米的优点在于可以根据家庭的实际位置大小进行定制，因此空间利用上更加的有效，榻榻米的底下也可以更多的进行储物存放。榻榻米更加适合于日式风格的装修。</t>
  </si>
  <si>
    <t>榻榻米有优点也有缺点。榻榻米作为一种家居用品，其软硬适中的质地，对于儿童的骨骼发育，有着促进增长作用；对老年人相对脆弱的身体的恢复也很有好处。同时还具有使用灵活的优势，它可以做床垫用，甚至可以直接做床用。有条件的房间打一个地台，在上面铺上榻榻米，既可以做卧室用，也可以做茶室或别的休闲娱乐室使用。正因为多功能这个特点，因为房价越来越高，所以榻榻米越来越受到青睐。榻榻米优点：现代的榻榻米地台一般是中间有个升降桌，升起来之后可以喝茶、聊天、打麻将、娱乐，降下去之后可以做为床，另外地台都是空心的，具备强大的储物功能。榻榻米缺点：榻榻米地台的透气性不佳，储物的话常需要翻开来通通风。另外蔺草需要经常擦洗打理，也需要经常通风防止发霉长虱。</t>
  </si>
  <si>
    <t>首先榻榻米是一个集功能和实用为一体的设计，榻榻米一般多适合用于小房间（地台做床）和开放式区域（如休闲品茶区，麻将区，榻榻米及连体书桌，榻榻米及连体衣柜）至于榻榻米垫子的保健功能无从得知，总体来说，榻榻米功能实用，价格合理，空间利用度高。是一种美观又实惠的设计选择。</t>
  </si>
  <si>
    <t>中国移动可以异地补卡吗</t>
  </si>
  <si>
    <t>一、如果是中国移动贵宾客户。首先打个电话给你的客户经理，告诉他你的手机卡丢了，他会帮你想办法，两个途径：一是你持自己的有效证件（还需要知道自己手机号码的业务密码）到就近的移动公司的自办营业厅；二是如果在异地不可以补卡，则你的客户经理会帮你在归属地补好卡，然后将卡邮寄到你所在的任一位置。二、如果你是中国移动普通客户，那么你也可以试着去就近的移动公司自办营业厅询问是否可以给异地客户办理补卡业务。</t>
  </si>
  <si>
    <t>dnf好感度会掉吗</t>
  </si>
  <si>
    <t>DNF现在NPC满好感度之后，好感度不会掉。</t>
  </si>
  <si>
    <t>会，但是降到一定程度是就不会再降。</t>
  </si>
  <si>
    <t>不会因为时间而下降，但如果送的东西不喜欢，就会降好感度，一般不会降太多一次。</t>
  </si>
  <si>
    <t>电脑辐射大吗</t>
  </si>
  <si>
    <t>研究机构测试过电脑的电磁场强度，结果发现，紧贴荧光屏处电磁场强度为0.9，但离开荧屏约5厘米处，强度不到0.1，再远一点至30厘米处(这是计算机操作者的身体与荧屏之间的习惯距离)，其强度几乎无法测出。检测辐射时紧挨机箱，其磁场强度仅为1～2微特。</t>
  </si>
  <si>
    <t>人民的名义会有第二部吗</t>
  </si>
  <si>
    <t>全金属狂潮杰斯有特效吗</t>
  </si>
  <si>
    <t>有的。技能变得超酷，而且施法声音都变金属声。</t>
  </si>
  <si>
    <t>没有特效，至少 s4没有。</t>
  </si>
  <si>
    <t>香水可以带上飞机吗</t>
  </si>
  <si>
    <t>可以携带，但是不超过100毫升。中国民航总局关于随身携带液体物品的规定如下（分为国际及地区航班和国内航班）：一、国际及地区航班：1、乘坐从中国境内机场始发的国际、地区航班的旅客，其携带的液态物品每件容积不得超过100毫升（ml）。容器容积超过100毫升（ml），即使该容器未装满液体，亦不允许随身携带，需办理交运。盛放液态物品的容器，应置于最大容积不超过1升（L）的、可重新封口的透明塑料袋中。每名旅客每次仅允许携带一个透明塑料袋，超出部分应交运。盛装液态物品的透明塑料袋应单独接受安全检查。2、在候机楼免税店或机上所购物品应盛放在封口的透明塑料袋中，且不得自行拆封。旅客应保留购物凭证以备查验。3、婴儿随行的旅客携带液态乳制品，糖尿病或其他疾病患者携带必需的液态药品，经安全检查确认无疑后，可适量携带。二、国内航班：1、乘坐国内航班的旅客一律禁止随身携带液态物品，但可办理交运，其包装应符合民航运输有关规定。2、旅客携带少量旅行自用的化妆品，每种化妆品限带一件，其容器容积不得超过100毫升，并应置于独立袋内，接受开瓶检查。3、来自境外需在中国境内机场过站或中转的旅客，其携带入境的免税液态物品应置于袋体完好无损且封口的透明塑料袋内，并需出示购物凭证，经安全检查确认无疑后方可携带。4、有婴儿随行的旅客，购票时可向航空公司申请，由航空公司在机上免费提供液态乳制品；糖尿病患者或其他患者携带必需的液态物品，经安全检查确认无疑后，交由机组保管。</t>
  </si>
  <si>
    <t>辞退补偿金要交个税吗</t>
  </si>
  <si>
    <t>个人因与用人单位解除劳动关系而取得的一次性补偿收入（包括用人单位发放的经济补偿金、生活补助费和其他补助费用），其收入在当地上年职工平均工资3倍数额以内的部分，免征个人所得税；超过的部分按照《国家税务总局关于个人因解除劳动合同取得经济补偿金征收个人所得税问题的通知》（国税发〔1999〕178号）的有关规定，计算征收个人所得税。</t>
  </si>
  <si>
    <t>离职一次性补偿金不需要缴纳个人所得税。离职一次性补偿金属于职工的退职费，不进行个人所得税的征收。</t>
  </si>
  <si>
    <t>婚前买房可以写两个人的名字吗</t>
  </si>
  <si>
    <t>没有要求，因为购房前会有单身证明（现在不知道用不用），购房是你个人购买，婚后办理房产证也是属于婚前购买，即使写了两个人的名字，也是属于婚前财产。</t>
  </si>
  <si>
    <t>一，可以署名为两人共有财产,也可以注明出资比例,在领结婚证之前进行财产公证,保护各自财产.也可在婚后办理产权登记,那么无论登记为谁的名字都将将作为共有财产.二,未婚夫妻由于不具有法律上的夫妻关系，各自的财产归属容易界定，不存在共同财产问题。而已婚夫妻要想做此项公证，就要取得配偶的完全同意和充分支持，才能顺利办理此项公证。因为我国婚姻法规定，夫妻关系存续期间所得的财产，除另有约定外，属于夫妻共有财产。</t>
  </si>
  <si>
    <t>国考国税补录几率大吗</t>
  </si>
  <si>
    <t>国考补录职位，国税局职位空缺最大。</t>
  </si>
  <si>
    <t>亚人好看吗</t>
  </si>
  <si>
    <t>1. 画面：亚人是3D的，如果你看习惯了2D一开始可能会有点不习惯，但是亚人动作流畅，不会给人僵硬不自然的感觉。2. 剧情：我一开始看亚人是从剧场版开始看的，首先设定很有趣，让人有想继续看下去的欲望，其次人物性格很鲜明，让人看着很有代入感，我觉得看起来是很有趣的。3. 关于楼上说很血腥我觉得有些过，顶多是有番茄酱画面，反正我觉得看着很棒。</t>
  </si>
  <si>
    <t>还不错，前面有些无聊，看看到后面就很好看了。</t>
  </si>
  <si>
    <t>佰仟金融的借钱么</t>
  </si>
  <si>
    <t>佰仟金融高利贷公司来的。</t>
  </si>
  <si>
    <t>就是一个可以申请现金贷的微信。</t>
  </si>
  <si>
    <t>南客喜欢陈长生吗</t>
  </si>
  <si>
    <t>南客则是对陈长生有着些好感，换句话说就是有些喜欢吧。</t>
  </si>
  <si>
    <t>支付宝有电脑版吗</t>
  </si>
  <si>
    <t>有的，直接百度搜索“支付宝”就行</t>
  </si>
  <si>
    <t>易鑫资本可以加盟吗</t>
  </si>
  <si>
    <t>可以，要求个人信誉良好。</t>
  </si>
  <si>
    <t>钱咖是真的吗 安全不</t>
  </si>
  <si>
    <t>钱咖是真的。</t>
  </si>
  <si>
    <t>试客小兵是真的，绝对安全。</t>
  </si>
  <si>
    <t>试玩确实是真的，但是要找到合适的靠谱平台才可以的，找到安全可靠的平台是会非常安全的。</t>
  </si>
  <si>
    <t>端午节能说快乐吗</t>
  </si>
  <si>
    <t>端午节不能互祝快乐的，最多互祝”端午安康”因为端午节是个祭祀节日。</t>
  </si>
  <si>
    <t>端午节也是个快乐的节日，如果不能在端午节祝福“快乐”“幸福”，这明显是不对的。</t>
  </si>
  <si>
    <t>修改dns有风险吗</t>
  </si>
  <si>
    <t>修改DNS地址的话，如果目标DNS是靠谱的倒没很大问题。</t>
  </si>
  <si>
    <t>如果把DNS设置修改成非域名解析服务器或不能正常工作的域名解析服务器，将导致不能打开网页，包括一切用域名访问的程序，直接用IP的程序不受影响，这也能上QQ不能打开网页的常见电脑故障之一。</t>
  </si>
  <si>
    <t>如果dns是公共的，或者大公司的。比如阿里，114这种类型，openerdns，谷歌dns，诺顿，几乎不需要担心。如果私有的dns就要注意下。</t>
  </si>
  <si>
    <t>高新计算机证书有用吗</t>
  </si>
  <si>
    <t>这个当然有用，找相应工作时出示。</t>
  </si>
  <si>
    <t>麒麟西瓜和8424一样吗</t>
  </si>
  <si>
    <t>单从外观上其实很难区分麒麟与‘8424’，两者外形基本一样，口感也较甜。两者的区别主要是不同公司生产。</t>
  </si>
  <si>
    <t>注册会计师自学能过吗</t>
  </si>
  <si>
    <t>自学可以通过注册会计师考试的，但是要付出很大的精力和时间。注册会计师考试分为专业阶段和综合阶段。专业阶段考试会计，财管，审计，税法，经济法，战略，综合阶段大综合。专业阶段成绩有效期五年。全国平均通过率不超过20%。实话说，自学通过的希望很渺茫。也不是没有可能。一般都是网络学习。有很多概念和知识性的内容自己是不容易理解的。</t>
  </si>
  <si>
    <t>可以的，但要有方法一、定制属于自己的自学方法。二、制订好自学与应考的计划和程序。三、会计专业课程的性质、特点及其相互之间的关系。</t>
  </si>
  <si>
    <t>苏宁易购苹果手机是正品吗</t>
  </si>
  <si>
    <t>95%是正版行货。</t>
  </si>
  <si>
    <t>一带一路美国来了吗</t>
  </si>
  <si>
    <t>特朗普政府的高级顾问兼国家安全委员会负责东亚事务的马修·波廷格（Matthew Pottinger）将率美国代表团参加一带一路峰会。</t>
  </si>
  <si>
    <t>王者荣耀退战队 战队币清零吗</t>
  </si>
  <si>
    <t>战队币还是在的。</t>
  </si>
  <si>
    <t>腾讯大王卡能开热点吗</t>
  </si>
  <si>
    <t>可以，只要不超出范围。</t>
  </si>
  <si>
    <t>水晶防晒喷雾可以喷脸吗</t>
  </si>
  <si>
    <t>当然是可以的。不过有一点，防晒喷雾很难达到均匀，以及一定的厚度，这样对于防晒很不利的。建议只用喷身体，脸上还是用专门的防晒霜，脸上的皮肤很薄。很容易晒出晒斑的。喷雾式防晒霜在使用时容易被意外吸入，可能会刺激肺部，诱发疾病，应避免对儿童使用这类产品。即使成人在使用这种产品时也不应直接喷在脸上，要避开眼睛和嘴巴，避免意外吸入。</t>
  </si>
  <si>
    <t>当然可以，全身都可以用的。</t>
  </si>
  <si>
    <t>c盘winsxs文件夹可以删除吗</t>
  </si>
  <si>
    <t>最好都别删，WINSXS里面的文件都是系统必要文件，里面有极大部分的文件都与system32文件夹中的重复，当然不用担心占磁盘空间的问题，因为重复的文件都是占用一份文件的空间的，保证在一份文件缺失的情况下，还有另一份顶着。另外，其余不重复的文件就是WINSXS特有的文件啦，也是系统必须的，且只会占一点点的空间。</t>
  </si>
  <si>
    <t>是系统备份区域，用于系统正常文件被破坏时，可以恢复，不可以删除，否则系统将会出错，甚至崩溃。如果觉得这个文件夹过大，推荐你使用DISM++这个软件进行优化，注意，这个软件仅支持Win7以上的系统。</t>
  </si>
  <si>
    <t>龙之谷手游有排行榜吗</t>
  </si>
  <si>
    <t>在龙之谷手游中，除了一些很常见的系统外，还有一个很有特殊的玩法魅力排行榜，通过各个玩家的送花可以提升魅力值。</t>
  </si>
  <si>
    <t>dnf增加攻击力冲突吗</t>
  </si>
  <si>
    <t>冲突。</t>
  </si>
  <si>
    <t>非全日制用工是否缴纳社会保险</t>
  </si>
  <si>
    <t>从事非全日制工作的劳动者应当参加基本养老保险，原则上参照个体工商户的参保办法执行。对于已参加过基本养老保险和建立个人账户的人员，前后缴费年限合并计算，跨统筹地区转移的，应办理基本养老保险关系和个人账户的转移、接续手续。符合退休条件时，按国家规定计发基本养老金。从事非全日制工作的劳动者可以以个人身份参加基本医疗保险，并按照待遇水平与缴费水平相挂钩的原则，享受相应的基本医疗保险待遇。参加基本医疗保险的具体办法由各地劳动保障部门研究制定。用人单位应当按照国家有关规定为建立劳动关系的非全日制劳动者缴纳工伤保险费。从事非全日制工作的劳动者发生工伤，依法享受工伤保险待遇;被鉴定为伤残5-10级的，经劳动者与用人单位协商一致，可以一次性结算伤残待遇及有关费用。</t>
  </si>
  <si>
    <t>缴纳工伤保险。</t>
  </si>
  <si>
    <t>公司不需要为未非全日制用工缴纳社会保险。</t>
  </si>
  <si>
    <t>dropbox国内能不能用</t>
  </si>
  <si>
    <t>飞利浦是日本的品牌吗</t>
  </si>
  <si>
    <t>是荷兰的。</t>
  </si>
  <si>
    <t>唯品会没有搜索功能吗</t>
  </si>
  <si>
    <t>没有搜索框是高层的决定，是故意的。这么做的原因是希望让用户有“逛街的真实感受”。听上去是为了提高用户体验或者制造一种独特的用户体验。</t>
  </si>
  <si>
    <t>因为唯品会的商品都是当天上架，第二天就会下架的，自然不需要搜索栏。唯品会更换的商品太多，而且都是要工作人员操作的，如果再设置搜索功能，那样工作量也是要大大增加。买家可以按照分类，或者找相应的品牌，进行商品的查找</t>
  </si>
  <si>
    <t>天猫超市有假货吗</t>
  </si>
  <si>
    <t>基本上是没有的，但是谁也不能保证百分百一定会没有，总有那么一两个漏网之鱼。</t>
  </si>
  <si>
    <t>火币网可以做空吗</t>
  </si>
  <si>
    <t>知网查重记录有影响吗</t>
  </si>
  <si>
    <t>不会有影响的，学校只会以他操作的查重结果为准，现在很多同学都会在学校查重之前自己先查一遍做修改的参考。</t>
  </si>
  <si>
    <t>有的，不要随便用知网系统查重，先用差一些的系统查，论文改得非常好了之后再用知网查，知网有不良记录以后发论文很糟。</t>
  </si>
  <si>
    <t>蚂蚁花呗分期可以提前还款吗</t>
  </si>
  <si>
    <t>电脑登陆支付宝，进入花呗页面，在右边显示额度的旁边，就有提前还款的选项。提前的话只能一次全部还清，后面还没付的分期手续费可以免了。</t>
  </si>
  <si>
    <t>电脑还款流程：1、登录支付宝首页 ，选择花呗；2、进入花呗页面，点击【还款】；3、输入还款金额，点击确定后到收银台页面，支持还款渠道：余额、余额宝、储蓄卡快捷、储蓄卡网银。手机端还款流程：1、登录支付宝钱包，点击【财富】—【花呗】，进入主页面后点击【立即还款】；2、输入需要还款的金额，点击【快速还款】选择付款方式完成付款即可。</t>
  </si>
  <si>
    <t>鹤峰屏山峡谷开放了吗</t>
  </si>
  <si>
    <t>没有开放。</t>
  </si>
  <si>
    <t>自建设一来到至今，政府一直未进行开放，没有具体的开放时间，可以由当地人带下去游玩。</t>
  </si>
  <si>
    <t>水果玉米是转基因的吗</t>
  </si>
  <si>
    <t>水果玉米不是转基因。这其实是玉米自己的基因突变也会产生不一样的性状。</t>
  </si>
  <si>
    <t>水果玉米是通过杂交技术培育出来的。</t>
  </si>
  <si>
    <t>水果玉米是玉米品种里面筛选出来的可溶性糖含量比普通玉米高的玉米。</t>
  </si>
  <si>
    <t>微信没有绑定银行卡可以收红包吗</t>
  </si>
  <si>
    <t>不绑定银行卡，如果收到红包都会存入微信零钱可以发红包，收红包的。</t>
  </si>
  <si>
    <t>唯品会买苹果手机靠谱吗</t>
  </si>
  <si>
    <t>是正品，唯品会是与厂商合作专门做特卖的网站，正品能保证，还会有一定程度的折扣。</t>
  </si>
  <si>
    <t>小米手机msa能卸载么</t>
  </si>
  <si>
    <t>能卸。</t>
  </si>
  <si>
    <t>冰箱有辐射吗</t>
  </si>
  <si>
    <t>1、冰箱运作时，后侧方或下方的散热管线释放的磁场高出前方几十甚至几百倍。2、此外，冰箱的散热管灰尘太多也会对电磁辐射有影响，灰尘越多电磁辐射就越大。3、如果冰箱与电视共用一个插座，冰箱在运转时，电磁波会导致电视的图像不稳定，这说明冰箱的电磁波是非常大的。不同波长和频率的电磁波释放出来会形成一种电子雾，影响人的神经系统和生理功能。电磁波的穿透力极强，透过体表深入深层组织和器官，人们平时不注意，一旦出现表层组织疼痛，就说明深层组织或者器官已经受到严重损害了。4、冰箱运作时，后侧方或下方的散热管线释放的磁场最大。此外，冰箱的散热管灰尘太多也会对电磁辐射有影响，灰尘越多电磁辐射就越大。5、冰箱要放在厨房等不经常逗留的场所。尽量避免在冰箱工作时，靠近它或者存放食物，同时，要经常用吸尘器把散热管上的灰尘吸掉。</t>
  </si>
  <si>
    <t>两个微信号可以关联吗</t>
  </si>
  <si>
    <t>两个微信号不可以设置关联，原因如下：1、目前微信还没有设置微信号关联的功能，就算是最新版本的微信也还没有这个功能。2、两个 QQ 号可以设置关联，微信还不能实现，微信可以与 QQ 号绑定并接收 QQ 离线消息等设置。</t>
  </si>
  <si>
    <t>微信语音通话能录音吗</t>
  </si>
  <si>
    <t>微信的语音都会在微信的文件夹下留下音频文件。</t>
  </si>
  <si>
    <t>①点击设置-应用程序-全部-找到该软件--清除数据，清除一下软件数据再打开。②卸载后重新下载安装相应的程序。③如果是所有的软件都出现打开慢或者打开有问题的情况，您可以备份在recovery里清空缓存和用户数据试一下。方法：关机状态下，先按住“音量增加键”再按住“电源键”，等出现开机画面时松手，进入Recovery。选择简体中文&gt;清除数据&gt;清除缓存+清除用户数据。提示：Recovery状态下触摸屏暂时失效，用“电源键”确认，“音量键”选择。④如果通过上述方法操作后，相应的程序都有问题，而其他软件程序都正常的话，可以判断该程序跟系统不兼容，您可以尝试更换其他版本的程序或者游戏试一下。⑤建议您备份重新线刷一下您的系统版本后尝试。</t>
  </si>
  <si>
    <t>正品运动商城里的鞋子是真的吗</t>
  </si>
  <si>
    <t>可以到官网查询下鞋子的型号，价格差的离谱的不会是真货，一般是莆田高仿。很多商城都拿A货按正品价格卖，更坑。</t>
  </si>
  <si>
    <t>法国航空安全吗</t>
  </si>
  <si>
    <t>法国航空比较好。</t>
  </si>
  <si>
    <t>安全的，事故毕竟只是个案，放心吧。</t>
  </si>
  <si>
    <t>上海韩调离是真的吗</t>
  </si>
  <si>
    <t>光触媒除甲醛有用吗</t>
  </si>
  <si>
    <t>光触媒对中低分子的不稳定化合物及绝大部分病菌有很好的降解和杀灭作用，其中包括甲醛。</t>
  </si>
  <si>
    <t>在一般家庭生活条件下，光触媒不能除醛，触媒它有很多效果，而且都是真实的。但是仅限于杀菌除臭、防霉防污，除醛是不真实的。</t>
  </si>
  <si>
    <t>光触媒除掉的甲醛只是表面的，治标不治本，是被动的方式。效果最长也就3年，根本不能解决挥发源。如果要用光触媒微粒除甲醛，那么需要有数百万的纳米级氧化钛微粒才能捕捉到甲醛，人生活在这样的环境中，肯定会吸入光触媒微粒，如此一来，很有可能对人体将造成极大的危害。</t>
  </si>
  <si>
    <t>民间借贷是否合法</t>
  </si>
  <si>
    <t>现在我国已经试点承认民间借贷合法化，只需要向有关部门报备，即承认借贷的合法。</t>
  </si>
  <si>
    <t>大学女生穿丁字的多吗</t>
  </si>
  <si>
    <t>很多。</t>
  </si>
  <si>
    <t>华东理工大学是985吗</t>
  </si>
  <si>
    <t>华东理工大学不是985。</t>
  </si>
  <si>
    <t>华东理工大学是985也是211。</t>
  </si>
  <si>
    <t>临界风险可以不用管吗</t>
  </si>
  <si>
    <t>从优生优育角度来说，临界风险应该做无创DNA检查确定一下。</t>
  </si>
  <si>
    <t>不用管， 唐筛不准，高风险也没有事，不准。临界就更不用管，别想太多，好好养胎。</t>
  </si>
  <si>
    <t>只是一个几率的检查，临界风险说明宝宝患病的可能性比较高，一般需要进一步结合无创DNA检查看看，了解宝宝是否患病。</t>
  </si>
  <si>
    <t>优购物的东西是真的吗</t>
  </si>
  <si>
    <t>是正品，都是品牌直接授权的。</t>
  </si>
  <si>
    <t>有些是假的。</t>
  </si>
  <si>
    <t>天衍录好玩吗</t>
  </si>
  <si>
    <t>好玩。直接打BOSS。</t>
  </si>
  <si>
    <t>被够狗咬了出血不打针行吗</t>
  </si>
  <si>
    <t>最好去打针。</t>
  </si>
  <si>
    <t>王室教师海涅是基番吗</t>
  </si>
  <si>
    <t>不是基番。</t>
  </si>
  <si>
    <t>小孩肺炎一定要输液吗</t>
  </si>
  <si>
    <t>确实不行的才输液治疗。</t>
  </si>
  <si>
    <t>若明确诊断的话，婴儿肺炎还是要以静脉输液为好。</t>
  </si>
  <si>
    <t>不是的，大部分肺炎口服药物也可以。</t>
  </si>
  <si>
    <t>净水机的水长期喝好吗</t>
  </si>
  <si>
    <t>溶解度高，与人体细胞亲和力最强，有促进新陈代谢的功效；能消除人体消化系统中的油腻，消除血管上的血脂，降低胆固醇。对高血压、动脉硬化、冠心病患者有好处；煎服中药时，能毫无保留地泡出草药中深藏得固有的药的成份，中药能最大地发挥药性。服药时饮用纯净水有助于药物充分溶解、吸收，提高疗效；可滋润皮肤，消除皮肤上的分泌物，能保持皮肤细腻光泽，有利于美容，是最便宜的美容品；纯净水可延缓乙醇的吸收，防止饮酒后的腹泻，有解酒作用； 用纯净水冲茶能适当调节鞣酸的溶解，使茶色明亮，茶味香醇，不仅口感好，还没有茶锈，您更能体会到“三分茶，七分水”的意境；用纯净水煮汤做饭味道鲜美可口；汽车水箱、加湿器、电熨斗等使用纯净水不会结垢，可延长使用寿命。纯净水是富氧水，能活化细胞及内脏，增强免疫力和抵抗力。</t>
  </si>
  <si>
    <t>长期喝纯水机治的纯水对身体不好，有细菌。</t>
  </si>
  <si>
    <t>京东阿迪达斯官方旗舰店是正品吗</t>
  </si>
  <si>
    <t>官方旗舰店都是正品。</t>
  </si>
  <si>
    <t>腾讯视频能转换格式吗</t>
  </si>
  <si>
    <t>可以将qlv格式的腾讯视频转换为mp4格式。</t>
  </si>
  <si>
    <t>维生素e能去眼袋吗</t>
  </si>
  <si>
    <t>维生素E有一定的效果。</t>
  </si>
  <si>
    <t>不可以，会长油脂粒的。</t>
  </si>
  <si>
    <t>百悦网是正品吗</t>
  </si>
  <si>
    <t>是正规企业做的网站。</t>
  </si>
  <si>
    <t>羊水穿刺费用能报销吗</t>
  </si>
  <si>
    <t>羊水穿刺费用不可以报销。</t>
  </si>
  <si>
    <t>可以报销的。</t>
  </si>
  <si>
    <t>蚂蚁借呗提前还款还要付利息吗</t>
  </si>
  <si>
    <t>1、全款还。如果借到的资金不需要用了，或者提前有钱可以还，觉得不想再浪费利息，可以直接全款还上，那么只需要计算按天的利息，比如直接用本金*0.045%*天数即可。2、分期提前还。如果是每期提前还，同样按天算，从你还款的那天起，后一天到这一期的最后还款日都不需要计算利息。然后从下一期的第一天再开始按天计算利息。</t>
  </si>
  <si>
    <t>2017年产假是158天吗</t>
  </si>
  <si>
    <t>王者荣耀有人工客服吗</t>
  </si>
  <si>
    <t>兔宝宝提莫有特效吗</t>
  </si>
  <si>
    <t>多囊肾出现尿蛋白危险吗</t>
  </si>
  <si>
    <t>尿蛋白是肾炎常见的症状，当然多囊肾患者也会出现尿蛋白高的现象。事实上尿蛋白的多少并不能表示患者病情的严重程度，患者要结合自己实际情况和肾脏检查来进行判断。</t>
  </si>
  <si>
    <t>同行异地转账要手续费吗</t>
  </si>
  <si>
    <t>2015年9月21日起，一卡通通过手机银行(含PAD银行)、大众版、专业版办理的境内本行/跨行转账汇款免收手续费。</t>
  </si>
  <si>
    <t>人和猩猩有生殖隔离吗</t>
  </si>
  <si>
    <t>当然有了。</t>
  </si>
  <si>
    <t>只要与人类是同科同属的动物，理论上说能安全杂交。人与黑猩猩杂交属于种间杂交，相当于马与驴杂交，后代为单倍体，无生育能力。不过谁要是真去干这事，估计会永载史册遗臭万年。</t>
  </si>
  <si>
    <t>本田缤智质量可靠吗</t>
  </si>
  <si>
    <t>钣金薄，噪音大，安全气囊数量少，底盘不够扎实速度一快容易飘，这个车的焊接技术也落后。</t>
  </si>
  <si>
    <t>车子的外观真的是非常的靓丽，基本上还是比较的适合上班族使用，还有就是内饰的做工方面还是比较的不错的，性价比高。</t>
  </si>
  <si>
    <t>肖骁是不是弯的</t>
  </si>
  <si>
    <t>一直都是。</t>
  </si>
  <si>
    <t>一般纳税人能开3%的普票吗</t>
  </si>
  <si>
    <t>一般纳税人要按规定的适用税率开票，根据开票内容性质适用的税率开具，建筑工程类的一般纳税人11% 小规模纳税人3%。</t>
  </si>
  <si>
    <t>不能。增值税一般纳税人销售普通商品，无论对外开具增值税专票还是增值税普票，都是适用17%的增值税税率。</t>
  </si>
  <si>
    <t>防蓝光钢化膜有用吗</t>
  </si>
  <si>
    <t>防蓝光膜的效果和普通高清膜的效果差不多，几乎没有抵御能力。</t>
  </si>
  <si>
    <t>真正的抗蓝光钢化膜确实可以保护眼睛，降低眼睛疲劳。使用抗蓝光膜后，会明显的感觉屏幕光线柔和很多，特别是晚上关灯后，效果特别明显。</t>
  </si>
  <si>
    <t>如果平时看手机比较多，可以用防蓝光钢化膜，这样你用一段时间，就会明显觉得，再用别的手机，就会觉得别的手机光线刺眼。</t>
  </si>
  <si>
    <t>kate凯朵中国有专柜吗</t>
  </si>
  <si>
    <t>天谕还有人玩吗</t>
  </si>
  <si>
    <t>留下来的基本都是陪游戏里老婆或者老公的。</t>
  </si>
  <si>
    <t>巫神归来好玩吗</t>
  </si>
  <si>
    <t>看介绍很不错。</t>
  </si>
  <si>
    <t>觉得MHOL比单机有意思多了。</t>
  </si>
  <si>
    <t>有界函数与无穷小量的乘积是无穷小量,能否说有界函数与无穷大量的乘积 是无穷</t>
  </si>
  <si>
    <t>ui设计助理是骗局吗</t>
  </si>
  <si>
    <t>不内射精会有小孩么</t>
  </si>
  <si>
    <t>国外租借大熊猫亏本吗</t>
  </si>
  <si>
    <t>不可能亏，真亏了赚不回来肯定会找接盘的，换动物园一类的。名义上说是科研合作，本质就是租过来赚钱啊，不赚钱再萌也不会要的。最新看到的比利时天堂动物园租到大熊猫以后全年游客增长了47%，节假日经常爆满，前几天生下了一直幼崽动物园工作人员都激动得哭了，要是说因为增加了这一濒危动物的种群数量而激动。</t>
  </si>
  <si>
    <t>仅2004年，动物园花在大熊猫伦伦和洋洋日常起居上的开支就超过50万美元，如果计入雇员和医疗开支，则很容易超过百万美元。在佐治亚州，有400人自愿在家后院种竹子供熊猫享用，动物园还派6名专人，每周6天穿梭于佐治亚州各地收割竹子。根据园长的统计，从2000年到2003年，在展出收入和开支相抵之后，美国的4家动物园已经在9只大熊猫身上累计亏损了3300万美元。</t>
  </si>
  <si>
    <t>从1980年代起，中国调整了外交策略，决定从国宝大熊猫身上获取一些收益。毕竟，大熊猫是很难进行人工饲养的。平均来说，在国外展出的每只大熊猫，平均每年要支付给中国50万到100万美元，约合人民币345万到690万元。当然，双方协议中约定， 这笔钱的一大部分会用于大熊猫保护工作中。在过去20年里，除去所有关联费用，圣地亚哥动物园在大熊猫展出上就花费了超过4000万美元，约合2.76亿人民币。不过这也为他们带来了巨大的效益。在2000年，亚特兰大动物园引入了大熊猫，游客量就打破了历史最高纪录。到2007年，他们的大熊猫生下了宝宝，游客量又上涨了25%。总之，从国外收取的大熊猫租赁费相当可观，并且这很可能是双赢的事情。如果这笔钱能够很好地用于大熊猫，乃至自然环境的保护，那么这绝对是一件大好事。</t>
  </si>
  <si>
    <t>镇魔曲好玩吗平民玩的下去不</t>
  </si>
  <si>
    <t>挺好的，如果是平民娱乐玩家，建议慢慢玩，精打细算，也是其乐无穷的。</t>
  </si>
  <si>
    <t>只有四级水平考gre难吗</t>
  </si>
  <si>
    <t>有一点难度，因为至少托福有80分的水平才能先上GRE的课，然后再考。GRE不上课直接考也是不现实的。而且四级水平跟托福80还是相差很远的；不过可以尝试一下。</t>
  </si>
  <si>
    <t>合同只盖章不签字有效吗</t>
  </si>
  <si>
    <t>签订协议，需要双方签字。如果签订了协议，但只是盖了章，而没有责任人签字，此协议是无效的。</t>
  </si>
  <si>
    <t>如果是公司的话只要有公司的公章那么就可以。</t>
  </si>
  <si>
    <t>前列腺治疗仪有用吗</t>
  </si>
  <si>
    <t>不仅浪费钱财且贻误病情。</t>
  </si>
  <si>
    <t>镇魂街好看吗</t>
  </si>
  <si>
    <t>说下不足的地方算了：主要是剧情脉络的把握，许大确实还是有点嫩，感觉有的时候画着画着就纯粹为自己爽而画了，剧情打斗很拖，以前放下的伏笔现在完全没有提及了。然后是打斗的细节画的不是很到位，前面的十几章做的不错，现在就有些粗糙了。还有就是人物的脸型有时会变来变去。但总体来说还是很不错的，毕竟以整个漫画的架构来说，现在的进程还是很初期的，这些东西都是要慢慢磨砺才能出来的。</t>
  </si>
  <si>
    <t>好看，国产动漫良品，内容、创意、思想都不错，值得看。</t>
  </si>
  <si>
    <t>信用卡超额会影响信用吗</t>
  </si>
  <si>
    <t>信用卡都可以超限，只是都要收取不菲的超限费和每天万分之五的罚息，不合算的。只要能按时还款、对个人信用是没有影响的。</t>
  </si>
  <si>
    <t>罗汉果治咽炎吗</t>
  </si>
  <si>
    <t>罗汉果的治疗功效颇多，一是用于肺热咳嗽、肺燥咳嗽及百日咳等，可单用煎汤内服，也可与黄芩、浙贝母、栝蒌或柿饼等共同煎汤服用。二是用于淋巴结核，可配浙贝母、夏枯草、山慈菇等以清热化痰，解毒散结。三是用于咽喉炎、扁桃体炎，可单用罗汉果煎汤饮服，或者以沸水冲泡代茶饮之，有滋润咽喉和保护声带的作用。四是用于伤津口渴，可将罗汉果剖开用沸水冲泡当茶饮服，具有生津止渴之功效。五是用于肠燥便秘，轻者可单用本品煎汤或者沸水冲泡饮服，重者可配火麻仁与郁李仁等共同煎汤。</t>
  </si>
  <si>
    <t>学会正确的泡罗汉果茶，可以巧治慢性咽炎。</t>
  </si>
  <si>
    <t>对于很多的慢性咽炎患者来说，在不发病的时候，肯定不会对慢性咽炎进行预防或者进行身体调理。因为食疗是一个漫长的过程，在每日烹饪当中，很难坚持下来，那么慢性咽炎患者可以考虑一些药茶。</t>
  </si>
  <si>
    <t>非霍奇金淋巴瘤能治好吗</t>
  </si>
  <si>
    <t>应该仔细的了解清楚到底淋巴瘤是来自于b细胞，还是来自于其他细胞。b细胞的淋巴瘤恶性程度相对比较高，但是生长相对缓慢，而且对于化疗有着比较不错的敏感性，治愈率相对来说也较高。如果是来自于t细胞的淋巴瘤，虽然说对于化疗的敏感性相对来说还比较可以，但是总的病情控制起来较难，患病之后患者的生存率相对比较低。总体说来，非霍奇金淋巴瘤发展速度都是比较快的，同时对于化疗以及放疗都有不错的敏感性，积极治疗病情可以得到控制。</t>
  </si>
  <si>
    <t>非霍奇金淋巴瘤，是一直恶性肿瘤，治愈比较困难。</t>
  </si>
  <si>
    <t>查重会查书籍吗</t>
  </si>
  <si>
    <t>收录的书还是会查的，连网页都是可以查的。</t>
  </si>
  <si>
    <t>airpods能连电脑吗</t>
  </si>
  <si>
    <t>只要使用了iCloud账号在设备上登录，airpods只需要配对一次，便能直接在其它设备上使用了。</t>
  </si>
  <si>
    <t>王者荣耀在国外火吗</t>
  </si>
  <si>
    <t>火。</t>
  </si>
  <si>
    <t>法宝任务书可以选法宝吗</t>
  </si>
  <si>
    <t>法宝任务书，只能领取一个法宝，打开有选择，不是随机，自己去师门换的那个是可以选的。</t>
  </si>
  <si>
    <t>脑瘤能治吗</t>
  </si>
  <si>
    <t>就目前治疗现状而言，恶性脑瘤仍是医学上未被攻克的一大难题，但是这也并不等于得了恶性脑瘤就被宣判了死刑，临床上亦有不少治疗后长期生存的病例。</t>
  </si>
  <si>
    <t>最好是中药治疗，并非反对西医西药，只是西医方面确实没有什么更好的方法，只能是手术、放疗、化疗，切了再切，直到生命结束，病人一直在痛苦中度过。</t>
  </si>
  <si>
    <t>脑肿瘤一直都是一种对患者的健康造成很大影响的疾病，这种病一旦恶性发展，目前来说是没有好的治疗方法的，所以有很多人在关注脑肿瘤的治愈率。脑内肿瘤80%以上为良性的，恶性脑癌只占较少的一部分。只要脑内肿瘤位置合适，一般会安排先去做手术，尽可能切除。然后根据病理结果来决定下一步的治疗。如果是恶性肿瘤，一般需要做术后放疗，现在的放疗技术已经很先进，脑内肿瘤已经可以达到根治。至于是否能行化疗，放疗后血脑屏障受到破坏，也可以做。而且化疗也可以对放疗增加疗效。</t>
  </si>
  <si>
    <t>苹果手机关机了还能查到位置吗</t>
  </si>
  <si>
    <t>理论上是可以的。</t>
  </si>
  <si>
    <t>chrome os国内可以用吗</t>
  </si>
  <si>
    <t>chromebook虽然不错 但是在中国Google服务被墙的情况下 建议不要购买 因为买了还要像交宽带一样买VPN才能正常是有chromebook全部功能。</t>
  </si>
  <si>
    <t>谷歌Chrome OS于09年11月19日全球同步发布，其中包括简体中文版本。谷歌已提供Chrome OS各个版本的下载地址，Chrome OS官方主页与Chrome官方扩展网站也将同时上线。应该可以用，不过Google Chrome OS是一款基于Linux的开源操作系统。可能你现在用的一部分程序在它下面不能使用。</t>
  </si>
  <si>
    <t>计算机三级有用吗</t>
  </si>
  <si>
    <t>计算机三级证书有必要考，计算机三级证书是工程师预备级。三级证书面向已持有二级相关证书的考生，考核面向应用、面向职业的岗位专业技能。三级证书表明持有人初步掌握与信息技术有关岗位的基本技能，能够参与软硬件系统的开发、运维、管理和服务工作。</t>
  </si>
  <si>
    <t>国家计算机等级考试中，其中如果获得三级"PC技术"证书，表明持有人具有计算机应用的基础知识，掌握Pentium微处理器及PC计算机的工作原理，熟悉PC机常用外部设备的功能与结构，了解WINDOWS操作系统的基本原理，能使用汇编语言进行程序设计，具备从事机关、企事业单位PC机使用、管理、维护和应用开发的能力；三级"信息管理技术"证书，表明持有人具有计算机应用的基础知识，掌握软件工程、数据库的基本原理和方法，熟悉计算机信息系统项目的开发方法和技术，具备从事管理信息系统项目和办公自动化系统项目开发和维护的基本能力；三级"数据库技术"证书，表明持有人具有计算机应用的基础知识，掌握数据结构、操作系统的基本原理和技术，熟悉数据库技术和数据库应用系统项目开发的方法，具备从事数据库应用系统项目开发和维护的基本能力；三级"网络技术"证书，表明持有人具有计算机网络通信的基础知识，熟悉局域网、广域网的原理以及安全维护方法，掌握因特网应用的基本技能。</t>
  </si>
  <si>
    <t>计算机三级网络但是感觉懂得还是很有限，尤其是C语言编程感觉没多大用。现在从事的也不是专门的计算机行业，如果以后要从事专门的计算机行业考考也无妨.</t>
  </si>
  <si>
    <t>杜海涛沈梦辰分手了吗</t>
  </si>
  <si>
    <t>确定分手。</t>
  </si>
  <si>
    <t>星露谷物语好玩吗</t>
  </si>
  <si>
    <t>真的太好玩了。</t>
  </si>
  <si>
    <t>达飞金融是正规公司吗</t>
  </si>
  <si>
    <t>是正规公司，取得了金融牌照的公司。</t>
  </si>
  <si>
    <t>荣耀8青春版值得买吗</t>
  </si>
  <si>
    <t>从京东、天猫的两个手机销量榜单来看，荣耀8青春版不仅成为1000-1500元价位段最畅销的手机之一，而且成为了所有手机中最畅销的手机之一。从销量来看，荣耀8青春版无疑得到了广大用户的认可。</t>
  </si>
  <si>
    <t>做个肠道检查需要预约吗</t>
  </si>
  <si>
    <t>安逸花打联系人电话吗</t>
  </si>
  <si>
    <t>跟风申请安逸花，已经接到征信电话。</t>
  </si>
  <si>
    <t>电话审核，打公司和联系人。</t>
  </si>
  <si>
    <t>不打，还款当天会发提醒短信。</t>
  </si>
  <si>
    <t>安居客上的房价准确吗</t>
  </si>
  <si>
    <t>准确，但是还是有价格浮动的，相差不大。</t>
  </si>
  <si>
    <t>大部分新增的房源价格都是真实的，只是个别房价不准，是因为这条房源信息发的时间比较早或卖掉，没有及时下架才让您误解，建议您关于价格问题，可以打电话给经纪人咨询一下更加准确。</t>
  </si>
  <si>
    <t>要看平均价挺准确的，不能看里边的单个房价。</t>
  </si>
  <si>
    <t>iphone732g够用吗</t>
  </si>
  <si>
    <t>看个人怎么使用，我觉得32g应该刚刚好。</t>
  </si>
  <si>
    <t>想要完美的体验它，32GB是不够；如果拍照要求不高，日常也不在手机存照片和视频的，可以考虑32G版本。</t>
  </si>
  <si>
    <t>岛风go能当vpn用吗</t>
  </si>
  <si>
    <t>岛风狗貌似不算VPN。</t>
  </si>
  <si>
    <t>小柿子是转基因吗</t>
  </si>
  <si>
    <t>目前小型西红柿的确有“转基因”的，主要是利用鲜鱼的基因帮助西红柿来抵御寒冷，这种小柿子从外观和口感上和普通柿子没有区别。</t>
  </si>
  <si>
    <t>中国经济会崩盘吗</t>
  </si>
  <si>
    <t>不会，对党有信心。</t>
  </si>
  <si>
    <t>中国经济崩溃论由来已久，暂时还是安全的。</t>
  </si>
  <si>
    <t>中国经济再过20年也不会崩溃。</t>
  </si>
  <si>
    <t>车辆环保标志取消了吗</t>
  </si>
  <si>
    <t>公安部门和环境部门发出了一个通知，今年开始黄绿标取消了，只要是享受6年免审的车辆，就不用每隔两年就去弄一个绿色环保标了。但是还是需要注意3个问题。1，取消机动车绿色环保标志，并不意味着汽车不用进行排量检测。2，尾气检测。3，6年免检新车用不用进行尾气检测。</t>
  </si>
  <si>
    <t>极速钱包上征信吗</t>
  </si>
  <si>
    <t>用户在极速钱包借款平台若未按时还款，不良信用记录会报送中国人民银行征信系统，会对用户信用造成极大的影响</t>
  </si>
  <si>
    <t>在极速钱包这款软件中未按时还款，会产生逾期费用，并会记录在网络征信系统中，对您的信用产生不良影响。请您按时还款，保持良好的信用记录。</t>
  </si>
  <si>
    <t>南宁大明山开放了吗</t>
  </si>
  <si>
    <t>南宁大明山景区开放时间：每年3月1日至10月31日：8:00-20:00；11月1日至次年2月28日（闰年为2月29日）：8:00-19:00 景区18：00以后停止检票入园。</t>
  </si>
  <si>
    <t>大明山春天可以爬上半山腰赏花，夏天可以躲进天然冰箱里避暑，秋天可以徒步登顶吸氧润肺，冬天可以山上的雾凇和冰凌美得惊人。大明山吸引了众多自驾游者和驴友前往“偷得浮生半日闲”，领略四季变幻。你可以游弋于广袤的原始森林，还能在骆越文化的追寻中，亲体“日中无影”的奇妙，探索大明山天坪草皮下那千古之谜的符号。山顶的微波站是观日出的佳地，游客可站在附近的平台，也是摄影秘处和绝佳角度。若是歆慕雪景的，每年12月至2月期间上大明山，立于南疆之峰便可赏尽漫山遍野银装素裹、玉树银花的北国风光。开放时间8:00-16:00。</t>
  </si>
  <si>
    <t>落日酱真的是男的吗</t>
  </si>
  <si>
    <t>男的。</t>
  </si>
  <si>
    <t>俄罗斯是发达国家吗</t>
  </si>
  <si>
    <t>俄罗斯目前不是发达国家了。发达国家的概念是经合组织提出来的。</t>
  </si>
  <si>
    <t>准确的说应该算是转型国家。俄罗斯比较特殊，即有发达国家又有发展中国家的特点。说它发达国家，是因为它的有很强的重工业，核电军工航天都是世界顶级，教育水平高，福利相对有保障，人均也超过发达国家1.2万美元的标准。说它是发展中国家，因为它产业链不均衡，腐败情况严重，政治体制也并不完全符合欧美标准的民主总之它介于两者之间，即不能说它是完全的发达国家也不能说是完全的发展中国家。</t>
  </si>
  <si>
    <t>钱有路打联系人电话吗</t>
  </si>
  <si>
    <t>用户在申请后等待平台的短信提醒，也可以通过手机验证码再次登录查询申请结果，平台不会拨打电话进行通知，只会以短信的方式通知或用户自行查询，为用户带去了极大的便捷哟。</t>
  </si>
  <si>
    <t>电动剃须刀能带上飞机吗</t>
  </si>
  <si>
    <t>可以带。</t>
  </si>
  <si>
    <t>压腿可以长高吗</t>
  </si>
  <si>
    <t>听说压腿不能长多高的。</t>
  </si>
  <si>
    <t>+12黑铁装备强化卷成功几率高吗?</t>
  </si>
  <si>
    <t>保证上12几率很大。</t>
  </si>
  <si>
    <t>平行四边形是轴对称图形吗</t>
  </si>
  <si>
    <t>平行四边形不一定是轴对称图形。理由:因为一般情况下,平行四边形无论沿任何一条直线对折,直线两侧的部分都不能完全重合。</t>
  </si>
  <si>
    <t>近视眼能治疗吗</t>
  </si>
  <si>
    <t>科专家团：近视完全治愈只有准分子近视手术。</t>
  </si>
  <si>
    <t>具备4个条件可做激光手术：1、年满18岁；2、近两年度数稳定；3、屈光稳定两年、矫正视力较好、没有其他眼病；4、经检查无手术禁忌者。</t>
  </si>
  <si>
    <t>先医学验光确诊是否真性近视，如果是真性近视裸眼视力就不能再恢复。轻度和中度近视，可配以适度凹透镜片矫正视力。关键是注意用眼卫生和眼睛的保健。</t>
  </si>
  <si>
    <t>coolibar淘宝是假的吗</t>
  </si>
  <si>
    <t>集成灶好不好</t>
  </si>
  <si>
    <t>集成灶吸油烟还是很不错的。因为集成灶排烟的口部离锅比较近，吸烟路径经过了特别的优化，能更好地控制油烟从灶具到吸口这段距离，所以吸油烟的功效会好一点。</t>
  </si>
  <si>
    <t>集成灶整合了油烟机，燃气灶，消毒柜三合一的效果，并且加上橱柜的部分台面和柜体不需要做，</t>
  </si>
  <si>
    <t>置物架方便。各种调料就在前面，随手拿。</t>
  </si>
  <si>
    <t>中能东道公司靠谱吗</t>
  </si>
  <si>
    <t>还算靠谱，是正规公司。</t>
  </si>
  <si>
    <t>不好，产品设计不行。</t>
  </si>
  <si>
    <t>适合投资。</t>
  </si>
  <si>
    <t>qq屏蔽此人对方知道吗</t>
  </si>
  <si>
    <t>对方不会收到任何反馈和回复。屏蔽消息只是让自己这边没有提醒而已。</t>
  </si>
  <si>
    <t>假发票能报销吗</t>
  </si>
  <si>
    <t>aimer在日本火吗</t>
  </si>
  <si>
    <t>微信黑名单对方知道吗</t>
  </si>
  <si>
    <t>拉黑好友后，对方发信息，会提示消息被拒收。这样，对方就知道自己被拉黑了。</t>
  </si>
  <si>
    <t>微信里把一个人拉入黑名单或拉出黑名单，对方是不会收到任何提示的。</t>
  </si>
  <si>
    <t>暗黑3好玩吗</t>
  </si>
  <si>
    <t>一定要联网才能玩。一个人玩确实容易腻，俩人组队就好多了。技能机制都行，画面也好。</t>
  </si>
  <si>
    <t>优点就是随意性比较强，想玩时玩玩，不想玩就不用管他；一次性买断，游戏没无任何需要充值花费的地方，除了出资料片时需要购买，当然你也可以不买，不买的话也可以正常玩之前的版本；没那麼多小学僧，整体素质还不错，当然国服不敢保证；整个游戏就一个主题，刷。如果你没玩过暗黑系列的游戏建议你先去玩一下暗黑2，看看能不能习惯那种玩法。并且这游戏与交易平台，所有装备除非是同在队伍内掉落的2小时内可交易外均无法交易，简单地说就是所有装备都需要你自己去打。缺点主要就是世界服网络偶尔会不太稳，总的来说算得上良心制作了，比起国内那些所谓的免费网游好太多了。</t>
  </si>
  <si>
    <t>长耕集团真的合法吗</t>
  </si>
  <si>
    <t>企业合法，但涉嫌非法集资。</t>
  </si>
  <si>
    <t>蚕结茧后可以移动吗</t>
  </si>
  <si>
    <t>诺迪康胶囊是红景天吗</t>
  </si>
  <si>
    <t>诺迪康胶囊和红景天胶囊都主要含红景天成分。</t>
  </si>
  <si>
    <t>非典是不是人类过量食用野生动物引起的</t>
  </si>
  <si>
    <t>在人所感染的冠状病毒中没发现与相似的病毒，所以能确定是是从动物中传染过来的，因此与使用动物有一定的关系。</t>
  </si>
  <si>
    <t>是的，果子狸携带此病的。</t>
  </si>
  <si>
    <t>天天狼人杀安卓和ios能一起吗</t>
  </si>
  <si>
    <t>可以，是互通的。</t>
  </si>
  <si>
    <t>骑单车能减肥吗</t>
  </si>
  <si>
    <t>端午节不能说快乐吗</t>
  </si>
  <si>
    <t>端午节不能互祝快乐的。</t>
  </si>
  <si>
    <t>端午节说“快乐”并没有错。</t>
  </si>
  <si>
    <t>北斗大健康是否传销</t>
  </si>
  <si>
    <t>是传销，别上当。</t>
  </si>
  <si>
    <t>看着很像，小心一点好。</t>
  </si>
  <si>
    <t>端午告诉免费吗</t>
  </si>
  <si>
    <t>不免费。</t>
  </si>
  <si>
    <t>二类卡可以当工资卡吗</t>
  </si>
  <si>
    <t>由于银行卡二类账户不能存取现金，所以建议使用一类账户作为工资卡。</t>
  </si>
  <si>
    <t>可以的。银行卡二类账户具备转帐功能。但由于银行卡二类账户不能存取现金，所以建议使用一类账户作为工资卡比较好。</t>
  </si>
  <si>
    <t>oppor9s用久了会卡吗</t>
  </si>
  <si>
    <t>只要是安卓系统的手机，用久了都会卡，OPPOr9s是2600左右，比一般的千元机要好一些。</t>
  </si>
  <si>
    <t>一年半内一般不会卡。</t>
  </si>
  <si>
    <t>巴拉利尼不粘锅好吗</t>
  </si>
  <si>
    <t>意大利是个使用铝锅的国家，全世界最好的铝锅来自意大利，而巴拉利尼铝制不粘锅可以称为意大利的“国民锅具”。不仅有先进、精致的工艺，还有“红绿聪明感温点”专利，红绿聪明感温点设计在手柄上，用可视化的红绿色表示温度的变化，十分方便。所以从上面几点来说，巴拉利尼不粘锅还是很不错的。</t>
  </si>
  <si>
    <t>艾芘基妮是传销吗</t>
  </si>
  <si>
    <t>8g内存够用吗</t>
  </si>
  <si>
    <t>玩游戏的话，目前为止8G 内存够用。但未来两年的游戏，是否对内存有更高要求就不确定了。今年的单机大作普遍要求6G-8G 内存才能玩得爽，如果玩单机游戏比较多的话，建议升8G 内存，多留些空间，毕竟两根插槽的主板在升级内存方面限制较大。如果做视频的话，要看视频的复杂程度。要渲3D 效果，或者做4K 视频编辑的话，建议加根8G 内存。如果只是做1080P 或更低分辨率视频，并且只做些剪辑及简单特效、字幕的话，8G 内存是够用的。</t>
  </si>
  <si>
    <t>一般8G 是没问题的，符合大部分客户需求。</t>
  </si>
  <si>
    <t>手机导航费流量吗</t>
  </si>
  <si>
    <t>根据软件不同，地理位置不同，所需流量也不同。建议下载离线地图。</t>
  </si>
  <si>
    <t>手机使用导航也可以不耗费手机流量的，在有WiFi的环境下提前下载好离线地图包，然后安装个免费导航软件就可以离线使用了。</t>
  </si>
  <si>
    <t>商铺返租一定不能买吗</t>
  </si>
  <si>
    <t>不一定，购房者在购买时要了解清楚再决定是否购买，警惕陷阱与风险。</t>
  </si>
  <si>
    <t>名校贷靠谱吗</t>
  </si>
  <si>
    <t>名校贷相对于其他的一些融资平台还是很可信的。</t>
  </si>
  <si>
    <t>悠仁亲王智力有问题吗</t>
  </si>
  <si>
    <t>智力是没问题的而且还挺聪明。</t>
  </si>
  <si>
    <t>boss直聘靠谱吗</t>
  </si>
  <si>
    <t>boss直聘很不靠谱。</t>
  </si>
  <si>
    <t>女巫可以自救吗</t>
  </si>
  <si>
    <t>一是桌游，另一个是网上。至于桌游，根据狼人手册，主持人将直接通知女巫，谁被杀害了（但是不知道刀法），当主持人指向女巫本人时，女巫如果有药，可以救自己（指自己并且大拇指向上）。至于网上，女巫只能通过刀法来推断谁死了（因为有领导力，可以暗杀），女巫就只能盲救了！（而且系统不告诉你用的药是否对，只能看看天亮时，是不是平安夜了。）</t>
  </si>
  <si>
    <t>在桌游室女巫是不能自救，因为有守卫在。要是女巫能自救，一开始就能跳出来，警长肯定在女巫手上。守卫又守女巫，女巫基本3回合不会死。又能报刀。这样就打破游戏平衡。加上在桌游室大多数都是高手，这样的女巫就是无敌的存在，狼敢跳女巫，不是找死。所以在桌游室女巫是不能自救。</t>
  </si>
  <si>
    <t>王者荣耀露娜会重做吗</t>
  </si>
  <si>
    <t>露娜重做。</t>
  </si>
  <si>
    <t>应该没有可能。</t>
  </si>
  <si>
    <t>西双版纳房价能投资吗</t>
  </si>
  <si>
    <t>投资不值得。</t>
  </si>
  <si>
    <t>挺适合投资的。</t>
  </si>
  <si>
    <t>蚊香液对人体有害吗</t>
  </si>
  <si>
    <t>具有危害，盘式、液体、电热蚊香的有效成分都是具有杀虫成分的化学制剂，区别只在于它们的载体不同。</t>
  </si>
  <si>
    <t>泡泡战士倒闭了吗</t>
  </si>
  <si>
    <t>盛大的游戏很坚挺。倒闭这种事可以不用担心。</t>
  </si>
  <si>
    <t>注册资金需要实缴吗</t>
  </si>
  <si>
    <t>以前的政策都是实缴，就是说开公司必须先按照注册资金出资才可以设立。现在出台认缴制，前期可以先不出资认缴注册资金注册公司。并在公司章程里面约定认缴期限。</t>
  </si>
  <si>
    <t>注册资金肯定是需要实缴的，但是期限由企业自己决定，所以好多企业弄了一个很长的实缴期限，在成立之初并不实缴，在经营期限内也没打算实缴。但是话说回来，经营企业的注册资金都是为了让企业能正常运营的资金，股东不缴注册资金企业就没资金运营或则只能靠借款，这样对企业很不利。而且虚构很大的注册资金并不会给外人造成企业实力很强的印象，因为有经验的人一查工商登记就能查出企业的实缴资金来。实缴与认缴的巨大差别会让人对企业很轻视的。</t>
  </si>
  <si>
    <t>实行实缴出资的公司：采取募集方式设立的股份有限公司，商业银行，外资银行，金融资产管理公司，信托公司，财务公司，金融租赁公司，汽车金融公司，消费金融公司，货币经纪公司，村镇银行，贷款公司，农村信用合作联社，农村资金互助社，证券公司，期货公司，基金管理公司，保险公司，保险专业代理机构、保险经纪人，外资保险公司，直销企业，对外劳务合作企业，融资性担保公司，劳务派遣企业，典当行，保险资产管理公司，小额贷款公司。</t>
  </si>
  <si>
    <t>多层眼皮的人漂亮吗</t>
  </si>
  <si>
    <t>其实多层眼皮很好看的。</t>
  </si>
  <si>
    <t>蛮好看的，不过因人而异。</t>
  </si>
  <si>
    <t>孕妇可以喝柠檬水吗?</t>
  </si>
  <si>
    <t>孕妇可以适量的喝柠檬水。柠檬中富含柠檬酸对人身体有益，胎儿也会摄取营养，但是要适度，不要影响体内酸碱平衡。</t>
  </si>
  <si>
    <t>孕妇可以喝柠檬水。柠檬又被称之为“益母果”，顾名思义，孕妇吃柠檬是有好处的。</t>
  </si>
  <si>
    <t>经过专家研究表明，怀孕之后，孕妇是可以喝柠檬水的，但由于柠檬水的酸性过大，所以饮用要适量，不能喝太多，也不能空腹饮用。</t>
  </si>
  <si>
    <t>大东南2017年重组吗</t>
  </si>
  <si>
    <t>正谋划重组。</t>
  </si>
  <si>
    <t>日语难学吗</t>
  </si>
  <si>
    <t>不难。</t>
  </si>
  <si>
    <t>南京同仁堂珍嗖啦是真的吗</t>
  </si>
  <si>
    <t>珍嗖啦酵素果冻是缇丽莎尔和南京同仁堂共同推出的一款保健食品，是真的。</t>
  </si>
  <si>
    <t>一部手机能同时登录两个微信吗</t>
  </si>
  <si>
    <t>阴阳师永久勾玉卡值得买吗</t>
  </si>
  <si>
    <t>3d建模师工资高吗</t>
  </si>
  <si>
    <t>一般游戏模型设计师的工资能够达到年薪10万+，游戏主美的工资能够达到年薪18万+，游戏产品总监的工资能够达到年薪30万+。</t>
  </si>
  <si>
    <t>用钱宝上征信吗</t>
  </si>
  <si>
    <t>上不了征信的首先它的利率就不符合央行出台的基准利率标准反而高的吓人，以借款1000元期限一个月为例到手就只有910，到还款期限=得还=1000，如若不将按1000的标准给=算/天的滞纳金，等于说=只借它910一个月的利率就达到将近%10了，=这个类似于借dai宝由民间闲散资金委托平台管理放出的借款所以平台有义务维护好每个放贷人的利益，要是这等高利贷都能上的了征信那所有的网络借款平台都可以上了，但或许可能会把的记录上传至第三方征信平台上，但这对目前在现实的金融机构申请任何贷款和信用卡都不会有影响的。</t>
  </si>
  <si>
    <t>青云志好看吗</t>
  </si>
  <si>
    <t>tgp能玩王者荣耀吗</t>
  </si>
  <si>
    <t>1、下载腾讯的游戏平台。2、账号进行登录。3、找到手游电脑版看。4、点击游戏进行下载。5、直接在平台中点击试玩。6、注意窗口右下角的键位提示。7、需要重新建立账号数据。</t>
  </si>
  <si>
    <t>孕妇可以吃巧克力吗</t>
  </si>
  <si>
    <t>孕妇要少吃巧克力，因为巧克力内含有咖啡因，孕妇每日摄取300毫克以上的咖啡因可能会导致孕妇流产，胎儿体重下降。</t>
  </si>
  <si>
    <t>孕妇可以吃巧克力，但要注意量。怀孕期间，每天食用不超过100克的巧克力对孕妇和胎儿的身体都有好处。</t>
  </si>
  <si>
    <t>少量的摄入是不会产生影响的，不必过度担心。</t>
  </si>
  <si>
    <t>红枣姜茶能否天天喝</t>
  </si>
  <si>
    <t>建议一天喝上两杯，喝多容易上火，可以隔一天一喝。</t>
  </si>
  <si>
    <t>茅台好喝吗</t>
  </si>
  <si>
    <t>有一股浓浓的酱香味或者浓香味在口腔里扩散，尤其是上颚和舌根，而且随着酒的下咽，这种醇厚感会更强烈。</t>
  </si>
  <si>
    <t>西红柿和黄瓜能一起吃吗</t>
  </si>
  <si>
    <t>黄瓜不能和西红柿一起吃。</t>
  </si>
  <si>
    <t>辉夜害怕的人是桃式吗</t>
  </si>
  <si>
    <t>大筒木桃式，剧场版博人传中的最终反派角色，是第一个种下神树的人，最主要的是，他是一个让辉夜都感到恐惧的人！也是惟一一个让辉夜害怕的人！双目白眼，双手有着红色轮回眼，吸收金式之后变成紫色！拥有“神之力”。</t>
  </si>
  <si>
    <t>大筒木桃式，日本知名动漫《火影忍者》第11部剧场版《火影忍者剧场版：博人传》的最终BOSS。诡异地出现在辉夜的冰雪空间，又突然袭击木叶村的神秘男子，称大筒木辉夜为“鼠辈”，收集着散布于世界的神树查克拉。其真实身份是种下第一棵神树的人，也是“查克拉之祖”大筒木辉夜唯一恐惧的敌人。根据官方游戏《究极风暴4：博人之路》剧情，完整状态的桃式拥有辉夜也望尘莫及的“神之力”。</t>
  </si>
  <si>
    <t>普京偷茶壶是真的吗</t>
  </si>
  <si>
    <t>当然是真的。</t>
  </si>
  <si>
    <t>三星s8需要贴膜吗</t>
  </si>
  <si>
    <t>S8的曲面真不好贴膜，水凝膜虽然能全包，但是影响观感，还是裸奔。</t>
  </si>
  <si>
    <t>三星手机机器出厂前屏幕经过防刮测试可防止正常操作范围内的磨损，不用贴膜也不影响。但贴膜可以有效避免一些尖锐物体对屏幕造成直接损坏，可以按个人喜好选择是否贴膜。</t>
  </si>
  <si>
    <t>电脑能装微信吗</t>
  </si>
  <si>
    <t>能</t>
  </si>
  <si>
    <t>弦子是二婚吗</t>
  </si>
  <si>
    <t>王者荣耀电脑版好玩吗</t>
  </si>
  <si>
    <t>根本玩不出 lol 的操作，王者荣耀电脑版几乎0走位。</t>
  </si>
  <si>
    <t>完全就是一款手机游戏，模拟器的关系。电脑上走位至少停顿0.3秒，移动都是问题，何谈技能和攻击键距离间隔互用，对于电脑来说绝对是垃圾。</t>
  </si>
  <si>
    <t>荔枝吃了上火吗</t>
  </si>
  <si>
    <t>会。荔枝含自然葡萄糖多，还有卵白质碳水化合物多种维生素补脑，健身，益智然则多吃上火。</t>
  </si>
  <si>
    <t>车管所端午节放假吗</t>
  </si>
  <si>
    <t>端午节是国家法定节假日，所有的事业单位、学校和企业都会放假三天，车管所也会放假。但一般会安排人值班，处理突发事件，不办理业务。</t>
  </si>
  <si>
    <t>哺乳期来月经会影响母乳质量吗</t>
  </si>
  <si>
    <t>奶水质量不会变差，可继续哺乳。</t>
  </si>
  <si>
    <t>民间有说法认为，产妇月经来潮后，乳汁就会变得没有营养了。其实不然，众所周知，产后4个月内的母乳质量是最好的，月经来潮后，乳汁质量并不会变差，但有时会比较浓缩，部分产妇乳汁的分泌会有所减少。乳汁中所含蛋白质及脂肪的质量也稍有变化，蛋白质的含量偏高些，脂肪的含量偏低些。这种乳汁有时会引起婴儿消化不良症状，但这只是暂时的现象，等到经期过后，就会恢复正常。出现这些情况主要是因为体内催乳素水平的改变，但是由于乳汁的分泌很大程度上与宝宝的吸吮和产妇的饮食密切相关，所以适当增加宝宝每天的吸奶时间和次数可达到促进乳汁分泌的效果。因此无论是处在经期还是经期后，都无须停止哺乳。当月经来潮时，哺乳妈妈的乳量一般会有所减少。</t>
  </si>
  <si>
    <t>王者荣耀墨子值得买吗</t>
  </si>
  <si>
    <t>就要看好不好用，墨子在团队中起到的效果比程咬金还好，也就是说在值不值得购买方面，小编认为墨子比程咬金更值得购买。</t>
  </si>
  <si>
    <t>喜欢玩暴力输出的玩家不建议购买，但是如果团战意识比较强，爱保护后排的这个英雄相当不错。</t>
  </si>
  <si>
    <t>微信被拉黑了还能看朋友圈吗</t>
  </si>
  <si>
    <t>千明勋结婚了吗</t>
  </si>
  <si>
    <t>据报道，千明勋目前还没有结婚。</t>
  </si>
  <si>
    <t>vitacost有假货吗</t>
  </si>
  <si>
    <t>东西肯定是真。人家是1994年就开办了，去年是全美网商销量排名第7。</t>
  </si>
  <si>
    <t>总体来看VT假货很少。</t>
  </si>
  <si>
    <t>笑傲江湖ol好玩吗</t>
  </si>
  <si>
    <t>不是很好玩。</t>
  </si>
  <si>
    <t>开始挺好玩的，后期就有点无聊了。</t>
  </si>
  <si>
    <t>这游戏还是不错的。</t>
  </si>
  <si>
    <t>灰胡子魔法师 维迦有特效吗</t>
  </si>
  <si>
    <t>一天一次性爱对身体有伤害吗</t>
  </si>
  <si>
    <t>频繁的性生活对身体是有害的。主要受双方年龄、职业、性格、精神心理和环境条件的影响。 其衡量频次合适的标准是：性交后的次日不感到疲劳，身心愉快，精力充沛。那么，通常情况下，从生理和有益身心健康的角度，每周性交几次为合适呢？ 性交后有足够的休息睡眠时间，即使是每天晚上性交，也算合适。 一对身体健康的青年夫妻，以每周3次性交为宜；一对壮年夫妻，每周1-2次性生活也不算过度；40-50岁的中年夫妻，每周可安排一次性生活；一对身体健康的老年夫妻，也不应该戒除性生活。</t>
  </si>
  <si>
    <t>青年人的性生活频率一般来讲，每周1～2次比较合适，但是一至两天一次也不算多。每个人身体有差异，第二天没感到身体不适就可以。一般热恋中的男女都很难控制的，控制好每次的时间，不要过长，会太过疲乏。如果双方不觉疲劳，而感到精神饱满、工作有劲，这就表明性生活适度。性生活是否适度，可用次日的感觉作为判断标准。而你目前的情况已经出现担心或心理上的不适，建议适当的节制一下，可以一周2~3次比较合理，对身心健康也好。</t>
  </si>
  <si>
    <t>蜜月期一般一天3-4次也是正常的。中年一般一周2-3次，甚至 1次。老年一月1次为宜。一般的判断原则是：以第二天不感到疲惫为适度。</t>
  </si>
  <si>
    <t>公司不续签合同要赔偿吗</t>
  </si>
  <si>
    <t>用人单位提出不续签的，应该支付劳动者经济补偿金。</t>
  </si>
  <si>
    <t>黑蛋要升级吗</t>
  </si>
  <si>
    <t>黑蛋给主力生技能直接用，白达摩生到五星给主力升6。</t>
  </si>
  <si>
    <t>黑的不用升级，升技能的，有SSR喂给SSR毕竟升技能要吞相同的式神。白的升级所需经验是普通式神的一半所以拿来升星，最好是升到五星，用来推主力的六星。</t>
  </si>
  <si>
    <t>黑蛋最好的食用方式就是喂给ssr或者自己觉得好用的主力。</t>
  </si>
  <si>
    <t>复试入职的机会大吗</t>
  </si>
  <si>
    <t>非常之大。</t>
  </si>
  <si>
    <t>应该不是很大。</t>
  </si>
  <si>
    <t>碧桂园欧洲城会升值吗</t>
  </si>
  <si>
    <t>升值前景无限广阔。</t>
  </si>
  <si>
    <t>输卵管堵塞会自己通吗</t>
  </si>
  <si>
    <t>输卵管堵塞是不会自己变通的、要及时治疗才可以的。</t>
  </si>
  <si>
    <t>输卵管堵塞主要是由于炎症经子宫内膜向上蔓延。如果治疗不及时，病情加重，就可能形成脓肿破坏输卵管的结构，此时单纯应用药物是不可能解决问题的。当输卵管的功能和结构被破坏时，疾病是不会自愈的。</t>
  </si>
  <si>
    <t>不治疗很难自己好的，如果不是很严重，可以考虑通液治疗的，所以及时到大医院的妇科检查治疗。</t>
  </si>
  <si>
    <t>改装剪刀门违法吗</t>
  </si>
  <si>
    <t>改装内饰包括车门在内是不犯法的。</t>
  </si>
  <si>
    <t>龙吟平衡车是杂牌吗</t>
  </si>
  <si>
    <t>整体看起来真的是比较上档次的，看起来还是很舒服的。</t>
  </si>
  <si>
    <t>质量很好。</t>
  </si>
  <si>
    <t>不好，站在上面，踮起脚试试看，抖动到整个人受不了，摔伤。这些杂牌的都不安全，真正好的这种东西无手扶的，不能低于1000员，带扶杆的，不能低于3000员（小米除外）总之，一分钱一分货，安全，质量，稳定性是不一样的。</t>
  </si>
  <si>
    <t>空调挡风板有用吗</t>
  </si>
  <si>
    <t>有效果的。</t>
  </si>
  <si>
    <t>感觉有点用。</t>
  </si>
  <si>
    <t>肝上有结节可以治愈吗</t>
  </si>
  <si>
    <t>这要看结节的定性。</t>
  </si>
  <si>
    <t>6s32g够用吗</t>
  </si>
  <si>
    <t>不看剧，应用低于50，肯定够。</t>
  </si>
  <si>
    <t>韩国停止部署萨德了吗</t>
  </si>
  <si>
    <t>没有停止，现在只是说要暂停布置，但还只是说说而已。</t>
  </si>
  <si>
    <t>韩国政府态度强硬，没有一点要停止的意思。</t>
  </si>
  <si>
    <t>ipad air能升级10.3吗</t>
  </si>
  <si>
    <t>看自己选择，air升级系统无压力。</t>
  </si>
  <si>
    <t>理优1对1是骗局吗</t>
  </si>
  <si>
    <t>觉得还可以的，孩子一直在上1对1英语口语。</t>
  </si>
  <si>
    <t>试用期辞职有工资吗</t>
  </si>
  <si>
    <t>劳动者依据劳动法第三十二条第一项解除劳动合同（在试用期内解除劳动关系），用人单位可以不支付经济补偿金，但应按照劳动者的实际工作天数支付工资。</t>
  </si>
  <si>
    <t>fgoios和安卓互通吗</t>
  </si>
  <si>
    <t>运营商已经发表声明表示iOS平台和Android平台为独立服务器，数据不互通。</t>
  </si>
  <si>
    <t>安利是传销吗 合法吗</t>
  </si>
  <si>
    <t>安利是直销。是合法的。</t>
  </si>
  <si>
    <t>浮潜需要会游泳吗</t>
  </si>
  <si>
    <t>浮浅真是很危险的事，还是适合会游泳的人。</t>
  </si>
  <si>
    <t>不会游泳都可以学潜水。</t>
  </si>
  <si>
    <t>不会游泳，最好不要浮潜。</t>
  </si>
  <si>
    <t>融贝网可靠吗</t>
  </si>
  <si>
    <t>融贝网有银行存管，安全性应该没问题，但是资产有点杂，信息纰漏不是很明确，而且利息低，月标才6.5%；可以关注下爱钱帮，有银行存管，主要是车贷，车都是质押，月标9%。</t>
  </si>
  <si>
    <t>融贝网的标的由融贝网与合作的第三方机构共同甄选，并由双方风控团队独立进行审核调查，借款人需提供足额抵押品才能融资，这样可以减少违约风险，这种提供抵押物的担保模式还是比较可靠的。</t>
  </si>
  <si>
    <t>安全是肯定的。目前融贝与清华科技园启迪孵化已携手服务中小微企业，始终坚持做值得信赖的P2P平台，预计年化率为10%-15%。</t>
  </si>
  <si>
    <t>伟哥有效果吗</t>
  </si>
  <si>
    <t>有效果。</t>
  </si>
  <si>
    <t>dnf勋章强化会碎吗</t>
  </si>
  <si>
    <t>一直强化到7为止。然后去拍卖搜索蚕丝护肩，去林纳斯那边买生锈的武士刀、蚕丝护肩是主角、把蚕丝护肩（8-10范围内）扔给凯丽，增幅加10以上会碎。锻造会失败、垫刀拿一把+7的一直抛，只要是加10以上的都会碎、再一把+10的垫刀抛、如果失败了异界气息一个以上会有几率失败、9和10一样、最好是买5把、成功几率80%，失败后也会碎、直到碎掉。</t>
  </si>
  <si>
    <t>目前国服最高到7，7之后无法继续强化，强化过程中不会碎。</t>
  </si>
  <si>
    <t>DNF强化无论什么装备，只要是加10以上的都会碎凯利强化加10以上会碎；锻造会失败，不会碎；增幅加10以上会碎；异界气息一个以上会有几率失败，失败后也会碎。</t>
  </si>
  <si>
    <t>不看他的朋友圈 对方知道吗</t>
  </si>
  <si>
    <t>别人是不会知道的，用户设置了不看好友的朋友圈只有自己知道，对方也不知道。</t>
  </si>
  <si>
    <t>中岛美雪来过中国吗</t>
  </si>
  <si>
    <t>禽流感病毒高温能杀死吗</t>
  </si>
  <si>
    <t>禽流感病毒对外界环境的抵抗力不强，对高温、紫外线、各种消毒药敏感，容易被杀死，在56℃加热30分钟，60℃加热10分钟，70℃加热数分钟，阳光直射40小时至48小时即可使禽流感病毒丧失活性。由于该病毒对于温度非常敏感，一般不能在70℃或以上生存，所以进食煮熟家禽并不会感染病毒，也就是说，食用之前高温充分烹煮，杀灭病毒，可放心食用。</t>
  </si>
  <si>
    <t>禽流感病毒100度高温一分钟就可以杀灭。</t>
  </si>
  <si>
    <t>在100°C温度下，流感病毒1-2分钟就可灭活。预防禽流感最可行的方法就是尽量不与鸟类接触，监测禽流感在家禽及鸟类中的流行情况，及时做出预警并采取必要的干预措施。</t>
  </si>
  <si>
    <t>人妖有丁丁吗</t>
  </si>
  <si>
    <t>只是身材变了，可丁丁在。</t>
  </si>
  <si>
    <t>菲律宾旅游安全吗</t>
  </si>
  <si>
    <t>1、在菲律宾南部的棉兰老岛一直有反政府武装 从未消失。2、菲律宾国内也非常重视国家安全。3、其实菲律宾大多商场酒店都是有持枪保安和安检机制的，所以安全系数还是很高的。4、从经济层面来说，菲律宾在标普指数，惠誉指数上都在亚洲中游，也说明其政治稳定，不会有大的变动，所以无需担心国内会有军阀混战。</t>
  </si>
  <si>
    <t>菲律宾旅游景点治安很好，可以放心前往。</t>
  </si>
  <si>
    <t>长滩岛是菲律宾重要的旅游区域，岛上治安很好，当地人淳朴好客。毕竟是他们生存的家园，而且也是最重要的收入来源，所以他们自己也会守护岛上的安全，不会允许恐怖组织祸害他们的地盘。长滩岛一直是海岛中我比较推荐的，海水清澈、沙滩一流，景点集中，交通便利，物价偏低。有很多欧美人选择到长滩岛度假，所以不要犹豫了，安全真的不成问题，大胆出发吧。</t>
  </si>
  <si>
    <t>魔兽世界只能包月了吗</t>
  </si>
  <si>
    <t>是的，8月4日后将不能再购买点卡，只能充值月卡了。</t>
  </si>
  <si>
    <t>徐鹤宁到底是不是传销?</t>
  </si>
  <si>
    <t>洗脑而已，不是传销。</t>
  </si>
  <si>
    <t>端午节生日好吗</t>
  </si>
  <si>
    <t>不能一概而论，需要具体看生辰八字五行旺衰和大运走势，另外人的名字也影响人的运势，所以即使不好的生辰八字，有一个好名字也会改变人的命运。</t>
  </si>
  <si>
    <t>端午节出生的孩子好。</t>
  </si>
  <si>
    <t>电子期刊能评职称吗</t>
  </si>
  <si>
    <t>有很多单位不认可 电子期刊的！！只认纸质期刊！评职称能不能用，要看你们单位的具体规定，认可就能用，不认可就不能用。</t>
  </si>
  <si>
    <t>很多地方评职称 都是不认连续性电子期刊的。建议发 普通纸质期刊吧。</t>
  </si>
  <si>
    <t>黑加仑是葡萄吗</t>
  </si>
  <si>
    <t>黑龙江大学是211吗</t>
  </si>
  <si>
    <t>峨眉时光旅游公寓靠谱吗</t>
  </si>
  <si>
    <t>word崩溃之后没保存的内容找得回来吗</t>
  </si>
  <si>
    <t>找的回来。方法一：打开word，点击左上角的文件菜单，在弹出的下拉列表中默认选中的就是打开选中，在右边可以看到最近使用的文档，可以找到在忘记没有保存的文件；方法二：打开word，点击左上角的文件菜单。在弹出的下拉列表中选择"选项"标签。在弹出的word选项对话框中选择“保存”。在右边对话框列出的内容中，找到“自动恢复文件位置”。在后面选择“浏览”就可以看见自己编辑word产生的临时文件，找到自己未保存的双击打开后确认内容无误后选择另存为保存即可。</t>
  </si>
  <si>
    <t>打开Word程度，在窗口的左侧显示文件恢复任务空格，恢复的文档都命名为“自动恢复功能保存+文件名”。单击左侧的三角，在弹出的选项中选择另存为，点击“另保存”。弹出另存为对话框，在“文件名”框中，键入或选定已有的文档文件名。</t>
  </si>
  <si>
    <t>非典病毒的蔓延是人类食用野生动物引起的吗</t>
  </si>
  <si>
    <t>“非典”由野生动物传播这一说法，尚未得到医学上的权威定论。但有一点，我可以肯定：食用野生动物，确实有染病的危险。</t>
  </si>
  <si>
    <t>SARS病毒是冠状病毒的一个变种，是引起非典型肺炎的病原体。变种冠状病毒与流感病毒具有亲缘关系，但它是非常独特的一种冠状病毒，在2002年冬到2003年春肆虐全球的严重急性呼吸综合征（SARS、传染性非典型肺炎）的元凶就是这种冠状病毒。2013年，中国科学院武汉病毒研究所研究员石正丽带领的国际研究团队分离到一株与SARS病毒高度同源的SARS样冠状病毒，进一步证实中华菊头蝠是SARS病毒的源头。</t>
  </si>
  <si>
    <t>微头条有收益吗</t>
  </si>
  <si>
    <t>今日头条的微头条类似于微博，当然又不同于微博，个人认为它有自己的推荐机制。可以根据你的阅读兴趣推荐相关的动态。但是，可以增加个人魅力，增加粉丝。是没有任何收益的。</t>
  </si>
  <si>
    <t>微头条是今日头条里面的一个小板块，发微头条不算文章数量，也没有收益，但是可以增加粉丝数量。</t>
  </si>
  <si>
    <t>开零食店利润空间大吗</t>
  </si>
  <si>
    <t>只是开零食店的话，利润太单一。</t>
  </si>
  <si>
    <t>现在开零食店的话，不但竞争压力大，而且商品同质化等问题也相当大。</t>
  </si>
  <si>
    <t>公众号注销后可以马上申请吗</t>
  </si>
  <si>
    <t>一个身份主体下可以申请五个公众号，不需要等待。但是重新申请的公众号和注销的公众号没有关系。</t>
  </si>
  <si>
    <t>公司没有车 员工能报销加油费和停车费吗</t>
  </si>
  <si>
    <t>可以使用“公司经营需要租赁社会车辆”的名义报销加油费用，因为现在有的汽车租赁是需要租赁者自己出加油费的，在加油费发票后面附一个说明即可作为报销凭证，所谓“说明”就是写清楚“由谁来出”，就可以报销了。</t>
  </si>
  <si>
    <t>ufc有没有打死过人</t>
  </si>
  <si>
    <t>佝偻病能治好吗</t>
  </si>
  <si>
    <t>只要合理补充钙剂和鱼肝油，佝偻病是可以治愈的，除非是抗维生素D性佝偻病，维生素D2一般一到两个月可以重复注射，也可以在一个月之后每天口服维生素D制剂。</t>
  </si>
  <si>
    <t>腾远教育包过资料准吗</t>
  </si>
  <si>
    <t>不要相信。</t>
  </si>
  <si>
    <t>守望先锋玩的人多吗</t>
  </si>
  <si>
    <t>玩的不多。</t>
  </si>
  <si>
    <t>应用体验员是真的吗</t>
  </si>
  <si>
    <t>赚钱可能还是有的，只是这种不太靠谱，要做还是做点稳定点的，做点有新意的。</t>
  </si>
  <si>
    <t>吃紫薯会发胖吗</t>
  </si>
  <si>
    <t>不会发胖。</t>
  </si>
  <si>
    <t>吃多了会长胖的。</t>
  </si>
  <si>
    <t>亲亲小贷打联系人电话吗</t>
  </si>
  <si>
    <t>会打联系人电话。</t>
  </si>
  <si>
    <t>房产税每年都要缴纳吗</t>
  </si>
  <si>
    <t>《中华人民共和国房产税暂行条例》第七条明确规定---房产税按年征收、分期缴纳。房产税是每年征收，有的地方是一年分两次征收，也有每年一次性征收。具体看当地规定。</t>
  </si>
  <si>
    <t>房产税是每年都要缴的。房产税是以房屋为征税对象，按房屋的计税余值或租金收入为计税依据，向产权所有人征收的一种财产税。房产按照新增方式和用途的不同，分别确定纳税义务发生时间。</t>
  </si>
  <si>
    <t>85传说能合成90传说吗</t>
  </si>
  <si>
    <t>是可以升级的，但是要看脸，我合了30次没有升级的上去，人家一次就上够了。</t>
  </si>
  <si>
    <t>有路由器还要猫吗</t>
  </si>
  <si>
    <t>1.路由器是否需要和猫配套使用，这个要看网络环境，和线路连接方式，比如宽带网线是从别人家的路由器拉来的，那么路由器就可以单独使用，不需要猫。2.如果宽带是从网络商的机房直接拉到家里的电话线或是光纤线，那么就必须要通过调制调解器（ADSL猫或光纤猫）转换之后才能连接电脑或路由器。</t>
  </si>
  <si>
    <t>被猫咬了会得狂犬病吗</t>
  </si>
  <si>
    <t>理论上是不会得狂犬病的，一般患有狂犬病的动物会在感染病毒一星期内发病，而且发病后会很快死亡，如果被带有狂犬病毒的动物咬伤，又未注射疫苗的，可观察此动物在一星期到十天内有无发病，那只猫都一年了都还活着，这说明那只猫并未感染狂犬病毒，所以被那只猫咬到的人可以确定未感染狂犬病毒。</t>
  </si>
  <si>
    <t>首先要看咬伤程度，如果没出血，只是破损表皮，那么稍微冲洗一下，用滴露或威露士洗手液清洗一下就可以了，还可以在伤口上抹点百多邦或金霉素、红霉素眼膏。如果咬伤出血的话，那么立即要用大量清水冲洗，同时挤出猫猫留在伤口内的唾液，反复涂抹碱性肥皂，反复冲洗到伤口发白为止，不要怕疼，洗的越深，越彻底越好（大约要20－30分钟）。然后在伤口上涂抹碘酒，关于是否打狂犬疫苗，我的观点是，如果是明确疯猫或流浪猫所咬，那么要去打针的，同时还要注射破伤风血清。一般家里长期养的猫咬伤，只要象2这样处理，基本可以不要去打针了，不过要是咬的是面部，四肢近中枢神经的部位，而且特别严重，还是建议打针。（注明：如果你的猫猫是狂犬病毒长期隐匿携带者，即使它注射过疫苗只能使它不发病，并不意味着你被它咬后也不发病）。</t>
  </si>
  <si>
    <t>即便带狂犬病毒的猫狗，只在临发病前才具有传染性，而发病后会迅速死亡。因此，狂犬病并不是一种容易大规模流行的传染病（因为病兽速死，没有太多机会去感染别人）。所以世界卫生组织确定对可疑病兽的观察期为十天，这还是留出富余了呢。</t>
  </si>
  <si>
    <t>早期胃癌可以治愈吗</t>
  </si>
  <si>
    <t>胃癌的早期能治好的。</t>
  </si>
  <si>
    <t>0w40机油夏天能用吗</t>
  </si>
  <si>
    <t>一年四季通用。</t>
  </si>
  <si>
    <t>不能，0W级别机油不适合夏季使用。</t>
  </si>
  <si>
    <t>现在机油都是冬夏两用，0W和40分别表示机油所能使用的最低和最高温度。</t>
  </si>
  <si>
    <t>2017年士官学校好考吗</t>
  </si>
  <si>
    <t>士官学校，这个是比较容易考的。</t>
  </si>
  <si>
    <t>三里人家是真的吗</t>
  </si>
  <si>
    <t>三里人家产品本来就是好的。</t>
  </si>
  <si>
    <t>墨西哥是发达国家吗</t>
  </si>
  <si>
    <t>不算发达国家，属于发展中国家。</t>
  </si>
  <si>
    <t>墨西哥是发展程度较高的发展中国家。</t>
  </si>
  <si>
    <t>墨西哥连发达国家都算不上。</t>
  </si>
  <si>
    <t>男性尿道炎能自愈吗</t>
  </si>
  <si>
    <t>患上尿道炎之后的最好还是采取一定的措施去治疗自己的疾病，想要自己痊愈是非常困难的，尤其是当病菌在尿道内发生，如果不能尽早治疗好的话，很有可能回流的尿液将病毒带到自己身体内的其他部位导致发生疾病，到时候在想要治疗就会非常麻烦了。</t>
  </si>
  <si>
    <t>淘宝拍卖的手表是真的吗</t>
  </si>
  <si>
    <t>不是玩表的高手，真不能随意购买。淘宝上面购表，不能全面否定手表一定都是假表，但水深呀，新手还是远离吧。</t>
  </si>
  <si>
    <t>荔蝽的卵有没有毒</t>
  </si>
  <si>
    <t>有毒的，如果不小心弄到身上，要及时的用清水清洗干净，必要时涂抹些皮炎平。</t>
  </si>
  <si>
    <t>荔蝽的卵没有毒。</t>
  </si>
  <si>
    <t>骑马与砍杀有手机版吗</t>
  </si>
  <si>
    <t>有，但是需要英伟达，需要手柄。</t>
  </si>
  <si>
    <t>只能在英伟达的cpu的手机上玩，而且需要英伟达游戏手柄才可以。</t>
  </si>
  <si>
    <t>如果你的手机是安卓系统，两种方式，一是从手机上下载安卓游戏软件APP搜索就可以了，二是从电脑上下载再传给手机，如果你的手机是IOS系统，进入APP store 搜索下载就OK。</t>
  </si>
  <si>
    <t>win10专业版有必要吗</t>
  </si>
  <si>
    <t>很有必要。</t>
  </si>
  <si>
    <t>没有必要。</t>
  </si>
  <si>
    <t>春兰空调倒闭了吗</t>
  </si>
  <si>
    <t>春兰空调短时间内应该不会倒闭，并且开始生产变频空调了。</t>
  </si>
  <si>
    <t>个人订阅号可以升级为企业订阅号吗</t>
  </si>
  <si>
    <t>三峡大学是211吗</t>
  </si>
  <si>
    <t>三峡大学不是211工程大学。</t>
  </si>
  <si>
    <t>肺结核能彻底治好吗</t>
  </si>
  <si>
    <t>肺结核是完全可以治好，但是因为这是一种慢性病，所以治疗时间较长。</t>
  </si>
  <si>
    <t>对肺结核应有正确的认识，目前肺结核有特效药物治疗，疗效十分满意。肺结核不再是不治之症了。应有乐观精神和积极态度，做到坚持按时按量服药，完成规定的疗程，否则容易复发。</t>
  </si>
  <si>
    <t>可以治好的疗程一般在6个月到9个月，一定要按疗程吃药，不能缩时间，不然复治会很难，记得注意营养和休息。</t>
  </si>
  <si>
    <t>02095508是不是广发银行的电话</t>
  </si>
  <si>
    <t>银行的客服热线均不会加区号。只要发现号码加区号或者有误，即可判断为诈骗电话。这类诈骗电话都是用软件做出的来电，只能单向拨出，却不能回拨。</t>
  </si>
  <si>
    <t>一般违规扣12分对店铺有影响吗</t>
  </si>
  <si>
    <t>A 类违规12分，一个节点处罚，屏蔽店铺7天，处罚期结束考试通过之后店铺可以恢复。</t>
  </si>
  <si>
    <t>第二十四条淘宝网对会员的严重违规行为采取以下违规处理方式: (一)会员严重违规扣分累计达十二分的，给予店铺屏蔽、限制发布商品、限制创建店铺、限制发送站内信、限制社区功能及公示警告七天的处理。每扣十二分即被给予店铺屏蔽、限制发布商品及公示警告七天的节点处理。  若会员因恶意评价或竞拍不买被扣分，则在随后的节点处理中将对其增加限制买家行为的处理。</t>
  </si>
  <si>
    <t>东方国信是外包公司吗</t>
  </si>
  <si>
    <t>是外包公司。</t>
  </si>
  <si>
    <t>抵押车可以买吗</t>
  </si>
  <si>
    <t>抵押车实际上就是贷款车,有以下两种情况：第一种是银行分期车辆；第二种是抵押给个人或者公司借款的车辆。针对抵押车买卖是否合法的问题，如果抵押已经解除，可以买；如果没有解除，买了将来会有风险，也就是说：如果原主人按期还款，就没事了；如果他不按期还款，到时这车可能被抵押权人申请拍卖用于还债，因为这车法律上还不是你的，到时只能要求原主人还你买车钱，无示拒绝拍卖。</t>
  </si>
  <si>
    <t>烧炭中毒时人会痛苦吗</t>
  </si>
  <si>
    <t>有头痛、无力、眩晕、劳动时呼吸困难，症状加重，患者口唇呈樱桃红色，可有恶心、呕吐、意识模糊、虚脱或昏迷等症状。</t>
  </si>
  <si>
    <t>一氧化碳中毒会产生头晕恶心，轻度中毒应该会感觉到，若重度重度人将陷入昏迷。</t>
  </si>
  <si>
    <t>会浑身乏力，甚至不省人事，最终导致人窒息死亡。</t>
  </si>
  <si>
    <t>vue适合pc端吗</t>
  </si>
  <si>
    <t>Vue 官网上似乎没有说过是专注于移动开发的。</t>
  </si>
  <si>
    <t>适合， vue2可以后端渲染了。</t>
  </si>
  <si>
    <t>海舌公园有公交吗</t>
  </si>
  <si>
    <t>徐公子胜治是修真者吗</t>
  </si>
  <si>
    <t>2017现在刷单还有用吗</t>
  </si>
  <si>
    <t>相对于前几年从去年开始销量的权重已被砍去大半，但是在所有权重里还是占很高的，今年又把详情页里显示的销量给隐藏了，如果大家单纯的还只是去刷销量不去做其他的优化，显然在今年是行不通的。即使销量权重已不如以前那么高，但是适当的淘宝补单还是有必要的。</t>
  </si>
  <si>
    <t>西安紫薇西棠值得买吗</t>
  </si>
  <si>
    <t>0是自然数吗</t>
  </si>
  <si>
    <t>0是自然数。</t>
  </si>
  <si>
    <t>7速双离合很容易坏吗</t>
  </si>
  <si>
    <t>只要使用得当不容易坏。</t>
  </si>
  <si>
    <t>随手记是金蝶的吗</t>
  </si>
  <si>
    <t>随手记是金蝶集团的。</t>
  </si>
  <si>
    <t>随手记是金蝶软件公司的一款低端产品。</t>
  </si>
  <si>
    <t>新疆夏天热吗</t>
  </si>
  <si>
    <t>新疆地区早晚温差较大，“早穿皮袄午穿纱，围着火炉吃西瓜”是这新疆典型的气候典型的写照，新疆属于温带大陆性气候，由于日照强度、昼夜温差大、不同季节，不同海拔区气候差异显明著，如遇恶劣天气，乍寒乍暖，故清注意增减衣物，做好预寒及防暑工作。早晚温差大可达到10-15度左右差距，一般来说夏季也需带外套，但同时也需做好防晒措施。</t>
  </si>
  <si>
    <t>农夫山泉有桶装水吗</t>
  </si>
  <si>
    <t>农夫山泉有桶装水。</t>
  </si>
  <si>
    <t>子宫息肉手术要住院吗</t>
  </si>
  <si>
    <t>子宫内膜息肉手术是需要住院观察的。</t>
  </si>
  <si>
    <t>患病后用手术进行治疗的时候，一定要住院治疗。</t>
  </si>
  <si>
    <t>术后门诊观察两个小时,不用住院。</t>
  </si>
  <si>
    <t>孙怡的男朋友是邓伦吗</t>
  </si>
  <si>
    <t>孙怡的现任男朋友是董子健。</t>
  </si>
  <si>
    <t>kindle可以看pdf吗</t>
  </si>
  <si>
    <t>完全可以看。只是体验不好，尤其是扫描版pdf。</t>
  </si>
  <si>
    <t>可以是可以的，因为这屏幕尺寸太小。</t>
  </si>
  <si>
    <t>极品飞车19有破解版吗</t>
  </si>
  <si>
    <t>没有破解，破解难度太高。</t>
  </si>
  <si>
    <t>极品飞车19需要全程联网，只有正版游戏才能正常运行。</t>
  </si>
  <si>
    <t>2017兵役登记是强制的吗</t>
  </si>
  <si>
    <t>我国兵役法第十三条规定，国家实行兵役登记制度。每年12月31日以前年满十八周岁的男性公民都应当在当年6月30日以前，按照县、自治县、市、市辖区的兵役机关的安排进行兵役登记。根据相关规定，兵役登记是对符合服兵役年龄的公民进行的注册管理，是国家法律规定的一项重要兵役工作制度。兵役登记是国家强制性义务。</t>
  </si>
  <si>
    <t>兵役登记不代表参军入伍。兵役法规定我国的兵役制度采用义务与志愿相结合的形式。义务就是指强制兵役登记，志愿就是指在登记时可以根据个人意愿选择应征或缓征。应征就是报名参军入伍，但是，能否入伍还要看能否通过体检政审等后续的一系列环节。缓征就是不报名。</t>
  </si>
  <si>
    <t>根据我国兵役法规定，国家实行兵役登记制度，凡是适龄男性公民，无论参不参军，都应在每年1月1日至6月30日前完成兵役登记。</t>
  </si>
  <si>
    <t>莆田的鞋子都是假的吗</t>
  </si>
  <si>
    <t>gnc在美国被曝光了吗</t>
  </si>
  <si>
    <t>由纽约州总检察长办公室进行的DNA测试表明,在四大零售商的一些分店里,高达79%的补充剂里并不含关键有效成分,或者主要成分已被其他成分鱼目混珠。据悉,纽约州当局两年前就已经开始对四大零售商最畅销的保健品进行抽样调查,结果发现,许多产品不含标签上所说的植物成分或含有其他成分。此外,新西兰市场的鱼油保健品也被曝质量有问题。新西兰奥克兰大学研究人员近日发布的研究报告显示,在新西兰市面上销售的绝大多数鱼油产品,所含脂肪酸成分Omega-3低于标记含量。另外,多数产品的氧化程度超过建议上限。</t>
  </si>
  <si>
    <t>报道称，纽约州当局在两年前就开始对四大零售商最畅销的保健品进行抽样调查，共对78个样本进行测试。结果发现，近五分之四的产品不含标签上所说的植物成分或含有其他成分。此外，抽查还发现所谓的草药片剂里不过是米粉、芦笋和庭院常见植物成分，某些成分对于有过敏反应的病人还具潜在危险性。纽约州当局宣布消息称，执法部门首次对最大零售商和药品连锁店发出信函，指出其出售产品标签具有误导性。纽约州总检察长史奈德曼要求这四大零售商立即停售被抽查的产品，并要求其提供这些产品从生产到加工以及检测的详细信息，这些零售商还要解释采取了怎样的质量把控措施。</t>
  </si>
  <si>
    <t>血栓能治吗</t>
  </si>
  <si>
    <t>脑血栓是在脑动脉粥样硬化和斑块形成的基础上，在血流缓慢、血压偏低的条件下，血液的有形成分附着在动脉的内膜形成血栓，随着病程发展,容易导致大脑缺氧，甚至发生脑溢血，导致偏瘫等。治疗建议：当前可以采用物理仪器治疗结合中医中药治疗，使局部脑血管扩张增加支流，以有效供应大脑组织细胞血氧加流，直接改善大细胞缺血缺氧现象，使身体逐渐恢复正常状态。</t>
  </si>
  <si>
    <t>可以治疗的。这个脑血栓是可以治疗的，一般是通过改善微循环、营养脑神经的治疗。如果是急性期的话，可以考虑溶栓治疗的。参加体育活动。运动能促进血液循环，使血液稀薄，粘滞性下降。如打太极拳、体操、跳舞、骑自行车、慢跑、游泳、舞剑等。增加高密度脂蛋白。它不沉积在血管壁上，还能促进已沉积在血管壁上的极低密度脂蛋白溶解，使血流通畅，防止动脉硬化。运动和饮食调节，可增加高密度脂蛋白。还可经常吃些洋葱、大蒜、辣椒、四季豆、菠菜、黄瓜、胡萝卜、苹果、葡萄等。药物预防。遵医嘱每次服用少量阿斯匹林，可使血小板环氧化酶乙酰化，失去活性，防止血栓形成，而大剂量服用，能抑制前列腺素I2生成，加速血液凝固，形成血栓，故不宜大剂量服用。复方丹参片有活血化瘀，使血液流畅作用，每天三次，每次服三片。晚睡前喝杯开水，可防止血栓形成，平时也要养成饮水习惯，每天饮水1000-1200毫升，有利于血液循环，降低血液粘稠度，对预防血栓很有好处。</t>
  </si>
  <si>
    <t>溶栓药物治疗，由于溶栓药物可去除一个已形成的血栓.抗血栓形成治疗要多样化，这取决于受累的部位是静脉或是动脉循环系统；血管受累的程度与部位；血栓形成的扩展，栓塞或复发的危险性；以及抗血栓形成治疗与出血的相对利弊。恢复血管通畅的人工机械方法有球囊导管术和外科栓子切除术；其指征和并发症与特殊病种（如心肌梗死，静脉血栓形成，肺梗塞，脑血管意外，修复的心脏瓣膜，动脉栓塞）抗血栓形成的治疗方案有关.</t>
  </si>
  <si>
    <t>生发水有用吗</t>
  </si>
  <si>
    <t>效果因人而异。</t>
  </si>
  <si>
    <t>枪火游侠内测删档吗</t>
  </si>
  <si>
    <t>删档测试，连续登录七天就有不删档资格。</t>
  </si>
  <si>
    <t>7月不删档测试。</t>
  </si>
  <si>
    <t>薛佳凝是在等胡歌吗</t>
  </si>
  <si>
    <t>薛佳凝对于复合其实是抱着一丝希望的，她回复媒体说“应该不会吧，过去了就过去了。”你看她都笑着说应该，其实她一直在等胡歌，等这个大男孩成熟，然而胡歌的回应让薛佳凝心碎。</t>
  </si>
  <si>
    <t>法国皇室 厄运小姐有特效吗</t>
  </si>
  <si>
    <t>翡翠蓝水料子值钱吗</t>
  </si>
  <si>
    <t>为纯正的蓝色，其价格就比较高，在一两万元到六七万元间。蓝水翡翠很少有达到玻璃种的，一般能达到玻璃种的蓝水翡翠都有较好的荧光效应，就算颜色稍微偏灰，价格也会高达几万元到十万元间。如果色泽为纯正的蓝，并且没有毛病，则属于极品的蓝水翡翠。</t>
  </si>
  <si>
    <t>蓝水翡翠为翡翠的一种，有淡淡的蓝色，质地细透，是比较少见的种类。蓝水翡翠具有均匀的，淡淡的蓝色。但蓝水并不单纯指代颜色，同时也要种地尚老、细腻、水头好透度高，再配上颜色，才可以有这样的称呼。价格1200-20000元之间不等，看品质决定的。</t>
  </si>
  <si>
    <t>现在价格还是一路看涨的，有些价格因种水色俱上等还是很高很贵的。</t>
  </si>
  <si>
    <t>微信公众号发布的文章可以修改吗</t>
  </si>
  <si>
    <t>1、删除原有发布内容，（此删除动作会作为一次永久性删除，浪费一天一次的发布机会，所以在发布内容的时候要全面周到设置好再决定发布）在素材管理里找到该则容在其上作你想要的修改，然后还是需要作为一次新更内容发布，或可向读者交代一下修改情况；2、不删除原有已发布内容，就是重新新建一组图文信息以一则新消息形式群发，或可告知读者该文修改情况。</t>
  </si>
  <si>
    <t>打开微信公众平台并登录。点击进入素材管理界面。在素材管理界面已经保存的素材下面，点击铅笔图标可以进入图文素材重新编辑。点击左侧群发功能，然后选择“已发送”，可以删除之前发送过的文章。</t>
  </si>
  <si>
    <t>如果素材库还有记录就可以继续修改，但是修改后的内容不会同步到你已推送的文章里，除非你把推送出去的删掉，重新编辑后把新的再推出去。</t>
  </si>
  <si>
    <t>超180天能否开红字发票</t>
  </si>
  <si>
    <t>增值税一般纳税人企业取得增值税专用发票后，票面中对应的增值税进项税额处理会存在两种可能，一是按规定纳税人需要进行抵扣，二是不能抵扣。对于可抵扣进项税额的，根据《国家税务总局关于调整增值税扣税凭证抵扣期限有关问题的通知》(国税函[2009]617号）规定：一、增值税一般纳税人取得2010年1月1日以后开具的增值税专用发票、公路内河货物运输业统一发票和机动车销售统一发票，应在开具之日起180日内到税务机关办理认证，并在认证通过的次月申报期内，向主管税务机关申报抵扣进项税额。对照该规定，需抵扣进项税额的增值税专用发票，须在规定期限内认证和申报，而对不需抵扣进项税额的，可不办理认证。</t>
  </si>
  <si>
    <t>根据相关规定《国家税务总局关于调整增值税扣税凭证抵扣期限有关问题的通知》第一条规定：增值税一般纳税人取得2010年1月1日以后开具的增值税专用发票、公路内河货物运输业统一发票，应在开具之日起180日内到税务机关办理认证，并在认证通过的次月申报期内，向主管税务机关申报抵扣进项税额。《国家税务总局关于全面推行增值税发票系统升级版有关问题的公告》第五条红字发票开具规定：（一）一般纳税人开具增值税专用发票或货物运输业增值税专用发票（以下统称专用发票）后，发生销货退回、开票有误、应税服务终止以及发票抵扣联、发票联均无法认证等情形但不符合作废条件，或者因销货部分退回及发生销售折让，需要开具红字专用发票，暂按以下方法处理：180天只是增值税专用发票认证期限的限制，并不是对红字专用发票开具时间的限制。如果发生了销售折让，可以随时开具红字增值税专用发票。</t>
  </si>
  <si>
    <t>订阅号可以升级到服务号吗</t>
  </si>
  <si>
    <t>正常登录微信公众平台，在登录首页里面找到“设置”——“帐号信息”。在右边帐号信息内容页找到“类型”——“订阅号”——“升级为服务号”。直接点击“升级为服务号”，进入选择：服务号与订阅号。这两种号只能选择一次，所以一定要考虑清楚，确定选择后是不能再修改的。选择完成后，就可以点击“确定”按钮，按照步骤完成升级为服务号的操作就可以了。这样就成功的升级为服务号了。</t>
  </si>
  <si>
    <t>如果是2013年8月5日之前申请的订阅号，直接在设置中修改头像那个页面有按钮可以升级服务号。这个日期之后申请的订阅号是无法升级的。另外，微信5.0后规定公众号只有1次机会选择公众号的类型，选择后无法修改。</t>
  </si>
  <si>
    <t>订阅号和服务号不一样，要重新申请，不能直接升级，可是二者可以绑定在一起。</t>
  </si>
  <si>
    <t>原版爪子刀看磨损吗</t>
  </si>
  <si>
    <t>磨损对原版刀的外观影响来说是忽略不计的。</t>
  </si>
  <si>
    <t>阴阳师夜叉值得培养吗</t>
  </si>
  <si>
    <t>只是想要一个单体输出式神的话，是不太推荐用夜叉的。</t>
  </si>
  <si>
    <t>目前推断来看应该是一个输出式神，值不值得培养还有待后续的实测。</t>
  </si>
  <si>
    <t>作为那么多新出式神类的首只单体输出，颜值高、技能效果和面板还算满意吧，具体的养成看个人喜欢。</t>
  </si>
  <si>
    <t>空调扇不用冰晶可以吗</t>
  </si>
  <si>
    <t>可以，只是效果会打折扣。</t>
  </si>
  <si>
    <t>招联好期贷上征信吗</t>
  </si>
  <si>
    <t>逾期的话就会有的。这个不像宜人贷、一证贷、平安易贷这些是不用上征信的。</t>
  </si>
  <si>
    <t>鉴定费保险公司是否承担</t>
  </si>
  <si>
    <t>按照法律，对于人身损害案件中，被保险人可以主张由保险公司承担相应责任的鉴定费和诉讼费。1、《中华人民共和国保险法》第四十九条 保险人、被保险人为查明和确定保险事故的性质、原因和保险标的的损失程度所支付的必要的、合理的费用，由保险人承担。原告鉴定费用是为了更好的查明和确定事故的性质，因此应当由保险公司承担。2、《中华人民共和国保险法》第六十六条　责任保险的被保险人因给第三者造成损害的保险事故而被提起仲裁或者诉讼的，被保险人支付的仲裁或者诉讼费用以及其他必要的、合理的费用，除合同另有约定外，由保险人承担。其中合理的费用就应当包括鉴定费和诉讼费。</t>
  </si>
  <si>
    <t>车辆事故鉴定费保险公司承担。1、保险公司在保险责任限额范围内按照被保险人在事故中的责任比例承担赔付责任；2、鉴定费保险公司应该承担，因为鉴定费是当事人在交通事故赔偿纠纷中的开销之一，列入赔偿总额。</t>
  </si>
  <si>
    <t>应该由被告保险公司承担。当事人申请，法院委托进行的是有根据、有必要的鉴定，由此支付的相关费用理应由肇事者承担。但肇事者在保险公司投保交险，将相关义务已经转嫁给保险公司，并且鉴定费用系受害人为证明损失程度所支付的必要的、合理的费用，如果属于所交保险赔偿的范围，虽然受害人进行鉴定是为了完成自己的举证责任，但是这种责任是由于肇事者的行为引起的，受害人的伤残是与加害人的行为有直接的因果关系，所以应该由被告保险公司承担。</t>
  </si>
  <si>
    <t>餐饮服务食品安全监督管理办法废止了吗</t>
  </si>
  <si>
    <t>根据现在的查询《餐饮服务食品安全监督管理办法》（卫生部令第71号）取代了卫生部2000年1月16日发布的《餐饮业食品卫生管理办法》（废止）。</t>
  </si>
  <si>
    <t>24寸行李箱能带上飞机吗</t>
  </si>
  <si>
    <t>24寸行李箱不能带上飞机，只能进行托运。</t>
  </si>
  <si>
    <t>fgo黑贞德池子毒吗</t>
  </si>
  <si>
    <t>毒。</t>
  </si>
  <si>
    <t>小狗长大后认得母狗吗</t>
  </si>
  <si>
    <t>不认得。</t>
  </si>
  <si>
    <t>邯郸2017房价会上涨吗</t>
  </si>
  <si>
    <t>榴莲核可以种吗</t>
  </si>
  <si>
    <t>榴莲里面的核可以栽种。</t>
  </si>
  <si>
    <t>飞致150适合摩旅吗</t>
  </si>
  <si>
    <t>飞致150首先是非常喜欢这车的外形，加了前挡风的样子很好看（或许会不耐看）然后就是省油，对比铃木发动机安静。价格对比稍微贵一些。运动款的外形，实际却不适合运动，属于够用-——相当于汽车中的卡罗拉（当然我也没准备拿这车来飙车，单纯是买来摩旅的）除了发动机，整体配置非常廉价（现场看车，这车塑料感的确强，没有en看起来精致）。最重要的是相对于en。这车完全街跑样，去载客人家根本不会认为你是摩的啊。还有最纠结的就是身高问题，这车坐垫太高，坐上去车身倾斜也只能不到半脚掌着地，不安全。但是飞致减震调低，座高就已经和en差不多了，而且飞致车身更轻更好操控。</t>
  </si>
  <si>
    <t>早上跑步好吗</t>
  </si>
  <si>
    <t>一早起床跑步是不健康的，特别早晨跑步。</t>
  </si>
  <si>
    <t>早上跑步能够唤醒身体，促使神经兴奋，让身体变得灵活，思维敏捷。</t>
  </si>
  <si>
    <t>微信文件过期能恢复不</t>
  </si>
  <si>
    <t>如果之前对微信的文件图片有过备份，就直接找到手机备份文件，恢复微信中的文件或者图片即可。文件图片显示已过期，还有一个简单的办法，那就是将微信退出这里的退出是指把微信关闭掉，退出之后我们重新打开微信，再试一试看看能不能正常打开文件和图片。导出文件和图片还有一个办法就是在手机中导出文件和图片，在手机中找到MicroMsg.db文件这个文件是专门储存手机文件、图片、聊天记录等等。找到这个文件导出自己需要的文件和图片就可以了。下载聊天记录：首先我们需要将聊天记录迁出来，然后将自己的聊天记录上传后，下载聊天记录即可。微信文件图片过期打不开，我们还可以进行清理内存来解决问题，大家伙可以在杀毒软件上进行清理，还可以在微信中进行清理。</t>
  </si>
  <si>
    <t>1、语音聊天记录：因为语音聊天记录的备份和提取无需root，这些内容都备份在SD卡上。首先将手机通过USB连接到电脑上，然后通过电脑打开SD卡所在的文件夹，找到：/sdcard/Tencent/MicroMsg/。2、接着，打开对应的备份文件夹。进入后，找到“voice”文件夹。3、文件夹里的arm格式文档就是所有的聊天语音记录。只要把这些文件存下来，则语音聊天记录给备份下来。4、文本聊天记录：注意，导出文本聊天记录就需要把手机进行root，只有在root后才能进行文本聊天记录的。首先先把手机进行root。5、root完成后，打开\data\data\com.tencent.mm\MicriMsg 文件夹，里面会有一个以很长一串数字或者一些字母组成命名的文件夹。把此文件夹备份出来，文件夹里还有个systemInfo.cfg文件可以不用备份。6、然后进入找到MicroMsg.db文件。</t>
  </si>
  <si>
    <t>1、退出微信后再重新登陆，有的时候这样可以解决问题;检查一下是不是网络不稳定的原因。2、点击我-设置-通用-清理微信存储空间-看一下是不是手机内存满了，如果满了，请删除一部分文件再试。3、点击我-设置-通用-聊天记录迁移，选择上传你的聊天记录，然后找一个好的网络环境下载聊天记录试试。</t>
  </si>
  <si>
    <t>大唐天下是传销吗</t>
  </si>
  <si>
    <t>属于传销。</t>
  </si>
  <si>
    <t>借呗逾期一天有影响吗</t>
  </si>
  <si>
    <t>1、芝麻信用：借呗逾期款降低芝麻信用比说芝麻信用本660等第二看能变600，2、其业务：借呗逾期现芝麻信用良记录让些用户办理其任务受阻，3、使用借呗：少用户反映自借呗晚关闭能再继续使用。</t>
  </si>
  <si>
    <t>1、借呗逾期产费用且信用及借呗使用造影响，2、逾期严重报征信能催收员联系</t>
  </si>
  <si>
    <t>没有影响，有三天的宽限期。</t>
  </si>
  <si>
    <t>小米5s区分主副卡吗</t>
  </si>
  <si>
    <t>不区分主副卡。</t>
  </si>
  <si>
    <t>法定节假日不放假违法吗</t>
  </si>
  <si>
    <t>法定节假日不放假是违法的。依照《劳动合同法》的规定，国家法定节假日（春节、中秋之类的）安排加班的，无论公司是否安排调休，都应当支付300％的工资。如果公司安排工作不放假的，应当向公司说明该情况，或者要求公司安排放假，或者要求公司支付300％工资。如果公司拒绝，可以向当地劳动监察大队、劳动部门投诉、举报，或者向当地劳动争议仲裁委员会提请劳动仲裁。当然，如果说对于公司比较失望，不希望继续做下去的话，可以据此要求公司多支付1个月工资后解除劳动合同。</t>
  </si>
  <si>
    <t>做肛肠镜痛吗</t>
  </si>
  <si>
    <t>是不痛的，但是开始会有不舒服的感觉。</t>
  </si>
  <si>
    <t>企业支付宝可以转账到个人支付宝吗</t>
  </si>
  <si>
    <t>可以，企业支付宝转账给个人支付宝，单笔限额5万。</t>
  </si>
  <si>
    <t>格局商学院是骗局吗</t>
  </si>
  <si>
    <t>无创dna有必要做吗</t>
  </si>
  <si>
    <t>唐氏筛查只是一个可能性的判断，是现在大多数人都能接受的一种排查方式，宝妈要是不放心就去做一个无创吧。</t>
  </si>
  <si>
    <t>燕碎和燕盏营养一样吗</t>
  </si>
  <si>
    <t>燕碎、燕盏都归属于燕窝这一类，营养成分是一样的，只不过成形完成的燕窝可能保存条件各方面都好些，对它原有的营养成分保留完好。</t>
  </si>
  <si>
    <t>口感上燕碎不如燕盏。不过，单从营养价值上说，燕碎的营养价值也不小。燕碎口感较燕盏、燕条差，炖制时间较短些，容易炖煮过烂，泡发率相对低。但是如果是营养价值是差不多的，燕窝有养颜的功效。</t>
  </si>
  <si>
    <t>防冻液有毒么</t>
  </si>
  <si>
    <t>有毒。</t>
  </si>
  <si>
    <t>异地买车可以在本地上牌吗</t>
  </si>
  <si>
    <t>牛奶能和蜂蜜一起喝吗</t>
  </si>
  <si>
    <t>牛奶和蜂蜜可以混在一起服用。</t>
  </si>
  <si>
    <t>红绿灯坏了闯红灯算吗</t>
  </si>
  <si>
    <t>红绿灯故障等客观原因造成违章，可以提出申诉进行复议。</t>
  </si>
  <si>
    <t>十字路口红绿灯如果是双向两边的信号灯都损坏了，此时通过路口不属于闯红灯，如果被电子眼当成红灯违章在处理的时候向警察说明，并由警察进行核实，如果属实会撤销罚款；如果有一边信号灯是完好的，只有一边是损坏的，此时通过路口（横向通过），如果恰巧纵向是绿灯就属于闯红灯，依据交通法规，闯红灯罚款200记6分。</t>
  </si>
  <si>
    <t>胎记会遗传吗?</t>
  </si>
  <si>
    <t>胎记不会遗传，通常是胚胎发育过程中出现的异常。新生儿的胎记发生率约为10%，可以说是非常普遍，大部分的胎记只是影响美观，不需要特别处理。但是有些胎记会合并身体器官的异常，甚至有恶性变化的可能，必须积极治疗。</t>
  </si>
  <si>
    <t>苹果上的蜡可以吃吗</t>
  </si>
  <si>
    <t>为了安全起见，苹果皮上的蜡不能吃。目前市场上的果皮蜡主要有三种：果蜡、人工果蜡、工业蜡。果蜡是一种脂类，是苹果表面生成的植物保护层，可以有效防止外界微生物、农药等入侵果肉，起保护作用，是刮不出来的。人工果蜡，一般是以天然动物、植物蜡作为成膜剂制成的，这种物质对身体并无害处，其作用主要是保鲜，防止苹果在长途运输、长时间储存中腐烂变质。而工业蜡，含有汞和铅，可通过果皮渗透进果肉，给人体带来危害。</t>
  </si>
  <si>
    <t>国企改制后还是国企吗</t>
  </si>
  <si>
    <t>国企改革前，原国有企业的国家所有的性质改制后变成了混合所有制企业，其股东由国资管理部门和其他非国有股东组成，一般为国有控股企业，其性质已不再是纯国有企业，也不是纯私有制企业。改制后，其主人是股东大会，股东大会行使最高权力。股东以持有股权数进行投票决定公司的重大事务。</t>
  </si>
  <si>
    <t>要看改制后的股权结构：如果改制后国有资本全部退出，那就不是国企了；如果保留部分国有股、但达不到控股的份额，就是国有参股公司；如果保留的国有股达到控股份额，那就是国有控股公司；如果改制后仍然由国有资本全额控股，就是国有全资公司，依然是彻头彻尾的国企，这种情况还是存在的，比如由另一家国企出资兼并或收购这家国企。</t>
  </si>
  <si>
    <t>初中毕业能考本科吗sohu</t>
  </si>
  <si>
    <t>原则上初中生是可以报考自考本科的，因为自学考试的报名时没有学历的限制的，不管学生是选择自考专科还是自考本科，都是没有已受学历的限制，因此考生可以自由报考，初中生能够直接报考自考本科学历段的，因为自考没有已受学历的限制，但是初中生要是没有大专学历的话，在自考本科段的毕业时是不能申请毕业的， 因为自考本科段的毕业都是需要学生出示大专学历才能申请毕业，因此初中生要是没有大专的学历，老师建议学生在报考自考本科段的学习期间同时报考大专的学历 学习，可以选择成考、远程或者自考，只要在自考本科段的毕业申请之前拿到大专的学历就可以了。</t>
  </si>
  <si>
    <t>猪八戒开店要钱吗</t>
  </si>
  <si>
    <t>不需要，但是想要推广把自己排在靠前的位置，是需要花钱的。</t>
  </si>
  <si>
    <t>要的，需要投入资金，然后开始接任务赚钱。</t>
  </si>
  <si>
    <t>吃鱿鱼会发胖吗</t>
  </si>
  <si>
    <t>吃鱿鱼不会发胖。</t>
  </si>
  <si>
    <t>吃鱿鱼会胖。</t>
  </si>
  <si>
    <t>特此通知后面有句号吗</t>
  </si>
  <si>
    <t>不加标点符号.持这种观点的人认为,像"特此通 知"等公文中的结束语,不加标点符号是一种习惯,加上标点符号反而不美观,如公文标题和落款之后都是不加标点符号的.第二种观点:加标点符号或不加标点符号都可以。</t>
  </si>
  <si>
    <t>此类语句作为结束语,目的是起到强调作用并作为正文结束的标志.应该加上句号。不过公文讲求精炼、简明,此句显得有点多余，一般情况以还是不要为好。</t>
  </si>
  <si>
    <t>中石化中石油能混加吗</t>
  </si>
  <si>
    <t>偶尔混加一次对车辆没有太大影响，各种油品均有国家标准，不管是中石油还是中石化，油品都是按照同样的规格生产，必须达到国家的相关标准才能出厂。但是，建议大家尽量不要经常混加，能固定加一个品牌的油最好。因为毕竟二者的原油不一样，加工流程也有区别，经常混加可能导致发动机出现轻微抖动和积碳等不适症状，所以不到万不得已的时候最好不要经常混加。</t>
  </si>
  <si>
    <t>中石油跟中石化油质都差不多，偶尔加一次也没事，因为它们都有国家出厂标准，建议大家不要经常混加，毕竟它俩的密度还是有所不一样，所以尽量控制在一种油品上。</t>
  </si>
  <si>
    <t>偶尔混合加一次对汽车没有太大的影响，毕竟两家企业的油品是经过国家质监部门检验合格的。但是如果要是长期混合加的话，是不建议的。因为毕竟两种品牌的原油、添加剂、加工流程等等都不一样，如果经常混合加，可能会导致发动机轻微抖动或者积碳严重等问题，所以最好还是别经常混合加了。</t>
  </si>
  <si>
    <t>王者荣耀墨子厉害吗</t>
  </si>
  <si>
    <t>墨子这个英雄还是非常强势的，有控有伤害还有位移。</t>
  </si>
  <si>
    <t>2017瓦屋山景区开放吗</t>
  </si>
  <si>
    <t>7月30日开放低山区，8月30日开放中山区，根据建设进度逐步开放高山区。</t>
  </si>
  <si>
    <t>瓦屋山原定7月1号的展示性开放，未能如愿。</t>
  </si>
  <si>
    <t>瓦屋山应该是开放了的。</t>
  </si>
  <si>
    <t>蚂蚁借呗影响房贷吗</t>
  </si>
  <si>
    <t>关于银行贷款的问题，其实是否会影响个人的银行贷款，主要是看你的贷款银行的评估标准。因为每家银行对于贷款的评估的侧重点是不一样的，有的银行更看重信用，有的银行更看重履约，有的更看重负债情况，每家银行的标准是不同的，具体看你贷款银行。</t>
  </si>
  <si>
    <t>只要没有违约、没有逾期就不会影响房贷申请。</t>
  </si>
  <si>
    <t>商业银行发放一笔贷款看重三点：信用记录是否良好、抵押物是否充足、是否有稳定的还款来源。银行信贷审批先查个人征信，看你的信用记录是否有污点，无污点、有抵押物、有稳定的还款来源，基本也就可以通过了。这里重点提醒一下，污点不单单是逾期还款，没有按申请用途使用贷款、参与洗钱等，如果被人行监测到，都会形成污点。</t>
  </si>
  <si>
    <t>李子上火吗</t>
  </si>
  <si>
    <t>多吃李子会上火的。</t>
  </si>
  <si>
    <t>试用期可以口头辞职吗</t>
  </si>
  <si>
    <t>劳动者在试用期期间应当以书面的形式辞职，劳动者在试用期期间辞职的，只需要提前三天以书面的形式通知用人单位就可以解除劳动关系。</t>
  </si>
  <si>
    <t>拉布拉多咬人吗</t>
  </si>
  <si>
    <t>拉布拉多犬不会咬人的。</t>
  </si>
  <si>
    <t>英语有逗号吗</t>
  </si>
  <si>
    <t>现代语言都有标点符号，英语的逗号与汉语的一样，都是一个“，”符号。</t>
  </si>
  <si>
    <t>有，是半角符号。在输入法设置 就可以。</t>
  </si>
  <si>
    <t>灰指甲能根治吗</t>
  </si>
  <si>
    <t>支付宝转到自己银行卡要手续费吗</t>
  </si>
  <si>
    <t>目前在手机端操作转账到卡，是不需要手续费的。2016年10月12日起，需要收取对应手续费。从2016年10月12日起，对个人用户通过支付宝客户端或电脑提现，支付宝将按如下标准收取服务费：实名个人用户（同一身份信息视为同一用户）每人累计享有人民币20,000元的基础免费提现额度；超过基础免费额度后，按提现金额的0.1%收取服务费，单笔服务费小于0.1元的，按照0.1元收取。在用完基础免费额度后，还可以使用蚂蚁积分兑换更多免费提现额度。 支付宝提现是指用户通过支付宝把资金转到银行卡的行为，包括“提现”和“转账-&gt;转到银行卡”两个产品，均在本次提现收费的范围内。 使用支付宝进行消费、理财、买保险、手机充值、水电煤缴费、挂号、缴纳交通罚款，使用手机支付宝转账到支付宝账户、还款等服务的规则不做调整，继续免费。同时，使用前述大部分服务还可以获得蚂蚁积分的回馈。</t>
  </si>
  <si>
    <t>是的，只有从余额宝里转入银行卡不收费。</t>
  </si>
  <si>
    <t>10月12号开始正式收费。</t>
  </si>
  <si>
    <t>轻微脑梗塞能治好吗</t>
  </si>
  <si>
    <t>如果治疗及时的话是可以治好的，脑梗患者复发率很高,需长时间综合预防。</t>
  </si>
  <si>
    <t>轻微的脑梗塞能治好，脑梗塞的范围不大的，病变区域的功能可以由周围正常的脑组织代偿，只要注意尽早地进行康复训练，是可以很好地恢复的。训练进行地越早，效果越好。还在住院的时候就可以再床上进行简单的运动，另外，还要注意以后对再次脑梗的预防。</t>
  </si>
  <si>
    <t>轻微症状的脑梗塞及时治疗是非常有临床治愈的可能的，比如腔隙性脑梗塞相对就属于症状较轻微的脑梗塞，治疗起来也相对效果更好更容易治愈。坚持用药、饮食调节、康复锻炼、情绪调节、做好家庭护理，控制好血压血脂，只有这些方面全都做到位，病人才以尽早恢复。</t>
  </si>
  <si>
    <t>美赞臣蓝臻好不好</t>
  </si>
  <si>
    <t>美赞臣蓝臻奶粉的溶解速度很快，加入水后几乎全部溶解了，不会粘在奶瓶上，也不需要摇晃很久，宝宝喝完之后奶瓶底下不会有明显的沉淀物，美赞臣蓝臻奶粉本身就很细，闻起来也很香，口感上很贴近母乳。美赞臣蓝臻的DHA含量很高，每天3顿奶几乎就能够摄取足量的DHA了。在消化和吸收方面，美赞臣蓝臻也非常好。</t>
  </si>
  <si>
    <t>纪教授化糖方是真的吗</t>
  </si>
  <si>
    <t>假的，被骗了8760元，用后一点效果都没有。</t>
  </si>
  <si>
    <t>库尔勒乱吗</t>
  </si>
  <si>
    <t>一点都不乱。</t>
  </si>
  <si>
    <t>淘宝旺铺智能版有用吗</t>
  </si>
  <si>
    <t>如果流量比较大，转化率不行用这个可以。但是如果流量小，用这个就没有什么太大的作用。</t>
  </si>
  <si>
    <t>非洲人很懒吗</t>
  </si>
  <si>
    <t>这个真的没办法一一说明，因为你就看不到他们不懒的时候！不单是懒，主要是他们还笨！</t>
  </si>
  <si>
    <t>贷款担保函要花钱吗</t>
  </si>
  <si>
    <t>不需要，收钱的一律纯属诈骗。1、如果是投资，凡以各种理/明目由找被投资方收费都可以视为骗子，包括以律师事务所、会计师事务所、工程咨询公司等第三方名义收费的也一样；2、如果是贷款、担保一类的直接视为诈骗。</t>
  </si>
  <si>
    <t>三七粉能不能长期服用</t>
  </si>
  <si>
    <t>对于低血压的患者不建议服用，对于健康的人作为养生也可以长期服用，但要注意用药的量。</t>
  </si>
  <si>
    <t>北京首证投资顾问有限公司靠谱吗</t>
  </si>
  <si>
    <t>信用卡可以存钱吗</t>
  </si>
  <si>
    <t>贷款没还完的房子能卖吗</t>
  </si>
  <si>
    <t>未还清贷款的房子还处于抵押状态，是不能上市交易的。</t>
  </si>
  <si>
    <t>在经过银行同意的情况下，可以卖。</t>
  </si>
  <si>
    <t>如果是还有房贷的话不可能出售，除非是法院判出售才可以出售。</t>
  </si>
  <si>
    <t>cpu 80度正常吗</t>
  </si>
  <si>
    <t>有问题，CPU的温度在40到50度之间正常。</t>
  </si>
  <si>
    <t>一般来说CPU的工作温度，在30-70之间都可以算是正常的。80以上就对CPU的运行会产生一些影响了。</t>
  </si>
  <si>
    <t>欢乐颂会拍第三季吗</t>
  </si>
  <si>
    <t>《欢乐颂》是从一开始就确立了三季的目标。</t>
  </si>
  <si>
    <t>《欢乐颂》有第三部的可能性不大，《欢乐颂》第二季可能就是大结局。</t>
  </si>
  <si>
    <t>答案是有。</t>
  </si>
  <si>
    <t>韩都衣舍是韩国的吗</t>
  </si>
  <si>
    <t>韩都衣舍（集团）创立于2006年，致力于为都市时尚人群提供高品质的流行服饰，是中国最有影响力的时尚品牌孵化平台。</t>
  </si>
  <si>
    <t>不是，是中国山东的。</t>
  </si>
  <si>
    <t>拍拍贷会上门催收吗</t>
  </si>
  <si>
    <t>放心肯定会有的，之所以现在没有来找，是拍拍贷在赚利息，等过个一两年，就会有人来了。</t>
  </si>
  <si>
    <t>伯明翰大学 中国认可吗</t>
  </si>
  <si>
    <t>认可。</t>
  </si>
  <si>
    <t>甲状腺囊肿会自愈吗</t>
  </si>
  <si>
    <t>可能性很小。</t>
  </si>
  <si>
    <t>没有档案能办退休吗</t>
  </si>
  <si>
    <t>如果没有人事档案的话，就没有办法对你进行工龄的评价。你去社保那边问问。</t>
  </si>
  <si>
    <t>1、参加社会保险的职工，其个人档案及参加社会保险缴费记录都是办理退休的重要依据，都是必备不可少的，个人档案一般由相关档案管理部门管理，社会保险缴费由社保经办部门负责记录。2、参保人员在到达法定退休年龄办理退休手续时，必须要提供个人档案材料，如果缺少个人档案材料，个人的利益或待遇将受到影响。当然退休手续还是可以办理，养老金也是可以正常领取的。</t>
  </si>
  <si>
    <t>龙之谷ios和安卓互通吗</t>
  </si>
  <si>
    <t>是不互通的。</t>
  </si>
  <si>
    <t>ipad 32g够用吗</t>
  </si>
  <si>
    <t>32g版本的机器用了几天，下了些软件，很快空间就剩十几g了，心中有疑虑将来空间会不会不够用，后来仔细分析其实有多少软件自己会经常去打开，按以往用ipad的习惯常打开的软件不超过十个。软件那里自己精简下其实也能强迫自己把一些不用的删除掉包括苹果自带的几个如果不用也删了它吧比如一个玩音乐的garageband就占了1g的空间，其它不常用的或等自己需要用的时候再下载，这样一来可以节省很多空间。第二个发现占空间比较大的就是照片，其实可以在控制里选择优化存储空间的，一下子又腾出好大地方。最后说下看电影我选择在线看或者挂nas服务器，也不需下载，音乐同理，按此方法管理基本上控制在10g 左右的使用量，按照空间逐步减少的话，几年内应该问题不大。除非apple将来的系统巨量增加。在这里所说的只是我个人的情况，因自己已有iamc，Macbook之类的设备。如果有人把它作为工作娱乐主力机的还是建议128g。</t>
  </si>
  <si>
    <t>会比较吃紧，就像16g iPhone</t>
  </si>
  <si>
    <t>32G的内存一般来说勉强足够。32G内存除去系统占用实际可用27G，是否够用还要看你怎么使用。Air买来基本就是娱乐的，目前大型的游戏每个占用1-2G，超清的电影视频也都在2-3G，当然也有更大的，其他应用软件200-400MB不等，还包括照片、音乐等，32G要想塞满也很简单。对于我个人来说，经常会拆东墙补西墙。个人建议64G是最好选择，当然如果预算不够，选择32G也可以。</t>
  </si>
  <si>
    <t>捕蝇草有毒吗</t>
  </si>
  <si>
    <t>没毒，目前还未有证据说明捕蝇草含有毒物质。</t>
  </si>
  <si>
    <t>下肢静脉血栓能治愈吗</t>
  </si>
  <si>
    <t>比较难治。</t>
  </si>
  <si>
    <t>进击的巨人好看吗</t>
  </si>
  <si>
    <t>看了巨人，觉得有些糟糕，没有预期中那么好看。</t>
  </si>
  <si>
    <t>好看</t>
  </si>
  <si>
    <t>三七粉可以长期吃吗</t>
  </si>
  <si>
    <t>不是所有人都可以长期食用的。</t>
  </si>
  <si>
    <t>可以长期吃的，但是要注意不能太大量，三七粉属于强药效药材，长期大量的吃会对身体造成额外的负担。</t>
  </si>
  <si>
    <t>王者荣耀可以改名字吗</t>
  </si>
  <si>
    <t>星星钱袋好下款吗</t>
  </si>
  <si>
    <t>下款率也比较高。</t>
  </si>
  <si>
    <t>通过率超高。</t>
  </si>
  <si>
    <t>非全日制本科可以考公务员吗</t>
  </si>
  <si>
    <t>国家承认的大专或者本科可以报考公务员。</t>
  </si>
  <si>
    <t>有的岗位可能会对学历有限制，例如在报考条件中会明确提出只要统招专科或本科，那样的岗位非全日制学历就是不可以报考的。</t>
  </si>
  <si>
    <t>闲鱼可靠吗</t>
  </si>
  <si>
    <t>一般靠谱。</t>
  </si>
  <si>
    <t>旭旭宝宝家里有钱吗</t>
  </si>
  <si>
    <t>应该家里是土豪。</t>
  </si>
  <si>
    <t>公众号运营者可以更改么</t>
  </si>
  <si>
    <t>微信公众号运营者是可以更改的。</t>
  </si>
  <si>
    <t>c罗和梅西关系好吗</t>
  </si>
  <si>
    <t>应该私底下的关系也挺好的。</t>
  </si>
  <si>
    <t>谁也不服谁的关系。</t>
  </si>
  <si>
    <t>乐颐小镇有投资价值吗</t>
  </si>
  <si>
    <t>比特币交易平台可以提现了吗</t>
  </si>
  <si>
    <t>防范通过比特币进行的非法传销、洗钱和换汇的可能性。晚间，比特币中国、火币网、币行三家再发公告，即日起将暂停比特币、莱特币的提现业务。</t>
  </si>
  <si>
    <t>目前，国内的各主要平台要么暂停了比特币提现，要么下架了比特币。</t>
  </si>
  <si>
    <t>在链行网可以提的，就是速度有点慢。</t>
  </si>
  <si>
    <t>豌豆公主app是正品吗</t>
  </si>
  <si>
    <t>豌豆公主上的东西100%不靠谱，有假货，并且水很深。</t>
  </si>
  <si>
    <t>糜烂性胃炎能治愈吗</t>
  </si>
  <si>
    <t>糜烂就是浅溃疡，是慢性胃炎的一种，好好治疗是可以根治的。但是，一要用药到位，按疗程治疗。二要好好调养，不吃对胃有刺激的食物和药物，精神要健康。只有这样胃病才能根治。</t>
  </si>
  <si>
    <t>糜烂性胃炎通常情况下只要积极配合治疗都是能够痊愈的。</t>
  </si>
  <si>
    <t>琥珀可以戴着睡觉吗</t>
  </si>
  <si>
    <t>睡觉尽量摘下。</t>
  </si>
  <si>
    <t>琥珀饰品是可以戴着睡觉的，对人体相对有益无害。</t>
  </si>
  <si>
    <t>琥珀能吸收入睡时人体排出的毒素。</t>
  </si>
  <si>
    <t>感染hpv病毒能治好吗</t>
  </si>
  <si>
    <t>尖锐湿疣又称生殖器疣，是由人类乳头瘤病毒HPV感染引起的好发于生殖器及肛门部位的性传播疾病。初期为皮肤黏膜便秘出现小的皮粉色或淡红色、尖形软丘疹，逐渐增大，增多，融合，由于局部潮湿或者慢性刺激，长迅速增大呈菜花状或鸡冠状赘生物，基底有蒂，易发生糜烂、渗液，触之容易出血，有恶臭。建议你去公立性病医院做个全方面的检查以及治疗。只有治疗方法正确,尖锐湿疣才可以治疗好的；如果治疗方法不当,反复的几率也是较高的；目前有一种新技术能快速清除体内病毒，提高治疗效果，快速解除烦恼。平时的话也要注重个人卫生，多锻炼。</t>
  </si>
  <si>
    <t>李小龙实战过吗</t>
  </si>
  <si>
    <t>他唯一一次正规的比赛是在香港参加全港中学生的拳击比赛获得了冠军，后来成年后去美国与当地华人武师有过一次真正的比武获得了胜利 。</t>
  </si>
  <si>
    <t>电子体温计准吗</t>
  </si>
  <si>
    <t>方法用对了那是很准的。</t>
  </si>
  <si>
    <t>产权40年的房子能买吗</t>
  </si>
  <si>
    <t>房屋所有权，又叫房屋产权，是房屋所有人独占性地支配其所有的房屋的权利。房屋所有人在法律规定的范围内，可以排除他人的干涉，对其所有的房屋进行占有、使用、收益、处分。房屋所有权是没有产权年限限制的。土地使用权，是指单位或者个人依法或依约定,对国有土地或集体土地所享有的占有、使用、收益和有限处分的权利。取得的土地使用权是有期限的。 土地使用者享有土地使用权的期限以出让年限为限。出让年限由出让合同约定，但不得超过法律限定的最高年限。</t>
  </si>
  <si>
    <t>不划算的，建议最好不要买这种40年、50年产权的公寓。</t>
  </si>
  <si>
    <t>关闭445端口影响共享打印吗</t>
  </si>
  <si>
    <t>445端口是共享文件夹和打印机的，关闭影响局域网共享，如果不需要可以关闭。</t>
  </si>
  <si>
    <t>舟山是浙江最穷的市吗</t>
  </si>
  <si>
    <t>浙江有一个划分,有三个市划入欠发达地区,分别是丽水、衢州、舟山，从人均来说，舟山是最高的，其他两个差不多，但是舟山人口少，因此总量最后一位，丽水由于山区加上内陆原因，经济发展确实不是很好，所以说是倒数第一、第二。</t>
  </si>
  <si>
    <t>官方全国地级市富裕度排名第八。舟山算GDP总量是全省倒数第三，但穷不穷看人均。舟山人均GDP全省第三，人均收入全省第四。舟山人口少所以总量就少了不是穷。城市发达不发达要看外出务工人口和来外来务工人口，舟山很多企业外来务工人员占了很大比例这也说明舟山正在发展对于人才引进也是迫切需求。</t>
  </si>
  <si>
    <t>郝明莉到底有没有离世</t>
  </si>
  <si>
    <t>应该是离世了。</t>
  </si>
  <si>
    <t>碧桂园精装房好不好</t>
  </si>
  <si>
    <t>碧桂园精装修的房子很不错的，户型比较新颖，设施比较齐全的，附近也是有教学设施和商业设施的，小区环境优美，绿化面积比较大的，很不错的居住环境，后期的升值空间还是相对比较好的，周边的生活设施等比较完善，一般生活所需设施如菜场、超市、便利店、公园、幼儿园、中小学、邮局、银行、地段医院等都具备。</t>
  </si>
  <si>
    <t>碧桂园的精装房还有很多细节需要进一步提升，生活阳台的顶部有渗水痕迹，而墙砖有点 low 的感觉，不像是精装房的品质。橱柜的砖都已经断裂了。</t>
  </si>
  <si>
    <t>称不上＂精＂装修。油烟机装好的，没有灶，要自己买灶，找人在台面开装灶的孔，燃气管道也要找人开孔（除非不用燃气，只用电磁灶）。浴霸和淋浴器装好的，厨房也已经留好热水器的冷热水进水管口（用堵头堵好的），没有热水器，如果用燃气热水器，也要找人开孔从台面下引出来，由于瓷砖贴好的，只能走明管（除非装电热水器）。开关插头是装好的，要自己装灯。</t>
  </si>
  <si>
    <t>外地身份证到期可以在北京更换吗</t>
  </si>
  <si>
    <t>在京长期居住、工作、学习的省市户籍人员可以。</t>
  </si>
  <si>
    <t>南方人才市场要收费吗</t>
  </si>
  <si>
    <t>1、个人委托保管人事关系及档案每份每月10元，每年120元；2、单位委托保管人事关系及档案每份每月12元，每年144元。</t>
  </si>
  <si>
    <t>是的，可是不多。</t>
  </si>
  <si>
    <t>信用卡单位电话可以瞎填吗</t>
  </si>
  <si>
    <t>可以有些银行是没有上门核实资料的</t>
  </si>
  <si>
    <t>ios手游能在电脑上玩吗</t>
  </si>
  <si>
    <t>去电脑上安装一个VNC客户端，输入在Veency上设置的密码。就成功的将iPhone与电脑连接上了。这时候，手机上的任何操作都可以显示在电脑上了。</t>
  </si>
  <si>
    <t>苹果的问道不能在电脑上玩，因为ios在电脑上没有可用的模拟器。</t>
  </si>
  <si>
    <t>用不了。实就是一个PC端的工具，可以模拟出如苹果iPad般的操作体验，其内置了游戏、浏览器、视频、邮件等云端运行的应用。但是不能安装苹果应用。</t>
  </si>
  <si>
    <t>电子血压计准吗</t>
  </si>
  <si>
    <t>上臂式电子血压计，可靠性较好。</t>
  </si>
  <si>
    <t>电子血压计只要是经过了国际标准检验，准确性就是可以被信赖的。</t>
  </si>
  <si>
    <t>电子血压计不准，有两个原因：一.仪器本身精确度问题；二.使用者操作问题。</t>
  </si>
  <si>
    <t>同房10天能测出来吗</t>
  </si>
  <si>
    <t>同房14天后可以用验孕棒测出是否怀孕，最好到时查一下看看。</t>
  </si>
  <si>
    <t>确定同房那天是排卵期的话，那要同房15天，才能用试验测出有没有怀孕的，也就是说，在怀孕15天时，才能测出来的呢。</t>
  </si>
  <si>
    <t>2017钱存余额宝安全吗</t>
  </si>
  <si>
    <t>总体还是非常不错的，没有出现亏钱的情况。</t>
  </si>
  <si>
    <t>余额宝作为低收益基金，本身的风险就很小，而且是阿里巴巴集团代为操作，基本上可以说没有太大的风险。</t>
  </si>
  <si>
    <t>本人开始的时候也认为非常不安全，但是后来觉得还不错。</t>
  </si>
  <si>
    <t>pharmacydirect靠谱吗</t>
  </si>
  <si>
    <t>适当手浮对身体有益吗</t>
  </si>
  <si>
    <t>偶尔手淫对人体健康不仅无害，甚至有益。</t>
  </si>
  <si>
    <t>上继续教育学院有用吗</t>
  </si>
  <si>
    <t>1，继续教育的每门课程都是全国考试，每考出一门来就获得一张单科合格证，当该专业的全部课程都考出来后，可以到自考办去办理毕业证，该毕业证的效力等同于普通大学，国家承认。2，继续教育学院，就是各大学里专门从事组织自考的学院级单位，他的地位和法学院、经济管理学院等都是一样的，都是该大学下属的某个分支机构。缺点：继续教育学院只是从事自考教育活动，不参与考试安排和发布毕业证，这些活动都是由自考办来完成的。自考毕业证上盖的章是自考办的章和该专业主考院校的章。学历的认知度不强。</t>
  </si>
  <si>
    <t>早上洗头好吗</t>
  </si>
  <si>
    <t>早上洗头不好，因为早上人刚起床，血液循环还没有恢复到正常水平。血液运行比较缓慢，当早上洗头的时候，由于头部皮肤比较敏感，水的刺激会突然使血液循环加速。所以，血液的突然提速会另头部感觉不舒服。</t>
  </si>
  <si>
    <t>早上洗头不好。早晨温度较低，湿发干得慢，湿气笼罩，容易导致头痛。如果遇上刮风，皮肤毛孔张开，还易受风寒而感冒，颈椎病患者更会加重病情。</t>
  </si>
  <si>
    <t>早上洗头不好。由于白天工作繁忙，很多人喜欢在早晨出门早上洗头，实际上早上洗头是不可取的。 早上，人刚起床，血液循环还没有恢复到正常水平，血液运行比较缓慢。当早上洗头的时候，由于头部皮肤比较敏感，遇到水的刺激，特别的凉水的刺激会突然使血液循环加速，加快了脑部的正常血液供给，给血管造成较大的负荷，这会给健康带来很的隐患。</t>
  </si>
  <si>
    <t>汽车召回有补偿吗</t>
  </si>
  <si>
    <t>只是免费维修或更换有故障零配件，没有其它的补偿。</t>
  </si>
  <si>
    <t>含羞草有毒</t>
  </si>
  <si>
    <t>含羞草含有含羞草碱，有微毒，对于长期接触或服用，可致皮肤细胞中的毛囊衰败，从而引起头发、眉毛变黄，甚至脱落。</t>
  </si>
  <si>
    <t>昆明地铁6号线开通了吗</t>
  </si>
  <si>
    <t>兵役登记不登记有事吗</t>
  </si>
  <si>
    <t>有事。</t>
  </si>
  <si>
    <t>不去登记，依法由县级人民政府责令限期改正；逾期不改的，由县级人民政府强制其履行兵役义务，并可以处以罚款。</t>
  </si>
  <si>
    <t>柯洁是聂卫平的徒弟吗</t>
  </si>
  <si>
    <t>微信可以转账到别人银行卡吗</t>
  </si>
  <si>
    <t>在讲述微信转账的操作方法前，先在手机打开微信，在打开后登陆到微信主界面，找到并点击我选项。然后在点击打开我选项后，在我选项下找到钱包功能选项，当然需要点击打开进入到这个钱包选项。钱包选项打开后，进入到钱包选项功能列表管理窗，但是这里只需要找到转账按钮这个选项。在找到转账功能后，点击打开转账选项，然后这时界面会出现一个需要转账的人的名单选项提示。接着，在选择好要转账的某位好友后，会出现转账人具体的管理界面，金额的确定等选项。输入金额之后，点击确认转账，会出现支付银行和需要输入转账密码，金额密码确认之后，点击确认转账，就成功转账了，但是如果金额不够的话，转账会提示错误，如果以上金额都没有问题的话，点击转账就可以成功转账了。</t>
  </si>
  <si>
    <t>高严抓回来了吗</t>
  </si>
  <si>
    <t>近日有消息称外逃官员高严或许因为整容，并且在多国落脚居住，可能也因为这样的原因至今没有被抓回来，他的下落十几年来一直是个谜。</t>
  </si>
  <si>
    <t>截止2014年10月20日为止高严仍逍遥法外，原云南省委书记高严还在潜逃中，据介绍高严已经潜逃12年了，目前成为海外追逃的关键目标。</t>
  </si>
  <si>
    <t>菠菜和豆腐能一起吃吗</t>
  </si>
  <si>
    <t>最好不要在一起吃，可以分开吃，以免减少两者的营养成分，适可而止。</t>
  </si>
  <si>
    <t>不管怎么说，菠菜本身含有大量维生素，是人体充分需要，如维生素k，在补充钙的同时增加维生素k，可以大大提高补钙的效果，促进钙沉积入骨骼当中。富含钙和蛋白质的豆腐，加上富含钾、镁和维生素k的菠菜，正是补钙健骨的绝配。辛运的是，菠菜里的草酸易溶于水，只要在开水里煮沸几分钟，捞起来，基本上就以去掉大部分的草酸，而且维生素k也不散失。所以在吃菠菜和豆腐时，一定要将菠菜放在水里煮煮，除掉草酸。</t>
  </si>
  <si>
    <t>在食用菠菜和豆腐时，有人把它们一锅煮，认为是最理想的素食。但这是一种错误做法。因为菠菜含有叶绿素、铁等，还含有大量的草酸。豆腐主要含蛋白质、脂肪和钙。二者一锅煮，会浪费宝贵的钙。因为草酸能够和钙起化学反应，生成不溶性的沉淀，人体无法吸收。因此，为了保持营养，一是将菠菜和豆腐分餐，这样就不会起化学反应了。二是可以先将菠菜放在水中焯一下，让部分草酸溶于水，捞出来再和豆腐一起煮就行了。</t>
  </si>
  <si>
    <t>大王卡qq浏览器免流量吗</t>
  </si>
  <si>
    <t>qq浏览器在免流应用范围，所以说还是免流的。</t>
  </si>
  <si>
    <t>只要是腾讯旗下均可以免费。</t>
  </si>
  <si>
    <t>名创优品化妆品敢用吗</t>
  </si>
  <si>
    <t>他家老山寨已经被曝光了，护肤品尽量别用。</t>
  </si>
  <si>
    <t>名创优品只是没把价格抬高吸引顾客，质量不见得比贵的差。</t>
  </si>
  <si>
    <t>02110108888是太平洋车险电话吗</t>
  </si>
  <si>
    <t>是太平洋车险的直销电话。</t>
  </si>
  <si>
    <t>这个号码是太平洋车险的电话。</t>
  </si>
  <si>
    <t>是上海太平洋保险。</t>
  </si>
  <si>
    <t>使用测电笔时手按住笔尾金属体对吗</t>
  </si>
  <si>
    <t>用手接触才能形成通路使电流通过，但笔管中有一个很大的电阻，使电流减小到对人无害。</t>
  </si>
  <si>
    <t>人是导体，接触了金属体才能形成通路。</t>
  </si>
  <si>
    <t>异地取钱要手续费吗</t>
  </si>
  <si>
    <t>异地要支付“漫游费”，也就是异地取款手续费。</t>
  </si>
  <si>
    <t>2017年起同行异地存取款是免手续费的，跨行存取款依旧得收取手续费。</t>
  </si>
  <si>
    <t>自2016年11月1日起同行异地存取款手续费取消了，现在是免费的。</t>
  </si>
  <si>
    <t>花露水过期了还能用吗</t>
  </si>
  <si>
    <t>不建议使用。</t>
  </si>
  <si>
    <t>花露水虽然是局部皮肤外用的药物，但是过期了的花露水药效就会降低。过期花露水的驱蚊效果也会变差，消毒止痒等功效更是大打折扣。而且如果皮肤敏感，还可能会刺激皮肤引起皮肤搔痒、荨麻疹、红疹等过敏反应。</t>
  </si>
  <si>
    <t>过期的花露水可以使用。</t>
  </si>
  <si>
    <t>王者荣耀体验服ios可以申请吗</t>
  </si>
  <si>
    <t>目前没有ios体验服申请活动。</t>
  </si>
  <si>
    <t>阴阳师鬼使白好用吗</t>
  </si>
  <si>
    <t>鬼使白不仅不弱，且后期成长率极高，完全是一个专为斗技而生的式神。鬼使白作为一个技能灵活且属性较为平衡的式神，对阵容的搭配没有特别高的要求。在对整个斗技的节奏控制上表现的十分出色，主要的优势在于普攻对集火对象的减疗，魂狩对复活流的克制、残局中的收割和无常持续伤害无法平摊和对多回合式神的克制。</t>
  </si>
  <si>
    <t>没有公证的遗嘱有效吗</t>
  </si>
  <si>
    <t>如果遗嘱符合法律规定的形式，即使没有公证也是有效的。</t>
  </si>
  <si>
    <t>如认为该遗嘱不是立遗嘱人所写，必须有证据（可以申请笔迹鉴定等），否则遗嘱有效。</t>
  </si>
  <si>
    <t>邓伦喜欢孙怡吗</t>
  </si>
  <si>
    <t>在剧中两人将恩爱戏码演绎出了新高度，在现实生活中都已经名花有主啦。</t>
  </si>
  <si>
    <t>新鲜银耳有毒吗</t>
  </si>
  <si>
    <t>新鲜的银耳没有毒。</t>
  </si>
  <si>
    <t>事实上，真正的新鲜银耳，即刚采摘没有进行加工的银耳含卟啉类光感物质，食用新鲜银耳后，卟啉类光感物质会随血液循环分布到人体表皮细胞中。此时受到太阳照射，就可能引发日光性皮炎，入皮肤红肿、痒痛，出现鲜红色丘疹和水疱。卟啉类光感物质还易被咽喉黏膜吸收，导致咽喉水肿、全身不适、流鼻涕、流眼泪、乏力及呼吸急促等症状。</t>
  </si>
  <si>
    <t>会计从业取消了吗</t>
  </si>
  <si>
    <t>不是取消只是暂停。</t>
  </si>
  <si>
    <t>会计从业资格考试只是暂停，并非取消，至于何时恢复考试要等通知。目前会计从业资格认定行政审批权也已经下放至省级人民政府财政部门。</t>
  </si>
  <si>
    <t>孕妇可以吃方便面吗</t>
  </si>
  <si>
    <t>方便面的主要成份就是面粉和滑脂，其并不含有人体所需要的营养元素，如果经常吃的话，会引起营养不良的问题的，继而引起一系列的疾病，如头晕，心悸等副作用，妊娠期的女性就有可能出现妊娠期营养不良综合症，长期下去，会影响到胎儿的正常的发育的。女性在妊娠期的时候由于妊娠反应，本身食欲就会受到影响，而吃了方便面，有可能会加重呕吐等妊娠期的反应，而更影响孕妇的生活，造成恶性循环。方便面之所以会那么香有一个很大的原因，就是通过油炸才做到的，因此如果多吃的话，就会感到口干发热，会有个火的症状出现的，因此如果孕妇常吃的话，会加重便秘的问题，影响妊娠期的感觉的。</t>
  </si>
  <si>
    <t>党组织关系可以放在人才市场吗</t>
  </si>
  <si>
    <t>党组织关系归党委的组织部门管理，不归其他部门管理，所以，是不能由“人才交流中心”管理党组织关系的。</t>
  </si>
  <si>
    <t>党组织关系可以和户口一起放在人才市场，他们会接收。如果是预备党员，最好放到单位的党组织，到时候转正要用。正式党员的话，党员档案跟人事档案在一起的，也不用单独拿出来，由人才寄到你单位。但党组织关系介绍信你最好自己跑一趟，到人才市场给你开出来。所以介绍信抬头要写正确。 转正还是按照延期的日期正常进行。在人才开了介绍信之后，应在介绍信有效期内，根据介绍信的抬头称呼到当地省委或市委、县委、区委组织部办理组织关系转入手续，再由当地地省委或市委、县委、区委组织部将组织关系转到具体工作单位。户口、档案和党组织关系三个是相互独立的，所以理论上来说可以不放在一起。</t>
  </si>
  <si>
    <t>如果档案所在人才市场有党支部的话是可以落实组织关系的。如果没有，可以把组织关系转回户口所在地的街道社区管理。</t>
  </si>
  <si>
    <t>吴刚有孩子吗</t>
  </si>
  <si>
    <t>儿子吴羽卿应该有20岁了。</t>
  </si>
  <si>
    <t>吴刚的儿子也是一直没被曝光，但到现在已经20岁了，而且也随了父母的基因，做事很低调，在国外留学，据说成绩还很是不错，常拿奖学金。</t>
  </si>
  <si>
    <t>守宫砂是真的吗</t>
  </si>
  <si>
    <t>这个真没有，在少女白藕般的手臂上点一颗鲜艳的红痣，以验证女人们的贞操，在古代是常见的，叫“守宫砂”。不明就理的人，以为“守宫”就是守住那神圣的一方妙处。</t>
  </si>
  <si>
    <t>电子发票能报销吗</t>
  </si>
  <si>
    <t>电子发票可以报销入账了。</t>
  </si>
  <si>
    <t>可写明单位直接用于报销了。</t>
  </si>
  <si>
    <t>电子发票可以作为财务原始凭证报销入账。</t>
  </si>
  <si>
    <t>过敏性紫癜严重吗</t>
  </si>
  <si>
    <t>比较严重。</t>
  </si>
  <si>
    <t>过敏性紫癜一般不会危及生命的。</t>
  </si>
  <si>
    <t>只要肾脏没有受累，一般情况下不是很严重。</t>
  </si>
  <si>
    <t>巫迪文就是高伟光吗</t>
  </si>
  <si>
    <t>是不可能的事，这两人是两个人。</t>
  </si>
  <si>
    <t>车贷会影响房贷吗</t>
  </si>
  <si>
    <t>其实车贷属于消费贷款，房贷属于商业贷款，从政策上来说，两者是不会造成影响的。不论借款人是先申请的房贷，还是先申请汽车贷款，银行都会在考虑负债情况的基础上，衡量借款人的偿还能力决定是否发放贷款。</t>
  </si>
  <si>
    <t>优质属于极限词吗</t>
  </si>
  <si>
    <t>达内可靠吗</t>
  </si>
  <si>
    <t>骗子公司，目的就是让你给她们送钱，招聘全都是骗人的，主要就是骗刚毕业没多久的或者没什么社会经验的，培训是轻松，让逼你借贷交款的时候就原形毕露了。</t>
  </si>
  <si>
    <t>贴肚脐减肥有效吗</t>
  </si>
  <si>
    <t>分身体素质，对有些人管用，对有些人也不管用。</t>
  </si>
  <si>
    <t>这类产品只能说是哗众取宠的广告产品，这个对于减肥应是没有什么大的效果的。</t>
  </si>
  <si>
    <t>雨花客厅公寓能不能买</t>
  </si>
  <si>
    <t>小米6有红外吗</t>
  </si>
  <si>
    <t>在参数里没看到有红外功能。</t>
  </si>
  <si>
    <t>有红外功能。</t>
  </si>
  <si>
    <t>西安中际医院好不好</t>
  </si>
  <si>
    <t>西安中际医院骗子医院，连基本道德都没有的黑医院。</t>
  </si>
  <si>
    <t>百香果可以用开水泡吗</t>
  </si>
  <si>
    <t>不能用开水冲，因为百香果富含蛋白质，开水会使蛋白质发生变性，丢失许多营养，不能达到营养功效。</t>
  </si>
  <si>
    <t>百香果用冷水泡比较好。</t>
  </si>
  <si>
    <t>安信证券公司可靠吗</t>
  </si>
  <si>
    <t>注意安信证券。重大内幕，是个骗子公司。</t>
  </si>
  <si>
    <t>起码证券公司的平台是正规安全的。</t>
  </si>
  <si>
    <t>csgo皮肤会磨损吗</t>
  </si>
  <si>
    <t>一个皮肤的磨损值是固定终身的，不会被改变，不管用多久。不可能说崭新的用久了变成战痕的之类的。</t>
  </si>
  <si>
    <t>绝对不会，别听这些老水笔们忽悠，开出来什么磨损就永远是什么磨损。</t>
  </si>
  <si>
    <t>不会掉耐久的，放心使用。</t>
  </si>
  <si>
    <t>一天睡5个小时够吗</t>
  </si>
  <si>
    <t>对于睡眠时间的长短，没有统一的说法。因人而异可以分为长睡眠型（8小时左右）和短睡眠型（6小时左右），其实4－10小时都属于正常范围，主要以第二天醒后精神饱满为准。实际上，各种人群对睡眠的要求是不同的。一般而言10－18岁的人群，每天需要8小时的睡眠时间，18－50岁的人群，每天需要7小时的睡眠时间，50－70岁的人群，每天需要5－6小时。</t>
  </si>
  <si>
    <t>承重墙可以开门洞吗</t>
  </si>
  <si>
    <t>开是可以开，但家装最好不要开。可以开是因为：这种承重墙是配筋的剪力墙，如果通过计算，对开孔造成的削弱，在其四周予以补强，是可以满足承重墙承载力，保证安全的。</t>
  </si>
  <si>
    <t>承重墙上开洞，不可以。承重墙是建筑的受力结构，不能擅自开门洞口、改造，否则会影响整体的结构受力，导致整个结构体系的不平衡，对整幢楼的稳定性能产生影响，安全系数大打折扣。</t>
  </si>
  <si>
    <t>癫痫病可以根治吗</t>
  </si>
  <si>
    <t>可以达到根治的。</t>
  </si>
  <si>
    <t>停经一年多又来月经正常吗</t>
  </si>
  <si>
    <t>一般绝经后不会再来月经的，这情况再出血的话也可能是与子宫病症有关系。</t>
  </si>
  <si>
    <t>一般来说，女性停经一年以后又出现月经来潮的。疾病的原因比较大，比较常见的是子宫肌瘤，卵巢囊肿，还有各种恶性肿瘤的可能。</t>
  </si>
  <si>
    <t>建议及时去医院妇科就诊，需要做一个妇科彩超来明确一下。</t>
  </si>
  <si>
    <t>一个蓝牙耳机可以同时连接两个手机吗</t>
  </si>
  <si>
    <t>一拖二仅部分蓝牙耳机支持。使用前请确定耳机是否支持。</t>
  </si>
  <si>
    <t>何炅是同性峦吗</t>
  </si>
  <si>
    <t>何炅和王菁的恋情坐实，有关此前何炅的同性恋传闻不攻自破。</t>
  </si>
  <si>
    <t>有抵押的房子能买吗</t>
  </si>
  <si>
    <t>只要可以正常过户就可以购买。</t>
  </si>
  <si>
    <t>抵押的房子不能卖，需偿清贷款后注销抵押后进行买卖。</t>
  </si>
  <si>
    <t>被抵押房产是可以依法转让的。将抵押房地产出售必须满足两个条件： 一是通知抵押权人并经其同意。二是如实告知买受人。</t>
  </si>
  <si>
    <t>iseul化妆品好吗iseulbeauty</t>
  </si>
  <si>
    <t>孕妇能喝小米粥吗</t>
  </si>
  <si>
    <t>可以吃的。</t>
  </si>
  <si>
    <t>电脑上可以登录两个微信吗</t>
  </si>
  <si>
    <t>浏览器开两个页面，或者一个开 Windows 一个开网页。</t>
  </si>
  <si>
    <t>使用两个浏览器。</t>
  </si>
  <si>
    <t>阴阳师邮箱绑定可以换绑吗</t>
  </si>
  <si>
    <t>邮箱已经激活了，不能换了。</t>
  </si>
  <si>
    <t>邮箱一旦绑定，正常途径基本是只能更换无法解除。但是可以通过账号申诉来解除所有绑定。</t>
  </si>
  <si>
    <t>男人主动分手会想念吗</t>
  </si>
  <si>
    <t>男人的心中总会有着前女友的影子。</t>
  </si>
  <si>
    <t>那肯定是会联系的。</t>
  </si>
  <si>
    <t>小龙虾虾头的黄能吃吗</t>
  </si>
  <si>
    <t>尽量少吃。</t>
  </si>
  <si>
    <t>中国检验认证是国企吗</t>
  </si>
  <si>
    <t>存死期的钱能提前取吗</t>
  </si>
  <si>
    <t>可以提款，但是需要开户人的身份证利率按当时的活期存款的利率算。</t>
  </si>
  <si>
    <t>银行定期存款提前支取，不需要手续费。不过存款利率是按活期利率支付利息了。需要提醒的是，定期存款可以部分提前支取，提前部分利率按活期计息。剩余存款到期支取，利率还是按定期存款利率计息。</t>
  </si>
  <si>
    <t>同粥记乞禾散有效果吗</t>
  </si>
  <si>
    <t>乞禾散对调理湿气以及湿表症状效果很好。</t>
  </si>
  <si>
    <t>抵抗军天使 凯特琳有特效吗</t>
  </si>
  <si>
    <t>6.10后有特效，之前没有。</t>
  </si>
  <si>
    <t>销售收入包括增值税吗</t>
  </si>
  <si>
    <t>商品销售收入中不包括增值税额。</t>
  </si>
  <si>
    <t>择天记圣后是好人吗</t>
  </si>
  <si>
    <t>虽然可能也造福了很多人，但也不见得就是纯粹的好人。</t>
  </si>
  <si>
    <t>圣后是一个为天下苍生不惜牺牲一切的人。</t>
  </si>
  <si>
    <t>珍珠粉可以直接涂脸吗</t>
  </si>
  <si>
    <t>珍珠粉最好不要直接的擦在我们的脸上，因为这样我们人体的皮肤吸收不了，珍珠粉可以和牛奶一起泡后擦在我们的脸上，可以起到改善皮肤的一些症状，比如脸上长痘痘等，或者可以把珍珠粉放在我们的晚霜里面用，达到滋养的效果。</t>
  </si>
  <si>
    <t>上海徐汇,宝山上门换锁芯安全吗</t>
  </si>
  <si>
    <t>2017年苹果6值得买吗</t>
  </si>
  <si>
    <t>人人保缴社保可靠吗</t>
  </si>
  <si>
    <t>应该是靠谱的，但如果委托其代办业务，注意保留协议等证据，并在办理社保相关业务后登陆社保账户查询，必要时可咨询下当地社保部门。</t>
  </si>
  <si>
    <t>这个是肯定的，人人保是一家24小时在线专门做社保代缴的公司，您可以根据需要，选择相应的业务。</t>
  </si>
  <si>
    <t>比较靠谱，不要担心。</t>
  </si>
  <si>
    <t>癜痫病能彻底治好吗</t>
  </si>
  <si>
    <t>不能根治的啊，多数情况不能根治，只能控制。</t>
  </si>
  <si>
    <t>贺军翔结婚了吗</t>
  </si>
  <si>
    <t>贺军翔已结婚生子。</t>
  </si>
  <si>
    <t>安置房可以买卖吗</t>
  </si>
  <si>
    <t>安置房能不能买卖首先要看该房屋是否取得了产权。</t>
  </si>
  <si>
    <t>有的地方直接用商品房做拆迁安置房，这种房屋可以直接买卖。有的地方是地方政府牵头修好整栋的拆迁安置房，这种拆迁安置房只用于安置拆迁的居民，所以，会规定一定时限内不允许流通到市场上进行买卖。</t>
  </si>
  <si>
    <t>没有产证不能过户，但是可以提前卖。</t>
  </si>
  <si>
    <t>慢性胃炎能根治吗</t>
  </si>
  <si>
    <t>邓超安以轩是真的吗</t>
  </si>
  <si>
    <t>这此都是谣言，当事人已经对此澄清。</t>
  </si>
  <si>
    <t>而事实上，这则铁证的图片，其实是一张剧照。</t>
  </si>
  <si>
    <t>是真的，在娱乐圈内部已经传开了，只不过是邓超给了卓伟8千万然后盖住了而已。事情是两人当时在横店拍戏，结果假戏真做了，娘娘以探班的名义来超哥的房间捉奸，当时是孙俪突然进来了邓超惊讶的愣住了，然后孙俪就问道就你一个人吗？邓超那时候受惊的就愣在那里然后突然卫生间那里传出来一个水声，结果孙俪助理过去给安以轩一巴掌（助理当时并不知道此人是安以轩）然后孙俪很冷静的跟邓超说“事情搞到这个地步了你要是不处理好就别在公司混下去了”。然后助理又踢了安以轩说cnm，然后事情就是这样。很明显孙俪是个很聪明，遇事冷静的人。邓超娶到娘娘这么好的人是他的荣幸。而且娱乐圈嘛出轨什么的最正常不过了。</t>
  </si>
  <si>
    <t>dnf劳动节礼包值得买吗</t>
  </si>
  <si>
    <t>总体看上去性价比似乎没有上一年的高！虽然称号还是有一点亮点，值得购买，但是其他都很一般。</t>
  </si>
  <si>
    <t>山东大学研究生好考吗</t>
  </si>
  <si>
    <t>1、山东大学研究生不好考，毕竟是985重点大学。2、是否好考是相对而言，和北大、复旦比则好考。3、是否好考看招生单位的位置和名气，因为报考生源不同。4、不管是报考哪个学校都要努力和自信，缺一不可，因为录取是看分数。</t>
  </si>
  <si>
    <t>按试题难度来说，山大并不难考。</t>
  </si>
  <si>
    <t>小米手环能测血压吗</t>
  </si>
  <si>
    <t>1，佩戴袖带。2，将手机插入血压计，APP 自动打开。3，点击红圈，开始测量。4，查看测量结果。</t>
  </si>
  <si>
    <t>影音先锋能看的网有没有</t>
  </si>
  <si>
    <t>3d硬金是纯金吗</t>
  </si>
  <si>
    <t>3D硬金硬度是普通千足金的4倍，纯度仍然是千足金的纯度。</t>
  </si>
  <si>
    <t>用千图网素材侵权吗</t>
  </si>
  <si>
    <t>免费试用的不侵权；需要付费的，没有付费是侵权。</t>
  </si>
  <si>
    <t>用作商业用途的话是构成侵权的。</t>
  </si>
  <si>
    <t>游戏人生小说完结了吗</t>
  </si>
  <si>
    <t>荣耀v9 4g内存够用吗</t>
  </si>
  <si>
    <t>够用的。p10还是4g内存呢。</t>
  </si>
  <si>
    <t>loft公寓买着划算吗</t>
  </si>
  <si>
    <t>一层可以隔成两层用，所谓的得房率超过100%。这个当然单纯从使用上来说是划算的。</t>
  </si>
  <si>
    <t>泰国试管婴儿靠谱吗</t>
  </si>
  <si>
    <t>华熙国际成立至今，根据多年的行业经验了解到，国内很多医疗资源不足，也因为很多制度问题，很多人都选择了到泰国做第三代试管，同时泰国依据他们先进的医疗科技帮助了无数的不孕或有特殊要求的姐妹成功怀孕。泰国试管婴儿的费用并没有很多人认为的那么高，年龄也是会影响费用的关键因素，所以建议患者尽早治疗，这样不仅能够降低试管婴儿费用，成功概率也高于年龄大的患者。</t>
  </si>
  <si>
    <t>曲轴油封漏油是大事吗</t>
  </si>
  <si>
    <t>违停扣分吗</t>
  </si>
  <si>
    <t>《机动车驾驶证申领和使用规定》规定，不按规定行车或者停车的，一次扣2分。</t>
  </si>
  <si>
    <t>违章停车，罚款200元，有些地方违停是不扣分的。有如下情况违停的，是需要扣分的，其它地方违停是不需要扣分的。《机动车驾驶证申领和使用规定》一、机动车驾驶人有下列违法行为之一，一次记12分：（八）驾驶营运客车在高速公路车道内停车的；二、机动车驾驶人有下列违法行为之一，一次记6分：（七）驾驶营运客车以外的机动车在高速公路车道内停车的；三、机动车驾驶人有下列违法行为之一，一次记3分：（七）驾驶机动车行经人行横道，不按规定减速、停车、避让行人的；四、机动车驾驶人有下列违法行为之一，一次记2分：（一）驾驶机动车行经交叉路口不按规定行车或者停车的。</t>
  </si>
  <si>
    <t>臭氧对人体有害吗</t>
  </si>
  <si>
    <t>一般认为臭氧吸入体内后，能迅速转化为活性很强的自由基-超氧基(O2-)，主要使不饱和脂肪酸氧化，从而造成细胞损伤。臭氧可使人的呼吸道上皮细胞脂质过氧化过程中花生四烯酸增多，进而引起上呼吸道的炎症病变，志愿者研究表明接触0.09ppm臭氧2小时后肺活量、用力肺活量和第一秒用力肺活量显著下降；浓度达0.15ppm时，80%以上的人感到眼和鼻粘膜刺激，100%出现头疼和胸部不适。由于臭氧能引起上呼吸道炎症、损伤终末细支气管上皮纤毛，从而削弱了上呼吸道的防御功能，因此长期接触一定浓度的臭氧还易于继发上呼吸道感染。臭氧浓度在2ppm时，短时间接触即可出现呼吸道刺激症状、咳嗽、头疼。</t>
  </si>
  <si>
    <t>臭氧具有强烈的刺激性，对人体健康有一定危害。它主要是刺激和损害深部呼吸道，并可损害中枢神经系统，对眼睛有轻度的刺激作用。当大气中臭氧浓度为0.1mg/m3时，可引起鼻和喉头粘膜的刺激；臭氧浓度在0.1--0.2mg/m3时，引起哮喘发作，导致上呼吸道疾病恶化，同时刺激眼睛，使视觉敏感度和视力降低。臭氧浓度在 2mg/m3以上可引起头痛、胸痛、思维能力下降，严重时可导致肺气肿和肺水肿。此外，臭 氧还能阻碍血液输氧功能，造成组织缺氧；使甲状腺功能受损、骨骼钙化，还可引起潜在性的全身影响，如诱发淋巴细胞染色体畸变，损害某些酶的活性和产生溶血反应。臭氧超过一定浓度，除对人体有一定毒害外，对某些植物生长也有一定危害。臭氧还可以使橡胶制品变脆和产生裂纹。</t>
  </si>
  <si>
    <t>微量的臭氧对人体无害，还会有一点益处，但浓度高了就有害了，会造成一定刺激、即使较低浓度也会造成体内自由基增加，细胞氧化、老化加快。</t>
  </si>
  <si>
    <t>排卵试纸准确率高吗</t>
  </si>
  <si>
    <t>有90%的正确率。</t>
  </si>
  <si>
    <t>一般来说，准确率还是挺高的。</t>
  </si>
  <si>
    <t>有没有类试骨傲天动漫</t>
  </si>
  <si>
    <t>overlord不死者之王。</t>
  </si>
  <si>
    <t>转生史莱姆。</t>
  </si>
  <si>
    <t>盾之勇者成名录。</t>
  </si>
  <si>
    <t>手机号能查快递吗</t>
  </si>
  <si>
    <t>拨打4001005678告诉客服你的手机号就可以查询物流信息了。或者使用微信关注物流，绑定的手机号，只要有手机号作为物流收货信息的快件，微信就会发物流信息的。</t>
  </si>
  <si>
    <t>可以电话客服，提供发件日期、发件人电话、收件人电话等信息，就能查到单号。</t>
  </si>
  <si>
    <t>dnf制裁1小时有影响吗</t>
  </si>
  <si>
    <t>没事，最多就是被盯上。</t>
  </si>
  <si>
    <t>羽绒被好不好</t>
  </si>
  <si>
    <t>在羽绒制品的加工过程中，第一种飞丝多了会感觉手感很好，很软，但是保暖很差，而且过水晾干后会结块，第二种是由羽绒里的含绒量来决定它的质量和价格。最好的是90%的绒越多等级越高，绒量低了毛片多了蓬松度会降低，保暖就差。面料：一般采用高强度、高密度全棉，不要有涂层，不一定是防水的。</t>
  </si>
  <si>
    <t>江苏东海县人很穷吗</t>
  </si>
  <si>
    <t>苏北东海县，算是江苏省最贫穷的地方之一。</t>
  </si>
  <si>
    <t>剑网3免费了吗</t>
  </si>
  <si>
    <t>现在剑网三已经正式收费运营了，新注册的账号的第一个角色等级不超过18级的，有15天的试玩时间。超过15天或18级就要收费了。</t>
  </si>
  <si>
    <t>剑网3从来就不是游戏，而是按照时间收费的。</t>
  </si>
  <si>
    <t>台式电脑有蓝牙吗</t>
  </si>
  <si>
    <t>不具备蓝牙功能的电脑并不是没有，面对这种情况，可自己购买一个蓝牙适配器。</t>
  </si>
  <si>
    <t>宜人贷是不是诈骗公司</t>
  </si>
  <si>
    <t>就是网贷平台，不是骗人的。</t>
  </si>
  <si>
    <t>不是，挺好的。</t>
  </si>
  <si>
    <t>国外有发票吗</t>
  </si>
  <si>
    <t>美国目前还没有。</t>
  </si>
  <si>
    <t>杨梅有虫能吃吗</t>
  </si>
  <si>
    <t>极速现金侠上征信吗</t>
  </si>
  <si>
    <t>会上征信的。</t>
  </si>
  <si>
    <t>小货上不了征信，因为他们公司没执照。</t>
  </si>
  <si>
    <t>极速现金贷是需要绑定芝麻信用的，所以是上征信系统的。</t>
  </si>
  <si>
    <t>新浪微博能看到访客记录吗</t>
  </si>
  <si>
    <t>新浪微博若是想看到最近访客，需要以下几个步骤：1，首先需要登录新浪的微博的账号和密码。2，进入到了个人的微博的账号的情况下，然后进行点击个人的微博账号头像。3，进入到了个人的主页中，进行点击菜单中的“管理中心”的选项菜单。4，然后进行点击左边菜单列表中的“数据中心”的选项。5，在数据中心有各种的数据的信息，在数据信息中找到一项为页面访问分析一张表。6，在当前页面访问分析中可以看到是浏览量，如果需要查看可以进行点击独立访客数中，进行查看访客情况。</t>
  </si>
  <si>
    <t>1、新浪微博暂时没有看到访客记录的功能。2、无法查看哪些用户访问过的微博，同样，访问他人的微博页面时对方也不会知晓。3、如果想和网友更好的互动，可以关注TA，并与TA进行转发、评论等互动。4、如果想要关注对方却并不想让对方知晓，还可以选择悄悄关注。</t>
  </si>
  <si>
    <t>财神可以挂门上吗</t>
  </si>
  <si>
    <t>贴在门上就代表着财神会被你召唤来，不久后你能发大财，贴在不同的地点就会有不同的迎财神的方法。</t>
  </si>
  <si>
    <t>dnf龙跃武器好不好</t>
  </si>
  <si>
    <t>感觉强到12还不错。</t>
  </si>
  <si>
    <t>龙跃武器很恶心，成长型武器，每天都要刷图去涨经验，一天没刷经验会掉，而且升级还要花很多钱。</t>
  </si>
  <si>
    <t>支付宝可以绑定信用卡吗</t>
  </si>
  <si>
    <t>支付宝可以绑定信用卡，和常规绑定银行卡是一样的。</t>
  </si>
  <si>
    <t>自动升窗器对车有影响吗</t>
  </si>
  <si>
    <t>安装自动升窗器不会对车子有什么不好的影响。相反，还有利于车主保管好车内物品。</t>
  </si>
  <si>
    <t>自动关窗器用时候瞬间电流比较大，对电瓶会有些影响，不过问题也不大。即插即用自动关窗器轻松获得自动关窗和自动降窗功能，对车没有影响。</t>
  </si>
  <si>
    <t>使用vpn违法吗</t>
  </si>
  <si>
    <t>1、用vpn上外网是合法的。2、不合法的是，你利用vpn干嘛去了？做了违背中国社会主义的法律或者违规道德规范。3、利用vpn看看国外网站，浏览下国外新闻。上上社交网站都不是什么问题的。</t>
  </si>
  <si>
    <t>不违法，很多企业都要求员工必须使用vpn加密上网。</t>
  </si>
  <si>
    <t>狗狗蜱虫会到人身上吗</t>
  </si>
  <si>
    <t>会的！蜱虫也会叮咬人体。</t>
  </si>
  <si>
    <t>农村太阳能发电靠谱吗</t>
  </si>
  <si>
    <t>靠谱的，目前农村装的非常多，发的电可以自己用，用不完还可以卖给国家，还有补贴。</t>
  </si>
  <si>
    <t>鸡蛋壳上有斑点能吃吗</t>
  </si>
  <si>
    <t>如果鸡蛋上长有斑点，通常这种鸡蛋已经感染了细菌和病菌和大量的沙门氏菌，是不能够食用的。</t>
  </si>
  <si>
    <t>一般的都没事。</t>
  </si>
  <si>
    <t>强迫症是精神病吗</t>
  </si>
  <si>
    <t>马必生是不是痣疮专家</t>
  </si>
  <si>
    <t>知识产权销售好做吗</t>
  </si>
  <si>
    <t>不好做。</t>
  </si>
  <si>
    <t>知识产权顾问相对于别的行业的销售来说比较稳定，需要掌握的相关专业知识较多，而且就目前来说国家大力加强知识产权方面的发展力度，企业也越来越重视自己知识产权的保护，所以前景方面不用担心，不过说一句实话知识产权顾问想快速挣钱或者说挣比较多的钱还是有点难度。</t>
  </si>
  <si>
    <t>甜橙白条上征信吗</t>
  </si>
  <si>
    <t>上了。</t>
  </si>
  <si>
    <t>糖尿病人可以吃樱桃吗</t>
  </si>
  <si>
    <t>据测定，樱桃的糖含量为9.9克/100克，其血糖指数是22。樱桃的主要功效：降血压、降血糖，保护肠胃。樱桃中富含一种花色素苷，可有效地降低糖尿病患者体内的含糖量。</t>
  </si>
  <si>
    <t>据测定，樱桃的糖含量为9.9克/100克，其血糖指数是22。樱桃的主要功效：降血压、降血糖，保护肠胃。樱桃中富含一种花色素苷，可有效地降低糖尿病患者体内的含糖量。在推荐进入糖尿病治疗之前还要做动物和人体实验。不止是樱桃含有花青素，红葡萄、草莓、蓝莓、蔬菜、葡萄酒、苹果酒、茶叶中也有。但是最强的促进胰岛素作用来自樱桃中的花青素。</t>
  </si>
  <si>
    <t>糖尿病人是可以吃樱桃的，如果吃新鲜的樱桃，每天不要超过10个。樱桃中富含的花色素苷能够增加人体内部胰岛素的含量，从而有效地降低糖尿病患者血糖。此外，樱桃含有丰富的维生素E，对于糖尿病人防治肾脏并发症有益。同时，维生素E还能帮助糖尿病患者预防心血管系统的并发症。注意休息,避免高糖食物,如各种糖果,甜食.减少脂肪的摄入,避免油腻和含脂肪高的食物.选择高纤维食物,如粗粮,含纤维高的蔬菜。</t>
  </si>
  <si>
    <t>2017五联疫苗还断货吗</t>
  </si>
  <si>
    <t>断货。</t>
  </si>
  <si>
    <t>李宝英在韩国算一线吗</t>
  </si>
  <si>
    <t>电视一线。</t>
  </si>
  <si>
    <t>绝对是一线女星。</t>
  </si>
  <si>
    <t>韩国电影及电视明星里算不上最红的一批吧。</t>
  </si>
  <si>
    <t>dnf90版本女弹药强吗</t>
  </si>
  <si>
    <t>强。</t>
  </si>
  <si>
    <t>不强，控制力弱。</t>
  </si>
  <si>
    <t>需要好的SS套装才有伤害。</t>
  </si>
  <si>
    <t>易信官网可靠吗</t>
  </si>
  <si>
    <t>官网内容可靠。</t>
  </si>
  <si>
    <t>文件被替换后 原文件还能恢复吗</t>
  </si>
  <si>
    <t>不太容易恢复，因为被覆盖的可能性比较大。复制文件的时候，如果目标盘中包含同名文件，系统会提示“此位置已经包含同名文件“，可以选择“复制和替换”“不要复制”等选项。如果选择替换，那复制后，目标盘中原来的文件将被删除，背复制的文件保存到这个分区。由于被替换的文件是被删除的，并且删除的同时又存入了数据，并且是相同名字的文件，这种情况丢失的文件被覆盖的概率会比较高，因此恢复的时候会有些难度。</t>
  </si>
  <si>
    <t>在电脑中安装阿拉丁数据恢复软件并运行软件。注意：软件不能安装在丢失数据的分区，以免进一步造成文件覆盖。选择”恢复分区内的文件“然后选择丢失数据分盘，并勾选”额外搜索已知的文件类型“，开始扫描文件，搜索完成后，在文件列表中找一下按文件类型恢复出来的文件，这里的文件没有原始的文件名，以文件类型分类。由于丢失的文件是同名替换，因此文件目录应该已经被破坏了，查找文件的时候则不能考虑文件目录。找到需要的文件后，将文件保存，复制到不需要恢复数据的分区。</t>
  </si>
  <si>
    <t>钉钉免费吗</t>
  </si>
  <si>
    <t>Ding不是完全免费的，个人用户每天拥有5次免费使用。</t>
  </si>
  <si>
    <t>不收费。</t>
  </si>
  <si>
    <t>钉钉的免费电话是有时长限制的。个人100分钟。</t>
  </si>
  <si>
    <t>月经期间可以跑步吗</t>
  </si>
  <si>
    <t>视个人身体状况做调整，超慢跑有利血液循环，经前症候群可小跑步改善，经前症候群严重者请休息，少女初经期间不宜路跑。</t>
  </si>
  <si>
    <t>可以慢跑。</t>
  </si>
  <si>
    <t>避免高强度，大运动量。</t>
  </si>
  <si>
    <t>摩托车能上高速公路吗</t>
  </si>
  <si>
    <t>在中国摩托车可以上高速公路行驶，但要符合以下要求我国交通法规和交通管理条例规定：摩托车驾驶速度不得低于60公里/小时，并且最高速度不超过80公里/小时。由于最低时速的限定，所以排气量50cc以下的摩托车被“拒之路外”。驾驶摩托车在高速路行驶不得带人、必须佩带头盔。除了国务院规定的节假日免费外，其他时间按7座以下小客车计费标准缴费.根据高速公路不同车道的规定速度限制，摩托车应当在高速路最外侧车道行驶。</t>
  </si>
  <si>
    <t>按规定,二轮摩托车是可以上高速公路行驶的.</t>
  </si>
  <si>
    <t>银魂329完结了吗</t>
  </si>
  <si>
    <t>不是，动画是在等漫画的进度。而且动画也一直在更的只不过是在放精选集。</t>
  </si>
  <si>
    <t>这季完结了。</t>
  </si>
  <si>
    <t>广州森迪信息科技有限公司是培训机构吗</t>
  </si>
  <si>
    <t>培训公司。</t>
  </si>
  <si>
    <t>捷信福袋上征信吗</t>
  </si>
  <si>
    <t>目前，捷信消费金融公司已获准入中国人民银行征信系统。首先，无论有什么理由都应该尽量按时还款。捷信公司是比较成熟的消费金融公司，这类公司有严格的风险控制方法，借款人逾期不还款，公司会采取多种方式进行催收，会一定程度影响到工作和生活的。</t>
  </si>
  <si>
    <t>网吧能玩h1z1吗</t>
  </si>
  <si>
    <t>可以玩。</t>
  </si>
  <si>
    <t>翼支付理财安全吗</t>
  </si>
  <si>
    <t>电信翼支付的甜橙理财是非常安全的，甜橙理财是中国电信翼支付的产品。</t>
  </si>
  <si>
    <t>可以的，就是收益有点低。</t>
  </si>
  <si>
    <t>博士联合培养算海归吗</t>
  </si>
  <si>
    <t>只有拿国家认可学校的学位才是海龟，联合培养的不算。</t>
  </si>
  <si>
    <t>公司分红要交税吗</t>
  </si>
  <si>
    <t>要交税。</t>
  </si>
  <si>
    <t>需要缴纳。</t>
  </si>
  <si>
    <t>对于个人股东来说，应按利息、股息、红利所得，缴纳个人所得税（税率20%）。对于法人股东来说，免征企业所得税。</t>
  </si>
  <si>
    <t>朴有天形象还能逆转吗?</t>
  </si>
  <si>
    <t>三亚六月份热吗</t>
  </si>
  <si>
    <t>在六月份的时候，三亚的天气是比较热的，平均气温在26℃ ~ 32℃之间，而室外温度大约在35℃左右，太阳光线会比较强，要注意户外防晒。</t>
  </si>
  <si>
    <t>日本签证可以自己办理吗</t>
  </si>
  <si>
    <t>1、有效因私五年护照（半年以上有效期；护照后必须本人签字，学龄前儿童由监护人代签），如使用换发护照，须提供旧护照。2、日本国签证申请书，所填写资料须真实，座机电话最好能本人接听，以便使馆核实资料。3、2张近期彩色照片（2寸），白底。4、身份证、全家户口本复印件（A4纸）5、在职人员提供：工作单位在职证明。（包括姓名，性别，出生日期，工作起止日期，担任职务，加盖公章），所在单位营业执照复印件。</t>
  </si>
  <si>
    <t>1、本人护照 ：申请者须持有本人签名的六个月以上的有效因私护照原件，如有旧护照请一并附上 护照签名必须与个人资料表签名完全一致。2、本人照片： 2张， 三个月内2寸白底彩色近照3、身份证复印件 ：1份， 必须是用身份证原件的复印件4、户口本： 1份 ，全体家庭成员的户口本复印件，包括户主首页能体现关系的户口本或亲属关系公证书5、名片：2张，所提供的地址、电话、姓名必须正确真实，可以联系到本人，如有公司简介也最好提供 。6、签证申请表：1份，由申请人本人如实、完整填写并签名 另备个人签名空白资料表1-2份 护照签名必须与个人资料表签名完全一致 日本使馆非常注意签名的正确性。</t>
  </si>
  <si>
    <t>黑暗骑士艾希有特效吗</t>
  </si>
  <si>
    <t>没特效 。</t>
  </si>
  <si>
    <t>神探夏洛克第五季会出吗</t>
  </si>
  <si>
    <t>编剧和导演说还想继续拍，主要还是要看筹备、主演档期什么的，如果筹备有困难的话，也许第四季就是最后一季了。</t>
  </si>
  <si>
    <t>应该不会，这一季说的是完结季了</t>
  </si>
  <si>
    <t>天子剑好玩吗</t>
  </si>
  <si>
    <t>感觉上有些借鉴SD正途的模式，如果怕坑的话，最好还是不要选。</t>
  </si>
  <si>
    <t>没啥意思啊，这游戏虽然挺好玩的，但是没什么人玩自然游戏也就没意思了。</t>
  </si>
  <si>
    <t>瀚亚资本公司可靠吗</t>
  </si>
  <si>
    <t>名气不大。</t>
  </si>
  <si>
    <t>瀚亚的风险比银行的还小—些，因为瀚亚公司很大，是专做这种生意的，如果亏了，宁愿自己损点财而不愿损失名誉，银行本就有名气，理财产品上损点名誉无所谓。</t>
  </si>
  <si>
    <t>小米以旧换新靠谱吗</t>
  </si>
  <si>
    <t>中信i白金还值得申请吗</t>
  </si>
  <si>
    <t>在众多的小白金中，中信I白金还是当之无愧的头把交椅。中信白金不仅申请门槛低，年费也是想免就能免的。白金信用卡的年费往往都很高，甚至某些高端卡的年费是不能豁免的。但是中信白金却很任性，首年减免年费，次年只要刷卡（含取现）12次即可减免年费。一、网购双倍积分。二、9积分享兑。三、IMAX 五折看电影。四、其他保障权益：1、2小时航班延误险；2、500万航空意外伤害险（本人保额500万，随行配偶及子女享最高250万及10万保险）；3、1万元意外入院医疗保险（如不慎发生意外，可获紧急援助，入住就近的医院）。</t>
  </si>
  <si>
    <t>个人觉得还是可以长期持有的。</t>
  </si>
  <si>
    <t>在没有下一张无脑刷神卡代替的情况下，i 白金还是不错的。延误险，双倍积分，9积分，只能说吧，还是聊胜于无。</t>
  </si>
  <si>
    <t>黄耀明是港独吗</t>
  </si>
  <si>
    <t>黄耀明是港独</t>
  </si>
  <si>
    <t>讨鬼传2破解了吗</t>
  </si>
  <si>
    <t>破解了。</t>
  </si>
  <si>
    <t>外交学院是名牌大学吗</t>
  </si>
  <si>
    <t>是名牌大学，而且是全国重点大学。外交学院是以服务中国外交事业为宗旨，培养一流外交外事人才的小规模、高层次、特色鲜明的外交部唯一直属全国重点大学，是财政部6所“小规模试点高校”之一，入选国家首批“卓越法律人才教育培养计划”，设有研究生院，被誉为“中国外交官的摇篮”。</t>
  </si>
  <si>
    <t>当然，国家为外交部培养人才的学校，分很高。</t>
  </si>
  <si>
    <t>不清楚是不是名牌大学，但肯定是个好学校。</t>
  </si>
  <si>
    <t>哺乳期吃豆腐宝宝会胀气吗</t>
  </si>
  <si>
    <t>不会，没影响。</t>
  </si>
  <si>
    <t>豆制品是会容易胀气的。</t>
  </si>
  <si>
    <t>豆类所含的低聚糖如水苏糖和棉子糖，被肠道细菌发酵，能分解产生一些气体，进而引起嗝气、肠鸣、腹胀、腹痛等症状。</t>
  </si>
  <si>
    <t>来大姨妈可以吃榴莲吗</t>
  </si>
  <si>
    <t>女人来月经可以吃榴莲。</t>
  </si>
  <si>
    <t>绝境求生需要vpn吗</t>
  </si>
  <si>
    <t>不用vpn，用加速器 。</t>
  </si>
  <si>
    <t>回迁房可以直接更名吗</t>
  </si>
  <si>
    <t>没有房产证是不能进行房产证的更名手续的，所以更名是无效的，房产证更名具体手续如下：房产证更名办理需要材料：提供双方的身份证，户口本，房产证。如果以后不打算再出售的话就直接 签署赠与，那样子费用比较低点，如果以后还打算交易最好是到房屋交易大厅填写买卖契约，然后去房屋交易大厅过户，但是中间会出现费用：如果不满五年面积小于等于144的话，要收取差额营业税5.5%(市场指导价与原始购房价的差额），契税：面积小于90㎡的且是首套住房的话就是收取1%的，第二套住房的话就是2%，个税是1%。其他的都是小费用了。</t>
  </si>
  <si>
    <t>回迁房必须原房主办理房照，然后你们再办理更名手续，契税是2，他说的情况根本不可能。只有商品房买卖可以和开发商通融可以直接改你的名字（需要拿点钱），你如果实在要买这个房子，必须慎重，最好预留房主30%的房款。待更名后再把余下房款付给乙方。</t>
  </si>
  <si>
    <t>所指的回迁房是不是拆迁的安置房？如果是拆迁的安置房在安置之前，将拆迁补偿协议变为你的名字，等到安置时真接用你的名字安置，到拿产权证时，从协议到房屋发票结算单都是你的名字，再由你交契税，这样是有可能办成名字的房产证的。这个前提是与拆迁人员全部沟通好，才能办成。如果已经入户了再说变更只改协议或变更全部手续一般是不可能的，所以说这种交易要在大家诚信才能办，就怕有人在说谎，搞欺骗。</t>
  </si>
  <si>
    <t>华软国际是培训机构吗</t>
  </si>
  <si>
    <t>不是培训机构。</t>
  </si>
  <si>
    <t>玩球彩是不是假网</t>
  </si>
  <si>
    <t>是比较可信的彩票网站。</t>
  </si>
  <si>
    <t>这个中奖是真的，但概率太小。</t>
  </si>
  <si>
    <t>壹基因检测是真的吗</t>
  </si>
  <si>
    <t>是真的，壹基因创始人王军一是前华大基因的高级副总裁，在生命科学方面是专家级别的，其他团队成员都是具有丰富科研经验的，值得信赖。</t>
  </si>
  <si>
    <t>了凡四训是迷信吗</t>
  </si>
  <si>
    <t>不是宣扬迷信的，写的是对人生的一种感悟。</t>
  </si>
  <si>
    <t>真融宝是正规的吗</t>
  </si>
  <si>
    <t>没觉得有啥不妥，投半年了，一切正常。</t>
  </si>
  <si>
    <t>太原刚刚地震了吗2017</t>
  </si>
  <si>
    <t>没有</t>
  </si>
  <si>
    <t>孕妇能用灭蚊灯吗</t>
  </si>
  <si>
    <t>一般情况下，准妈妈是可以使用灭蚊灯的，正确使用灭蚊灯不会对怀孕产生不良影响。不过需要注意，灭蚊灯属于高压电器，一定要选购质量有保障的产品。使用过程中不要手碰或将导电物体伸进高压网内，以免被电击。另外，灭蚊灯带有一定危险性，应该严格按照使用说明操作，不要在使用、养护的过程中出现疏漏。</t>
  </si>
  <si>
    <t>建议尽量别用，因为灭蚊灯不但会散发不利益胎儿成长的气体，而且还有微量辐射。如果一定要用的话,建议还是用负离子灭蚊灯比较好，现在市面上负离子的灭蚊灯是比较先进的，不仅能够灭蚊还能够让人们在家能够吸收到没有污染的空气。</t>
  </si>
  <si>
    <t>算命准吗</t>
  </si>
  <si>
    <t>算命有准有不准，预测未来本来就是一个概率的问题。所以一般都会给出比较模糊的答案。</t>
  </si>
  <si>
    <t>不准的。</t>
  </si>
  <si>
    <t>景甜结婚了吗</t>
  </si>
  <si>
    <t>机动车不按规定停放提醒单要罚款吗</t>
  </si>
  <si>
    <t>《机动车不按规定停放提醒单》是交通协管员履行劝阻、报告机动车不按规定停放行为工作的文书，交通协管员通过粘贴“机动车不按规定停放提醒单”，告知机动车所有人、管理人或驾驶人，其不按规定停放机动车的行为已影响道路交通秩序，书面劝阻提醒其及时驶离，并书面宣传交通安全，同时将车辆不按规定停放的客观事实向交通警察报告，经民警认定为交通违法的，再提交公安机关交通管理部门审核。机动车不按规定临时停车影响其它车辆和行人通行的，处50元罚款，不记分；造成交通事故的，处200元，不记分。机动车不按规定停放影响其它车辆和行人通行的，处150元罚款，不记分；造成交通事故的，处200元罚款，不记分。</t>
  </si>
  <si>
    <t>提醒单不罚款，是你停在不能停的地方但又不影响交通，先提醒一次，如再次被发现就罚款。</t>
  </si>
  <si>
    <t>北京西城区是富人区吗</t>
  </si>
  <si>
    <t>北京西城，什么阶层人的士都有，不属于富人区。</t>
  </si>
  <si>
    <t>爱润妍是传销吗</t>
  </si>
  <si>
    <t>很明显是。</t>
  </si>
  <si>
    <t>科德学院是野鸡大学吗</t>
  </si>
  <si>
    <t>跟野鸡学院不沾边，但它肯定跟正牌的北师大比不了，他属于挂套北师大，也就是说上这个学院可能只是二表或三表，很好进的，但毕业后跟北师大肯定有很大的差距。</t>
  </si>
  <si>
    <t>松本麻里奈结婚了吗</t>
  </si>
  <si>
    <t>孕妇可以吃枇杷吗</t>
  </si>
  <si>
    <t>枇杷是有益的水果，孕妇当然可以吃。</t>
  </si>
  <si>
    <t>怀孕期间多吃水果是对宝宝有好处的，不过枇杷性凉，不能多吃。</t>
  </si>
  <si>
    <t>玖富万卡利息高吗</t>
  </si>
  <si>
    <t>有玖富万卡的用户反映，在玖富万卡借款35000元，分18期进行还款，每期应还款是3500元左右。同时还有小伙伴借款35000元，分24期进行还款，每期还款2683元左右，同时到账金额还会扣除部分手续费。从以上情况来看，玖富万卡的利息并不算低。</t>
  </si>
  <si>
    <t>护照可以买火车票吗</t>
  </si>
  <si>
    <t>护照是可以购买火车票的。但需要提醒的是，护照购买的火车票必须同时提供火车票购买时的订单号和护照原件或者复印件才能在窗口或代售点取票，不能直接在自动售取票机器上取票。</t>
  </si>
  <si>
    <t>完全可以。在售票点买的，只要提供护照就可以。有的地方，还可以用护照复印件买。如果是网上订票，需要在取票前，先在火车站核实护照窗口核实了才可以取票。</t>
  </si>
  <si>
    <t>护照可以用来购买火车票的。有效身份证件包括：居民身份证、临时身份证、户口簿、旅行证、军人保障卡、军官证、武警警官证、士兵证、军队学员证、军队文职干部证、军队离退休干部证、铁路公安部门开具的乘坐旅客列车临时身份证明等24种，1.5m以上16岁以下未成年人有效身份证件还包括学生证。</t>
  </si>
  <si>
    <t>4006668800是真的吗</t>
  </si>
  <si>
    <t>真的，可靠。</t>
  </si>
  <si>
    <t>嗨秒贷打联系人电话吗</t>
  </si>
  <si>
    <t>只打本人电话号码。</t>
  </si>
  <si>
    <t>会的，哪个公司都会打，只是看以什么方式去打而已。</t>
  </si>
  <si>
    <t>身份证到期可以异地办理吗</t>
  </si>
  <si>
    <t>目前至少有22省份已全面启动身份证省内异地受理。</t>
  </si>
  <si>
    <t>7月1日起，全国可异地办理身份证。</t>
  </si>
  <si>
    <t>魔兽世界要钱吗</t>
  </si>
  <si>
    <t>免费玩到20级，之后付费，点卡30元4000钟，现在是90级满级，20级到90级最少4张点卡。</t>
  </si>
  <si>
    <t>碧波庭做完身体有害吗</t>
  </si>
  <si>
    <t>苹果6和6s大小一样吗</t>
  </si>
  <si>
    <t>有细微的区别，6s稍微厚了一点点，摄像头不再凸出了，但是肉眼看上去并不明显。</t>
  </si>
  <si>
    <t>尚德机构是正规培训吗</t>
  </si>
  <si>
    <t>啤酒浇花好不好</t>
  </si>
  <si>
    <t>vipkid招聘面试靠谱吗</t>
  </si>
  <si>
    <t>要是有投过相关的简历，那可能就是真的。如果没有，那就需要谨慎了。</t>
  </si>
  <si>
    <t>支付宝上买车险可靠吗</t>
  </si>
  <si>
    <t>应该没问题，车险都是联网可查的。</t>
  </si>
  <si>
    <t>跟去保险公司买是一样的。</t>
  </si>
  <si>
    <t>顶秀美泉小镇好玩吗</t>
  </si>
  <si>
    <t>不怎么样。</t>
  </si>
  <si>
    <t>口袋妖怪日月好玩吗</t>
  </si>
  <si>
    <t>可以给满分人设，剧情，创意，难度，超越了黑白。</t>
  </si>
  <si>
    <t>九宫格火锅是9个味吗</t>
  </si>
  <si>
    <t>九宫格火锅是一个锅底，之所以分成九宫格，是为了一格放一种食材，中间放易熟的肉，边上放菜。</t>
  </si>
  <si>
    <t>酒店式公寓有房产证吗</t>
  </si>
  <si>
    <t>酒店式公寓产权是没有期限的，房屋产权是永久的，通常房产证时间是，土地证期限。酒店式公寓的土地使用年限50年。酒店式公寓的产权性质是商业的，而且产权都是40年或50年，产权70年的，一般都会定性为住宅性质的。</t>
  </si>
  <si>
    <t>多动症可以治愈吗</t>
  </si>
  <si>
    <t>1、 父母带动，父母的态度是致病的根，也是治病的根。2、 向老师，朋友，孩子自己传递正能量。3、 生活中做“生物反馈训练”，通过生活中的点滴，游戏轻松帮助孩子静下来。4、 保证孩子的睡眠。</t>
  </si>
  <si>
    <t>给孩子报个围棋，或者写字之类的班，练练耐性，只要孩子能坐住，情况慢慢会好。</t>
  </si>
  <si>
    <t>治疗多动症，一定要抓住最佳的治疗时机，这样才能够早日康复。</t>
  </si>
  <si>
    <t>暗黑破坏神3好玩吗</t>
  </si>
  <si>
    <t>刚玩肯定好玩了。但不保证后期，因为到了满级就是刷刷刷，比较枯燥。</t>
  </si>
  <si>
    <t>暗黑挺好玩的，想当年玩的不亦乐乎。装备换了一茬又一茬，就喜欢暗金的。</t>
  </si>
  <si>
    <t>晚上喝豆浆好吗</t>
  </si>
  <si>
    <t>晚上喝豆浆是有好处的。</t>
  </si>
  <si>
    <t>豆浆有些人不好消化，主要是植物蛋白，胃口不好的人经常的喝会导致屁多，腹胀，而睡前喝的话会加重这种表现，所以睡前最好是什么也不要吃。</t>
  </si>
  <si>
    <t>晚上喝豆浆虽有好处，也不是一整晚随时都可以喝的。睡前两小时范围内就不易喝豆浆了，因为身体不能完全吸收，会造成体内堆积。</t>
  </si>
  <si>
    <t>尿骚味大正常吗</t>
  </si>
  <si>
    <t>较可能的情况是尿液里有较多的蛋白质，或是出现糖尿情况，让细菌有更多的滋生空间后所发出的气味。不妨多喝些水、注意个人卫生，应可减少尿骚味的困扰，若真的还是没改善，则到医院验尿，找出可能原因。</t>
  </si>
  <si>
    <t>心脏造影有危险吗</t>
  </si>
  <si>
    <t>心脏造影本身没有危险，但是从股动脉插管进心脏的过程就会有危险，有可能加重房颤的发生，手术后伤口有可能出血。</t>
  </si>
  <si>
    <t>99%的患者接受心脏造影无知觉，小部分患者在运用造影剂时会感觉不适，其中却也并不会出现很大的问题。</t>
  </si>
  <si>
    <t>理综从121能提到280吗</t>
  </si>
  <si>
    <t>成功的案例肯定有，有毅力就可以。</t>
  </si>
  <si>
    <t>分公司注销需要清算吗</t>
  </si>
  <si>
    <t>分公司注销，独立核算需要税务清算，非独立核算不需要税务清算。</t>
  </si>
  <si>
    <t>如果分公司有在税务办理登记，则在关闭时要先进行税务注销，然后才办理营业执照注销。如果没有税务办理登记，则不需要注销。</t>
  </si>
  <si>
    <t>余额宝放10万安全吗</t>
  </si>
  <si>
    <t>余额宝的风险主要来自网络安全，电脑勤杀毒，密码别泄露了，应该问题不大。</t>
  </si>
  <si>
    <t>从安全角度来说，因为是由支付宝担保的，所以资金是安全的。从投资角度来说，因为这种投资是不保本的，所以在某些特定情况下有可能出现本金亏损。但由于投资标的是国债、银行存单等相对安全的产品，所以风险相对小很多。</t>
  </si>
  <si>
    <t>目前这类的理财产品还是很安全的；不管是余额宝还是百度理财都是一样；要注意一下几点：1、登入密码和支付密码不要设置一样；2、在使用过程中计算机最好是安装有杀毒软件的；3、不要在网吧或者其他公共场所使用不熟悉的计算机登入账号；4、密码不要使用身份证、手机号这些。</t>
  </si>
  <si>
    <t>莆田真标鞋能过虎扑吗</t>
  </si>
  <si>
    <t>去年下半年开始，真标货开始爆发，工厂也做的越来越好，每次那种好货出来，都是可以过一段时间虎扑的。</t>
  </si>
  <si>
    <t>这种货基本都会通过论坛。</t>
  </si>
  <si>
    <t>退休常委还有影响力吗</t>
  </si>
  <si>
    <t>当然有</t>
  </si>
  <si>
    <t>贵港强生泌尿坑人吗</t>
  </si>
  <si>
    <t>贵港强生男科医院好黑心，没病说有病。</t>
  </si>
  <si>
    <t>大切诺基好不好</t>
  </si>
  <si>
    <t>靳东结婚了吗</t>
  </si>
  <si>
    <t>招行e招贷上征信吗</t>
  </si>
  <si>
    <t>这个e招待就是个坑，大家千万别进，会在征信上面显示信用卡的卡数，而且还是两张，所有银行只有招行的信用卡和贷款业务是最坑的。</t>
  </si>
  <si>
    <t>林更新赵丽颖有吻戏吗</t>
  </si>
  <si>
    <t>甲醛检测仪有用吗</t>
  </si>
  <si>
    <t>目前的甲醛检测仪主要是采用高灵敏度电化学传感器原理，结合单片机技术和网络通讯技术对检测房屋采集空气样品，空气中的甲醛被酚试剂溶液吸收，根据颜色深浅，在现场直接比色测定。</t>
  </si>
  <si>
    <t>家用的甲醛自测盒或者甲醛空气检测仪测量数值会跟实际室内甲醛的含量存在一定的误差，精准度比较低。</t>
  </si>
  <si>
    <t>市面上有部分甲醛检测仪只简单提供甲醛的浓度。挑选时，应该尽量选择有提供温湿度的。</t>
  </si>
  <si>
    <t>ipad要不要贴膜</t>
  </si>
  <si>
    <t>iPad高品质的屏幕根本无需贴膜保护，各种暴力测试都无法在iPad的屏幕上留下划痕。</t>
  </si>
  <si>
    <t>可以不贴膜，但贴膜可以有效的保护设备屏幕。按道理，贴膜、外壳都不需要，影响使用手感。但出于保护目的，还是加一个更放心。</t>
  </si>
  <si>
    <t>tps商城是不是骗局</t>
  </si>
  <si>
    <t>亲身经历告诉大家，绝对是传销，不要怀疑，千万不要踏入。</t>
  </si>
  <si>
    <t>这个入了早了还是能赚回来的，入得晚了就危险了，跟前有朋友去年就入了，现在靠这个每个月能赚不少，但都明白是怎么回事，就是传销，拉的下线越多挣得越多，就怕突然被查封，只要不被查，后面源源不断有会员加入那么前面的窟窿就能补上。</t>
  </si>
  <si>
    <t>鸵鸟可以私人养殖吗</t>
  </si>
  <si>
    <t>养是可以的。</t>
  </si>
  <si>
    <t>鸵鸟养殖很多，多数是私人的。</t>
  </si>
  <si>
    <t>傅艺伟演过西游记吗</t>
  </si>
  <si>
    <t>她没在西游记里面演过角色，而是在封神榜里面演了比较有名的苏妲己。</t>
  </si>
  <si>
    <t>中国武术到底行不行</t>
  </si>
  <si>
    <t>真下功夫苦练，还是可以练出来的。</t>
  </si>
  <si>
    <t>中国功夫变成了花架子，能看不能打，唯一能打的散打还算不上功夫。</t>
  </si>
  <si>
    <t>深圳宜停车补缴费还要罚款吗</t>
  </si>
  <si>
    <t>没贴的话如果没拍到是不会罚款的。</t>
  </si>
  <si>
    <t>新蚊帐的味道有害吗</t>
  </si>
  <si>
    <t>有些蚊帐是有甲醛的，这类蚊帐中普遍含有对人体具有较大危害。</t>
  </si>
  <si>
    <t>现在的蚊帐本身用的都是化工涤纶的材质，基本上有味道是正常的。</t>
  </si>
  <si>
    <t>张天志历史上有这个人吗</t>
  </si>
  <si>
    <t>大v店是传销吗</t>
  </si>
  <si>
    <t>天津高考优势还大吗</t>
  </si>
  <si>
    <t>天津市还是优势明显的，这是政策形成的。近年来由于天津的蓝印政策和积分落户政策，天津高考大量涌入外省考生，相信随着时间推移，考生移民的增加，天津优势会越来越弱。</t>
  </si>
  <si>
    <t>逆水寒好玩吗</t>
  </si>
  <si>
    <t>逆水寒还是传统的模式，就不抱期待了。</t>
  </si>
  <si>
    <t>买jeep指南者后悔吗</t>
  </si>
  <si>
    <t>很满意。</t>
  </si>
  <si>
    <t>115礼包码不能用了吗</t>
  </si>
  <si>
    <t>用不了。</t>
  </si>
  <si>
    <t>现在配合国家扫黄，礼包码暂时不能用，只能加好友分享。</t>
  </si>
  <si>
    <t>不是不能用，vip才可以接受。</t>
  </si>
  <si>
    <t>考小学教师资格证难吗</t>
  </si>
  <si>
    <t>有一定难度。</t>
  </si>
  <si>
    <t>抵抗力差可以吃红参吗</t>
  </si>
  <si>
    <t>红参是滋阴类药物，吃多了阴盛则阳虚，会造成虚火，虽说红参是一种中药无明显副作用,补药也不能随意服食。</t>
  </si>
  <si>
    <t>红参属于中药一种，不过最近人参已经药食同源了，也可以当食物一样吃，看自己需求了！红参对体虚的人很有好处，另外红参对抗寒很有帮助，手脚冰凉的人可以吃。</t>
  </si>
  <si>
    <t>电动车要驾驶证吗</t>
  </si>
  <si>
    <t>电动车不需要驾驶证。</t>
  </si>
  <si>
    <t>电动汽车与燃油汽车一样也需要驾照的。</t>
  </si>
  <si>
    <t>电动摩托车必须按照相关规定持有摩托车驾驶证。</t>
  </si>
  <si>
    <t>北京bj40l到底能买吗</t>
  </si>
  <si>
    <t>北京bj40L属于非承载底盘设计的专业SUV，优点是车子外形设计和越野性能不错，但是缺点是车子油耗比较大，保有量少，维修保养是问题，车子舒适性差，如果买这车就是代步为主个人不建议，如果是为了越野玩车的话还是值得的。</t>
  </si>
  <si>
    <t>恒昌财富可信吗</t>
  </si>
  <si>
    <t>总的来说恒昌的规模做的挺大，全国能排前几名，是行业里比较早经营的公司，比较靠谱。</t>
  </si>
  <si>
    <t>恒昌的名气很大，产品也多。</t>
  </si>
  <si>
    <t>萨德已经部署了吗</t>
  </si>
  <si>
    <t>构筑阵地，部分设备运进韩国，离部署还要有一段时间。</t>
  </si>
  <si>
    <t>小米6怎么样值得买吗</t>
  </si>
  <si>
    <t>十大亮点很不错。</t>
  </si>
  <si>
    <t>小米6的硬件配置是成功的，定价是成功的，做工和系统是可惜的败笔。</t>
  </si>
  <si>
    <t>返钱宝宝是真的吗</t>
  </si>
  <si>
    <t>天猫有假货吗</t>
  </si>
  <si>
    <t>天猫都是公司开店，各种手续齐全，要是旗舰店，就是他们公司自己开的，或者全权委托给某公司代理运作。不存在假货问题。如果是专卖店或者专营店，代理的品牌，也都是有正规品牌授权或者正规进货渠道的。他们都有卖真货的资质，和正品货物进货渠道。但是也有可能有不法商家，进货大部分正品，然后在里面掺杂假货一起销售。这个是正品还是假货请自己鉴定。这个和实体店一样的，有些黑心的实体店卖的货里面也掺杂高仿。但绝大多数还是值得相信的，起码比淘宝更可信。要求天猫商家给你开发票，要是买到假货了投诉去。</t>
  </si>
  <si>
    <t>体脂秤有用吗</t>
  </si>
  <si>
    <t>还是很靠谱的。</t>
  </si>
  <si>
    <t>徐怀钰结婚了吗</t>
  </si>
  <si>
    <t>结婚。</t>
  </si>
  <si>
    <t>曲率驱动可行吗</t>
  </si>
  <si>
    <t>据国外媒体报道，借助曲率驱动实现超光速的飞行，这是一种由于科幻电影《星际迷航》而变得流行一时的概念。至今，科学家们认为这一技术可能并非如原先想象的那么难以实现。</t>
  </si>
  <si>
    <t>蓝光u宝 你还敢用吗</t>
  </si>
  <si>
    <t>特别好用。</t>
  </si>
  <si>
    <t>持护照可以去香港吗</t>
  </si>
  <si>
    <t>可以用护照前往香港。</t>
  </si>
  <si>
    <t>不可以，除非你是去别的国家，经过香港。</t>
  </si>
  <si>
    <t>面部线雕后有后悔的吗</t>
  </si>
  <si>
    <t>刚开始可能会出现蛋白线埋线提升面部的负作用导致面部埋线提升后悔。</t>
  </si>
  <si>
    <t>蚕豆小孩能吃吗</t>
  </si>
  <si>
    <t>蚕豆被列为宝宝的饮食禁区，9岁以下儿童第一次吃蚕豆时一定要谨慎。</t>
  </si>
  <si>
    <t>不是说所有小孩子都不能吃蚕豆，而是有蚕豆病的小孩子不能吃，吃了会溶血。</t>
  </si>
  <si>
    <t>8岁以内别吃蚕豆其实指的是患有蚕豆病的孩子不能吃。</t>
  </si>
  <si>
    <t>隐形车衣有用吗</t>
  </si>
  <si>
    <t>可以有效的保护到车漆还可以提升车漆本身的光泽度，最重要的是它持续的时间长，所使用的材料是环保无害。被称作隐形车衣，是因为它非常的透明，可以和原来的车漆完美的融合在一起，不影响到汽车原来的颜色。而且还可以让车体漆面在原有的光泽度上提升百分之十，它可以防止一般的摩擦和划伤。隐形车衣在保护车漆免受酸雨太阳辐射等侵害的同时，又很好的缓冲石子打在车上的力量，使车漆免受伤害，而且车衣易剥除，在它为您的爱车服役过久时，上面的划痕也可以进行划痕修复处理，或者直接剥除，此时车的漆面还光洁如新。</t>
  </si>
  <si>
    <t>1、保值。2、防止侵害腐蚀。3、对抗划车党。4、不再担心被借车。</t>
  </si>
  <si>
    <t>镜子里的自己和别人看到的一样么</t>
  </si>
  <si>
    <t>人的左右脸是不一样的，照片和别人看到的是一样的，镜子里自己看到的和别人看到的是不一样的。</t>
  </si>
  <si>
    <t>奥本大学是野鸡大学吗</t>
  </si>
  <si>
    <t>知乎上的人很厉害吗</t>
  </si>
  <si>
    <t>知乎实行的是实名制，用户都有真实的身份，且聚集了一些行业领袖和名人。</t>
  </si>
  <si>
    <t>知乎上牛人很多，可更多的还是普通人。</t>
  </si>
  <si>
    <t>别把知乎上的大神想的太厉害，真正厉害的人不需要通过知乎来证明什么。</t>
  </si>
  <si>
    <t>密集恐惧症会死人吗</t>
  </si>
  <si>
    <t>兀付靠谱吗</t>
  </si>
  <si>
    <t>这类产品特殊，在安全的基础上在考虑其他。三步判断安全：1、不要听任何个人说安全，个人赔不起。2、不要看所谓的厂家官网，做个网站才几百块。一定要自己查银联和人民银行，关系到钱，只有这两个地方可信。3、更不要相信说我走某某支付公司通道。</t>
  </si>
  <si>
    <t>这个类似于一点公益什么的那种资金盘，这种资金盘一般存活期在半年左右，都是拿小钱骗你的大钱的把戏，类似传销。</t>
  </si>
  <si>
    <t>降头术是真的吗</t>
  </si>
  <si>
    <t>三方协议能不能随便签</t>
  </si>
  <si>
    <t>gocheck查重靠谱吗</t>
  </si>
  <si>
    <t>gocheck不靠谱。</t>
  </si>
  <si>
    <t>航空运输电子客票行程单是发票吗</t>
  </si>
  <si>
    <t>《航空运输电子客票行程单》纳入发票管理范围，由国家税务总局负责统一管理，套印国家税务总局发票监制章。</t>
  </si>
  <si>
    <t>《行程单》纳入税务机关发票管理，由国家税务总局监制；《行程单》按照规定式样集中印制，开票使用统一的管理系统；《行程单》领购、发放的具体办法由民航总局制定。</t>
  </si>
  <si>
    <t>《航空运输电子客票行程单》作为国际客票报销凭证。</t>
  </si>
  <si>
    <t>湿气重拔火罐有用吗</t>
  </si>
  <si>
    <t>拔火罐对祛湿有一定效果。</t>
  </si>
  <si>
    <t>九尾狐真的存在吗</t>
  </si>
  <si>
    <t>目前没有任何科学的证据表明九尾狐真的存在。</t>
  </si>
  <si>
    <t>2017会计从业资格证取消了吗</t>
  </si>
  <si>
    <t>直接取消的可能性不大。</t>
  </si>
  <si>
    <t>认为取消会计从业资格的观点动机值得推敲。</t>
  </si>
  <si>
    <t>被猫抓伤会得狂犬病吗</t>
  </si>
  <si>
    <t>狂犬病的动物只有在发病期间才有传染性。一个得病的动物精神是十分不正常的，这个人绝对是可以看的出来的。如果一只猫，在得了狂犬病，但是没有在状况显示出来的时候，也是不会传染的。</t>
  </si>
  <si>
    <t>晨跑能减肥吗</t>
  </si>
  <si>
    <t>每天坚持晨跑是可以减肥的。</t>
  </si>
  <si>
    <t>超感猎杀好看吗</t>
  </si>
  <si>
    <t>平庸，大量的时间花在无意义的对话上。</t>
  </si>
  <si>
    <t>一目连吃暴击吗</t>
  </si>
  <si>
    <t>盾厚度吃一目连的生命暴击爆伤，破盾造成的伤害基础是盾的吸收量，继承目标的暴击爆伤。</t>
  </si>
  <si>
    <t>荒古武器能跨界吗</t>
  </si>
  <si>
    <t>能，但需要充钱。</t>
  </si>
  <si>
    <t>荒古类武器不能使用史诗跨界石及格拉西亚处跨界。</t>
  </si>
  <si>
    <t>新概念英语适合自学吗</t>
  </si>
  <si>
    <t>根据自己的实际情况来订。</t>
  </si>
  <si>
    <t>约不出来的女孩还需要坚持追吗</t>
  </si>
  <si>
    <t>建议放弃。</t>
  </si>
  <si>
    <t>地图龟是深水龟吗</t>
  </si>
  <si>
    <t>是淡水龟。</t>
  </si>
  <si>
    <t>地图龟就是深水龟。</t>
  </si>
  <si>
    <t>宠爱上的约会是骗局吗</t>
  </si>
  <si>
    <t>一般是假的。</t>
  </si>
  <si>
    <t>纯骗子。</t>
  </si>
  <si>
    <t>世界上有凤凰吗</t>
  </si>
  <si>
    <t>以前应该有，现在则应该没有。</t>
  </si>
  <si>
    <t>黑桃皇牌 伊泽瑞尔有特效吗</t>
  </si>
  <si>
    <t>没有特效就是皮肤。</t>
  </si>
  <si>
    <t>宥娜的街好看吗</t>
  </si>
  <si>
    <t>网商贷可以提前还款吗</t>
  </si>
  <si>
    <t>哺乳期会怀孕吗</t>
  </si>
  <si>
    <t>很多新妈以为哺乳期就是安全期，其实是错误的想法，哺乳期是有可能怀孕的。一般来说，生育能力在哺乳期会降低，但这并不意味着没有生育能力。虽然妈妈可能产后几个月都不来月经，但你的身体通常会在第一次月经复潮前排出产后第一颗卵子。也就是说，直到两周后月经复潮时，你才会知道自己已经排卵了。而在此之前，如果你有性生活而没有采取避孕措施，就有可能在哺乳期怀孕。妇女哺乳时，卵巢功能受到抑制，理论上认为不易怀孕。但有报道说，哺乳妇女产后5周即可怀孕。怀孕是一个相当复杂的过程，因此认为哺乳期同房并不安全。如果你是纯母乳喂养，而且白天晚上都喂奶，你可能在产后长达1年的时间里都不会来月经。如果你的宝宝睡整夜觉的月龄比较早，你的生育能力多半会恢复得更快。一般是在产后3—8个月内。如果你的宝宝是混合喂养，也是如此。</t>
  </si>
  <si>
    <t>女性生小孩后，月经周期和卵巢排卵功能的恢复各人不一，如有的妇女产后28天就开始排卵，一个月就来月经。而有的妇女，特别是给孩子哺乳的妇女，恢复排卵和月经周期的时间要晚一些。但无论早晚，总要先排卵，后来月经。如果在产后第一次排卵时，未采取任何避孕措施，也就是在分娩后还未来月经，就可能先怀了孕，这就是“暗胎”。避免“暗胎”的主要方法是，从产后第一次同房起，就要坚持避孕，对于产后未来月经的女性，应当每隔4-6周去医院做一次检查，一旦发现了“暗胎”，就要采取补救办法，终止妊娠。怀孕后停止排卵，发生闭经。分娩后，哺乳期间，月经周期一时尚未建立，因此许多人便不避孕。解放初期，由于避孕措施不多，所以，民间有不少夫妇便以延长哺乳期的方法来作为避孕。其实，从医学角度上来看，这种方法是不可靠的。</t>
  </si>
  <si>
    <t>月经的恢复因个体的不同而有差异，没有母乳产后6-8周来月经.10周恢复排卵 ，有母乳的产后6个月恢复排卵同时有月经的恢复.也有的整个哺乳期都没有月经.哺乳期仍然有怀孕的可能.应该做好避孕措施。</t>
  </si>
  <si>
    <t>暨南大学研究生好考吗</t>
  </si>
  <si>
    <t>竞争是有，但关键还是首先自己要认真对待，二是找对资料，结合在研师姐资料复习，认真备考。</t>
  </si>
  <si>
    <t>暨南大学是部属的211全国重点大学，研究生是不是好考，这个要看具体专业，还要看每年的报名情况，总体来说不太容易。</t>
  </si>
  <si>
    <t>火鸡面好吃吗</t>
  </si>
  <si>
    <t>不好吃，太辣。</t>
  </si>
  <si>
    <t>好吃，辣的带感。</t>
  </si>
  <si>
    <t>甜辣，还可以。</t>
  </si>
  <si>
    <t>护照可以异地办理吗</t>
  </si>
  <si>
    <t>可以。持居住证可在当地办护照。</t>
  </si>
  <si>
    <t>在北京、上海等43个城市暂住的外地户籍人员可以就近申请护照。</t>
  </si>
  <si>
    <t>糖尿病能彻底根治吗</t>
  </si>
  <si>
    <t>糖尿病虽然不能根治，但是能够很好的控制。</t>
  </si>
  <si>
    <t>糖尿病是一个终身疾病，需要终身治疗，目前医学水平还达不到根除，主要是通过各种方法控制血糖，延缓并发症的发生。糖尿病患者一经确诊，就要正规治疗。</t>
  </si>
  <si>
    <t>糖尿病迄今仍无法完全治愈，一旦发现患病后，必须终生接受治疗。</t>
  </si>
  <si>
    <t>天津阳光男科医院做包皮手术行吗</t>
  </si>
  <si>
    <t>天津男科医院采用弗林斯光离子包皮手术， 精确测量，微创环切，具有愈合快、无痛、美观等特点； 只需20分钟左右即可完成，不需要住院，当天手术当天就可以回家，不影响正常的工作和学习。</t>
  </si>
  <si>
    <t>色戒现在还能看吗</t>
  </si>
  <si>
    <t>能看。</t>
  </si>
  <si>
    <t>夫妻买房可以只写一方名字吗</t>
  </si>
  <si>
    <t>婚后买房，写夫妻2人名字或者写一个人名字，都是婚后共同财产，除非在一个人的名字后面标注了单独所有。</t>
  </si>
  <si>
    <t>可以，但不管写是一方还是双方的名字，都属于共同财产。</t>
  </si>
  <si>
    <t>欢乐颂2全集能看吗</t>
  </si>
  <si>
    <t>能看，到爱奇艺搜索就能看到了。</t>
  </si>
  <si>
    <t>十二指肠溃疡严重么</t>
  </si>
  <si>
    <t>十二指肠溃疡是消化道的常见病,一般不是特别严重,一般认为是由于大脑皮质接受外界的不良刺激后,导致胃和十二指肠壁血管和肌肉发生痉挛,使胃肠壁细胞营养发生障碍和胃肠粘膜的抵抗力降低,致使胃肠粘膜易受胃液消化而形成溃疡,目前有人认为是胃弯曲杆菌感染所致,溃疡常为单个性,但也有多个溃疡,胃和十二指肠球部溃疡,同时存在时称复合性溃疡。</t>
  </si>
  <si>
    <t>十二指肠溃疡造成的危害有溃疡穿孔、幽门梗阻、最严重的情况是十二指肠溃疡会有可能造成溃疡癌变。</t>
  </si>
  <si>
    <t>要看十二指肠溃疡有没有出现消化道的出血，有没有出现穿孔等等，如果没有出现这些症状，一般十二指肠溃疡是不严重的。</t>
  </si>
  <si>
    <t>手机b站的视频能导出吗</t>
  </si>
  <si>
    <t>空调外机比内机高可以吗</t>
  </si>
  <si>
    <t>室外机高要做回流弯，以免对压缩机有损害。空调的室外机距地面的距离应大于2.5m。</t>
  </si>
  <si>
    <t>绿茶和枸杞能一起泡吗</t>
  </si>
  <si>
    <t>茶和枸杞不可同饮。绿茶和枸杞都可以分别用开水冲泡饮用，对人体很有益处。有不少人干脆就把它们放在一起冲泡。但是，绿茶里所含的大量鞣酸具有收敛吸附的作用，会吸附枸杞中的微量元素，生成人体难以吸收的物质。餐馆里流行的八宝茶中也是既有绿茶又有枸杞，虽然绿茶的量比较少，但也不宜多喝。建议：可以上午喝绿茶，开胃、醒神；下午泡饮枸杞，可以改善体质、有利安眠。</t>
  </si>
  <si>
    <t>备孕可以喝咖啡吗</t>
  </si>
  <si>
    <t>不可以。咖啡中含有丰富的咖啡因，女性过多摄入可致雌激素分泌减少，而体内雌激素水平下降，就有可能对卵巢的排卵功能构成不利影响，使得受孕机会降低。据了解，平均每天喝咖啡超过3杯的年轻妇女，其受孕机会要比从不喝咖啡的妇女降低27%;每天喝2杯咖啡的年轻妇女的受孕机会比不喝妇女低10%左右。</t>
  </si>
  <si>
    <t>备孕期间建议不要喝咖啡。</t>
  </si>
  <si>
    <t>孕期不必忌喝咖啡，但不宜过多，一天喝一两杯是没问题的。</t>
  </si>
  <si>
    <t>王者荣耀安卓和苹果数据互通吗</t>
  </si>
  <si>
    <t>王者荣耀ios和安卓数据是不互通的。但是可以一起玩，ios的微信区可以邀请安卓的微信区好友一起玩，同理ios的QQ区玩家可以邀请安卓的QQ区玩家一起玩。</t>
  </si>
  <si>
    <t>可以的，但是这个是有条件的，那就是安卓玩家和ios玩家必须是qq好友，这样在游戏的时候才可以邀请到对方(非QQ好友状态下游戏里是找不到人的)，这样匹配、排位赛等都可以一起参加。</t>
  </si>
  <si>
    <t>不可以，他们是两个服务器，腾讯还在致力于把那两个合成一个，但是现在还是不行的，服务器不一样数据就不能相通，你连账号都不能是一样的，更别说点券了，更加不可能了。所以只能苹果的玩苹果的，安卓的玩安卓的。</t>
  </si>
  <si>
    <t>山药是高纤维吗</t>
  </si>
  <si>
    <t>山药属于细纤维。</t>
  </si>
  <si>
    <t>坚果手机怎么样好用吗</t>
  </si>
  <si>
    <t>挺好用的。</t>
  </si>
  <si>
    <t>茶叶有保质期吗</t>
  </si>
  <si>
    <t>茶叶是一种饮品，有保质期。</t>
  </si>
  <si>
    <t>dnf黑暗武士90版本强吗</t>
  </si>
  <si>
    <t>90版本加强好多。</t>
  </si>
  <si>
    <t>毒app 鉴定靠谱吗</t>
  </si>
  <si>
    <t>里面的认证鉴定师的鉴定是靠谱的。</t>
  </si>
  <si>
    <t>靠谱，但速度很慢。</t>
  </si>
  <si>
    <t>喉镜检查痛苦吗</t>
  </si>
  <si>
    <t>电子喉镜很难受。</t>
  </si>
  <si>
    <t>痛苦。</t>
  </si>
  <si>
    <t>江南tt能上高速吗</t>
  </si>
  <si>
    <t>估计不行低于1.0排量的车现在不许上高速了。</t>
  </si>
  <si>
    <t>金刚狼3最后石头动了吗</t>
  </si>
  <si>
    <t>动了。</t>
  </si>
  <si>
    <t>朗行好不好</t>
  </si>
  <si>
    <t>很适合中国家庭的一辆车。</t>
  </si>
  <si>
    <t>不上档次。</t>
  </si>
  <si>
    <t>择天记电视剧好看吗</t>
  </si>
  <si>
    <t>首先择天记小说看了几十章就看不下去了，没有激情，情节慢。写的内容太深，太水。电视剧缺点是，内容少。可以理解，毕竟电视剧有成本限制。电视剧，有些情节串不起来。不过总的来说比小说有意思多了。小说各种水，各种拖，看的一点劲没有。内容背景不交代，各种玩悬念。读的太费劲了。</t>
  </si>
  <si>
    <t>电视剧不错里面好玩的梗特别多，节奏很快，演员们演的有种青春无敌的感觉。</t>
  </si>
  <si>
    <t>觉得《择天记》还是挺好看的，虽然剧情和小说出入有点大，特效估计就一毛钱，但是剧情的确能让人看得下去，说不好看的估计是太过于吹毛求疵了。</t>
  </si>
  <si>
    <t>微信号可以更改吗</t>
  </si>
  <si>
    <t>【1】每个微信第一次成功注册并登录后，系统会自动分发一个默认的微信号，如果当时你没有改动过默认的微信号，那么默认微信号是可以有一次机会修改；【2】如若注册时改动过默认微信号，那么使用时间1到3个月后，将有一次修改微信号的机会；【3】现在新注册的微信号十天八天是不能修改的。</t>
  </si>
  <si>
    <t>只能修改一次。</t>
  </si>
  <si>
    <t>萨摩耶好养吗</t>
  </si>
  <si>
    <t>中国引进安225成功了吗</t>
  </si>
  <si>
    <t>成毅和孟子义是情侣吗</t>
  </si>
  <si>
    <t>孟子义成毅是男女朋友。</t>
  </si>
  <si>
    <t>晚上喝牛奶会胖吗</t>
  </si>
  <si>
    <t>睡前喝牛奶不会不利于减肥。睡前喝牛奶是一种很好的饮食习惯。适量的奶及奶制品是我们身体需要的食物，并不会给我们的身体带来多余的热量负担，而只会补充身体需要的营养元素。同时，睡前喝牛奶也会促进钙的吸收。100g低脂牛奶的热量在50~80大卡，而100g米饭的热量在110~150之间，您可以发现其实牛奶不属于高热量食物。相反，牛奶的营养却很丰富、很全面，它可以为我们带来优质的蛋白质、钙质，及其他重要的微量元素。因此奶制品是很好的减肥食物。而睡前喝牛奶，不仅可以促进钙的吸收(夜间是钙消化吸收的最好时机)、促进睡眠(钙有安定情绪的作用)，而且牛奶的主要成分——蛋白质，并不是那么快就消化吸收的，它主要是在小肠中进行消化，这也就使得睡前喝牛奶不会给夜间的能量消耗带来负担，而且还会让您第二天早上起床后不会感到很饥饿。</t>
  </si>
  <si>
    <t>只要晚上饮用牛奶不增加每天营养的摄入量，营养摄入保持相对恒定就不会变胖。</t>
  </si>
  <si>
    <t>安邦理财产品好吗</t>
  </si>
  <si>
    <t>这款产品最大特点就是没有初始费和保单管理费，以交纳的保障金全额计算增值收益，其中还包含了火灾家庭财产保险和航空旅客意外伤害保险保障内容的险别，这样的双重保障很让人放心，收益也算稳健。</t>
  </si>
  <si>
    <t>安邦理财产品定期时间比较长而且收益低，现在理财通还是不错的投资理财方式，理财通保护资金是比较安全的设置了安全卡，你的资金不用于消费，只能提现到银行卡里面投资的风险也比较低，几乎是没有什么风险，收益比较稳定，还是可以信赖的，比较高收益低风险的理财选择。</t>
  </si>
  <si>
    <t>安邦理财产品可靠。</t>
  </si>
  <si>
    <t>protectpax是真的吗</t>
  </si>
  <si>
    <t>香烟可以快递吗</t>
  </si>
  <si>
    <t>王者荣耀用手柄玩好吗</t>
  </si>
  <si>
    <t>非常给力，直接键盘电脑连上显示器就能玩，效果震撼逼真。</t>
  </si>
  <si>
    <t>男爵领域人多吗</t>
  </si>
  <si>
    <t>lol新区男爵领域每天10万人排队。</t>
  </si>
  <si>
    <t>匹配了3分钟都没匹到一局，人少换服了。</t>
  </si>
  <si>
    <t>百多邦治疗湿疹吗</t>
  </si>
  <si>
    <t>百多邦在治疗湿疹合并感染方面效果挺好。它抗菌度高、渗透力强、耐药率低。</t>
  </si>
  <si>
    <t>不能。湿疹是过敏引起的。百多邦属于消炎药物。所以对湿疹来说是不对症的。湿疹治疗的话，可以外用炉甘石洗剂。口服药物以抗组胺类的药物治疗即可。</t>
  </si>
  <si>
    <t>ajax里面可以嵌套ajax吗</t>
  </si>
  <si>
    <t>昆明2017年舞厅还有吗</t>
  </si>
  <si>
    <t>不服从工作安排可以辞退吗</t>
  </si>
  <si>
    <t>1、调岗属于变更劳动合同的主要内容，用人单位必须先与劳动者协商一致，未经劳动者同意，用人单位单方面调整岗位，原则上是无效的；2、如果用人单位是生产经营需要的调岗，且调岗具有合理性，不存在侮辱或惩罚性质，工资待遇不降低，与劳动合同约定的岗位之间存在相关性，则调岗有效；你作为劳动者应该遵守。当然，调整岗位的合理性需要用人单位举证；反之，用人单位是基于迫使劳动者离职而调整岗位，劳动者是可以拒绝的。用人单位以劳动者不服从安排为由解除劳动合同，就属于违法解除；你可以申请劳动仲裁要求支付赔偿金，工作1年支付2个月本人工资，即2N；3、如果劳动者不能胜任工作，用人单位也是有权调整岗位的。当然，用人单位主张劳动者不胜任工作也是需要提供证据的。劳动者拒绝调整岗位的，用人单位据此解除劳动合同，属于合法解除，但是用人单位也是应该支付经济补偿，即N。</t>
  </si>
  <si>
    <t>公司调整你的工作岗位，属于变更劳动合同的相关内容，劳动合同变更应当经过双方协商一致，否则单位是无权单方面变更劳动合同的。除非是出现了法定或者约定可以变更合同的情形。公司因此解除你，属于违法解除，应当支付违法解除劳动合同的赔偿金，或者你也可以要求该解除行为无效。</t>
  </si>
  <si>
    <t>用人单位与劳动者建立了劳动关系后，依法不能随便解雇劳动者，必须要有合法的理由。若用人单位无故单方违法解除与劳动者的劳动关系，是需要支付赔偿金的。赔偿金的标准是双倍经济补偿金。经济补偿金的支付标准为做满一年补一个月，超过半年的按一年计算，不满半年的补半个月。工资以应发工资为准。</t>
  </si>
  <si>
    <t>大顺刷是真的吗</t>
  </si>
  <si>
    <t>大顺刷是真的。</t>
  </si>
  <si>
    <t>netpharmacy 可靠吗</t>
  </si>
  <si>
    <t>当然是真的这个药房在新西兰还有点名气的。</t>
  </si>
  <si>
    <t>还算可以。</t>
  </si>
  <si>
    <t>悬案回忆自选礼盒是永久的吗</t>
  </si>
  <si>
    <t>是永久使用的，不会消失。</t>
  </si>
  <si>
    <t>网络销售的工作靠谱吗</t>
  </si>
  <si>
    <t>需要观察整个销售环节及产品价值。如果销售环节无欺诈，产品价值好，就靠谱。</t>
  </si>
  <si>
    <t>网络销售还不错。</t>
  </si>
  <si>
    <t>经常喝自制酸奶好吗</t>
  </si>
  <si>
    <t>酸奶是长寿的饮料据诺贝尔奖获得者，俄国食品专家梅契尼柯夫（1845-1916年）最早对酸奶的研究结果证明：酸奶中含有一种生长活性因子，能增强肌体免疫机能，有利于身体健康，抗病、抗衰老。世界上有很多长寿的地方，居民都有长期饮酸奶的习惯。酸奶有利于人类健康和长寿。</t>
  </si>
  <si>
    <t>有深圳居住证可以办港澳通行证吗</t>
  </si>
  <si>
    <t>在深圳有居住证，可以在深圳办理港澳通行证，现在有6个城市可异地办理港澳通行证北京、天津、上海、重庆、广州、深圳6个城市的就业者和非本地户籍的在校大学生，可以持身份证，居住证在异地办理港澳通行证及签注申请，不属于以上城市，需要回户口所在地县(市)公安局出入境办理。</t>
  </si>
  <si>
    <t>北京、天津、上海、重庆、广州、深圳6个城市就业人员和高等院校在读大学生中非本市户籍人员可向所在城市公安机关出入境管理部门异地提交往来港澳通行证及签注申请。非本市户籍就业人员是指在六城市工作且连续缴纳一年以上社会保险（医疗险、养老险、工伤险、失业险、生育险）的外省市户籍人员（从申请月的上一个月开始连续往前推算不短于12个月，不能断缴）。此类人员可向所在城市公安机关出入境管理部门提交往来港澳通行证及各类签注的申请（包括首次申请、换补发证件、证件失效重新申请）。</t>
  </si>
  <si>
    <t>单居住证是不够的，还需满足以下条件之一1、就业人员（登记备案国家工作人员除外）要有一年或以上有效的本市居住证、连续一年本市社保，带身份证、户口本办理；2、在高等院校在读的非本市户籍大学生要带身份证、户口本、学校出具的证明和学生证；3、配偶是本市的或满足1条件的，要带本人身份证、户口本、暂住证、结婚证、配偶户口本；4、未满16、父母一方是本地或满足1条件的，由监护人带同身份证、户口本、一年或以上有效的本市居住证、连续一年本市社保证办理；5、60周岁（含）以上且在暂（居）住地居住6个月（含）以上的，可以凭身份证、户口本、暂住证办理满足条件的可以上市级出入境厅官网预约办理时间，然后本人带照片+照片回执和上面所列证明去办理；不满足以上条件的只能本人回户籍地办。另如果是登记备案国家工作人员，要拿申请回单位盖批核章。</t>
  </si>
  <si>
    <t>孕妇可以喝绿茶吗</t>
  </si>
  <si>
    <t>孕妇喝茶有讲究，切勿乱喝，否则可能会影响自身和胎儿的身体健康。原则上，女性孕期可以喝茶，但茶叶所含成分特殊，且茶饮也多种多样，所以，并非所有茶饮都适合孕妇饮用。1.茶的品种很多，各种茶所含成分也不尽相同。绿茶含锌量极为丰富，锌元素对胎儿的正常生长发育起着极其重要的作用。因此，专家建议喜欢喝茶的孕妇可以适量喝点绿茶。2.虽然孕妇喝绿茶有好处，但是大家也要注意适量饮用。孕妇如果喝茶太多、太浓，对胎儿就会产生危害。3.除了不能饮用过多，孕妇喝绿茶还要注意时间最好在饭后1小时后再饮用淡绿茶。另外孕妇晚上最好不要喝绿茶。</t>
  </si>
  <si>
    <t>淘宝论文查重可靠吗</t>
  </si>
  <si>
    <t>临时身份证异地可以办理吗</t>
  </si>
  <si>
    <t>对于人在外地，证件已过期急用的，群众可以委托亲属持户口本到户籍地派出所（新安江城区在行政审批中心公安窗口）办理户籍证明暂用，待回乡后及时办理身份证明。</t>
  </si>
  <si>
    <t>防晒霜要卸妆吗</t>
  </si>
  <si>
    <t>如果产品上标有SPF30+，PA+++以上，需要考虑使用专门的卸妆产品。SPF15以下的防晒霜，很少有需要专门的卸妆产品的。</t>
  </si>
  <si>
    <t>全返通是骗局吗</t>
  </si>
  <si>
    <t>返利作为一种营销手段，存在于首次获客行为中，是一种短期的行为，长期的全返是不可持续的。在没有其他稳定收益的情况下，这种模式会走向“借旧还新”的道路，成为庞氏骗局。</t>
  </si>
  <si>
    <t>开通电子承兑要年费吗</t>
  </si>
  <si>
    <t>工商银行的听说蛮贵的，2万。</t>
  </si>
  <si>
    <t>这个服务每个银行不一样,具体可以咨询你的业务经办银行。</t>
  </si>
  <si>
    <t>心脏支架能维持30年吗</t>
  </si>
  <si>
    <t>王者荣耀最强王者不打会掉吗</t>
  </si>
  <si>
    <t>一星期不打会掉一星。</t>
  </si>
  <si>
    <t>只有王者以上段位一周不打会掉一颗星，其他段位不会掉。</t>
  </si>
  <si>
    <t>流放之路是免费游戏吗</t>
  </si>
  <si>
    <t>流放之路国服运营经理：和外服收费模式基本保持一致，免费运营，功能道具和外观收费，不会出售带数值的物品和通货。</t>
  </si>
  <si>
    <t>荣格产品好吗</t>
  </si>
  <si>
    <t>荣格产品是真正的物美价廉的好产品，大众产品。</t>
  </si>
  <si>
    <t>很多人用。</t>
  </si>
  <si>
    <t>免砸砖防水靠谱吗</t>
  </si>
  <si>
    <t>像这样的做法只是浪费钱而已，根本就不会能完全防住的。</t>
  </si>
  <si>
    <t>芒果和竹笋一起吃吗</t>
  </si>
  <si>
    <t>可以倒是可以，不会对身体造成危害，只要自己喜欢。</t>
  </si>
  <si>
    <t>液压升降椅会爆炸吗</t>
  </si>
  <si>
    <t>液压升降椅不会爆炸，最多外接油管崩开。</t>
  </si>
  <si>
    <t>品质不好的产品就有可能会存在这方面的隐患。</t>
  </si>
  <si>
    <t>宁波保税区有假货吗</t>
  </si>
  <si>
    <t>雅虎破产了吗</t>
  </si>
  <si>
    <t>雅虎终于死了：从1000亿到破产贱卖，最后连名字都没。</t>
  </si>
  <si>
    <t>大圣旗舰商城靠谱吗?</t>
  </si>
  <si>
    <t>正规的电商，质量不错，价格不贵，发货也很快。</t>
  </si>
  <si>
    <t>挺好的一个商城啊，线上线下都做，就是一个行走的O2O模范。</t>
  </si>
  <si>
    <t>大圣电商集团2016年世界移动互联网大会移动互联网创新行业门户、移动互联网最具发展潜力门户、移动互联网最具特色门户、很有实力的公司，前景也好。</t>
  </si>
  <si>
    <t>杂志云订阅杂志可靠吗</t>
  </si>
  <si>
    <t>虽然杂志云给大众的官方感和权威性仍有待加强，我们不只是杂志电商，更想成为杂志服务行业的老大，助力杂志行业实现“互联网+”。“杂志云，始于杂志，不止于杂志，打造完整的杂志产业链从而建立大杂志文创生态圈。</t>
  </si>
  <si>
    <t>杂志云一直秉承着以最实惠的价格，最快捷的配送，最受信赖的后续保障服务。而且我们杂志云是用真诚的、优质的订阅杂志服务换取消费者的信任，坚持"诚信合作，一心为您"的服务理念，打造杂志订阅行业的一流品牌。所以对于消费者们，可以放100个心，这里所发的刊物都有正规的刊号可以查询保证真实，让消费者信得过。</t>
  </si>
  <si>
    <t>58同城发布招聘信息收费吗</t>
  </si>
  <si>
    <t>虽然网页上注明是免费的，但实际上58同城是收费的，即使是发布租房、售房等信息也是收费的，只要填完相关信息后，点击发布，就会向要钱了。不给钱是不给发布的，虽然网页上有免费发布租房信息的说明。</t>
  </si>
  <si>
    <t>175跑宝宝环赚钱吗</t>
  </si>
  <si>
    <t>赚多少看运气的，反正175跑环肯定不会亏就是。</t>
  </si>
  <si>
    <t>人民的名义还有第二部吗</t>
  </si>
  <si>
    <t>有续集。</t>
  </si>
  <si>
    <t>零度可乐会胖吗</t>
  </si>
  <si>
    <t>会胖，有激素。</t>
  </si>
  <si>
    <t>不会，零度可乐无糖分。</t>
  </si>
  <si>
    <t>真的有水鬼吗</t>
  </si>
  <si>
    <t>土豆长芽了还能吃吗</t>
  </si>
  <si>
    <t>最好不要食用发芽的土豆。</t>
  </si>
  <si>
    <t>发芽的土豆是不可以吃的。</t>
  </si>
  <si>
    <t>苹果8双卡双待吗</t>
  </si>
  <si>
    <t>到目前为止，尚未有消息说苹果iphone8双卡双待，只有iphone8新机发布时才知道。不过，因为目前在中国，双卡双待手机已成为主流，几乎占领了绝大部分市场，所以，个人认为，针对中国这个大市场的需求，iphone8将推出双卡双待版本，也不是没有可能。</t>
  </si>
  <si>
    <t>据传可能会的。不过，这都是未经证实的消息。现在iPhone8的传闻很多，主要是因为iPhone7的销量不理想，苹果不得已整出这些iPhone8的新闻，来保持品牌的热度。</t>
  </si>
  <si>
    <t>托曼尼榴莲好吃吗</t>
  </si>
  <si>
    <t>榴莲虽然闻起来臭，但吃起来真的是美味无比。</t>
  </si>
  <si>
    <t>托曼尼榴莲真不是一般的好吃。</t>
  </si>
  <si>
    <t>六一放假吗</t>
  </si>
  <si>
    <t>2017年6月1日，根据国务院《全国年节及纪念日放假办法》中的第三条，第三点规定：在这一天不满14周岁的少年儿童放假1天。</t>
  </si>
  <si>
    <t>企业微信公众号收费吗</t>
  </si>
  <si>
    <t>注册企业微信公众号，需要每年缴交300元认证费给腾讯公司。</t>
  </si>
  <si>
    <t>企业号，一般都是公司企业用的较多，注册时只需企业资质以及代表人的资质，不用认证，也就不收取任何费用。</t>
  </si>
  <si>
    <t>退伍军人补钱是真的吗</t>
  </si>
  <si>
    <t>尚未出台相关政策。</t>
  </si>
  <si>
    <t>跑步机跑步好吗</t>
  </si>
  <si>
    <t>能使全身的肌肉有节律的收缩和松弛，使肌肉纤维增多，蛋白质含量增高。</t>
  </si>
  <si>
    <t>微信400全套靠谱吗</t>
  </si>
  <si>
    <t>枇杷种子能种吗</t>
  </si>
  <si>
    <t>端午高速公路免费吗</t>
  </si>
  <si>
    <t>不免费，2016年收费公路免费通行时间为春节、清明节、劳动节、国庆节等4个国家法定节假日以及当年国务院办公厅文件确定的上述法定节假日连休日。</t>
  </si>
  <si>
    <t>免费。</t>
  </si>
  <si>
    <t>武装部部长有实权吗</t>
  </si>
  <si>
    <t>有权力。</t>
  </si>
  <si>
    <t>幽门螺旋杆菌能根治吗</t>
  </si>
  <si>
    <t>可以根治，但是要坚持吃一段时间的胃药，抑制胃酸和保护胃粘膜的药物。</t>
  </si>
  <si>
    <t>学魁榜是真的吗</t>
  </si>
  <si>
    <t>还不错老师讲课风趣幽默，知识点总结的好最主要的是不需要什么基础，讲的都是得分技巧，类似于游戏里面升级打怪的攻略，简单容易上手。</t>
  </si>
  <si>
    <t>孕妇羊水破了能顺产吗</t>
  </si>
  <si>
    <t>能够选择顺产。</t>
  </si>
  <si>
    <t>余额宝的钱转到银行卡要手续费吗</t>
  </si>
  <si>
    <t>支付宝提现也将收费：每人累计2万元免费提，9月12日下午消息，支付宝刚刚发布公告表示，自2016年10月12日起，支付宝将对个人用户超出免费额度的提现收取0.1%的服务费，个人用户每人累计享有2万元基础免费提现额度。在用完基础免费额度后，用户可以使用蚂蚁积分兑换更多免费提现额度。</t>
  </si>
  <si>
    <t>超过限额外就要收费的，没有超过限额内就不收费的。</t>
  </si>
  <si>
    <t>2016天海翼下马了吗</t>
  </si>
  <si>
    <t>水瓶座发火恐怖吗</t>
  </si>
  <si>
    <t>不恐怖。</t>
  </si>
  <si>
    <t>airbnb怎么样 安全吗</t>
  </si>
  <si>
    <t>airbnb整体的安全性还是比较放心的。</t>
  </si>
  <si>
    <t>看见这个瓶子了吗</t>
  </si>
  <si>
    <t>没有看到</t>
  </si>
  <si>
    <t>刀妹莲花之令有特效吗</t>
  </si>
  <si>
    <t>大姨妈期间可以喝咖啡吗</t>
  </si>
  <si>
    <t>l1b签证转绿卡容易吗</t>
  </si>
  <si>
    <t>L1转绿卡可能性是存在的，但是条件越来越苛刻。</t>
  </si>
  <si>
    <t>可以对接EB1C绿卡申请，只要中国公司继续经营，美国公司正常经营就可以申请了，符合要求基本都能申请功。</t>
  </si>
  <si>
    <t>六一儿童节学校放假吗</t>
  </si>
  <si>
    <t>幼儿园、小学会放假，初中以上就不放假了。</t>
  </si>
  <si>
    <t>儿童节(6月1日)，不满14周岁的少年儿童放假1天。由国务院《全国年节及纪念日放假办法》第三条，第三点中可以看到。</t>
  </si>
  <si>
    <t>手机能直播王者荣耀吗</t>
  </si>
  <si>
    <t>能，先用录屏软件把手机画面传到电脑桌面，再用电脑直播软件把录屏软件的手机画面传到直播间即可。</t>
  </si>
  <si>
    <t>企鹅病赖敏还活着吗</t>
  </si>
  <si>
    <t>赖敏还活着，但她失去了她的第一个孩子。</t>
  </si>
  <si>
    <t>看别人微博会留下痕迹吗</t>
  </si>
  <si>
    <t>会，微博网页上点发的动态的右上角图标会看到谁看了。</t>
  </si>
  <si>
    <t>穿袜子睡觉好吗</t>
  </si>
  <si>
    <t>穿袜子睡觉有好处也有坏处。确实能起到保暖作用，但是，会影响脚部的血液循环，从而影响睡眠的质量。</t>
  </si>
  <si>
    <t>京东延保 有必要吗</t>
  </si>
  <si>
    <t>途虎养车保养靠谱吗</t>
  </si>
  <si>
    <t>靠谱，用过一次，换的机油，师傅说是正品。后期用着静音也不错。</t>
  </si>
  <si>
    <t>靠谱，二保就是在途虎搞的，换了机油，机滤，空滤，东西都是正品。</t>
  </si>
  <si>
    <t>99贷怎么样 可信吗</t>
  </si>
  <si>
    <t>99贷是骗人的。</t>
  </si>
  <si>
    <t>顺风车违法吗</t>
  </si>
  <si>
    <t>老鼠咬了要打疫苗吗</t>
  </si>
  <si>
    <t>需要、非常需要打疫苗。</t>
  </si>
  <si>
    <t>自制皮肤会封号吗</t>
  </si>
  <si>
    <t>目前腾讯官方已发布公告，擅自修改游戏文件可能导致封号。</t>
  </si>
  <si>
    <t>看是什么样的自制皮肤，如果是自己改的一般不会，但还得看脸，如果是第三方改的，那么s8再见。</t>
  </si>
  <si>
    <t>转转二手交易靠谱吗</t>
  </si>
  <si>
    <t>58赶集新出的一个app，前几天使用效果还不错。商家信息比较少，接入微信支付。平台是担保交易的，先收货，再打款。不满意可以退货退款。异地交易的问题差不多都可以解决。这类平台主要看卖家买家的质量吧。初期转转表现不错。</t>
  </si>
  <si>
    <t>任何一个平台都会有居心不良的人在，但是只要我们能滤出不好的，剩下的还是很靠谱的。</t>
  </si>
  <si>
    <t>还是比较靠谱，货比三家。</t>
  </si>
  <si>
    <t>空中瑜伽适合初学者吗</t>
  </si>
  <si>
    <t>空中瑜伽其实更适合初学瑜伽者。</t>
  </si>
  <si>
    <t>三支一扶有前途吗</t>
  </si>
  <si>
    <t>哺乳期能吃避孕药吗</t>
  </si>
  <si>
    <t>母乳喂养宝宝，不宜服用避孕药。</t>
  </si>
  <si>
    <t>你现在处于哺乳期，不排除以外排卵导致怀孕的可能性，可以吃紧急避孕药，以免以外怀孕导致不必要的麻烦。</t>
  </si>
  <si>
    <t>哺乳期还是不能吃避孕药的。</t>
  </si>
  <si>
    <t>银行卡更换手机号码一定要去银行么</t>
  </si>
  <si>
    <t>本人拿着银行卡和本人的身份证去办卡所在地的任何同行网点即可。</t>
  </si>
  <si>
    <t>银行卡更改手机号码不是必须去银行卡柜台的。</t>
  </si>
  <si>
    <t>移动硬盘分区好不好</t>
  </si>
  <si>
    <t>移动硬盘最好不要分多个分区。1、移动硬盘主要的作用是临时存储，传输文件，所以，不宜长期存储文件，不必用分区的方式来分类存放文件。用文件夹可分类。2、多个分区之间移动文件，耗费的时间非常长。如果只有一个分区，文件夹之间移动文件是瞬间的。这比较方便整理文件。符合移动硬盘的特点。3、主机硬盘分区主要是为了方便维护还原。移动硬盘没这个方面的需求，所以，不必分。4、另外，现在越来越多的手机和电视都可以使用移动硬盘，但多分区的往往不能识别。所以，最好单分区。</t>
  </si>
  <si>
    <t>城寨英雄好看吗</t>
  </si>
  <si>
    <t>越到后面越好看。</t>
  </si>
  <si>
    <t>王者荣耀装备可以叠加吗</t>
  </si>
  <si>
    <t>在物理攻击装备和法系攻击装备中都有描述装备被动效果，有的装备被动效果带有唯一被动效果，当出两件唯一被动装备时只能触发一个被动。</t>
  </si>
  <si>
    <t>flac文件可以在汽车上播放吗</t>
  </si>
  <si>
    <t>如果是较老款车配的纯CD机是不能播放flac及MP3格的，不过现在新出的车载CD都是支持的。</t>
  </si>
  <si>
    <t>csgo需要花钱吗</t>
  </si>
  <si>
    <t>如果不在乎皮肤的话就不烧钱。</t>
  </si>
  <si>
    <t>对于新玩家来说，在测试阶段，只要获得了激活码，即可免费游玩csgo。在公测之后尚未购买的玩家则需要购买游戏才能进入国服。</t>
  </si>
  <si>
    <t>歼20是矢量发动机吗</t>
  </si>
  <si>
    <t>目前歼-20搭载的还是标量发动机。</t>
  </si>
  <si>
    <t>易店无忧安全吗</t>
  </si>
  <si>
    <t>稳岗补贴是发给员工吗</t>
  </si>
  <si>
    <t>稳岗补贴是当地政府补助给企业的，不是补贴给员工个人的，所以这个补贴无须分发给职工。</t>
  </si>
  <si>
    <t>蔬菜干有营养吗</t>
  </si>
  <si>
    <t>没有，因为果蔬干“脱水成干”的主要方法是油炸，让水分沸腾而去，同时油脂渗入食品当中，所以在降低含水量而使食品干燥的同时，也会大幅度提高脂肪含量。为了让果蔬干吃起来更加香甜可口，很多果蔬干在制作过程中都加入了人造的糖分在里面，属于高热、高糖食品。果蔬干不等于新鲜蔬果的浓缩，更不能代替新鲜蔬果，是高糖分、高热量的食品，不可多食。</t>
  </si>
  <si>
    <t>泰迪能吃鱼吗</t>
  </si>
  <si>
    <t>喂鱼给泰迪熊最好应当煮过或者选用罐头鱼。而含脂肪较多的鱼不好消化，不能给狗吃。</t>
  </si>
  <si>
    <t>手机关机能定位吗</t>
  </si>
  <si>
    <t>不可以的哦，只有联网才可以。</t>
  </si>
  <si>
    <t>学术不端网的论文查重靠谱吗</t>
  </si>
  <si>
    <t>刚刚测试过本科的pmlc，和学校一样。</t>
  </si>
  <si>
    <t>离婚后户口本上会显示离异吗</t>
  </si>
  <si>
    <t>离婚后户口本上不会有显示，但是民政局你的系统登记里面会有显示。</t>
  </si>
  <si>
    <t>装修面积是否包含公摊面积</t>
  </si>
  <si>
    <t>业主在和开发商签订购房合同的时候，合同的面积不是实测面积而是所有的面积一起算。所以在后期装修的时候是很多装修公司是按照购房合同上的面积算的。</t>
  </si>
  <si>
    <t>这要看当时有没有写在合同里，如果合同里已经注明那么就好办了，可以协商也可以走法律程序，但是如果没有注明就只有口头协议那就要看开发商的意见了。</t>
  </si>
  <si>
    <t>肺气肿会不会传染</t>
  </si>
  <si>
    <t>肺气肿是没有传染的。</t>
  </si>
  <si>
    <t>最后的守护者好玩吗</t>
  </si>
  <si>
    <t>游戏性也不是特别强，毕竟就是反复的开机关爬墙，总会枯燥的。</t>
  </si>
  <si>
    <t>美借上征信吗</t>
  </si>
  <si>
    <t>只要别到了期限还不还款，有良好的信誉，一般是不会上征信的。如果您因为不同的原因还款逾期的话，就算逾期，如果在规定的时间内还款的话，也不会上征信，这点美借做的还是比较人性化的。但还是有意外的出现，比如逾期系统没有自动扣款、法定节假日有延迟、APP系统故障等等，这种特殊情况引起的逾期还款等问题，都是不会上征信的。</t>
  </si>
  <si>
    <t>淘宝买完东西抽奖是真的吗</t>
  </si>
  <si>
    <t>订阅号可以申请微信支付吗</t>
  </si>
  <si>
    <t>目前评阅号是不支持微信支付的。</t>
  </si>
  <si>
    <t>nb iot模块需要sim卡吗</t>
  </si>
  <si>
    <t>GSM模块，是一个类似于手机的通讯模块，集成了手机的若干功能于一块小电路板上，它可以发送短消息，通话等等，模块虽小，但它具备了很多手机的功能，拥有它等于就是拥有了手机的核心部分了。所以他就是一个只有通话功能的手机，手机不插SIM卡，是不能通话的。</t>
  </si>
  <si>
    <t>github有中文版吗</t>
  </si>
  <si>
    <t>github之前有尝试过多国语言，后来取消了。</t>
  </si>
  <si>
    <t>蔚来汽车公司倒闭了吗</t>
  </si>
  <si>
    <t>没办房产证的房子能卖吗</t>
  </si>
  <si>
    <t>没有取得房产证的房子可以转让。但如果确定无法取得房产证的，房产转让不受法律保护。一般情况下，只有取得房产证的房屋才能确定房屋产权人，才具有转让的条件。但如果房屋是合法取得的，以后可以依法办理房产证的，可以提前转让。在转让时，要告知购买人未取得房产证的事实，并协助购买人办理房产手续。同时，如果房屋已经在房产管理局备案，还需要办理备案变更登记手续。</t>
  </si>
  <si>
    <t>房产证没办下来，房屋不能进行买卖。</t>
  </si>
  <si>
    <t>玻璃体后脱离会自愈吗</t>
  </si>
  <si>
    <t>玻璃体后脱离百分之九十能自行恢复。</t>
  </si>
  <si>
    <t>苹果7刷机后还能定位</t>
  </si>
  <si>
    <t>定位不了了，刷新相当于电脑重装系统，以后手机最好设个开机密码。</t>
  </si>
  <si>
    <t>已关机，暂时无法通过定位找回，因为定位 iPhone 手机，要用自己的 Apple ID 登录 iCloud，用查找定位手机。前提是手机处于开机状态且能联网；手机启用了 iCloud 的查找功能。</t>
  </si>
  <si>
    <t>北风冻原图奇有特效吗</t>
  </si>
  <si>
    <t>住宿费发票可以抵扣吗</t>
  </si>
  <si>
    <t>一般纳税人取得住宿费专用发票，可以按规定进行抵扣；企业购进餐饮服务，进项税额不得从销项税额中抵扣。</t>
  </si>
  <si>
    <t>回迁房5年才有房产证吗</t>
  </si>
  <si>
    <t>回迁房作为二手房买卖时有个5年的限制，因此回迁房首次过户办证得5年后了。</t>
  </si>
  <si>
    <t>是的</t>
  </si>
  <si>
    <t>孕妇能吃方便面吗</t>
  </si>
  <si>
    <t>可以的，但是必须着重强调的是，对于方便面孕妇一定要少吃或者干脆不吃。对于处在妊娠期的孕妇来说，摄入油炸类的食品会对胎儿的健康造成一定的影响。其次，方便面中还含有一种特殊的添剂——防腐剂，过多食用含有防腐剂的食品对胎儿的健康成长将造成不利的影响。如果非常想吃方便面的话，请切忌把泡面里面的食料包拿出来，添加一些新鲜的蔬菜等没有加工过的配料，孕妇切忌吃一些经过腌制的食品，以及储存已久的罐装食品，因为这些东西对于孕妇来说都是不利于胎儿健康成长的，对胎儿的发育会产生不好的影响。</t>
  </si>
  <si>
    <t>对于孕妇来说，吃方便面并没有好处，但是面对方便面的妈妈控们，依然经不住美食的诱惑。那么，孕妇吃方便面的注意事项有哪些呢？首先，在食用方便面之前，要先将面饼清洗一遍。面饼上面有一层蜡涂层，这层物质对于我们的身体健康来说危害非常大，如果在身体储存了大量的蜡涂料，将会致癌。这个严重后果再一次告诫我们要尽量少食用此类食品。为了减少有害物质在我们体内的沉积，我们应该保持一个食用周期，这个周期可以保持在2-3天左右。方便面煮着吃与泡着吃有什么区别？相对健康的吃法是煮着吃，在条件允许的情况下，我们提倡面煮一煮再吃，因为在煮的过程中，面条能够吸收更多的水分，这对我们的肠胃很有好处。与此同时，在煮方便面的过程中，可以在面中添加自己喜欢的一些食材，这样的话，煮出来的面更加美味。</t>
  </si>
  <si>
    <t>首先，孕妇吃泡面会导致营养缺失，大脑活动缓慢。如果经常吃方便面的话，孕妇所需要的蛋白质、钙质、糖分以及各种营养物质都会缺乏，这对宝宝的发育成长很不利。其次，孕妇吃方便面不利于肠胃健康。作为一种油炸类的食物，孕妇长期食用的话会导致身体营养元素降低，出现头晕，精神不振等症状，危及宝宝的健康。第三，方便面中的防腐剂成分对孕妇的健康会造成一定程度的危害，对于孕妇来说，要吃一些包含营养的食物，只有这样能保证身体所需的养分，才能为宝宝提供更多的营养，使其健康的成长。</t>
  </si>
  <si>
    <t>艾薇儿死了吗</t>
  </si>
  <si>
    <t>艾薇儿近日再一次被造谣已经去世，现在的艾薇儿是一个叫做Melissa的替身。</t>
  </si>
  <si>
    <t>环保标志取消了吗</t>
  </si>
  <si>
    <t>今年开始黄绿标取消了。</t>
  </si>
  <si>
    <t>是的，但还要检测。</t>
  </si>
  <si>
    <t>cdr可以用ps打开么</t>
  </si>
  <si>
    <t>myeclipse10支持jdk1.8吗</t>
  </si>
  <si>
    <t>不兼容的。现在用的MyEclipse 2016 CI7是兼容的。</t>
  </si>
  <si>
    <t>不支持。没有JDK1.8，只有8.0，在最新版的Eclipse和InteliJ中支持Java8的新特性。</t>
  </si>
  <si>
    <t>不支持，现在myeclipse 14的已经很好的支持了这个版本。</t>
  </si>
  <si>
    <t>pdf可以删除其中一页吗</t>
  </si>
  <si>
    <t>优才创智是培训机构吗</t>
  </si>
  <si>
    <t>优才创智集团现在有多个业务BU：产品研发外包事业部、人才服务事业部、企业服务事业部，集团的人才服务事业部里有在线教育、招聘外包、人才猎头相关的业务，所以优才创智集团是一个综合的互联网产品研发与人才生态服务商，主体业务是产品研发。</t>
  </si>
  <si>
    <t>吸铁石能吸起金属镍吗</t>
  </si>
  <si>
    <t>镍显弱磁性，用高强磁可以吸住的。</t>
  </si>
  <si>
    <t>镍也是磁铁的一种电镀保护层，所以不吸。</t>
  </si>
  <si>
    <t>善心汇是正规公司吗</t>
  </si>
  <si>
    <t>五百多万人参与的传销骗局。</t>
  </si>
  <si>
    <t>微信群能禁言吗</t>
  </si>
  <si>
    <t>微信群无法禁言。</t>
  </si>
  <si>
    <t>刘晓庆和王晓玉离了吗</t>
  </si>
  <si>
    <t>贴完面膜后要洗脸吗</t>
  </si>
  <si>
    <t>1.单片式面膜：可以不用洗掉，可以进行后续的保养程序了。根据自己肌肤情况来决定，油性皮肤的话还是建议用清水洗一下。2.免洗睡眠面膜：不需要洗，而不是可以不洗。3.果冻面膜：要洗的。4.撕拉面膜:这个面膜肯定是要洗掉的，洗完之后要用收缩毛孔的爽肤水。</t>
  </si>
  <si>
    <t>1.精华液在面部停20分钟，皮肤已经把能吸收的营养都吸收了，多余的营养可能会给肌肤造成负担，尤其是年纪较轻或者油皮的使用者，营养过剩反而会培养细菌，造成爆痘。2.面膜都是膜在脸上那段时间是发挥功效的。膜布拿掉之后，有效成分的主要载体已经没有了。面膜里面有一些帮助活性成分传导的物质，洗掉了能够帮助皮肤恢复正常的孔径，帮助皮肤的呼吸和激活。</t>
  </si>
  <si>
    <t>1.若在敷面膜前使用了精华液等，不建议清洗。2.若在清洁后敷面膜，而且敷完面膜后觉得脸上黏糊糊不好受，用后续保养品会搓泥的话，那么可以适当清洗。3.清洗时，不要用洗面奶大力搓，直接用清水洗一下就可以了，记得要有后续的保养工作跟进。</t>
  </si>
  <si>
    <t>魔兽世界现在玩的人还多吗</t>
  </si>
  <si>
    <t>值得玩； 多。</t>
  </si>
  <si>
    <t>玩的人少，都在排队、卡蓝条、烧点卡。</t>
  </si>
  <si>
    <t>京东金融和恒昌可靠吗</t>
  </si>
  <si>
    <t>自己即是员工也是客户，公司ICP备案 经营许可 公网许可都有，第一点就说明了不是诈骗类；公司主要就是做P2P，而且是真正的P2P，而且5 6年来做的一直不错；其三，只有自己了解，当你知道了什么是P2P，什么运营模式，要有哪些必备的条件和风控之后，就会相信了。</t>
  </si>
  <si>
    <t>ufc无限制格斗死过人吗</t>
  </si>
  <si>
    <t>UFC迄今为止并没有出现过伤亡，而MMA从开始以来也只出现过一起死亡案件，安全程度要超过拳击。</t>
  </si>
  <si>
    <t>出过而且不止一个。</t>
  </si>
  <si>
    <t>结婚证照片可以自己带吗</t>
  </si>
  <si>
    <t>一般到民政局拍得比较多，自己也可以拍照。</t>
  </si>
  <si>
    <t>谢娜和张杰要分手了吗</t>
  </si>
  <si>
    <t>paper yy 可靠吗</t>
  </si>
  <si>
    <t>车船税每年都要交吗</t>
  </si>
  <si>
    <t>车船税每年都要交。各地缴费标准不同。纳税期限为每年的1月1日—12月31日。过期要交滞纳金。</t>
  </si>
  <si>
    <t>淘宝宝贝涨价有影响吗</t>
  </si>
  <si>
    <t>肯定会影响的。</t>
  </si>
  <si>
    <t>店铺的价格本身就是一个店铺标签 既然店铺的宝贝卖的是这个价格 那么淘宝给你的流量就是这个价位的流量要是改价格的话会不好的！</t>
  </si>
  <si>
    <t>可以，销量上去了而且好评比较多，质量有保障大家不在乎多花几块钱，许多卖家都是先压低价赚好评后再抬价的！</t>
  </si>
  <si>
    <t>不吃主食能减肥吗</t>
  </si>
  <si>
    <t>如今很多人一说减肥，就回绝吃主食，总觉得主食热量很高，只吃肉，或许蔬菜、生果等，吃主食就一定会致使肥壮吗?若是只吃肉，或许只吃蔬菜和生果就能减肥成功吗?答复这个疑问，无需多高的专业知识水平，只要从前史和地舆视点来想想就了解了。30年前，中国人是用大碗吃饭、大海碗装面条的，可是那时候大家都很瘦。如今饭碗越来越小，大家肚子上的肥肉却越来越多。再看看世界范围中，欧美各国都是很少吃主食的，甚至有很多人早就失去了主食的概念，可是他们却很胖，比每天仔细吃主食的日本、韩国、东南亚国家等都要胖。所以，不需要什么专业知识就可以了解，吃主食和发胖之间，没有什么必然联系;少吃主食，也未必会让人变瘦。</t>
  </si>
  <si>
    <t>非常不健康的减肥方式，甚至这种方法都称不上减肥不说对身体别的影响，不吃主食，头3天由于没有太多热量摄入，会大量消耗身体贮存的热量，比如糖原、蛋白质和脂肪。但由于你主食不吃，这个热量缺口太大，会给身体一个错误的信号：食物缺乏，要减少消耗，保存体力。身体的代谢会下降，尽最大限度保存能量已应付食物短缺。这就是为什么你会反弹。科学的做法是控制饮食，包括食物的种类和份量，选择番薯燕麦等作为主食，吃的要清淡，控制各种油脂的摄入，最简单的做法是拿个盘子一半放蔬菜，四分之一放主食，剩下放肉类。每吨饭吃个7分饱就行，觉得饿了就吃点零食，这里的零食不是各种垃圾，而是干果坚果全麦面包。</t>
  </si>
  <si>
    <t>2017年xp系统还能用吗</t>
  </si>
  <si>
    <t>继续使用 Windows XP 是没问题的，也能够保证安全，但基于优胜劣汰的原则还是升级系统：推荐安装 Win7旗舰版。</t>
  </si>
  <si>
    <t>xp 系统不能用，用 win7以上系统。</t>
  </si>
  <si>
    <t>可以，2017的电脑 win10都可以。</t>
  </si>
  <si>
    <t>牙齿松动是肾虚吗</t>
  </si>
  <si>
    <t>如果牙齿松动而干燥、隐隐作痛，并伴有头晕、耳鸣、脱发、腰酸的症状，如果看看舌头，还发现有舌体瘦薄、舌质红嫩、舌苔少或无苔的现象，一般可断定是肾阴虚。</t>
  </si>
  <si>
    <t>牙齿松动，主要与肾虚有关。</t>
  </si>
  <si>
    <t>可能是随着年龄的增长，肾脏功能减退导致的，中医讲牙齿和肾脏有关。</t>
  </si>
  <si>
    <t>2017美国要打朝鲜了吗</t>
  </si>
  <si>
    <t>会！前提是金正恩碰到美国的底线。</t>
  </si>
  <si>
    <t>可能性为零。</t>
  </si>
  <si>
    <t>塞尔达传说好玩吗</t>
  </si>
  <si>
    <t>个人还是比较偏向3D塞尔达的，感觉几作都很完美，2D的话印象最深的是梦见岛，因为是入坑作。另外缩小帽虽然单独拿出来是很优秀的作品，但是感觉在塞尔达系列里还排不上前列吧，不管法米通评分，IGN评分，还是销量，人气投票，都是系列接近垫底的存在。</t>
  </si>
  <si>
    <t>塞尔达传说是一个任天堂的ARPG游戏，发行于各任天堂主机，如FC、GBA、NDS、N64、Wii、3DS等，操作相对自由，而又不像上古卷轴、GTA等游戏那样复杂的机制。游戏没有等级之分，通关需要的是你的智慧与操作。一般只需利用接连获得的道具与手中的武器进行战斗与冒险。主线一般涉及不同的“区域”、“自然元素”、神殿、迷宫等魔幻类型的要素，而且装备如盾、剑在许多版本中亦是可以更换的，喜欢这些的话你一定会对这个游戏入迷。游戏的支线任务也十分丰富，可从中得到额外收集要素或是便于冒险的物品，比如提高某道具的上限。第一次玩的话建议先从GBA的 神奇的帽子 入手，它是2D操作，相对简单，而且谜题也十分适合新玩家。</t>
  </si>
  <si>
    <t>王者荣耀哪吒厉害吗</t>
  </si>
  <si>
    <t>如果玩家喜欢伤害厉害的，那么还是不要买哪吒了，哪吒比较靠辅助的地位，就是大招伤害都比较一般。喜欢玩辅助，而且对肉比较衷爱的，哪吒很适合。</t>
  </si>
  <si>
    <t>双卡手机可以同时登陆两个微信账号吗</t>
  </si>
  <si>
    <t>手机上面安装了两个不同版本的微信是可以同时登陆两个微信的。</t>
  </si>
  <si>
    <t>smarty现在还有人用吗</t>
  </si>
  <si>
    <t>这个确实用的很多，目前还是主流。</t>
  </si>
  <si>
    <t>江民科技 倒闭了吗</t>
  </si>
  <si>
    <t>没有倒闭。</t>
  </si>
  <si>
    <t>唯宝汇的祥云币真实吗</t>
  </si>
  <si>
    <t>骗人的，不要相信。</t>
  </si>
  <si>
    <t>h1z1删除角色东西还在吗</t>
  </si>
  <si>
    <t>H1Z1删除角色后皮肤、装备、道具和等级都是在的。</t>
  </si>
  <si>
    <t>在啊，等级也不变，删了能改名和换人物。</t>
  </si>
  <si>
    <t>地狱行者 孙悟空是限定吗</t>
  </si>
  <si>
    <t>京东618显卡会降价吗</t>
  </si>
  <si>
    <t>是滴，都是降几百，当然是先涨几百再降。</t>
  </si>
  <si>
    <t>比尔盖茨能买下上海吗</t>
  </si>
  <si>
    <t>只够买黄浦江边两栋楼。</t>
  </si>
  <si>
    <t>催心浪1层和5层差别大吗</t>
  </si>
  <si>
    <t>一层催心浪+5%下限，5层催心浪+10%下限。</t>
  </si>
  <si>
    <t>飘窗能打掉吗</t>
  </si>
  <si>
    <t>飘窗有2种形式，大部分是飘窗是现浇的，飘窗板下就是室外了，那种是不能打的，打掉等于把室内外打通了。但也看到过另外一种形式，就是后砌的飘窗，即在结构完成后，在室内靠窗部位用砖砌成飘窗形式，那种飘窗是可以敲掉的。</t>
  </si>
  <si>
    <t>约德尔国队长 提莫有特效吗</t>
  </si>
  <si>
    <t>有特效。</t>
  </si>
  <si>
    <t>初一扛把子是炒作吗</t>
  </si>
  <si>
    <t>很明显的炒作。</t>
  </si>
  <si>
    <t>公积金账户封存还能提取吗</t>
  </si>
  <si>
    <t>如果公积金账户状态为封存,可以提取公积金。住房公积金账户封存是指职工因各种原因致使住房公积金缴存中断,其住房公积金帐户无法转移且又不符合销户条件时所处的一种状态。封存的住房公积金账户为封存户。</t>
  </si>
  <si>
    <t>先到公积金支取窗口提交需要的材料，工作人员会帮你确认账户是否封存，如果封存了那恭喜你，他会要你签一份承诺书，即两年内不以离职条件再次提取公积金的承诺书，几分钟就差不多给你一份回执单，然后拿到要求的窗口再去办理取款，可以提现或者转账，最好是带好银行卡去转账。</t>
  </si>
  <si>
    <t>在各个受理公积金的银行申请提取，申请获批后，去相关银行取钱就行。</t>
  </si>
  <si>
    <t>小早川怜子结婚了吗</t>
  </si>
  <si>
    <t>现在应该是有了。</t>
  </si>
  <si>
    <t>药过期了还能吃吗</t>
  </si>
  <si>
    <t>剖腹产结扎一起好不好</t>
  </si>
  <si>
    <t>结扎对身体没有危害,可以和剖宫产一起做。</t>
  </si>
  <si>
    <t>ucl算世界顶尖大学吗</t>
  </si>
  <si>
    <t>算，英国伦敦大学学院UCL排名世界第七。</t>
  </si>
  <si>
    <t>爱回收可靠吗</t>
  </si>
  <si>
    <t>可靠，挺实在的。</t>
  </si>
  <si>
    <t>不可信，现在大多数的网站都是没有实质内容的。</t>
  </si>
  <si>
    <t>天龙八部有私服吗</t>
  </si>
  <si>
    <t>私服一抓一大把。</t>
  </si>
  <si>
    <t>长生是圣后的孩子吗</t>
  </si>
  <si>
    <t>书里不是。电视剧里也不是。</t>
  </si>
  <si>
    <t>dvd rw可以刻录dvd吗</t>
  </si>
  <si>
    <t>“DVD/CD-RW”就是表示就是只能读取DVD，不能刻录DVD，但是可以读取和刻录CD或VCD盘片。</t>
  </si>
  <si>
    <t>做试管婴儿对女性的伤害大吗</t>
  </si>
  <si>
    <t>做试管婴儿时是需要对女性进行穿刺取卵，而穿刺有时候是有损伤的。在穿刺取卵的时候可能会出现疼痛、出血、损伤脏器，或者大出血，也有可能会引起感染。</t>
  </si>
  <si>
    <t>试管过程中真正的创伤性的操作是取卵，但取卵是在全麻下进行的，手术过程不过几分钟而已，所以不是什么问题了。反而长久的黄体酮注射对于某些人来说可能是比较痛苦和较难忍受的。</t>
  </si>
  <si>
    <t>试管对身体会有一定的损伤，比如卵巢受刺激，吃激素药会发胖，这些基本都不是太大问题，一般让身体调养休息2-3个月就好了。</t>
  </si>
  <si>
    <t>曹操贷上征信吗</t>
  </si>
  <si>
    <t>北京电动摩托车需要上牌吗</t>
  </si>
  <si>
    <t>电动车上牌需要带3件材料：一是车辆所有人居民身份证或户口簿以及一份复印件；二是购车发票及一份复印件；表明车辆来历证明的北京市统一的正规发票。外地人需要身份证和有效期满一年以上的暂住证。发票上必须明确写明车主姓名、车辆品牌、颜色和型号等要素。三是车辆出厂合格证。三证齐全方能办理.自己带上车去19家非机动车(自行车)登记站查北京第一至十批电动车产品目录查询所购电动车的型号是否可上牌。验车合格后即可领到牌照和非机动车行驶证.办牌证需交10元费用。</t>
  </si>
  <si>
    <t>只要是电动自行车，都是要上牌的，没有牌是不能上路的。</t>
  </si>
  <si>
    <t>男孩变声后还长个吗</t>
  </si>
  <si>
    <t>14岁正是长身体的时候，变声、胡须都是第二性征的体现，还是会长高的。</t>
  </si>
  <si>
    <t>王津元是二婚吗</t>
  </si>
  <si>
    <t>教师资格证面试好过吗</t>
  </si>
  <si>
    <t>教师资格证面试不是太难。</t>
  </si>
  <si>
    <t>拔智齿能瘦脸吗</t>
  </si>
  <si>
    <t>从医学角度讲，拔牙瘦脸是没有科学道理的。</t>
  </si>
  <si>
    <t>虞姬霸王别姬皮肤还会上架吗</t>
  </si>
  <si>
    <t>2017年有可能在国庆时期上架。</t>
  </si>
  <si>
    <t>上海城建职业学院好吗</t>
  </si>
  <si>
    <t>算是很好的专科了。</t>
  </si>
  <si>
    <t>下班路上自己摔伤算工伤吗</t>
  </si>
  <si>
    <t>下班回家路上自己不小心摔伤，既不属于条例规定的受到非本人主要责任的交通事故，也不存在应对此事故负责的肇事者，因为责任都在于本人不谨慎，所以不能认定为工伤。</t>
  </si>
  <si>
    <t>1.很遗憾，你所说的这种情况属于单方事故，无法认定为工伤！2.上下班途中可以认定为工伤的情形只有一种，就是看该事故是否是该职工本人的主要责任，如果交警部门出具的交通事故责任认定书认定该事故不是该职工本人的主要责任（该职工本人负次要责任或同等责任），则可以根据《工伤保险条例》第十四条第六款“在上下班途中，受到非本人主要责任的交通事故或者城市轨道交通、客运轮渡、火车事故伤害的”之规定，认定该职工的受伤为因工受伤。</t>
  </si>
  <si>
    <t>金铺保健品是传销吗</t>
  </si>
  <si>
    <t>可以认定为传销。</t>
  </si>
  <si>
    <t>氧化锌软膏可以擦脸吗</t>
  </si>
  <si>
    <t>氧化锌软膏不可以长期擦脸。</t>
  </si>
  <si>
    <t>壁虎有毒吗</t>
  </si>
  <si>
    <t>自古以来，民间流传壁虎之尿甚毒，入眼则瞎，入耳则聋，滴到人身上就会引起溃烂，吃了壁虎爬过的东西便会中毒死亡。因此，古时将其列入「五毒」（蝎、蛇、蜈蚣、壁虎、蟾蜍）之一；壁虎尿液如接触皮肤，需立即清洗，否则经皮肤吸收后，轻则皮下组织充血、水肿、出血、坏死和肌层中性白细胞浸润；重则损伤脑筋枢神经系统，引起脊髓的严重不良性改变，呼吸麻痹，最后导致呼吸衰竭而死亡，捕捉时不可不慎。</t>
  </si>
  <si>
    <t>壁虎虽是五毒之一，但是本身没有毒性。</t>
  </si>
  <si>
    <t>酷狗可以剪辑音乐吗</t>
  </si>
  <si>
    <t>1、双击桌面的快捷方式，打开酷狗软件，进入酷狗的主界面，界面的左边将罗列着你听过所有的音乐；2、选中一首你想要剪辑的音乐，点击右键，选中“工具”的选项，将鼠标移至“工具”处；3、移至“工具”处，你将看到其下拉目录，选中下拉目录中的“制作铃声”点击进入铃声制作界面；4、进入铃声制作的界面后，酷狗就会自动播放你选中的音乐，你在听到你要的歌曲的起点处，点击“设置起点”，截取的音乐起点就会在你点下“设置起点”的位置；5、重复以上操作，点击“设置终点”，截取得到你想要的音乐片段。截取成功后，你可以点击试听铃声，再完善一下你之前截取的音乐片段；6、试听完，确定你截取的铃声已经好了之后，你可以设置你要保持的铃声格式，声道等等信息，再点击“保持铃声”你就可以得到你想要的音乐片段了。</t>
  </si>
  <si>
    <t>用易拉罐烤肉能吃吗</t>
  </si>
  <si>
    <t>这玩意化学成分复杂最好不吃。</t>
  </si>
  <si>
    <t>不能吃，因为易拉罐上的漆会融化。</t>
  </si>
  <si>
    <t>剑网3双线服人多吗</t>
  </si>
  <si>
    <t>点卡区人比较多，以下是目前人比较多的几个区服。电五双梦（如梦令、梦江南、枫泾古镇）、华乾（华山论剑、乾坤一掷）、姨妈服（金戈铁马、斗转星移、风雨同舟）、网三念破（破阵子、念奴娇、行云流水、穆如清风、鱼跃龙门）。</t>
  </si>
  <si>
    <t>新区可能人少，老区人比较多。</t>
  </si>
  <si>
    <t>乙肝小三阳能传染吗</t>
  </si>
  <si>
    <t>如果HBVDNA阳性，那么就反映病毒的复制是活跃的，有传染性。如果HBVDNA阴性，那么就反映病毒受到抑制，病毒复制是不活跃的，传染性较小或者几乎没有传染性。如果进行的是HBVDNA定量检查，则HBVDNA定量检测值越大，传染性越强。 乙肝小三阳是血液传染疾病，不是消化道传染疾病。</t>
  </si>
  <si>
    <t>乙肝病毒只要存在，就有传染的可能性。</t>
  </si>
  <si>
    <t>具有一定的传染性。</t>
  </si>
  <si>
    <t>拔完牙能抽烟吗</t>
  </si>
  <si>
    <t>乙肝能治疗吗</t>
  </si>
  <si>
    <t>乙肝难以根治，治疗上目前没有特效药。所以乙肝应该从多方面综合治疗：1、要有克敌制胜的坚强意志，“怒则伤肝”，要保持愉快心情；2、病毒活动期患者必须卧床休息，等到病情稳定，转氨酶不升高时才能适当活动；3、乙肝用药如用兵，多则有害，少则无效，针对自己的病情，在专家指导下选择服用抗病毒药、调整免疫药、活血化瘀药、抗纤维化和促进肝细胞再生的药物，切勿有病乱投医滥用药；4、保持生活有规律，合理安排饮食，饮食以清淡为主。</t>
  </si>
  <si>
    <t>商陆吃了会死人吗</t>
  </si>
  <si>
    <t>商陆是有毒的，误食后会呕吐或干呕。</t>
  </si>
  <si>
    <t>具体多少剂量致死未知，毕竟没人会做这个实验。但根据体重计算，小孩子很容易达到致死剂量，要特别小心。</t>
  </si>
  <si>
    <t>智齿不疼需要拔吗</t>
  </si>
  <si>
    <t>一旦出现牙痛等症状，就表明智齿的存在已经对其他牙齿造成了不可逆转的损害，此时再拔掉智齿，多少有点儿亡羊补牢的意思。</t>
  </si>
  <si>
    <t>一般情况下，如果智齿不疼，有咬合，也不影响旁边的健康的牙齿的话，是可以不用拔掉的。</t>
  </si>
  <si>
    <t>delayed launcher可以禁用吗</t>
  </si>
  <si>
    <t>可以，运行稳定就行了。</t>
  </si>
  <si>
    <t>这个选项可以禁止的。</t>
  </si>
  <si>
    <t>被延迟的启动项。可以禁止。</t>
  </si>
  <si>
    <t>孕妇能用花露水吗</t>
  </si>
  <si>
    <t>花露水含有麝香，这会引起流产或是早产，所以孕妇要慎用花露水，当然了，偶尔用一点，也没有多大的关系。</t>
  </si>
  <si>
    <t>一般具有驱蚊作用的花露水其实都含有农药成分，所以孕妇最好还是不要用。</t>
  </si>
  <si>
    <t>花露水包装瓶的说明，一般会写“孕妇慎用或禁用”。所以，怀孕期间的孕妇不适合用花露水。</t>
  </si>
  <si>
    <t>刀锋女王 莫甘娜有特效吗</t>
  </si>
  <si>
    <t>wiggle中国的是正品吗</t>
  </si>
  <si>
    <t>京东白条不能用信用卡还款了吗</t>
  </si>
  <si>
    <t>除中信和光大信用卡外，其它银行均只能使用储蓄卡还白条了。</t>
  </si>
  <si>
    <t>京东白条还款若使用快捷支付，工商银行、建设银行、农业银行、中国银行、民生银行、广发银行、华夏银行、光大银行、邮储银行、江苏银行、杭州银行、平安银行、中信银行、上海银行、浦发银行15家银行的储蓄卡和信用卡均能付款；北京银行和南京银行仅支持信用卡还款；招商银行、交通银行、兴业银行和宁波银行则仅支持储蓄卡。而在网银还款时，也有16家银行的信用卡支持还款。</t>
  </si>
  <si>
    <t>从七月份开始就不行了，白条就是用信用去透支，信用卡也是一样，用信用卡还款就等于不出钱，从白条欠款转银行欠款，所以禁止用信用卡还款了。</t>
  </si>
  <si>
    <t>源氏超级跳被和谐了吗</t>
  </si>
  <si>
    <t>没被和谐。</t>
  </si>
  <si>
    <t>依然灵活运用。</t>
  </si>
  <si>
    <t>有人在你我贷借过钱吗</t>
  </si>
  <si>
    <t>在你我贷借过一次钱，你我贷P2P网络借贷平台成立于2011年6月，是一家纯粹的第三方在线信用投融资服务平台。你我贷的成立背景源自网络借贷的大爆发，在一定程度这种在线形式的民间借贷缓解了国内中小微企业相当突出的融资难问题。</t>
  </si>
  <si>
    <t>嘉靖皇帝是昏君吗</t>
  </si>
  <si>
    <t>不算明君（为一已之私，重用严阁老父子），不算昏君（昏君做不了45年的皇帝）。</t>
  </si>
  <si>
    <t>总而言之，明世宗不是一个好皇帝，却也不是个无能的昏君。</t>
  </si>
  <si>
    <t>lol皮肤修改器会封号吗</t>
  </si>
  <si>
    <t>会被封号。</t>
  </si>
  <si>
    <t>退休后职称还有用吗</t>
  </si>
  <si>
    <t>退休人员的职称也是可以用的，要是打算挂靠的话。</t>
  </si>
  <si>
    <t>onedrive是不是被墙了</t>
  </si>
  <si>
    <t>乐天倒闭了吗</t>
  </si>
  <si>
    <t>濒临倒闭。</t>
  </si>
  <si>
    <t>全面倒闭。</t>
  </si>
  <si>
    <t>个体工商户可以开增值税票吗</t>
  </si>
  <si>
    <t>对个体工商户可以开增值税票。</t>
  </si>
  <si>
    <t>iphone有nfc功能吗</t>
  </si>
  <si>
    <t>公主兔长大后很丑吗</t>
  </si>
  <si>
    <t>长相非常漂亮而且很可爱。</t>
  </si>
  <si>
    <t>京东大药房 靠谱吗</t>
  </si>
  <si>
    <t>京东大药房卖的假药。</t>
  </si>
  <si>
    <t>靠谱就是要99包邮啊。</t>
  </si>
  <si>
    <t>京东专业认证的事靠谱的。</t>
  </si>
  <si>
    <t>护照可以去香港吗</t>
  </si>
  <si>
    <t>dnf扭转书会保留增幅等级</t>
  </si>
  <si>
    <t>引用算重复率吗</t>
  </si>
  <si>
    <t>荷兰皇家航空是廉航吗</t>
  </si>
  <si>
    <t>不是。是一家很好的航空公司，天合联盟成员之一。每次全球航空公司飞行安全度排行榜上都是排在前面的。</t>
  </si>
  <si>
    <t>可以说端午节快乐吗</t>
  </si>
  <si>
    <t>非遗专家杨广宇教授提醒端午节不适合跟朋友说”节日快乐“，因为端午是一个祭祀节日，悲壮的日子。过此节，可以送”安康“，但不建议互道"快乐"。对于这个说法，有些网友已经接受，但也有一些持反对态度。理由一：节日起源在前 纪念人物事迹在后。理由二：有古诗文为证 端午是个欢快的节日。</t>
  </si>
  <si>
    <t>做ui设计师很辛苦吗</t>
  </si>
  <si>
    <t>是很辛苦。</t>
  </si>
  <si>
    <t>逍遥丸治抑郁症吗</t>
  </si>
  <si>
    <t>轻度抑郁症有效。</t>
  </si>
  <si>
    <t>淘宝旗舰店有假货吗</t>
  </si>
  <si>
    <t>套牌车交警能看出来吗</t>
  </si>
  <si>
    <t>2017年还有晚婚假吗</t>
  </si>
  <si>
    <t>按照现有《婚姻法》以及《计划生育条例》规定，法定结婚年龄(女20周岁，男22周岁)结婚可以享受3天婚假，晚婚年龄(女23周岁，男25周岁)结婚，包含法定婚嫁在内可以有10-30假期，具体要根据当地的《人口与计划生育条例》。晚婚条件：男年满二十五周岁、女年满二十三周岁的初婚为晚婚。1、按法定结婚年龄(女20周岁，男22周岁)结婚的，可享受3天婚假。2、符合晚婚年龄(女23周岁，男25周岁)的，不再享受晚婚假。(仅3天法定婚假)。</t>
  </si>
  <si>
    <t>全国人大常委会审议通过《人口与计划生育法修正案》，于2017年1月1日起施行，这意味着全面两孩政策元旦就可以开始实施了。同时草案删除晚婚晚育假，那么2017年就没有晚婚假了。</t>
  </si>
  <si>
    <t>2017年1月1日起，随着《人口与计划生育法修正案》的出台，确实对于之前的晚婚假有所变更。但是全国各地不一致，有的地方是延长或增加婚假天数(加合关系)，也有的直接规定了符合晚婚的婚假天数(包含关系)。</t>
  </si>
  <si>
    <t>上海迪士尼小镇要门票吗</t>
  </si>
  <si>
    <t>宫外孕有没有危害</t>
  </si>
  <si>
    <t>宫外孕可以出现宫外孕大出血，严重的时候可以导致失血性休克，是有生命危险的。</t>
  </si>
  <si>
    <t>宫外孕约怀孕6~8周时都有破裂的可能，往往就一下子功夫，患者会感到剧烈腹痛和大量内出血，出现面色苍白、脉搏细速、血压下降等，产生休克。来势汹汹的突发变化，必须及时处理以免带来危险。属于比较紧急症状。因此，怀孕的女性一定要到正规医院检查做B超，鉴别是正常怀孕还是宫外孕。自测验孕纸呈现阳性者，不要嫌麻烦以为妊娠而不去医院确诊，如查出患有宫外孕要及早进行治疗和防护措施。</t>
  </si>
  <si>
    <t>手足口病疫苗有用吗</t>
  </si>
  <si>
    <t>该疫苗用于预防 EV71感染所致的手足口病，是目前唯一可用于预防手足口病的疫苗。该疫苗具有良好的免疫原性和保护效力。总保护效果和综合保护效果尚需通过进一步研究进行评估。EV71疫苗只能预防 EV71病毒感染所致的手足口病，但不能预防其他肠道病毒（包括柯萨奇 A 组16型等病毒）感染所致的手足口病。</t>
  </si>
  <si>
    <t>产假包含国家法定节假日吗</t>
  </si>
  <si>
    <t>《女职工劳动保护规定》第8条规定"女职工产假为90天，其中产前休假15天。难产的，增加产假15天。多胞胎生育的，每多生育一个婴儿，增加产假15天"。根据以上规定，法定的产假期为90天，其间遇公休日及节假日，包括公休日及节假日。有的地方除外，增加8天，也就是98天。</t>
  </si>
  <si>
    <t>净水器有必要吗</t>
  </si>
  <si>
    <t>1.解决自来水二次污染：自来水经氯气消毒后，可以杀灭病毒、细菌，但无法去除重金属、挥发性物质等。2.替代桶装水的较好选择：桶装水一桶约为8至16元不等，成本较高，而且桶装水保质时间短，与饮水机连接使用后处于开放状态，易被空气中的污染物污染。3.不像瓶装水成本极高：瓶装水成本高，且是净水，缺乏微量元素和矿物质，久饮对人体健康不宜，其效果也未必如净水器。4.达到生饮标准，成本较低：净水器可以有效地分离去除各类污染物，如细菌、余氯、重金属、挥发性物质、铁锈、泥沙等水中杂质及有害物质。出水口感好，水质呈弱碱性、小分子、活性强。</t>
  </si>
  <si>
    <t>绝地求生要不要vpn</t>
  </si>
  <si>
    <t>玩家在亚洲服是不用挂vpn的。</t>
  </si>
  <si>
    <t>熊猫会咬人吗</t>
  </si>
  <si>
    <t>生气了肯定会咬人的。</t>
  </si>
  <si>
    <t>1060能带动2k显示器吗</t>
  </si>
  <si>
    <t>6G版1060玩2K也很吃力，近两年的大型3D单机游戏都有压力。</t>
  </si>
  <si>
    <t>网游2k没压力，大型单机1060性能不够，2k只能中低，但可以买2k显示器，单机游戏分辨率设置成1080玩就是了，2k中高起码1070起步。</t>
  </si>
  <si>
    <t>微粒贷强开额度是真的吗</t>
  </si>
  <si>
    <t>任何以个人或组织名义，需要花钱才能开通微粒贷、提升额度的都是诈骗行为。</t>
  </si>
  <si>
    <t>微粒贷强开技术都是骗局，真正的微粒贷根本没有强开这个说法。</t>
  </si>
  <si>
    <t>任何形势的强开都是不正确的，微粒贷强开额度是假的。</t>
  </si>
  <si>
    <t>剑宗魔剑降临点满吗</t>
  </si>
  <si>
    <t>降临二觉以前可以加满，聊胜于无，伤害也不咋的，降临几率改了触发不咋的。</t>
  </si>
  <si>
    <t>可以，平时主要是a兵，就点满了。</t>
  </si>
  <si>
    <t>有一定几率出1400%，几率技能上有写。</t>
  </si>
  <si>
    <t>孕妇可以吃榴莲吗</t>
  </si>
  <si>
    <t>经络治疗仪是骗局吗</t>
  </si>
  <si>
    <t>2018年司法考试报名条件真的会改吗</t>
  </si>
  <si>
    <t>做肛裂手术痛不痛</t>
  </si>
  <si>
    <t>1.传统的痔疮手术比较疼痛，很多病人当天晚上都睡不着的，而且术后要每天去排便，如果大便干燥也会加重疼痛，还有就是结扎出血点的线过几天要拆掉，拆线时也会比较痛。疼痛只是一个感觉，因人而异，每个人疼痛的耐受度都不一样，但一般来说都在承受范围内。2.手术效果的话，如果去正规的医院，一般都还好，当然也跟医生的个人水平有关系，建议找主任医师做，经验丰富。3.说的无痛手术，不知道指的具体是什么。内痔的话，如果用PPH，疼痛很轻微，算是无痛，但注意，只适用于内痔，外痔和混合痔不适用；如果是个别医院为了吸引病人做的宣传，那就有待商榷了，个人建议不要轻信。</t>
  </si>
  <si>
    <t>大约需要3-5天手术的时候，不疼但是术后多少都会不舒服的，这个要看个人体质。</t>
  </si>
  <si>
    <t>在医院里肛裂手术一般属于小手术，在常规麻醉消毒后实施手术。一般术后会有不适和轻度短时间的疼痛，一般口服止疼药物和消炎药会减轻，在就是术后注意饮食、多饮水，保持大便通畅。能忍应很大，并不痛苦。建议去正规医院进行手术，这样医生的操作熟练，手术效果更好，手术时间和创伤也会更少。</t>
  </si>
  <si>
    <t>100%桑蚕丝衣服贵吗</t>
  </si>
  <si>
    <t>防蚊贴有用吗</t>
  </si>
  <si>
    <t>穆斯林有那么可怕吗</t>
  </si>
  <si>
    <t>不可怕。</t>
  </si>
  <si>
    <t>迷你主机好不好</t>
  </si>
  <si>
    <t>性能现在也是相当不错的；省空间，外观好，但不易维护，性能一般也不强；外观吸引人，配置让人后悔。</t>
  </si>
  <si>
    <t>新车镀晶有必要吗</t>
  </si>
  <si>
    <t>80%的车不需要镀晶。如果爱车车漆是素色漆和一般的金属漆，那镀晶没什么必要，可能镀的晶比车漆都值钱。如果爱车是豪华品牌，又喷涂的“珍珠钻石漆”或是什么骚气的限量车漆，那很有必要镀晶来保护。</t>
  </si>
  <si>
    <t>新车最好是做下镀晶比较好，能提升车漆硬度</t>
  </si>
  <si>
    <t>完全没有必要，任何二次保护都是在伤车漆，如果镀晶那么好车厂早就在高档车上使用了。</t>
  </si>
  <si>
    <t>蚊香有毒吗</t>
  </si>
  <si>
    <t>含有微量的毒素，但只要是正规的产品合理使用对人体并不会造成危害。目前市售不同品牌的蚊香大多是含有氯氟醚菊酯和四氟甲醚菊酯。以氯氟醚菊酯为例，规定含量是0.08%或0.05%。其药效、毒性都是经过国家认证的医学院校和两个以上省级疾控中心实验验证后筛选出来的，报到农业部，通过多部委组成的专家评委会评审后，获得农业部和工信部颁发的“农药登记证号”和“农药生产批准文件号”，产品才能到市场上销售。</t>
  </si>
  <si>
    <t>蚊香的确有毒，你想你点燃了蚊香之后，哪怕是躲在房间角落里的蚊子都四肢麻痹，死掉了。而你也在这个房间里，只不过你比蚊子大多了，抵抗力也强多了，才不至于跟那蚊子同样命运。</t>
  </si>
  <si>
    <t>灭蚊产品的主要成分菊酯，是一种能够有效杀死蚊蝇的农药，种类较多，有氯菊酯、胺菊酯、氯氰菊酯等，这些成分都属于世界卫生组织推荐可用于防治卫生害虫及其媒介的农药。我国批准卫生杀虫剂的要求比较高，不仅以世界卫生组织提供的农药名单为重要依据，而且还参考其他国家如美国、日本等，审批非常慎重。菊酯类灭蚊产品对人是安全的。 潘恺友主任医师介绍说，一些人在使用时出现头晕、咽喉疼痛等不适感觉并非是菊酯引起的，而是溶剂造成的。现在运用较广泛的溶剂是煤油和酒精，这两者对人体呼吸道都有刺激作用。 一些不法商人为提高灭蚊效果在煤油溶剂中添加有机磷，如DDV，灭蚊效果提高了，但有机磷对人体是有害的。因此大家在购买时，要先看三号：农药登记号、企业标准号、地方卫生审批号，如果没有这三号，还是不要买。在使用时，应严格遵守注意事项，及时开窗、洗手、远离食物等。</t>
  </si>
  <si>
    <t>windows升级日志文件可以删除吗</t>
  </si>
  <si>
    <t>可以，一般用不到。</t>
  </si>
  <si>
    <t>有的可以，有的不可以。</t>
  </si>
  <si>
    <t>完全可以删除，放心删吧。</t>
  </si>
  <si>
    <t>脸过敏可以涂芦荟胶吗</t>
  </si>
  <si>
    <t>不建议涂。</t>
  </si>
  <si>
    <t>尚研国际是传销吗</t>
  </si>
  <si>
    <t>孕妇能吃凤梨吗</t>
  </si>
  <si>
    <t>孕妇吃菠萝要谨慎，如果孕妇本身就是对菠萝过敏，建议您就不要食用菠萝。而且有的女性原本不过敏，怀孕后再食用了菠萝之后引起体内激素的混乱引起过敏，还是建议您最好忍忍不要食用菠萝</t>
  </si>
  <si>
    <t>孕妇吃菠萝要谨慎，如果孕妇本身就是对菠萝过敏，建议您就不要食用菠萝。而且有的女性原本不过敏，怀孕后再食用了菠萝之后引起体内激素的混乱引起过敏，还是建议您最好忍忍不要食用菠萝。</t>
  </si>
  <si>
    <t>孕妇适量吃不会上火。凤梨性平，味甘、微酸、微涩、性微寒，具有清暑解渴、消食止泻、补脾胃、固元气、益气血、消食、祛湿、养颜瘦身等功效，为夏令医食兼优的时令佳果，一般正常食用不会上火，孕妇也能吃，适量食用也不会上火，不过一次也不宜吃太多。</t>
  </si>
  <si>
    <t>陆晨曦的妈妈醒了吗</t>
  </si>
  <si>
    <t>最后醒了。</t>
  </si>
  <si>
    <t>私人飞机要买航线吗</t>
  </si>
  <si>
    <t>不需要，但是航线要申请。</t>
  </si>
  <si>
    <t>薛之谦近视吗</t>
  </si>
  <si>
    <t>近视。</t>
  </si>
  <si>
    <t>椭圆机会使腿粗吗</t>
  </si>
  <si>
    <t>有人跑步腿粗了，也真的有人跑死腿都不粗，因人而异。</t>
  </si>
  <si>
    <t>来分期的手机是正品吗</t>
  </si>
  <si>
    <t>看了百度，好多人都说来分期里的东西百分之80都是翻新机，假货多。</t>
  </si>
  <si>
    <t>手机拿到后用鲁大师可以检测真假，而且一般这种平台假货不多。</t>
  </si>
  <si>
    <t>梁锦松能满足伏明霞吗</t>
  </si>
  <si>
    <t>伏明霞喜欢梁锦松成熟，会管家，梁锦松能够满足伏明霞。</t>
  </si>
  <si>
    <t>尿素维e乳膏能擦脸吗</t>
  </si>
  <si>
    <t>最好不要应用。</t>
  </si>
  <si>
    <t>粽子可以带上飞机吗</t>
  </si>
  <si>
    <t>目的地在国内的话是可以的，出国的话会有限制。</t>
  </si>
  <si>
    <t>吃的粽子可以带上飞机。</t>
  </si>
  <si>
    <t>悠之空有动漫吗</t>
  </si>
  <si>
    <t>悠之空没有动漫但是有游戏，也可以了解整个剧情。</t>
  </si>
  <si>
    <t>没有，只有缘之空。悠之空算是缘之空游戏的姊妹游戏，是动画的另一条线，目前还没有动画化，感兴趣可以去玩游戏。</t>
  </si>
  <si>
    <t>帝国剑术吃基础精通吗</t>
  </si>
  <si>
    <t>吃基础精通的。</t>
  </si>
  <si>
    <t>过期啤酒能喝吗</t>
  </si>
  <si>
    <t>啤酒过期一年不可以。</t>
  </si>
  <si>
    <t>如果过得时间不太长，还能喝。</t>
  </si>
  <si>
    <t>贾静雯三胎生了吗</t>
  </si>
  <si>
    <t>迪士尼可以带吃的吗</t>
  </si>
  <si>
    <t>香港迪士尼乐园吃的食品是绝对不能带入园的，会逐个开包检查的，不过水和饮料可以带的。</t>
  </si>
  <si>
    <t>上海迪士尼没有开封的食品、饮料都可以带进去。</t>
  </si>
  <si>
    <t>雅堂小超补贴是真的吗</t>
  </si>
  <si>
    <t>现在加盟的话，1年最高至50万元的薪金补助。都是真的。</t>
  </si>
  <si>
    <t>不是说的补偿吧。准确的说是给补助。现在加盟的话，1年最高至50万元的薪金补助。</t>
  </si>
  <si>
    <t>补助差不多能给一万到两万元，也有一部分能给三万。</t>
  </si>
  <si>
    <t>空腹可以吃苹果吗</t>
  </si>
  <si>
    <t>欧姆龙按摩仪好用吗</t>
  </si>
  <si>
    <t>第一，肯定无法治疗，只能缓解不适。第二，一个小家电天天用，用了十年（当然贴片换了无数个），品质可想而知。</t>
  </si>
  <si>
    <t>辅助性缓解疲劳的东西，真的靠它治愈疾病作用有限。</t>
  </si>
  <si>
    <t>不能多按，适当，是很不错的。</t>
  </si>
  <si>
    <t>巧克力过期了还能吃吗</t>
  </si>
  <si>
    <t>过期巧克力不可以吃。</t>
  </si>
  <si>
    <t>教宗是黑袍吗</t>
  </si>
  <si>
    <t>教宗的行为确实很奇怪。不过说他是黑袍可能性不大。</t>
  </si>
  <si>
    <t>教宗是黑袍还是有一定可能性的。</t>
  </si>
  <si>
    <t>巫师3好玩吗</t>
  </si>
  <si>
    <t>巫师3太好玩了。</t>
  </si>
  <si>
    <t>汽油涨价了吗</t>
  </si>
  <si>
    <t>将于5月25日24 时开启，根据多家机构预计，国内油价或上调 。</t>
  </si>
  <si>
    <t>车顶上放瓶水靠谱吗</t>
  </si>
  <si>
    <t>已经被证实是谣言。</t>
  </si>
  <si>
    <t>优分期是不是要倒闭了</t>
  </si>
  <si>
    <t>目前未发布倒闭消息，据消息，目前该公司已经转型。</t>
  </si>
  <si>
    <t>蚂蚁花呗关闭后还能开通吗</t>
  </si>
  <si>
    <t>一个身份证或者一个手机号码绑定的多个支付宝账户，只允许一个支付宝账户签约蚂蚁花呗， 如A账户关闭后，无法再在B账户中开通，重新开通只能在A账户。关闭后也可能存在无法再次开通的情况 。</t>
  </si>
  <si>
    <t>可以重新开通的，不过需要过一段时间，花呗一定不要逾期，影响征信记录的。</t>
  </si>
  <si>
    <t>男生屁股大可以减下来吗</t>
  </si>
  <si>
    <t>1；饮食控制，尽量少吃含有脂肪太多的食品，多吃水果蔬菜。2；参加有氧运动，可以选择早上或者傍晚进行慢跑锻炼，或者去爬山有条件的话。3；养成合理的作息习惯，不贪睡.尽量早起，特别是晚上不要熬夜。</t>
  </si>
  <si>
    <t>屁股外形受遗传因素主导，一般是不容易减的。</t>
  </si>
  <si>
    <t>属于苹果型肥胖，比较难减。</t>
  </si>
  <si>
    <t>去年的防晒霜今年还能用吗</t>
  </si>
  <si>
    <t>从专业角度来看，一支防晒霜的使用时间最好是是不超过三四个月。今年没用完的防晒霜，到了明年其实防晒效果就会大打折扣，开封后的防晒霜，最好当年就用完。如果觉得隔年防晒霜扔掉太可惜，可涂在手脚等处，仍然会有一定的防晒作用。</t>
  </si>
  <si>
    <t>防晒霜虽然通常保质期在三年，但是说的是在不打开包装的情况下，在开封接触到空气之后，尽量在一年内用完，不然物质会发生变化。</t>
  </si>
  <si>
    <t>2017年5月28日结婚好吗</t>
  </si>
  <si>
    <t>老演员向群还健在吗</t>
  </si>
  <si>
    <t>还健在的。</t>
  </si>
  <si>
    <t>2013年去世，享年81岁。</t>
  </si>
  <si>
    <t>网龙公司会倒闭吗</t>
  </si>
  <si>
    <t>福州网龙裁员过半，游戏即将倒闭。</t>
  </si>
  <si>
    <t>益生菌可以长期吃吗</t>
  </si>
  <si>
    <t>益生菌有调理、改善宝宝肠道环境的作用，但不建议经常使用，易产生依赖性。若宝宝排便有所好转，建议就医，遵医嘱决定是否需要继续使用。</t>
  </si>
  <si>
    <t>益生菌可以长期吃,但是千万记住不要多吃。</t>
  </si>
  <si>
    <t>腾讯有没有投诉电话</t>
  </si>
  <si>
    <t>有。0755-61619966按4再0转人工。</t>
  </si>
  <si>
    <t>有。QQ号码安全：0755-83765566，电脑游戏：0755-80013666，社交软件服务：0755-83763333。财付通：0755-86013860，微信客服专线：0755-83767777。</t>
  </si>
  <si>
    <t>经常吵架的两个人适合在一起吗</t>
  </si>
  <si>
    <t>如果还是不能退让，那就分手。</t>
  </si>
  <si>
    <t>狗的精子女人能吃吗?</t>
  </si>
  <si>
    <t>狗狗的生殖器应该比较脏吧，容易导致你的妇科炎症，其他应该没什么问题。</t>
  </si>
  <si>
    <t>狗狗的精液非常稀，几乎很少，大约有不到一毫升的量，根本难以获取，除非你能含住狗狗的阴茎等待射精，狗狗的精液也是一种体液差不多，如果不嫌乎可以吃的。不必怀疑的。</t>
  </si>
  <si>
    <t>iphone se 32g够用吗</t>
  </si>
  <si>
    <t>建议购买大容量的设备，32gb 一般勉强够用。</t>
  </si>
  <si>
    <t>梅西百货的mk是假的吗</t>
  </si>
  <si>
    <t>美国正轨百货不会有假货。</t>
  </si>
  <si>
    <t>蝇香对身体有害吗</t>
  </si>
  <si>
    <t>红米4x16g够用吗</t>
  </si>
  <si>
    <t>玩游戏，刷微博，聊微信，挂qq，可能不太够！配置相对有点低，适合中老年人刷刷微信看看新闻还是够的。</t>
  </si>
  <si>
    <t>所谓的够用不够用，和手机无关，和你的业务有关，如果你是手机玩家，就可能不够用，如果你只是单纯打电话发短信，就够了。</t>
  </si>
  <si>
    <t>红米4x有16G和32G两种内存版本，一般来说不需要使用内存卡也够用。</t>
  </si>
  <si>
    <t>异地取款要手续费吗</t>
  </si>
  <si>
    <t>从2016年12月1日起，只要是本行的柜员机，不管是同城还是异地，不管是省内还是省外，取款都不用付手续费了。只要不跨行，就不收手续费，所有的银行都不收。</t>
  </si>
  <si>
    <t>银行卡可以到异地同行柜台取款，要扣钱异地取款手续费。</t>
  </si>
  <si>
    <t>车损险有必要买吗</t>
  </si>
  <si>
    <t>看什么车了，破烂的小面的就免了，价值高点的你可以选择保与不保，不保也就不会给赔付，不出事情不保是省钱的。</t>
  </si>
  <si>
    <t>玄凤鹦鹉可以单养吗</t>
  </si>
  <si>
    <t>可以单养的。</t>
  </si>
  <si>
    <t>环球捕手上有假货吗.</t>
  </si>
  <si>
    <t>保证正品，环球捕手品牌直接合作都有正品授权书。</t>
  </si>
  <si>
    <t>他们有跟PICC合作，每一件产品都有正品保证赔付。</t>
  </si>
  <si>
    <t>逾期90天就是黑户了吗</t>
  </si>
  <si>
    <t>信用卡透支金额一定要按时归还，每天利滚利计算，到后面利息就是一笔很大的费用。此外，如果透支三个月不还款，银行会把您的卡片冻结，甚至列入黑名单。另外，逾期不归，影响了客户的个人信用，对客户以后申请信用额度，甚至是对客户房贷都造成很大的影响。一般来说，各家银行对逾期还款都会收取一定的利息，各家银行都不一样，一般是万分之五的利息。不过，利息起算日是要从产生消费的日期计算，而不是最后还款日以后的日期计算。如果还不上所有额度，可以先还最小还款额，不会影响信用额度，同时也会有一个缓冲期，便于银行及时了解账户的资金流动情况，不会将账户冻结。贷记卡（信用卡）持卡人选择最低还款额方式或超过发卡银行批准的信用额度用卡时，不再享受免息还款期待遇，应当支付未偿还部分自银行记账日起，按规定利率计算的透支利息。</t>
  </si>
  <si>
    <t>算，标准的黑户，黑得不能再黑了，信用卡恶意透支：是指持卡人以非法占有为目的，超过规定限额或者规定期限透支，并且经发卡银行两次催收后超过3个月仍不归还的。信用卡恶意透支的后果：1、产生不良信用记录；2、产生利息：日利息按0.05%计算，从消费记账日起息；3、产生滞纳金：按最低还款额未还部分的5％收取滞纳金，按月计收；4、银行会起诉；5、自还清欠款日起5年内无法在银行办理信贷类业务。</t>
  </si>
  <si>
    <t>自己查征信有影响吗</t>
  </si>
  <si>
    <t>1.正常来说，只要没有不良信用记录，本人查征信的次数对个人信用基本没影响。2.注意的是，本人每年只可以免费查两次，从第三次开始要收费25元。3.如果你的信用查询次数过多，银行等机构会认为你从事其他融资业务，对你的贷款审批会有负面影响。</t>
  </si>
  <si>
    <t>如果个人征询报告查询次数过多的话对贷款是有影响的。</t>
  </si>
  <si>
    <t>dnf宝珠可以覆盖吗</t>
  </si>
  <si>
    <t>可以覆盖。</t>
  </si>
  <si>
    <t>莱赛尔纤维的衣服贵吗</t>
  </si>
  <si>
    <t>不贵。</t>
  </si>
  <si>
    <t>百合外国语学校好进吗</t>
  </si>
  <si>
    <t>不容易考上。</t>
  </si>
  <si>
    <t>猫咪死了灵魂会回家吗</t>
  </si>
  <si>
    <t>广东溢达科技是培训吗</t>
  </si>
  <si>
    <t>骑自行车能减肚子吗</t>
  </si>
  <si>
    <t>这种运动对减掉肚子上的肥肉却效果不太明显，甚至基本上见不到效果。</t>
  </si>
  <si>
    <t>可以，但时间要超过40分钟，而且上半身要放松，肩膀，手臂不要太紧张，身体不要太低，否则影响呼吸。</t>
  </si>
  <si>
    <t>全民k歌k币可以换钱吗</t>
  </si>
  <si>
    <t>车载语音妲己是真的吗</t>
  </si>
  <si>
    <t>该导航系统是不存在的。</t>
  </si>
  <si>
    <t>2017涿州户口冻结了吗</t>
  </si>
  <si>
    <t>假的，官方辟谣了。</t>
  </si>
  <si>
    <t>本科毕业论文会被收录吗</t>
  </si>
  <si>
    <t>会收录本科优秀毕业论文。</t>
  </si>
  <si>
    <t>佛教和基督教有冲突吗</t>
  </si>
  <si>
    <t>商贷可以用公积金还款吗</t>
  </si>
  <si>
    <t>食品经营许可证好办吗</t>
  </si>
  <si>
    <t>手续齐全没什么问题。</t>
  </si>
  <si>
    <t>黄磊是张伟欣的亲生吗</t>
  </si>
  <si>
    <t>苹果gsx可以造假吗</t>
  </si>
  <si>
    <t>360提示的高危漏洞要不要修复</t>
  </si>
  <si>
    <t>是没有必要去修复的。</t>
  </si>
  <si>
    <t>应该要修复的。</t>
  </si>
  <si>
    <t>葡萄浏览器是真的吗</t>
  </si>
  <si>
    <t>存在极大的潜在风险。</t>
  </si>
  <si>
    <t>顺丰上门取件收费吗</t>
  </si>
  <si>
    <t>顺丰有免费预约上门取件，所以上门取件是不用钱的。</t>
  </si>
  <si>
    <t>可以通过手机号查快递吗</t>
  </si>
  <si>
    <t>可以查的，直接输入手机号码即可。</t>
  </si>
  <si>
    <t>华为p9玩王者荣耀卡吗</t>
  </si>
  <si>
    <t>手机管家里开性能模式啊！玩游戏都必须开的，要不然会卡的。</t>
  </si>
  <si>
    <t>人人贷和恒昌可靠吗</t>
  </si>
  <si>
    <t>人人贷安全性比较高。</t>
  </si>
  <si>
    <t>社保个人能交吗</t>
  </si>
  <si>
    <t>当然可以的。社保办理和续交有两种方式：（—）个人名义交纳需要到户口所在地社保局申请转移关系即可，其参保手续包括：本人身份证，近期免冠一寸照片备两张，保费，申请书等即可。且只能办理养老，医疗保险两种。交纳多少是根据当地去年社平工资进行计算的，且每年都不是一样的。</t>
  </si>
  <si>
    <t>个人缴纳社保介绍一：1、个人缴纳社保可以以自由职业者的身份上社保（养老+医疗）。2、参保条件：城镇户口或农转非户口。3、办理地点：当地社区街道的社保服务点，或区县一级的社保局（劳动保障局）。4、个人缴纳社保问题中所需基本资料：户口本、身份证和复印件，2张1寸照片。5、缴费标准：以上一年本地社平工资为基础，养老缴费比例是20%，医疗约9%，目前尚有80%和100%两档可以选择。</t>
  </si>
  <si>
    <t>美国买iphone7中国能用吗</t>
  </si>
  <si>
    <t>可以用，美国也是支持4G的，支持联通4G是肯定的。</t>
  </si>
  <si>
    <t>一般是可以使用的，只要是无锁版本或者说双网通、全网通，就可以使用的。</t>
  </si>
  <si>
    <t>找靓机靠谱吗</t>
  </si>
  <si>
    <t>买二手手机，上找靓机app，专做九成新以上二手苹果手机，靠谱划算。</t>
  </si>
  <si>
    <t>千万别买，说是有质保，机子有问题推卸责任，修还要钱，而且比外面贵。坑死了。</t>
  </si>
  <si>
    <t>2018年是寡妇年吗</t>
  </si>
  <si>
    <t>票牛网的票靠谱吗</t>
  </si>
  <si>
    <t>票牛是经过国家工商认证的票务平台，热门演出票买得到，闲置票还可以转让，还经常可以买到折扣票，确保真票，确保买卖双方利益，是个可靠的票务平台。</t>
  </si>
  <si>
    <t>假倒不会假，因为这个网站有备案号，而且营业执照也贴出来了，说明是经过国家工商认证过的，票肯定是不会有问题的。至于价格贵，则涉及到供求关系以及平台性质的问题了。</t>
  </si>
  <si>
    <t>龟梨和也是日本一线吗</t>
  </si>
  <si>
    <t>龟梨和是日本一线的艺人，不仅仅演技颜值在线，还非常的亲和。</t>
  </si>
  <si>
    <t>普通发票可以抵扣吗</t>
  </si>
  <si>
    <t>可以。如：1.农产品收购发票和销售发票。2.技术维护费发票。3.从农民专业合作社购进农产品。4.收费公路通行证。</t>
  </si>
  <si>
    <t>圣墟好看吗</t>
  </si>
  <si>
    <t>很烂，已成套路文。</t>
  </si>
  <si>
    <t>挺好看的。</t>
  </si>
  <si>
    <t>轻度宫颈糜烂会自愈吗</t>
  </si>
  <si>
    <t>不会自愈的，宫颈糜烂不容忽视，若治疗不及时和治疗方法不得当会导致感染加重严重影响身体健康及生育的。</t>
  </si>
  <si>
    <t>东北财经大学是211吗</t>
  </si>
  <si>
    <t>微粒贷可以提前还款吗</t>
  </si>
  <si>
    <t>如果需要提前还款也是可以的，但是起码得在借款成功后的次日，也就是实际借款时间可短至1天，这时候也只需支付1天利息，不算违约，无罚息，无其他费用。</t>
  </si>
  <si>
    <t>二型糖尿病能治好吗</t>
  </si>
  <si>
    <t>摩拜单车一个手机可以开二辆车吗</t>
  </si>
  <si>
    <t>摩拜单车暂时不支持同时租两辆车的功能，常理是一个账号只能预约一辆车。</t>
  </si>
  <si>
    <t>一个帐号只能开一辆，可以换个帐号登录后再去开一辆。</t>
  </si>
  <si>
    <t>现在暂时一个手机的app只能开一辆车。</t>
  </si>
  <si>
    <t>dnf不充钱能玩吗</t>
  </si>
  <si>
    <t>dnf是一款2d游戏，在网络游戏中排名靠前。不充钱的话能玩，只不过付出的时间相对会多一点。</t>
  </si>
  <si>
    <t>17款蒙迪欧还臭吗</t>
  </si>
  <si>
    <t>13款的后期生产的车都已经不臭了，虽然厂商没公开说明更换材料，但是厂商并不是傻的，论坛里面估计天天都有厂商的探子收集问题反馈的，现在17的估计已经偷偷的更换材料根治了这个问题。厂商肯定不敢开口再去谈这个问题，他们的方法就是偷偷换材料，然后让时间来解决问题。</t>
  </si>
  <si>
    <t>早上会有味道。</t>
  </si>
  <si>
    <t>已定17款1.5T时尚款，网上很多车主说会臭，称移动小马桶，新款不会臭了。</t>
  </si>
  <si>
    <t>2017速卖通还可以做吗</t>
  </si>
  <si>
    <t>是可以做的，只是说会越来越难做。</t>
  </si>
  <si>
    <t>2017年，速卖通的继续加大了卖家的筛选力度。</t>
  </si>
  <si>
    <t>2017预判速卖通会比2016年更好。</t>
  </si>
  <si>
    <t>清华学霸学法是骗局吗</t>
  </si>
  <si>
    <t>指北针教育商城里面有销售，是真的。</t>
  </si>
  <si>
    <t>12315投诉能立即处理吗</t>
  </si>
  <si>
    <t>依据《工商行政管理部门处理消费者投诉办法》第十五条规定， 有管辖权的工商行政管理部门应当自收到消费者投诉之日起七个工作日内，予以处理并告知投诉人：(一)符合规定的投诉予以受理，并告知投诉人;(二)不符合规定的投诉不予受理，并告知投诉人不予受理的理由。</t>
  </si>
  <si>
    <t>scie算sci吗</t>
  </si>
  <si>
    <t>洋葱海外仓有假货吗</t>
  </si>
  <si>
    <t>洋葱海外仓的正品洋货很可靠。</t>
  </si>
  <si>
    <t>csgo花钱吗</t>
  </si>
  <si>
    <t>1、对于在国际服已经购买过游戏的玩家，国服是不需要二次购买的，只需要用steam帐号绑定完美帐号即可在公测后获得游戏资格。2、对于新玩家来说，在测试阶段，只要你获得了激活码，即可免费游玩csgo。在公测之后尚未购买的玩家则需要购买游戏才能进入国服。</t>
  </si>
  <si>
    <t>要，steam48元，淘宝在32左右。</t>
  </si>
  <si>
    <t>同济大学浙江学院好吗</t>
  </si>
  <si>
    <t>学风算在国内本三里面很不错的了，老师和学校都抓蛮紧的，学习氛围还是挺浓的，考试前期更是图书馆和几十个大空调教室爆满环境是二期刚完工，三期即将动工，等你们进来一年估计非常漂亮了。830亩的校区在本三里面也算数一数二的老师都是同济本部的教授，师资在国内本三里面甚至是全国大学里面都是顶尖的。</t>
  </si>
  <si>
    <t>9.3.5可以越狱吗</t>
  </si>
  <si>
    <t>汪涵生病是真的吗</t>
  </si>
  <si>
    <t>身体过度劳累，压力大导致的，是真的。</t>
  </si>
  <si>
    <t>源动力餐饮集团可信吗</t>
  </si>
  <si>
    <t>转转买手机靠谱吗</t>
  </si>
  <si>
    <t>身份证倒数第二位可以判断男女吗</t>
  </si>
  <si>
    <t>方向盘套有必要吗</t>
  </si>
  <si>
    <t>不管是亚麻类、长毛类的方向盘套都不具有防滑的效果，在急打方向过程中手很容易从方向盘上滑开，这是极度危险的。这也是为何不建议使用方向盘套的主要原因。</t>
  </si>
  <si>
    <t>安装了方向盘套，会增加对汽车的操控难度，并同时带来一些安全隐患，能不装就不要装。</t>
  </si>
  <si>
    <t>很有必要，方向盘用久了，手上出的汗会侵蚀，买个手缝的方向盘套缝上还美观，一举两得，最重要是手感也舒服。</t>
  </si>
  <si>
    <t>草龟腐皮能自愈吗</t>
  </si>
  <si>
    <t>腐皮最好的方法还是让它自愈，可以把它放到太阳底下晒晒，晒太阳是很好的治疗腐皮的方法。</t>
  </si>
  <si>
    <t>银行卡可以代办吗</t>
  </si>
  <si>
    <t>银行开户，别人可以代办，但不可激活银卡及设置密码。</t>
  </si>
  <si>
    <t>倩女幽魂偃师好玩吗</t>
  </si>
  <si>
    <t>偃师在这个游戏上不温不火，竞争力不足。</t>
  </si>
  <si>
    <t>偃师是天工阁中精研机关术的职业，该职业有着巨大的傀儡机甲，造型炫酷，颜值也很高，玩家需要操作用指尖的傀儡线操作机甲战斗。精通机关术的他们，也能召唤傀儡兽帮助作战，是首个中远距离物理召唤系职业。从这点信息可以看出，偃师是个远程杀手。还很强势，推荐一玩。</t>
  </si>
  <si>
    <t>第一个优势：做任务。任务的时候，偃师真的很好用，一条龙，百鬼，只要鬼缠铃+天罗刀气，再加上三只傀儡，看着满屏的致命，真的是一种享受。第二个优势，就是偃师真的很漂亮。第三个优势，关宁。劣势：防御是个问题，攻击力不高。</t>
  </si>
  <si>
    <t>小笨鸟靠谱吗</t>
  </si>
  <si>
    <t>小笨鸟成立于2014年，截止目前平台销售额达到了60亿美元，不算大也不算少，主要服务中小企业出口业务，相对来说还算可以的。</t>
  </si>
  <si>
    <t>天谕烧钱吗</t>
  </si>
  <si>
    <t>烧。</t>
  </si>
  <si>
    <t>看你有没有高战力追求了。</t>
  </si>
  <si>
    <t>中国科学院大学厉害吗</t>
  </si>
  <si>
    <t>win10 好用吗</t>
  </si>
  <si>
    <t>虽然Windows 10带来了语音助手、通知中心、Edge浏览器以及安全上的诸多改进，但用户使用Windows 10过程中经常会遇到诸如休眠、蓝屏等小问题，影响了操作系统体验。</t>
  </si>
  <si>
    <t>Win10要比Win7好，不过Win10初期可能会出现很多兼容性问题，对于喜欢玩游戏的朋友，如果不想折腾的话，建议先使用Win7，等待Win10成熟后，再升级。</t>
  </si>
  <si>
    <t>灵活组排有框吗</t>
  </si>
  <si>
    <t>组排没有框。</t>
  </si>
  <si>
    <t>有框发的，依然是白银有框黄金有奖，但是单双排和灵活排都打上了黄金还有新的奖励。</t>
  </si>
  <si>
    <t>2017dnf51套值得买吗</t>
  </si>
  <si>
    <t>玩家要看属性在决定买不买，很是理智。建议大家要理性消费。</t>
  </si>
  <si>
    <t>等夏日吧，我等夏日，纹章没有夏日好，以后杀意不用这个垃圾51一样可以叠20级，奶爸考虑，瞎子没用，除非凑不齐杀意buff。要纹章买，不需要不买，不懂光环的那个技能等级提升概率是啥意思。</t>
  </si>
  <si>
    <t>京东白条可以借现金吗</t>
  </si>
  <si>
    <t>京东白条不能取现。</t>
  </si>
  <si>
    <t>宝宝树美囤都是正品吗</t>
  </si>
  <si>
    <t>宝宝树的美囤卖假货。</t>
  </si>
  <si>
    <t>宝宝树上面的美囤妈妈里面的物品都是正品来的，那些都是授权给美囤才能出售的，所以宝妈不用担心质量问题，放心去买吧。</t>
  </si>
  <si>
    <t>现在还可以免费升级win10吗</t>
  </si>
  <si>
    <t>免费升级WIN10的期限是到2016年7月29日为止，因此还有近一年的时间可以进行WIN10的免费升级预约，不过WIN10真正成熟稳定并具备取代WIN8.1也需要半年多的时间，因此不建议这么早就升级WIN10，等到明年五月来升级WIN10则可以获得更佳的升级体验及使用体验，现在捉急升级会有相当的机率遇到升级失败，没有系统可以用的局面，即使升级成功也会有各种不如意的小问题。</t>
  </si>
  <si>
    <t>可以，不过现在360由于人数多所以要预约，腾讯会自动给用户推送的。升级前请用升级助手检查电脑配置是否符合win10需求。如果实在等不了了可以去MSDN找镜像下载安装。</t>
  </si>
  <si>
    <t>准备工作：①使用大番薯u盘启动盘制作工具将u盘制作成启动盘。② 下载ghost win10系统安装包并放入制作好的u盘启动盘中。③ 将u盘设置为开机启动安装步骤：第一步：开机进入大番薯菜单界面上，按方向键“↓”选“【02】大番薯WIN8×86PE维护版（新机器）”，回车键进入。第二步：进入大番薯pe桌面，其“大番薯PE装机工具”会自动运行，若不小心关掉也可以双击桌面快捷方式“大番薯PE装机工具”。第三步：接下来点击大番薯pe装机工具的“浏览”工具，选择win10系统安装包，单击“打开”，添加进映像文件路径中。第四步：之后选择系统盘，单击“确定”按钮进行还原。第五步：在弹出的提示“是否还原”窗口中，点击“确定”。第六步：然后等待系统安装包释放完成，完成后，会弹出“重启计算机”提示，单击“是”。第七步：最后，等待win10安装完成，就能体验win10系统的美妙之处了。</t>
  </si>
  <si>
    <t>南方科技大学是985吗</t>
  </si>
  <si>
    <t>不是，既不是985，也不是211。</t>
  </si>
  <si>
    <t>劳动监察大队有用吗</t>
  </si>
  <si>
    <t>有用。劳动稽查大队对于劳动者来说极为重要。</t>
  </si>
  <si>
    <t>王者荣耀铭文可以重复吗</t>
  </si>
  <si>
    <t>这个是绝对有的。</t>
  </si>
  <si>
    <t>薏米炒熟后还能祛湿吗</t>
  </si>
  <si>
    <t>无锡房价2017年会涨吗</t>
  </si>
  <si>
    <t>受政策影响，2017年不会有太大涨幅。</t>
  </si>
  <si>
    <t>市场将最终在2017年或2018年触底。</t>
  </si>
  <si>
    <t>电鳗有天敌吗</t>
  </si>
  <si>
    <t>除了人为捕捉没有天敌</t>
  </si>
  <si>
    <t>当地只有较大的凯门鳄能制服它</t>
  </si>
  <si>
    <t>海里的那当然是鲨鱼</t>
  </si>
  <si>
    <t>天津乐园医院是私人吗</t>
  </si>
  <si>
    <t>天津乐园医院是莆田系医院，莆田系是莆田人所辖医院集合的简称，莆田人在全国各地开设私立医院。</t>
  </si>
  <si>
    <t>自己辞职能领失业金吗</t>
  </si>
  <si>
    <t>不能，劳动者辞职的，不符合非本人意愿中断就业的规定。</t>
  </si>
  <si>
    <t>法律没有规定自动离职的不给失业保险，如果劳动者已经依法提前30日通知公司解除了劳动关系，符合劳动法的规定，劳动者也没有违法的行为，可以到社保中心领取失业保险金的。</t>
  </si>
  <si>
    <t>不能，理论来说是，如果原单位给开解除合同证明的话就可以领，但是解除合同原因得写被公司辞退。</t>
  </si>
  <si>
    <t>阿胶过了保质期还能吃吗</t>
  </si>
  <si>
    <t>阿胶虽然过期了,但在实践中看,只要阿胶没有受潮、变色、变质,还是可以吃的。</t>
  </si>
  <si>
    <t>甲癌有50年存活的吗</t>
  </si>
  <si>
    <t>45岁之前的甲状腺癌患者大多都能治愈。其中分化良好的甲状腺癌患者，95%可以长期存活下去。</t>
  </si>
  <si>
    <t>黑豆白醋染发效果好吗</t>
  </si>
  <si>
    <t>黑豆有效，但是见效慢，醋洗头发可以治头皮屑，但是没有听说过可以染发的。</t>
  </si>
  <si>
    <t>6月去三亚会不会很热</t>
  </si>
  <si>
    <t>比较热。</t>
  </si>
  <si>
    <t>聊骚app上面有真人吗</t>
  </si>
  <si>
    <t>聊骚app里面是真人在和你聊天。</t>
  </si>
  <si>
    <t>聊骚都是认证真实用户的，所以还是比较安全的。</t>
  </si>
  <si>
    <t>前期都是机器人跟你聊，骗你充钱。</t>
  </si>
  <si>
    <t>天猫有来货提醒吗</t>
  </si>
  <si>
    <t>不是的，购买商品后如果给买家发短信的话是根据每个不同的店铺的规定而行动的。</t>
  </si>
  <si>
    <t>这个真的没有。</t>
  </si>
  <si>
    <t>有些店有，有些店没有的。</t>
  </si>
  <si>
    <t>真爆和正品脚感一样吗</t>
  </si>
  <si>
    <t>爆米花不如正品软。</t>
  </si>
  <si>
    <t>早晨空腹喝酸奶好吗</t>
  </si>
  <si>
    <t>不能空腹喝酸奶，酸奶中含有大量乳酸菌，空腹时饮用，乳酸菌在酸度较高的胃里容易大量死亡，丧失了部分的保健作用。吃了大量食物之后，胃酸度下降，可以更好地让乳酸菌发挥作用。酸奶的酸度太高，会刺激胃部，引起不适，伤胃。和牛奶不能空腹喝的理由一样，酸奶蛋白质含量丰富，故而空腹喝蛋白质会变成能量而浪费。</t>
  </si>
  <si>
    <t>空腹不宜喝酸奶，空腹时的PH值在2以下，而酸奶中活性乳酸菌生长的酸碱度值在pH5．4以上，如果在空腹时喝酸奶，乳酸菌就会很容易被胃酸杀死，其营养价值和保健作用就会大大降低。如果在饭后喝酸奶，这时胃液被稀释，pH值上升到3－5，这种环境很适合乳酸菌的生长，特别是在饭后2小时内饮用酸奶，效果最佳。</t>
  </si>
  <si>
    <t>csgo升级掉落会出刀么</t>
  </si>
  <si>
    <t>会掉龙狙和美杜莎，但不会掉刀。</t>
  </si>
  <si>
    <t>日本插头和中国一样吗</t>
  </si>
  <si>
    <t>不一样。一般手机，笔记本都不可以用，不用带转换器，如果需要别的电器，请带转换器，另外，可以看一下自己的电器，如果是110-220v的插头，全部都可以通用，前提是双孔扁插头。</t>
  </si>
  <si>
    <t>不一样，日本的电压是110伏，国内220伏。</t>
  </si>
  <si>
    <t>行政审批局权力大吗</t>
  </si>
  <si>
    <t>相当大，涉及的部门和行业非常多。</t>
  </si>
  <si>
    <t>大王具足虫可以吃吗</t>
  </si>
  <si>
    <t>作为食材，大王具足虫亦有在香港西贡、台湾北部和其他的一些海滨的餐馆中看到。</t>
  </si>
  <si>
    <t>支付宝用信用卡支付要手续费吗</t>
  </si>
  <si>
    <t>1.如果是的信用卡绑定支付宝，而且开通了快捷支付。2.买东西。如果卖家那里显示，可以用信用卡付款。那么你用信用卡付款不用手续费。3.如果卖家那里显示没有用信用卡付款。也就是商家没有开通信用卡收款。那么你用信用卡付款。那么是要收取手续费的。</t>
  </si>
  <si>
    <t>大部分不向用户收取手续费。但如果不是信用卡支付商户，要收取1%的手续费。</t>
  </si>
  <si>
    <t>在淘宝网购物，买家使用信用卡支付，扣收的手续费为1%，但是手续费不一定都是由卖家承担的，也可能是由买家承担。</t>
  </si>
  <si>
    <t>热血班长 德莱厄斯有特效吗</t>
  </si>
  <si>
    <t>剃须刀可以带上飞机吗</t>
  </si>
  <si>
    <t>手动剃须刀不属于管制刀具，可以带上飞机。</t>
  </si>
  <si>
    <t>按现在航空安检规定，有锋利刀刃的利器都不能随身携带登机，所以手动剃须刀只能放入托运行李中托运。</t>
  </si>
  <si>
    <t>古剑奇谭屠苏复活了吗</t>
  </si>
  <si>
    <t>择天记好看吗</t>
  </si>
  <si>
    <t>《择天记》若不是大神的作品，根本没有看下去的欲望。</t>
  </si>
  <si>
    <t>看不下去，觉得不好。</t>
  </si>
  <si>
    <t>很不错。</t>
  </si>
  <si>
    <t>白羊和金牛能在一起么</t>
  </si>
  <si>
    <t>应该不行。不过星座还是不是很准确的。</t>
  </si>
  <si>
    <t>主要还是要看两个人的性格，和互相对彼此的想法与看法，不然怎么样都是没有用的。</t>
  </si>
  <si>
    <t>糖尿病能喝啤酒吗</t>
  </si>
  <si>
    <t>少量饮一点。</t>
  </si>
  <si>
    <t>最好不要喝啤酒。</t>
  </si>
  <si>
    <t>尼尔机械纪元 好玩吗</t>
  </si>
  <si>
    <t>不怎么好玩。</t>
  </si>
  <si>
    <t>耿彦波是耿飚的孙子吗</t>
  </si>
  <si>
    <t>德芙巧克力有咖啡因吗</t>
  </si>
  <si>
    <t>白巧克力没有咖啡因。</t>
  </si>
  <si>
    <t>包粽子的米能泡过夜吗</t>
  </si>
  <si>
    <t>貌似不可以，需要当天泡当天包好。</t>
  </si>
  <si>
    <t>最好不要过夜。</t>
  </si>
  <si>
    <t>中软卓越是培训机构吗</t>
  </si>
  <si>
    <t>是准员工培训，讲师都是内部的工程师。</t>
  </si>
  <si>
    <t>确实是培训的，不知道有没有人当场被录用，本人做了笔试题，然后面试的时候让自我介绍再问有没有了解过他们公司，说如果要实习的话要先进行公司内的培训，笔试题没有让手写编程，失望。</t>
  </si>
  <si>
    <t>红米4x是双卡双待吗</t>
  </si>
  <si>
    <t>是双卡双待全网通的4g手机</t>
  </si>
  <si>
    <t>支持全网统和双卡双待。</t>
  </si>
  <si>
    <t>2017年一建教材和2016差别大吗</t>
  </si>
  <si>
    <t>一级建造师的教材，每年都会出一点新的变化，教材也是一年一更新，2017年一建的教材要5月份才能出来。</t>
  </si>
  <si>
    <t>2017年一级建造师教材是全国统一的，2017年教材变化会不会很大，一般三年大变一次，上一次改版是2014年，2017年会大变。</t>
  </si>
  <si>
    <t>微波炉烤箱一体机好吗</t>
  </si>
  <si>
    <t>不过没有专业的烤箱功能好，也没有光波炉便宜。</t>
  </si>
  <si>
    <t>烧烤功能不全面，功率不够大，烧烤食品时容易将食品烤糊。操作不是十分凑手，而且最大的缺点是清洁炉腔极其困难。</t>
  </si>
  <si>
    <t>割包皮痛吗</t>
  </si>
  <si>
    <t>割包皮不疼，会麻醉。手术做完当天，一个字痛。</t>
  </si>
  <si>
    <t>恢复期时间长，疼的。</t>
  </si>
  <si>
    <t>长滩岛安全吗2017</t>
  </si>
  <si>
    <t>说的安全与否是指的飞机。 这个不好说，就像平常人开车，开车有风险是肯定的，但该开车的还是再开。现在每天到长滩岛的旅行团就没停过 到处都是中国人，韩国人。</t>
  </si>
  <si>
    <t>北海夏天热吗</t>
  </si>
  <si>
    <t>不能说热，只能说出太阳的话很晒。温度不会超过35度，30-33度之间徘徊，靠海的关系，空气中有盐的成分，粘着会让感觉皮肤透不过气。</t>
  </si>
  <si>
    <t>不是很热。</t>
  </si>
  <si>
    <t>北海的夏天比起武汉，四川，贵州，重庆一带要好过的多，因为这是沿海城市，多少都会有些风，不像前面几个城市那么闷。</t>
  </si>
  <si>
    <t>导医网挂号是真的吗</t>
  </si>
  <si>
    <t>导医网是一家专门提供预约挂号的平台，不会骗人的。</t>
  </si>
  <si>
    <t>密蜜直播是真的吗</t>
  </si>
  <si>
    <t>钱程无忧配资安全吗</t>
  </si>
  <si>
    <t>如果规模比较大，应该比较安全。</t>
  </si>
  <si>
    <t>阿尔比恩悬案装扮礼盒是永久的吗</t>
  </si>
  <si>
    <t>是永久的。</t>
  </si>
  <si>
    <t>银屑病会传染吗</t>
  </si>
  <si>
    <t>银屑病不会传染的。</t>
  </si>
  <si>
    <t>山药和胡萝卜可以一起吃吗</t>
  </si>
  <si>
    <t>这两种食物可以一起吃。</t>
  </si>
  <si>
    <t>山药和胡萝卜不能一起吃。</t>
  </si>
  <si>
    <t>乐视pro3玩王者荣耀卡吗</t>
  </si>
  <si>
    <t>一直没有卡过。</t>
  </si>
  <si>
    <t>卡。</t>
  </si>
  <si>
    <t>手机百度助手里面下的不会卡，乐视游戏商城下载的很卡。</t>
  </si>
  <si>
    <t>华为荣耀8玩王者荣耀卡吗</t>
  </si>
  <si>
    <t>不卡。</t>
  </si>
  <si>
    <t>甲减会影响胎儿智力吗?</t>
  </si>
  <si>
    <t>公务员面试过了可以不去吗</t>
  </si>
  <si>
    <t>可以的，但要提前给那边打好招呼。</t>
  </si>
  <si>
    <t>面试后面还有体检，如果想放弃的话，可以不去参加体检。</t>
  </si>
  <si>
    <t>不行，需要走正规的组织程序。</t>
  </si>
  <si>
    <t>我来贷审核通过率高吗</t>
  </si>
  <si>
    <t>通过率低，没有一证贷的通过率高。</t>
  </si>
  <si>
    <t>海购丰运 是不是 100% 被税</t>
  </si>
  <si>
    <t>一半一半，被税率50%。</t>
  </si>
  <si>
    <t>护肤品走必税的。</t>
  </si>
  <si>
    <t>福彩骗局国家不管吗</t>
  </si>
  <si>
    <t>福彩体彩名义上是福利扶贫什么的，吸钱工具怎么会封呢。</t>
  </si>
  <si>
    <t>野食小哥是哑巴吗</t>
  </si>
  <si>
    <t>野食小哥的几乎所有视频都是没有声音的，只有BGM和自然的声音，野食小哥不说话不代表他是哑巴，况且小哥接地气的美食视频也不是教大家如何制作食物，而是与大家“分享”食物，用画面来描述比语言更实在。</t>
  </si>
  <si>
    <t>宝宝体温37.5是发烧吗</t>
  </si>
  <si>
    <t>是属于发烧。</t>
  </si>
  <si>
    <t>不算发烧。</t>
  </si>
  <si>
    <t>李光洁出柜是真的吗</t>
  </si>
  <si>
    <t>一个是雷佳音，一个是李光洁，都是内地著名演员。而且，两人还有甜蜜互动，雷佳音发微博说出柜，李光洁马上就表态了，看起来两个人好像真像那么回事。</t>
  </si>
  <si>
    <t>支付宝租手机划算吗</t>
  </si>
  <si>
    <t>不划算。</t>
  </si>
  <si>
    <t>12315可以投诉淘宝吗</t>
  </si>
  <si>
    <t>可以投诉。</t>
  </si>
  <si>
    <t>一淘返利是真的吗</t>
  </si>
  <si>
    <t>社区工作者是临时工吗</t>
  </si>
  <si>
    <t>属于临时工。</t>
  </si>
  <si>
    <t>司法考试非法律专业可以考吗</t>
  </si>
  <si>
    <t>可以考。</t>
  </si>
  <si>
    <t>直线是轴对称图形吗</t>
  </si>
  <si>
    <t>个人卡可以对公转账吗</t>
  </si>
  <si>
    <t>无叶风扇有辐射吗</t>
  </si>
  <si>
    <t>就是个电机，可以无视。</t>
  </si>
  <si>
    <t>蚂蚁借呗可以提现吗</t>
  </si>
  <si>
    <t>吃燕窝有副作用吗</t>
  </si>
  <si>
    <t>燕窝本身是无副作用的。</t>
  </si>
  <si>
    <t>食用过多燕窝可能会导致孩子出现消化不良等症状。</t>
  </si>
  <si>
    <t>苹果手机换内存安全吗</t>
  </si>
  <si>
    <t>不怎么影响。</t>
  </si>
  <si>
    <t>非洲花梨木是红木吗</t>
  </si>
  <si>
    <t>而非洲花梨木不是红木，只是非洲的一种硬杂木，木材为散孔材，木材表面心材呈红褐色深色条纹，本身无特殊气味，并且结构稳定均匀，具有耐腐蚀、硬度强、干缩性大等特点。</t>
  </si>
  <si>
    <t>静脉曲张能治好吗</t>
  </si>
  <si>
    <t>静脉曲张是可以治疗的。患者可以先通过穿戴静脉曲张袜来缓解病情，到医院就诊后，在医生的指导下进行治疗。</t>
  </si>
  <si>
    <t>可以用舒静通来缓解症状，平时不能长时间的站着，更不能着凉，慢慢的是可以好转的。</t>
  </si>
  <si>
    <t>手术治疗是静脉曲张的根本办法，费用问题不好说，地区不同费用，医院等级不同费用不同。静脉曲张非手术治疗包括患肢穿医用弹力袜，避免久站、久坐，间歇抬高患肢。</t>
  </si>
  <si>
    <t>上市公司子公司能上市吗</t>
  </si>
  <si>
    <t>上市公司的控股子公司可以继续申请上市，但如果是整体上市的，就不行。</t>
  </si>
  <si>
    <t>货币化安置会吃亏吗</t>
  </si>
  <si>
    <t>这种补偿方式对于居民来说可能就没那么好了。相对于实物补偿，货币补偿明显吃亏。</t>
  </si>
  <si>
    <t>乌金石茶盘好吗</t>
  </si>
  <si>
    <t>乌金石结构均匀，质地坚硬，抗压强等形成的特殊条件和坚定的结构特点，使其具有如下独特性能：1、耐磨性能好，比铸铁高。2、热膨胀系数小，不易变形，与钢相仿，受温度影响极微。3、弹性模量大，高于铸铁。4、乌金石仍具有脆性，但若受损后只是局部脱落，不影响整体的平直性。5、乌金石具有不导电，不导磁，场位稳定。6、乌金石的化学性质稳定，不易风化，能耐酸、碱及腐蚀气体的侵蚀，其化学性与二氧化硅的含量成正比，使用寿命可达200年左右。由于以上物理特性，用乌金石做的茶盘较其它石类不易积渗茶渍，清理方便，而且不受天候，温湿度影响，从而历久弥新，经久耐用。</t>
  </si>
  <si>
    <t>snkrs中国可以用吗</t>
  </si>
  <si>
    <t>随着adidas Confirmed在去年10月于国内上架苹果版本后，今天Nike的SNKRS也针对国内用户开启了公测，相信会在不久与我们见面。</t>
  </si>
  <si>
    <t>电信卡需要激活吗</t>
  </si>
  <si>
    <t>电信卡如需要激活，一般可以直接使用该卡插入手机后产生通话或者短信即可完成激活，不用到营业厅的等地办理的。办理了电信手机卡后，只要装入支持的电信CDMA网络的手机内，直接拨打一通电话，或者发送一条短信即可完成激活。</t>
  </si>
  <si>
    <t>四川联强是黑中介吗</t>
  </si>
  <si>
    <t>不是，做事踏实，挂的地方、公司资质、企业规模都是按照要求选择的。</t>
  </si>
  <si>
    <t>这个中介要不得，压钱压证书。</t>
  </si>
  <si>
    <t>交警敢拦京v02车吗</t>
  </si>
  <si>
    <t>不敢。</t>
  </si>
  <si>
    <t>竹荪的网状部分能吃吗</t>
  </si>
  <si>
    <t>竹荪整棵皆可食用，所以竹荪的网状部分是可以吃的。</t>
  </si>
  <si>
    <t>圆珠笔头 中国造不出来吗</t>
  </si>
  <si>
    <t>还不具备生产模具钢的能力，圆珠笔头上的“圆珠”目前仍然需要进口。</t>
  </si>
  <si>
    <t>做得出来。</t>
  </si>
  <si>
    <t>微型电脑应用好中吗</t>
  </si>
  <si>
    <t>《微型电脑应用》相对来说要容易些。</t>
  </si>
  <si>
    <t>乱鬼龙是真的吗</t>
  </si>
  <si>
    <t>真实。</t>
  </si>
  <si>
    <t>首创奥特莱斯折扣大吗</t>
  </si>
  <si>
    <t>基本1-7折，断码断号差1折。</t>
  </si>
  <si>
    <t>驱蚊液对人有害吗</t>
  </si>
  <si>
    <t>含有对人、畜低毒的成份。</t>
  </si>
  <si>
    <t>广州白云机场有wifi吗</t>
  </si>
  <si>
    <t>有提供WiFi。</t>
  </si>
  <si>
    <t>邪恶力量还有十三季吗</t>
  </si>
  <si>
    <t>会有的。</t>
  </si>
  <si>
    <t>工行6星级客户还排队吗</t>
  </si>
  <si>
    <t>六星级客户，直接换一张金卡，不用排队了。</t>
  </si>
  <si>
    <t>末日之战2上映了吗</t>
  </si>
  <si>
    <t>宝山区是上海最差的么</t>
  </si>
  <si>
    <t>不是，经济方面还不错，地理位置有一部分在市区，有一部分在郊区。</t>
  </si>
  <si>
    <t>社保挂靠合法吗</t>
  </si>
  <si>
    <t>王者荣耀和英雄联盟一样吗</t>
  </si>
  <si>
    <t>一个电脑版一个手机版。王者荣耀是类似 PSP 那种操作，玩起来肯定是没有电脑好玩的。</t>
  </si>
  <si>
    <t>fatego盾娘能变成4星吗</t>
  </si>
  <si>
    <t>在第六章（国服未开放）剧情里，知晓附身英灵真名，随后完成第三次灵基再临，并获得真正的宝具“如今仍是遥远的理想之城（Lord Camelot）”，同时稀有度由三星变为四星。</t>
  </si>
  <si>
    <t>浪漫满屋公司可靠吗</t>
  </si>
  <si>
    <t>可靠，相当有实力。</t>
  </si>
  <si>
    <t>baby回归热巴会退出吗</t>
  </si>
  <si>
    <t>不会，迪丽热巴这次签约了一整季，就算baby后面回归也是8个人一起跑。</t>
  </si>
  <si>
    <t>sugar mv的拍摄是真的去了婚礼现场吗</t>
  </si>
  <si>
    <t>是真的婚礼现场，但经过剪辑。</t>
  </si>
  <si>
    <t>不是真的，Maroon 5的Sugar mv里的婚礼是演员演出来的。</t>
  </si>
  <si>
    <t>giffgaff在欧洲能用吗</t>
  </si>
  <si>
    <t>樱桃性寒吗</t>
  </si>
  <si>
    <t>樱桃性温，食之过多可引起上火、流鼻血、损肺等症状，一次性吃的过多还可导致胃痛、泛酸，甚至腹痛、腹泻。</t>
  </si>
  <si>
    <t>凉性，多吃不宜，多吃还容易铁中毒。</t>
  </si>
  <si>
    <t>派学车是中介么</t>
  </si>
  <si>
    <t>不是，是全国连锁互联网驾校。</t>
  </si>
  <si>
    <t>不是，派学车是互联网时代的产物，是驾考行业的变革者。</t>
  </si>
  <si>
    <t>荣耀8屏幕易碎吗</t>
  </si>
  <si>
    <t>华为敢把摄像头放在后盖玻璃下面，说明玻璃不会太差，裸奔应该没问题。</t>
  </si>
  <si>
    <t>千万不要买，屏幕特别容易碎。</t>
  </si>
  <si>
    <t>香港sasa有假货吗</t>
  </si>
  <si>
    <t>莎莎和卓悦这两家公司都是上市公司，肯定是不会卖假货的。</t>
  </si>
  <si>
    <t>网上有不少说法就是说他们有买过期商品，这个是否真实还有待确认，但售卖假货就基本是不属实的。</t>
  </si>
  <si>
    <t>电脑版王者荣耀和手机同步吗</t>
  </si>
  <si>
    <t>王者荣耀没有严格意义的电脑版。只有安卓模拟器版，所以是通用的。</t>
  </si>
  <si>
    <t>乐网广告拦截安全吗</t>
  </si>
  <si>
    <t>1、乐网 AdClear 是全球 Android 系统最专业的、免费的、安全的、无病毒的过滤广告 APP。2、能够有效的拦截集恶意广告、骚扰视频广告和弹窗广告，清净界面的同时能保护用户隐私、恶意脚本和钓鱼网站，打造上网的畅快感，保障手机的使用安全。</t>
  </si>
  <si>
    <t>关之琳真的被塞球了吗</t>
  </si>
  <si>
    <t>关之琳被塞高尔夫球发生在1993年。</t>
  </si>
  <si>
    <t>某日半夜,圣玛丽医院迎来一位病人,这位病人面色苍白似忍受着极大的疼痛,细看竟是大美女关之琳!她的下体被人塞了两个高尔夫球,肿得惨不忍睹!</t>
  </si>
  <si>
    <t>关之琳之前爆出凌晨三点跑到圣玛丽医院于下体取出一个高尔夫球。</t>
  </si>
  <si>
    <t>火车上能带宠物吗</t>
  </si>
  <si>
    <t>一般是可以的，但是要托运。</t>
  </si>
  <si>
    <t>中石油中石化能否混用</t>
  </si>
  <si>
    <t>中石化的油比中石油的油要好点，最好是不要混加。</t>
  </si>
  <si>
    <t>鸦天狗值得培养吗</t>
  </si>
  <si>
    <t>蛮有特色的普通攻击。但是通常队伍搭配中会有三分之一或者二分之一是辅助式神，因此这个联合攻击就显得没那么厉害了。如果对比一下姑获鸟的普通攻击(造成80%的伤害，无视20%的护甲，友方单位攻击时，有30%的几率姑获鸟也攻击)，你会发现，它被完爆了，同样80%伤害，别人有20%的破甲。</t>
  </si>
  <si>
    <t>阴阳师鸦天狗在团队阵容中的定位是半输出式神，鸦天狗在斗技场上很冷门，被动技能驱散基本没用，还是随机的，最主要的大招加血还是给自己，就算搭配上好的御魂也是无济于事！</t>
  </si>
  <si>
    <t>普攻 攻击时有30%的几率联合一个队友进行攻击。这个技能触发效果后等于两个队友一起进行普攻，对普攻有特效的式神有很大的加成。</t>
  </si>
  <si>
    <t>伊一泳装是不是刮毛了</t>
  </si>
  <si>
    <t>我觉得应该是刮了至少是修饰了不然会有露出来的。</t>
  </si>
  <si>
    <t>不会啊只是有些线头而已。</t>
  </si>
  <si>
    <t>信用卡最低还款影响信用吗</t>
  </si>
  <si>
    <t>信用卡只还最低还款额就不算逾期，是不会影响信用纪录的。</t>
  </si>
  <si>
    <t>输卵管造影痛苦吗</t>
  </si>
  <si>
    <t>不痛，就是辐射高。</t>
  </si>
  <si>
    <t>慢慢的就不是那么疼了，可能是有点麻木。</t>
  </si>
  <si>
    <t>一般是不会影响输卵管的。造影是会很疼的。</t>
  </si>
  <si>
    <t>王者荣耀周瑜厉害吗</t>
  </si>
  <si>
    <t>蛮厉害的。</t>
  </si>
  <si>
    <t>融贝网安全吗</t>
  </si>
  <si>
    <t>安全是肯定的。目前融贝与清华科技园启迪孵化已携手服务中小微企业，始终坚持做值得信赖的P2P平台。</t>
  </si>
  <si>
    <t>这种网贷的不确定性很大的。</t>
  </si>
  <si>
    <t>融贝网有银行存管，安全性应该没问题，但是资产有点杂，信息纰漏不是很明确。</t>
  </si>
  <si>
    <t>水痘疫苗有必要打吗</t>
  </si>
  <si>
    <t>水痘疫苗可刺激机体产生抗水痘病毒的免疫力，用于预防水痘。水痘的病原体水痘带状疱疹病毒具有高度的传染性，人是唯一的宿主，极易传播，目前没有有效的药物治疗，接种水痘疫苗是预防该病的唯一有效的手段，尤其是在控制水痘爆发流行方面起到了非常重要的作用。</t>
  </si>
  <si>
    <t>如果有条件，尽量打水痘疫苗。</t>
  </si>
  <si>
    <t>水痘疫苗是必须要打的，并且它是一种减毒的病毒疫苗，接种水痘疫苗后可以起到很好的预防效果，而且水痘疫苗所产生的保护作用可以长期存在。</t>
  </si>
  <si>
    <t>肾衰竭可以治愈吗</t>
  </si>
  <si>
    <t>肾衰竭可以治愈的。一般会选择透析的治疗方式协助排除体内毒素及废物，有些末期肾衰竭患者需要长期做透析治疗，在患者本身条件适合时肾脏移植也是比较好的治疗方式。</t>
  </si>
  <si>
    <t>肾衰竭几乎是不可逆的，想要完全治疗好几乎不可能。但是仍需要积极治疗。</t>
  </si>
  <si>
    <t>荡寇风云好看吗</t>
  </si>
  <si>
    <t>这电影拍的很不咋样，三条线同时并行，导演想讲的东西太多，不懂取舍，导致哪条线都没讲清楚。戚继光多场大战都是侥幸，并没有体现他的军事才能，把一部战争片拍成武打片的感觉。</t>
  </si>
  <si>
    <t>蹩脚的剧情，失败的战争描述和人物塑造，是一部用武侠片掺杂各种作料的号称历史大片的烂片。</t>
  </si>
  <si>
    <t>中日影人黄金幕后联手出击，亚洲最强团队打造良心佳作。</t>
  </si>
  <si>
    <t>安居客房源信息真实吗</t>
  </si>
  <si>
    <t>除了产权问题之外，自主交易需要担心的第2大问题就是资金监管。事实上，资金监管目前已成体系，买卖双方按照既成规定来做，风险很小。无论是通过何种方式交易，首期款必须放银行监管。具体操作是：买卖双方到银行签一份资金监管协议，然后各自在银行开一个账户，约定在买家过户完毕、拿到新出的房产证之后，首期款打给卖方。如果交易顺利完成，银行会把款项打给卖方;如果中间出现问题交易终止，则把首期款再打回给买方。银行提供此项服务，一般会收取单笔500元左右的监管费，但如果你是通过要按揭的银行办理资金监管，则可以省去这笔费用。出于公平角度考虑，银行会要求买卖双方在签监管协议时就在放款书上先签字，这样放款时买卖双方不需要亲自到银行，也能避免买家到时候不配合放款给卖家带来困扰。</t>
  </si>
  <si>
    <t>吃樱桃会上火吗</t>
  </si>
  <si>
    <t>樱桃吃多了会上火。</t>
  </si>
  <si>
    <t>在旅馆裸睡安全吗</t>
  </si>
  <si>
    <t>建议不要裸睡，除非是比较高档次的星级酒店。</t>
  </si>
  <si>
    <t>不安全，酒店的卫生条件一般都不太好，有很多细菌。</t>
  </si>
  <si>
    <t>自助签注机可以异地吗</t>
  </si>
  <si>
    <t>这个要看你是怎么个“异地”法：一体机只限同省异地户籍的办理，条件是所在市得有一体机，然后申请人必须有本市居住证，而且通行证是卡式的。</t>
  </si>
  <si>
    <t>签证都有地域划分的，你户口所在地也未必有签证服务，你得看你的户口所在地划分进哪个区域，然后来判定你在哪里递交签证申请。</t>
  </si>
  <si>
    <t>新护照和旧护照号码一样吗</t>
  </si>
  <si>
    <t>不一样的。</t>
  </si>
  <si>
    <t>无尽空间2好玩吗</t>
  </si>
  <si>
    <t>喜欢自然好玩。</t>
  </si>
  <si>
    <t>操作界面绝对让人眼前一亮，前卫的风格设计，但是功能介绍说明的不友好设定，永远让新手得必须看左下角说明。战斗模式的船只对战细节，损伤表现可以直观地看到。</t>
  </si>
  <si>
    <t>优美的场景以及策略游戏的玩法吸引了不少玩家。</t>
  </si>
  <si>
    <t>交通银行信用卡激活必须去柜台吗</t>
  </si>
  <si>
    <t>通过网络申请的交通银行信用卡，卡收到了有三种激活方式。第一、网点理财柜台开卡设密，办理的时候需要本人的身份证和信用卡；第二、网上银行开卡，如果有网银盾的话，可以一并设置交易取现密码；第三、电话语音自助开卡，当然激活前会需要输入一些个人信息，以确保是持卡人本人，信息输入不正确，就会转到人工开卡了。</t>
  </si>
  <si>
    <t>友金所会不会跑路</t>
  </si>
  <si>
    <t>有可能会收不回来。</t>
  </si>
  <si>
    <t>品油邦卖的烟油是真的吗</t>
  </si>
  <si>
    <t>听说品油邦卖假油。</t>
  </si>
  <si>
    <t>ddr3 1333和1600可以混用吗</t>
  </si>
  <si>
    <t>一般是可以混用的。</t>
  </si>
  <si>
    <t>可燃冰是混合物吗</t>
  </si>
  <si>
    <t>可燃冰是混合物。</t>
  </si>
  <si>
    <t>自考法律本科可以参加司法考试吗</t>
  </si>
  <si>
    <t>马来西亚lr币是传销吗</t>
  </si>
  <si>
    <t>会计估计变更需对以前年度进行追溯吗</t>
  </si>
  <si>
    <t>夏天可以吃阿胶吗</t>
  </si>
  <si>
    <t>键盘膜有必要吗</t>
  </si>
  <si>
    <t>键盘膜确实是个不错的选择，但是影响散热。</t>
  </si>
  <si>
    <t>延续键盘的寿命。</t>
  </si>
  <si>
    <t>1.防止倒水至电脑，导致主板烧坏2.防止灰尘污垢进入键盘3.防止掉漆。</t>
  </si>
  <si>
    <t>绿豆发芽了还能吃吗</t>
  </si>
  <si>
    <t>当然可以吃，绿豆浸泡后发芽就成了绿豆芽，与菜市场上的绿豆芽一样，是一种传统的优质食品。</t>
  </si>
  <si>
    <t>被女人咬了要不要打狂犬疫苗</t>
  </si>
  <si>
    <t>要看咬人的人有没有携带狂犬病，人的自然带狂犬病病毒率是很低的,除非已经发搜索病的,否则就不需要打狂犬病疫苗。</t>
  </si>
  <si>
    <t>咬伤了不需要打狂犬疫苗，到附近的诊所找医生消毒伤口防止感染化脓。打狂犬疫苗通常是被狗咬后打狂犬疫苗，人通常不携带狂犬病病毒所以不需要打狂犬疫苗。</t>
  </si>
  <si>
    <t>不需要，因为人类本身没有携带狂犬病病毒。</t>
  </si>
  <si>
    <t>车被撞了 对方全责 我要先垫付吗</t>
  </si>
  <si>
    <t>没有强制说一定要垫付。</t>
  </si>
  <si>
    <t>先垫款把车提出来，再去找对方，或者是经办的警官。只要有责任认定书就什么都不要担忧了。</t>
  </si>
  <si>
    <t>最好先让对方掏钱给自己修车。</t>
  </si>
  <si>
    <t>7个月胎儿可以出生么</t>
  </si>
  <si>
    <t>七个月的孩子各个器官都已经发育得基本完善；如果确实早产成活率是很高的。</t>
  </si>
  <si>
    <t>当今医学，让没足月的孩子顺利出世，不是什么难题，并且医生们也敢保证孩子大人的平安。关键是孩子的健康和哺育是个问题，因为把没足月的孩子用人为的方法提前生下来，就好像瓜果还没有熟就摘下来一样，在吃的时候难免味道大打折扣，有时还得用药物催熟。道理差不多都是一样的。所以假设要不是因为母体身体方面的原因的话，还是足月产为好。</t>
  </si>
  <si>
    <t>银杏叶片能长期吃吗</t>
  </si>
  <si>
    <t>银杏叶片不良反应少，发生率不足1%，国外有报道个别病例在银杏叶制剂和其他抗凝药物配伍服用后会引起出血。临床上未见单独用药引起出血的报道。所以银杏叶片与抗凝药物合用时应谨慎。特别是已经有血管硬化的患者，不要长期服用银杏叶片，一定要在医生的指导下使用。</t>
  </si>
  <si>
    <t>一、不可以长期服用银杏叶片。二、原因：银杏叶片是中药，银杏叶片是银杏叶提取物，银杏叶含银杏酸有毒，黄铜类和副作用长期服用会导致病情加重、脑溢血和中毒。1、银杏叶内含有大量的银杏酸，银杏酸是含有毒性的；2、银杏叶片的主要成分黄酮类化合物是一种强力血小板激活因子抑制剂，长期服用可能抑制血小板的凝聚功能，并相应增加脑出血的危险；3、银杏叶片副作用较大。吃多了会中毒，引发肌肉抽搐，瞳孔放大。</t>
  </si>
  <si>
    <t>银杏叶片不可长期服用，并需要在相关医生或药师的指导下使用。由于银杏叶可抑制血小板功能，过量易导致出血，故不宜长期、大剂量应用;与肝素、香豆素、阿司匹林、氯吡格雷等抗凝西药同用时，应注意监测、观察，以免产生出血倾向。需要特别指出的是，如果高血压患者仅仅为一般性高血压,不存在淤证,而且病人的凝血功能差,再用银杏叶制剂就会形成出血。就是前一种情况，如果银杏叶制剂使用过头,也会导致出血,甚至凝血不好,血压高的患者出现血管破裂,就很难凝血,从而造成抢救困难。因此高血压病人在使用银杏制剂的时候一定要慎之又慎。</t>
  </si>
  <si>
    <t>吉祥北斗是骗局吗</t>
  </si>
  <si>
    <t>因为是骗人的害了好多人！</t>
  </si>
  <si>
    <t>2017三亚房价会不会跌</t>
  </si>
  <si>
    <t>2017三亚房价还要涨。</t>
  </si>
  <si>
    <t>短期内可能会出现量价齐跌的情况，但是从长远来看，三亚的房价并不具备大幅度下跌或者暴涨的可能。</t>
  </si>
  <si>
    <t>应该是没有这个可能性的，三亚现在市区很少有房了，限购出来维持现有房价还差不多，但是不会说到降价的地步。</t>
  </si>
  <si>
    <t>父母出资购房可以收回</t>
  </si>
  <si>
    <t>父母有出资凭证，可以主张债权，要求房产产权的权益所有人归还当时的出资款项。但是不能主张增值部分权益，那个属于债权，可以要求不超过同期银行4倍的利息。这个法律是支持的。</t>
  </si>
  <si>
    <t>这房产是父母赠与给子女的。房产未转移前可以，一般转移后不可以。但是发生合同约定的附加条件或者法律规定的公证，公益性等情况，一般都不能反悔，真的赠与人因为赠与出现生活困难等可以酌情考虑。所以对于这份房产，父母原则上无权收回。</t>
  </si>
  <si>
    <t>崔始源刘雯在一起了吗</t>
  </si>
  <si>
    <t>节目结束，两人就各自该干嘛干嘛。不过两人可以是朋友，是熟人。两个人在一起，只是CP粉的美好愿望。能不能成真，是他们两个的事情。</t>
  </si>
  <si>
    <t>因为两个人的职业、性格还有外貌（或者说逼格）很般配，不出意外他俩会是很好的合作伙伴和朋友，但是男女朋友这种，不排除未来有可能，但是起码作为艺人的职业道德，因为一个假想节目就真在一起了实在不是他俩会做的事。</t>
  </si>
  <si>
    <t>做3d效果图工资高吗</t>
  </si>
  <si>
    <t>底薪+设计提成，提成可能按数量。</t>
  </si>
  <si>
    <t>服碘131后衣服要扔了吗</t>
  </si>
  <si>
    <t>转转买手机靠谱么</t>
  </si>
  <si>
    <t>转转APP上面买它们58官方自营的手机挺靠谱的，毕竟有官方质检，还可以在转转上领红包购买，支付时是先把钱打到第三方的，你收到手机确认无误第三方才会把钱打给它们。所以挺安全的。</t>
  </si>
  <si>
    <t>我就是在转转上被骗的，转转根本不管。</t>
  </si>
  <si>
    <t>车位要不要买</t>
  </si>
  <si>
    <t>主要参考因素：一，看能否办理产权证。二，租赁车位有限期20年。三，人防车库禁止买卖。四，买车位不能用公积金贷款。五，应将车位相关细则写进合同。</t>
  </si>
  <si>
    <t>车位可以地简单分为两种，一种是能办出产权证的，另一种是不能办出产权证的。所以在大家购买车位的时候一定要擦亮眼睛了解清楚，你签署的是《机动车位购置协议》，还是《车位租赁协议》或《使用权转让协议》。 观点一、部分法院认为，任何单位和个人无权出售和转让人防工程的产权和使用权，转让人防工程车位的行为损害了国家利益和买受人利益，即使双方签订了车位使用权转让协议，该协议也是无效的。观点二、按照“谁投资谁受益”的原则交由开发商开发管理的，开发商可以通过租赁人防车位获得租金，但使用人防工程必须办理登记手续。  因此，如要租赁人防车位最好先取得人防部门的许可。而且，租赁人防车位存在着因战争、自然灾害等不可抗力导致该车位被政府部门无偿征用的可能性。</t>
  </si>
  <si>
    <t>榴莲和西瓜能一起吃吗</t>
  </si>
  <si>
    <t>可以同时吃。</t>
  </si>
  <si>
    <t>2017款昂科威还断轴吗</t>
  </si>
  <si>
    <t>很大可能。</t>
  </si>
  <si>
    <t>出口国外的昂科威不会有这问题。</t>
  </si>
  <si>
    <t>问题持续发生。</t>
  </si>
  <si>
    <t>华誉环球是不是假的</t>
  </si>
  <si>
    <t>是骗子平台，套牌公司，大家务必小心。</t>
  </si>
  <si>
    <t>华誉是骗子公司，盗用别人公司的监管信息，被坑是妥妥的，维权难啊。</t>
  </si>
  <si>
    <t>遗嘱需要公证吗</t>
  </si>
  <si>
    <t>立遗嘱需要不需要公证，由立遗嘱人决定。</t>
  </si>
  <si>
    <t>加油卡全国通用吗</t>
  </si>
  <si>
    <t>中石油的加油卡可以全国通用。</t>
  </si>
  <si>
    <t>易鑫车贷靠谱吗</t>
  </si>
  <si>
    <t>易鑫车贷还是靠谱的，从网友的反馈来看也的确是这样：1、腾讯百度京东投资的，放心用。论坛里很多朋友都通过易鑫车贷买到了车。2、易鑫租赁是联合京东和腾讯搞的互联网金融，可以信赖。</t>
  </si>
  <si>
    <t>早产儿智力低下吗</t>
  </si>
  <si>
    <t>虽然在早产儿中发生智力低下或是脑瘫的现象较多，但是也不能一概而论。作为父母，应该在早期就对孩子的智力发育进行干预，唯有如此，才能够预防早产儿智力低下。</t>
  </si>
  <si>
    <t>智力低下属于早产儿的一个发育风险，从临床数据来看，早产儿智力低下发生率为7.8%(11.7万/年)，所以还是需要家长提高警惕的，另外除了智力低下外，早产儿还会有其他的一些发育风险，比如说早产儿脑瘫，癫痫的发生，以及一些宝宝需要特殊的教育等等。</t>
  </si>
  <si>
    <t>熊猫血遗传吗</t>
  </si>
  <si>
    <t>RH阴性血一般都叫熊猫血，里面也按我们这种A、B、AB、O分成四种的。是会遗传，但是几率不是很高。熊猫血是Rh阴性血型的俗称，是Rh血型系统的一种。根据文化考古和生理进化学说的推测，RH阴性血可能是远古时代人类的血型。Rh阴性血的分布因种族不同而差异很大，在白种人中的比例较高，约百分之十五。中国人群中汉族人所占的比例极少，仅占千分之三，新疆维吾尔等少数民族Rh阴性血的分布为百分之五。遗传方式：RH阴性基因是隐性基因，当RH阳性的父母都带有RH阴性基因且同时遗传给后代时，其后代即表现为RH阴性。双亲中有一方是RH阴性时，其后代RH阴性的几率会大大增加。主要看你父母是不是都是熊猫血，若都是的话你是熊猫血的概率会大些，若不都是的话那概率就小很多。</t>
  </si>
  <si>
    <t>基因型和表现型的概念可以很容易地从血型的例子中理解。基因型是指一个人拥有的决定某一特征的真正的基因，表现型是指一个人表现出来的特征。血型的例子中，基因型AA和AB使人表现出血型A的表现型，同理，基因型BB和BO表现出血型B的表现型。表现型为血型O和AB的人只可能有一种基因型，分别为OO和AB。RH阴性基因是隐性基因，当RH阳性的父母都带有RH阴性基因且同时遗传给后代时，其后代即表现为RH阴性。双亲中有一方是RH阴性时，其后代RH阴性的几率会大大增加。</t>
  </si>
  <si>
    <t>RH阴性基因是隐性基因，当RH阳性的父母都带有RH阴性基因且同时遗传给后代时，其后代即表现为RH阴性。双亲中有一方是RH阴性时，其后代RH阴性的几率会大大增加。</t>
  </si>
  <si>
    <t>手机号码测吉凶靠谱吗</t>
  </si>
  <si>
    <t>测号软件是开发者按自己的规则来测吉凶的，并会因为一个号码好不好记。</t>
  </si>
  <si>
    <t>marni算一线品牌吗</t>
  </si>
  <si>
    <t>Marni(玛尼)是来自意大利独立设计师的一个品牌，现在已经成为国际时装界的一个著名品牌。</t>
  </si>
  <si>
    <t>实木颗粒板环保吗</t>
  </si>
  <si>
    <t>生产和使用刨花板是节约和高效利用木材资源的主要途径之一，对提高森林资源的综合利用率、缓解日益紧张的木材资源供求矛盾和保护生态环境具有积极而重要的意义。</t>
  </si>
  <si>
    <t>实木颗粒家具是由实木颗粒板组装而成的，实木颗粒板是由木材或其他木质纤维素材料制成的碎料，施加胶粘剂后在热力和压力作用下胶合成的人造板。当胶粘剂使用在实木颗粒板的含量一般低于5%，环保性较好。</t>
  </si>
  <si>
    <t>战队商店只有高渐离吗</t>
  </si>
  <si>
    <t>王者荣耀战队商店英雄目前只有高劲离哦，后期可能会有所增加。</t>
  </si>
  <si>
    <t>红霉素软膏和红霉素眼膏一样吗</t>
  </si>
  <si>
    <t>这两种的作用是一样的，但剂量不同，可以服用看看的。</t>
  </si>
  <si>
    <t>红霉素软膏为抗生素类药,抗菌谱较广,通常用于化脓性皮肤感染及对青霉素耐药的葡萄球菌感染。英文名：ERYTHROMYCINOINTMENT。是白色或淡黄色或黄色软膏。在医疗救助中占有重要的地位，特别是在外科手术，伤口的痊愈，皮肤的溃烂方面，运用显著，效果明显。本品为大环内酯类抗生素，对大多数革兰阳性菌、部分革兰阴性菌及一些非典型性致病菌如衣原体、支原体均有抗菌活性。&lt;br /&gt;红霉素眼膏用于沙眼、结膜炎、角膜炎、眼睑缘炎及眼外部感染。</t>
  </si>
  <si>
    <t>红霉素眼膏可以涂眼睛也可以涂皮肤。红霉素软膏，只能皮肤用，但眼睛不能用。</t>
  </si>
  <si>
    <t>中央党校毕业很牛吗</t>
  </si>
  <si>
    <t>相当牛。</t>
  </si>
  <si>
    <t>港澳通行证可以异地续签吗</t>
  </si>
  <si>
    <t>风油精可以喝吗</t>
  </si>
  <si>
    <t>部分风油精能口服，不过如果包装上没有注明的，切忌别乱喝。风油精最好别喝。</t>
  </si>
  <si>
    <t>当然可以了。</t>
  </si>
  <si>
    <t>公司地址挂靠有风险吗</t>
  </si>
  <si>
    <t>有风险的；因挂靠产生的法律后果，挂靠当事人应依法对法律后果承担相应的民事责任；挂靠是单位或个人，在未取得相应资质的前提下，借用符合资质的施工企业的名义承揽施工任务并向该资质施工企业交纳相应“管理费”的行为。根据《建筑法》第二十六条的规定，承包建筑工程的单位应当持有依法取得的资质证书，并在其资质等级许可的业务范围内承揽工程。禁止建筑施工公司超越本公司资质等级许可的业务范围或者以任何形式用其他建筑施工公司的名义承揽工程。禁止建筑施工公司以任何形式允许其他单位或者个人使用本公司的资质证书、营业执照，以及本公司的名义承揽工程。</t>
  </si>
  <si>
    <t>有风险。税务局查账时发现经营地址和注册地址不符，公司经营也受到影响。以后注销的时候也麻烦。</t>
  </si>
  <si>
    <t>没有什么风险，现在注册公司基本上是用挂靠地址。</t>
  </si>
  <si>
    <t>oem8.exe是病毒吗</t>
  </si>
  <si>
    <t>OEM这个一般代表是不会带病毒的，但是也不排除木马伪装的可能性。1，具体需要你自己查杀。2，下载腾讯电脑管家“8.4”最新版，对电脑首先进行一个体检，打开所有防火墙避免系统其余文件被感染。3，打开杀毒页面开始查杀，切记要打开小红伞引擎。4，如果普通查杀不能解决问题，您可以打开腾讯电脑管家---工具箱---顽固木马专杀- 进行深度扫描。5，查杀处理完所有病毒后，立刻重启电脑，再进行一次安全体检，清除多余系统缓存文件，避免二次感染。</t>
  </si>
  <si>
    <t>转机过夜机场管住宿吗</t>
  </si>
  <si>
    <t>如果是航空公司的原因，导致没有赶上当天的飞机，航空公司会安排住宿。如果是自己定的机票转机，中间需要过夜，自己选择在机场过夜或者出机场去旅馆住宿。</t>
  </si>
  <si>
    <t>经济学人官网看不了吗</t>
  </si>
  <si>
    <t>以前是随便看无限制，现在是每周才三篇免费观看的。</t>
  </si>
  <si>
    <t>ipad air2停产了吗</t>
  </si>
  <si>
    <t>目前多家苹果经销商表示9.7英寸iPad Air 2已没有供货，而且苹果官网上也显示送货时间将在2月20号以后，不过京东上依然有现货供应。</t>
  </si>
  <si>
    <t>目前在部分苹果授权经销商处，iPad Air 2的部分流行配置已经完全断货，而且基本不会有补货。</t>
  </si>
  <si>
    <t>江世俊是汪伪人员吗</t>
  </si>
  <si>
    <t>江世俊曾任汪伪南京宣传部副部长兼社论委员会主任。</t>
  </si>
  <si>
    <t>小米乳胶枕是真乳胶吗</t>
  </si>
  <si>
    <t>很多是人造合成的乳胶枕。</t>
  </si>
  <si>
    <t>端午节车管所上班吗</t>
  </si>
  <si>
    <t>车管所是属于公安机关交巡警部门下属的一个单位，所以也是按照国家法定节假日规定来正常放假的。</t>
  </si>
  <si>
    <t>h1z1连点器封号吗</t>
  </si>
  <si>
    <t>梦幻西游股票能赚钱吗</t>
  </si>
  <si>
    <t>最好不要买。</t>
  </si>
  <si>
    <t>tgp可以玩王者荣耀吗</t>
  </si>
  <si>
    <t>能玩。</t>
  </si>
  <si>
    <t>王者荣耀游戏手柄好用吗</t>
  </si>
  <si>
    <t>不好用。</t>
  </si>
  <si>
    <t>22寸行李箱可以带上飞机吗</t>
  </si>
  <si>
    <t>飞机随身携带只能是20寸的。</t>
  </si>
  <si>
    <t>没有问题，只要不大于60厘米的拉杆箱，都是可以带上飞机的。22寸的拉杆箱的尺寸是55厘米。</t>
  </si>
  <si>
    <t>请办理托运。国内各航空公司对随身携带的行李箱的尺寸限制规定是一致的，都是不超过55cm×40cm×20cm，也就是21英寸的（包括拉手和滚轮在内）。因为随身携带的行李箱需放入座位上方的封闭式行李架内或前排座位下，尺寸超过了是放不下的。</t>
  </si>
  <si>
    <t>iphone6 32g值得买吗</t>
  </si>
  <si>
    <t>买。</t>
  </si>
  <si>
    <t>有绿本的抵押车能买吗</t>
  </si>
  <si>
    <t>抵押车是不能办理过户手续的，只有在解除抵押协议之后，抵押车才能进行过户。</t>
  </si>
  <si>
    <t>交通部部长比省长大吗</t>
  </si>
  <si>
    <t>长远来看比省长大。</t>
  </si>
  <si>
    <t>平级。</t>
  </si>
  <si>
    <t>入驻美团需要费用吗</t>
  </si>
  <si>
    <t>没有任何费用。</t>
  </si>
  <si>
    <t>血管瘤危险吗</t>
  </si>
  <si>
    <t>具体是要看血管瘤的种类。管瘤治疗根据不同年龄层次、不同部位、不同类型、不同生长态势都有针对性的治疗方法和治疗方案。血管瘤的大校治疗的时间不同。收费都不同。所以没有一个准确的需要多少钱的概念。随着医疗的发展，血管瘤的治疗已经不再是难题。</t>
  </si>
  <si>
    <t>血管瘤的危害，取决于它的生长部位、大小及组织成份。如果血管瘤生长在面部，必然要影响美容，严重者可使面部五官畸形；在颈部、咽喉部容易因进食而导致破溃，可危及患者生命；在功能部位，如眼球、舌头、手指、足趾、阴茎、阴蒂及关节等，可影响这些部位的功能。如果血管瘤巨大，无论生长在什么部位都会严重危害患者的健康，此外血管瘤还可发生感染、溃疡、出血甚至恶变，这些都会严重危及患者的生命，因此得了血管瘤必须治疗。</t>
  </si>
  <si>
    <t>血管瘤一般都是分为先天性和后天性，而且先天性的血管瘤如果没有得到及时的治疗导致的后果也就是无法治愈了，而且血管瘤一般都是在婴幼儿的时期就已经有了的，所以对于这点我们的父母都要相对的注意些；说到成年人的血管瘤如果没有好好的治疗也是会非常严重的，虽然本身是没有多少的危害，但是因他引起的各种并发症，缺是非常严重的哦。</t>
  </si>
  <si>
    <t>诚毅学院是野鸡大学吗</t>
  </si>
  <si>
    <t>虽然是民办的，但是经过了教育部批准，其学历是得到国家承认的，所以不是野鸡大学。</t>
  </si>
  <si>
    <t>不是野鸡大学，还可以三本。</t>
  </si>
  <si>
    <t>新建县买房限购吗</t>
  </si>
  <si>
    <t>2017年3月8日南昌市出台《关于进一步做好房地产住宅市场调控工作的通知》,政策规定加大住宅限购限贷力度、有效增加住宅用地供应、加大住宅有效供应。3月31日南昌县和新建区相继发布加强房地产调控的通知,扩大限购范围。</t>
  </si>
  <si>
    <t>不限购，新建区和湾里区都不限购，连南昌西站周边都不限购，也就是九龙湖那边也不限购。</t>
  </si>
  <si>
    <t>柠檬酸对人体有害吗</t>
  </si>
  <si>
    <t>长期食用含柠檬酸的食品，有可能导致低钙血症，并且会增加患十二指肠癌的几率。儿童表现有神经系统不稳定、易兴奋、植物神经紊乱；大人则为手足抽搐、肌肉痉挛，感觉异常，瘙痒及消化道症状等。基于柠檬酸对钙的代谢可产生的影响，经常食用罐头、饮料、果酱、酸味糖果的人们，特别是孩子，要注意补钙，多喝生奶、鱼头、鱼骨汤、吃些小虾皮等，以免导致血钙不足而影响健康，胃溃疡、胃酸过多、龋齿和糖尿病患者不宜经常食用柠檬酸。柠檬酸不能加在纯奶里， 否则会引起纯奶凝固。乳制品行业常把柠檬酸配成10%左右的溶液加入低浓度的牛奶溶液中，加入时应快速的搅拌。</t>
  </si>
  <si>
    <t>拳王梅威瑟有没有败绩</t>
  </si>
  <si>
    <t>职业生涯没有败绩。</t>
  </si>
  <si>
    <t>一场败绩都没有。</t>
  </si>
  <si>
    <t>全胜。</t>
  </si>
  <si>
    <t>荷叶冬瓜茶能减肥吗</t>
  </si>
  <si>
    <t>荷叶茶确实能减肥，但要喝合理配制的荷叶茶，才能确保荷叶茶无副作用。冬瓜荷叶茶最好不喝，寒性体质的人喝了容易胃疼，月经不调。荷叶性质寒凉，不能单独喝干荷叶，那么喝配方茶的话，也不能再搭配过多的凉性原料，而冬瓜皮恰恰也是寒性明显的，跟荷叶配伍，是寒上加寒。对于热性体质的人来说，喝冬瓜皮荷叶茶，不会有明显的副作用，但是对于寒性体质的人，配上冬瓜皮喝荷叶，真的是雪上加霜。</t>
  </si>
  <si>
    <t>荷叶能通便，但是说要减肥的话光喝喝茶可不行。</t>
  </si>
  <si>
    <t>冬瓜荷叶茶长期喝是有很大的减肥功效的！实际上喝冬瓜荷叶茶以后，大小便的次数明显增加，可以促进油脂分解。</t>
  </si>
  <si>
    <t>2017安化黑茶是传销吗</t>
  </si>
  <si>
    <t>大学毕业证丢了可以补办吗</t>
  </si>
  <si>
    <t>只要资料齐全，原有的学校会解决这个问题。</t>
  </si>
  <si>
    <t>宋冬野出狱了吗</t>
  </si>
  <si>
    <t>出狱了。</t>
  </si>
  <si>
    <t>聚乙烯醇一支全用完吗</t>
  </si>
  <si>
    <t>烯醇滴眼液一支要在一天内用完。</t>
  </si>
  <si>
    <t>维生素b1可以驱蚊吗</t>
  </si>
  <si>
    <t>维生素b1能否驱蚊，答案是确定的。按1：100的比例。</t>
  </si>
  <si>
    <t>维生素B服用后，排除的体味可能避免蚊虫叮咬。以使用维生素b1进行处理，在洗澡时，将维生素b1碾碎放置于洗澡水之中，可以起到一定的减少蚊虫叮咬的效果。</t>
  </si>
  <si>
    <t>不可以。维生素B1与驱蚊没有任何关系。</t>
  </si>
  <si>
    <t>双色球中大奖是骗局吗</t>
  </si>
  <si>
    <t>当然是不可能的。</t>
  </si>
  <si>
    <t>经常口腔溃疡会癌变吗</t>
  </si>
  <si>
    <t>一般不会得癌症的，口腔溃疡：也称复发性口疮，是—种反复发作的口腔粘膜疾病。</t>
  </si>
  <si>
    <t>不会的，溃疡一般都是营养缺乏、贫血。尤其是缺乏铁和B族维生素。</t>
  </si>
  <si>
    <t>前挡风玻璃需要贴膜吗</t>
  </si>
  <si>
    <t>实际上，为爱车贴符合标准的专用汽车前挡膜是非常有必要的，前挡贴膜也是最能体现汽车膜所具有的防爆、抗紫外线、隔热、防眩光等各项性能的主要部位。</t>
  </si>
  <si>
    <t>做汽车服务的都想让大家贴前挡膜，其实前挡上膜弊大于利，晚上或天气不好时影响视线不安全。</t>
  </si>
  <si>
    <t>如果就是为了防止玻璃碎掉扎伤自己，那么可以很负责人的说，如果前档是夹胶玻璃是不需要贴膜的，如果是钢化玻璃需要贴膜。如果是有其他用途那么是可以贴膜的。</t>
  </si>
  <si>
    <t>新车需要打蜡吗</t>
  </si>
  <si>
    <t>一般新的车不要顺便打腊。</t>
  </si>
  <si>
    <t>新买汽车肯定是要打蜡的。新车刚买回来洗干净后就可以打蜡了。</t>
  </si>
  <si>
    <t>新车一年后再打蜡吧。</t>
  </si>
  <si>
    <t>社科院研究生院好考吗</t>
  </si>
  <si>
    <t>中国社会科学院不难考。</t>
  </si>
  <si>
    <t>阴阳师实名认证安全吗</t>
  </si>
  <si>
    <t>阴阳师实名注册其实是安全的，实际上并不是网易自己想做的，而是上面文件发下来要求全部的游戏公司全都要进行实名制认证。近期不管是什么游戏基本都要进行实名认证才可以玩。所以玩家请放心这个是安全的，网易这么大的招牌在也不可能泄露你身份证信息。需要注意的是二十号以前没有注册的玩家将不能进入游戏!同时玩家爱如果进行了实名认证，阴阳师游戏中可以获得两百勾玉的奖励！</t>
  </si>
  <si>
    <t>花18000去达内培训值吗</t>
  </si>
  <si>
    <t>不值，还不如去网上自学，建议大专以上的学历不要去学。</t>
  </si>
  <si>
    <t>angular4 与2变化大吗?</t>
  </si>
  <si>
    <t>2到4只是很微小的改动 。</t>
  </si>
  <si>
    <t>2017奥迪s4国内上市吗</t>
  </si>
  <si>
    <t>将于今年年内正式上市。</t>
  </si>
  <si>
    <t>三星量子点电视有毒吗</t>
  </si>
  <si>
    <t>有致癌物。</t>
  </si>
  <si>
    <t>踩踏商城犯法吗</t>
  </si>
  <si>
    <t>踩踏致人死亡不属于犯罪。踩踏属于意外事件，不存在故意或者过失，构不成犯罪。</t>
  </si>
  <si>
    <t>冒险岛2删档吗</t>
  </si>
  <si>
    <t>删档</t>
  </si>
  <si>
    <t>看17173抢号活动其中有一个是有资格的邀请没资格的，所有网游里边一般不删档才会有这种活动，所以目测不删档。</t>
  </si>
  <si>
    <t>有人跳超模25瘦了的吗</t>
  </si>
  <si>
    <t>超实用饮食减肥计划，一个月瘦下来。</t>
  </si>
  <si>
    <t>民政局周六上班吗</t>
  </si>
  <si>
    <t>周末不上班，除有特别情况需要加班的除外。</t>
  </si>
  <si>
    <t>周末属于国家法定节假日，民政局工作人员不上班的，可以选择周一至周六办理。</t>
  </si>
  <si>
    <t>民政局双休日不上班，但有值班的。</t>
  </si>
  <si>
    <t>贝立凯真的有用吗</t>
  </si>
  <si>
    <t>是可以的。</t>
  </si>
  <si>
    <t>高伟光是混血儿吗</t>
  </si>
  <si>
    <t>高伟光是个地道的东北人。</t>
  </si>
  <si>
    <t>天猫阿迪达斯官方旗舰店是正品吗</t>
  </si>
  <si>
    <t>大部分是假的，有些是走擦边球的.</t>
  </si>
  <si>
    <t>建信天弘飞月宝好吗</t>
  </si>
  <si>
    <t>建信天弘飞月宝目前七日年化收益率为4.8970%，是个30天短期理财产品，属于中低风险的理财产品，当然虽然风险不高，但本产品不承诺保本，在极端市场情况下存在资金损失风险。</t>
  </si>
  <si>
    <t>杨成瑞在泰安很出名吗</t>
  </si>
  <si>
    <t>现在好多人认识了吧，名气远扬了。</t>
  </si>
  <si>
    <t>没听说过</t>
  </si>
  <si>
    <t>手机指纹锁可以破解吗</t>
  </si>
  <si>
    <t>现金借款上征信吗</t>
  </si>
  <si>
    <t>看具体借款渠道。</t>
  </si>
  <si>
    <t>应该上。</t>
  </si>
  <si>
    <t>幼儿急疹可以洗澡吗</t>
  </si>
  <si>
    <t>在宝宝没有发热、呕吐、腹泻症状，皮肤无破损、水肿等情况下，可以用温水洗澡，并注意避免吹风、着凉，不要盖的过厚。</t>
  </si>
  <si>
    <t>急诊最好不要洗澡，洗澡比较疲劳，不利于身体康复。</t>
  </si>
  <si>
    <t>辉夜姬需要速度吗</t>
  </si>
  <si>
    <t>不需要，2生命1抵抗。</t>
  </si>
  <si>
    <t>看阵容，先手队需要高速招财套靠多个高速式神行动回火外加快速叠满行动回火条，当然还得带招财套，后手队就靠挨打回火就不需要速度了，御魂可以选其他功能性的。</t>
  </si>
  <si>
    <t>一般都不带速度的，到她的回合龙首之玉才会没有，所以越慢越好。</t>
  </si>
  <si>
    <t>男士spa女的给洗澡吗</t>
  </si>
  <si>
    <t>有的是。</t>
  </si>
  <si>
    <t>社保卡没激活会过期吗</t>
  </si>
  <si>
    <t>不会过期，但应当及时激活。</t>
  </si>
  <si>
    <t>规定的激活时间是自发卡日期开始的6个月内，如过期未到银行办理激活，参保人原有的医保卡将自动废止，但社保卡无需重新办理，到银行办理激活后，原医保卡账户上的金额就会转入社保卡内。</t>
  </si>
  <si>
    <t>社保卡不激活暂时不交费不会作废，社保卡激活后才可以使用。</t>
  </si>
  <si>
    <t>计算机等级考试有用吗</t>
  </si>
  <si>
    <t>等级考试还是有点用的。</t>
  </si>
  <si>
    <t>当然有用。首先对大学非计算机专业的学生必须要过计算机等级考试.这是拿到毕业证和学位证的条件之一。</t>
  </si>
  <si>
    <t>不一定，看情况。</t>
  </si>
  <si>
    <t>党的中央组织监督是首要主体 是否正确</t>
  </si>
  <si>
    <t>党的中央组织的监督是党章赋予的重大职责。加强党的中央组织监督，是贯彻民主集中制原则、强化自上而下监督的必然要求。党的中央组织带头履行监督职责，这是推动落实全面从严治党的【主体责任】，强化自上而下监督，提高监督的权威性和有效性的关键所在。</t>
  </si>
  <si>
    <t>坚持信任不能代替监督，坚持党的领导，强化责任担当，突出领导本身就包含着教育、管理和监督，有领导权力就要负监督责任，努力做到有权必有责、有责要担当，用权受监督、失责必追究。同时抓住“关键少数”，重点盯住一把手。明确把“党的领导机关和领导干部特别是主要领导干部”作为党内监督的重点对象，要求加强对党组织主要负责人和关键岗位领导干部的监督。坚持民主集中制，强化自上而下的组织监督，改进自下而上的民主监督，发挥同级相互监督作用，坚持党内监督与外部监督相结合，规范党内监督与其他监督方式的关系，实现依法治国与依规治党的有机统一。在监督主体、监督职责的划分上，专章规定“党的中央组织的监督”，充分体现党中央和中央领导同志以身作则、以上率下，党内监督没有禁区、没有例外；突出强调党委（党组）在党内监督中负主体责任，书记是第一责任人；明确纪委是党内监督的专责机关，履行监督执纪问责职责；对党的工作部门的监督职责作出规定等。</t>
  </si>
  <si>
    <t>一是领导本地区本部门本单位党内监督工作，组织实施各项监督制度，抓好督促检查。要切实加强领导，把党内监督工作列入重要议事日程，经常研究、及时解决党内监督工作中存在的突出问题，确定目标任务并作出部署。要组织实施批评和自我批评、巡视巡察、组织生活、党内谈话、考察考核、述责述廉、个人有关事项报告、插手干预重大事项记录等监督制度，重点加强对下一级党组织主要负责人的监督。要自觉把监督当作分内之事，把压力传导给所有班子成员和党的工作部门，确保党内监督主体责任落实到位。二是加强对同级纪委和所辖范围内纪律检查工作的领导，检查其监督执纪问责工作情况。党章第四十三条规定，党的地方各级纪律检查委员会和基层纪律检查委员会在同级党的委员会和上级纪律检查委员会双重领导下进行工作。落实党内监督主体责任，一个重要方面就是加强对纪委工作的领导，支持纪委履行监督执纪问责职责。</t>
  </si>
  <si>
    <t>电脑有蓝牙功能吗</t>
  </si>
  <si>
    <t>打开电脑后，等待系统稳定后，在桌面上选择“我的电脑”或“计算机”图标。选择“我的电脑”或“计算机”图标后，点击鼠标右键，找到“管理”。选择“管理”，并点击进去，等待一会，找到设备管理器这个图标，并点击，就可以看到整个电脑的设备，查看是否有蓝牙图标，如果有的话，就说明电脑具备蓝牙功能，如果没，就说明电脑不具备蓝牙功能。需要买蓝牙适配器。</t>
  </si>
  <si>
    <t>户口和档案必须在一起吗</t>
  </si>
  <si>
    <t>户口与档案可以不在一起，档案和户口是分开管理的。户口是由本人所在地（出生、就学、工作）派出所登记，而档案是由学校、工作单位管理。一般说来，应届毕业生的档案和户口是不分开的。凡是在毕业时没有落实接收单位的应届毕业生，除非学校同意保存2年的档案和户口，否则，其档案都要转回原籍的毕业生就业指导机构（如北京市人事局的学生处等），户口落回报考前的派出所。如果毕业后，有落实接受单位的应届毕业生，可以把户口落在公司的集体户口上，然后找该市的人才服务中心代保管自己的档案。相关的办理程序可以咨询当地的人才服务中心或公司的人事管理部门。迁移户口和转接档案是分开的，需要分别办理。毕业时，户口可以挂靠在人才市场，也可以放在亲戚朋友家，只要符合条件。如单位可保管档案，档案可转到单位，如单位无保管权（比如私营企业），可让单位出面托管在当地人才中心，但要交一定费用。</t>
  </si>
  <si>
    <t>不是的：迁移户口与当事人的个人档案是否迁移，是无关的，两者分属于不同的部门管辖：1、迁移个人档案的，必须迁入地的用人单位、人力资源与社保部门同意接收的，才能迁移；2、而迁移户口的，必须迁入地的集体及户主同意接收，并且当事人能交验迁移户口需要的证件、资料，符合当地的户籍迁移政策（如：婚迁入户时的结婚年限等）的，才能迁移；3、当事人可以在办理户口迁入手续后，再带上本人的户口本、有效身份证等，咨询户口迁入地的人力资源与社会保障部门工作人员，以对方的答复为准。</t>
  </si>
  <si>
    <t>土豆发芽了还能吃吗</t>
  </si>
  <si>
    <t>三唑仑服用后有意识吗</t>
  </si>
  <si>
    <t>睡后是有一定的意识的。</t>
  </si>
  <si>
    <t>赶集网租房靠谱吗</t>
  </si>
  <si>
    <t>都是骗人的,给打电话就要找各种借口,反正就是看不了房,要确定租然后交定金才能看.网上的便宜漂亮房都是假的,别相信.</t>
  </si>
  <si>
    <t>一般的都可信，要看是否是个人的信息还是经纪人的信息，要是看到的是经纪人的信息一般的都是房价写的稍微便宜点，要是是个人的真实房源，就比较可信了，但是转租的必须和房主直接签合同，必须看到房本。要是和中介签合同，必须看到房本复印件。还是有点可信度的，具体还是要打电话落实后才知道是否真实，网站本身一般是不会去电话核实的，所以只有用户自行甄别了。</t>
  </si>
  <si>
    <t>印第安人灭绝了吗</t>
  </si>
  <si>
    <t>没有，印第安人虽然遭遇过大屠杀，但并未灭绝。</t>
  </si>
  <si>
    <t>杭州晖硕信息技术有限公司是培训机构吗</t>
  </si>
  <si>
    <t>心悦会员能解封lol封三年的账号吗</t>
  </si>
  <si>
    <t>不可以，心悦会员也无法解封的。</t>
  </si>
  <si>
    <t>牛奶和苹果能一起吃吗</t>
  </si>
  <si>
    <t>苹果和牛奶最好不要一起食用，牛奶中的蛋白质80％以上为酪蛋白，如在酸性情况下，酪蛋白易凝集，易导致消化不良和腹泻，因此在食用牛奶或乳制品后建议不要马上食用水果。</t>
  </si>
  <si>
    <t>快速存储技术有用吗</t>
  </si>
  <si>
    <t>装了会开机慢。</t>
  </si>
  <si>
    <t>1、英特尔RST快速存储技术是指将SSD当作磁盘缓存进而加快系统加载速度和运行速度，需要将SSD硬盘与机械硬盘组成RAID模式才有效果。2、如果是直接将操作系统安装在SSD硬盘上，则使用此技术无效。也无必要使用。</t>
  </si>
  <si>
    <t>2017嘀嗒拼车合法吗</t>
  </si>
  <si>
    <t>2017拼车合法。</t>
  </si>
  <si>
    <t>不合法，平台没审批。</t>
  </si>
  <si>
    <t>二胡好学吗</t>
  </si>
  <si>
    <t>二胡并不难学，重要是兴趣和毅力以及个人的天分。</t>
  </si>
  <si>
    <t>建行手机银行转账要手续费吗</t>
  </si>
  <si>
    <t>建设银行手机银行转账手续费标准，分为以下3个情况：1、建行同行同城之间转账是免费的。2、建行网上银行异地汇款手续费为汇款金额的0.25%，最低2元，最高不超过25元。3、跨行转账手续费，异地转账汇款手续费等按照建行柜面转账类服务价格的50%来执行。也就是说建行网上银行跨行转账手续费仅为转账金额的0.5%，且最低2元，最高不超过25元。</t>
  </si>
  <si>
    <t>建设银行手机银行跨行转账已经是免手续费的了，通过建行手机银行跨行转账完全免费很划算。</t>
  </si>
  <si>
    <t>三十岁了还可以整牙齿吗</t>
  </si>
  <si>
    <t>三十岁对于矫正年龄来说有点偏大了，但是还是可以矫正的，只是说牙齿移动速度较慢，时间较长，要做好心理准备。</t>
  </si>
  <si>
    <t>牙齿矫正并没有绝对年龄限制，只要患者选择一家正规的医院和专业的医生完全能达到理想中的矫正的效果，只不过矫正所需的时间和难度比儿童多一点而已。虽然三十岁还能带牙套矫正，不过矫正的效果并不如儿童和青少年，因为成年人骨骼发育基本停止，骨代谢及牙槽骨改建比较缓慢，不仅矫正所需时间长，容易出现反弹现象，而且通过牙套矫正佩戴极其不舒适，异物感强烈，容易损伤口腔粘膜，引起口腔炎症。</t>
  </si>
  <si>
    <t>2017年华生园要门票吗</t>
  </si>
  <si>
    <t>华生园金色蛋糕梦幻王国是重庆华生园食品有限公司旗下的AAA国家级旅游景区，门票10元/人。</t>
  </si>
  <si>
    <t>金色蛋糕梦幻王国门票108元预订价108元，预定门票如果是儿童，可以由一位大人免费陪同，大人不能制作，多出的大人每位10元陪同费。</t>
  </si>
  <si>
    <t>华生园总厂，1月1日起收门票啦，具体不超过十块钱。</t>
  </si>
  <si>
    <t>笔记本电脑一直插着电源好不好</t>
  </si>
  <si>
    <t>如果你需要一直插着，就插着好了，如果需要离开电源线不断走动，那就快等没电（不是完全没电）再充好了。</t>
  </si>
  <si>
    <t>按摩减肥真的有效吗</t>
  </si>
  <si>
    <t>按摩减肥主要是利用中医按摩穴位经络的方式来实现减肥的目的。</t>
  </si>
  <si>
    <t>效果并不是很好。</t>
  </si>
  <si>
    <t>没有效。</t>
  </si>
  <si>
    <t>杀虫剂对人有害吗</t>
  </si>
  <si>
    <t>杀虫剂会通过呼吸道，或皮肤对人体进行一定的伤害，所以喷完此类产品人是不可一在室内呆着的.最近环境毒理学的专家经实验证实，对人体的神经系统具有明显的毒性，长期接触（即使是低剂量）也会引起颅神经麻痹、感觉异常、头晕、头痛等神经症状。而属于有机磷类、有机氯类和氨基甲酸酯类的杀虫成分，对人畜毒性更大。</t>
  </si>
  <si>
    <t>孩子户口可以跟爷爷奶奶吗</t>
  </si>
  <si>
    <t>一般能不能迁要看情况：1、孩子户口只能跟随爸爸或妈妈的任何一方，但不能报在爷爷、奶奶的名下。如果当事人把自己户口报在父母亲名下，孩子的户口就能随迁。2、父母和爷爷各是独立的的户籍，两个户籍均是公房，在同一社区居住，孩子的户口能否迁到爷爷奶奶处，取决于派出所是否同意。具体的可以到当地派出所，看当地政策是否允许，主要还是看户籍管理的那个部门是否同意，应该是可以的，但是手续会比较繁琐。</t>
  </si>
  <si>
    <t>是不可以的。孩子的户口只能随父亲或母亲。</t>
  </si>
  <si>
    <t>把钱放在余额宝里安全吗</t>
  </si>
  <si>
    <t>有风险的，但是存少一些进去不怕，不能把它当银行，把全副家当存进去。</t>
  </si>
  <si>
    <t>从历史数据来看收益稳定风险极小。</t>
  </si>
  <si>
    <t>h1z1现在还要vpn吗</t>
  </si>
  <si>
    <t>亚太服，可以直连。</t>
  </si>
  <si>
    <t>不用了，已经解锁地区。</t>
  </si>
  <si>
    <t>sk刷客是真的吗</t>
  </si>
  <si>
    <t>换身份证旧的要收回吗</t>
  </si>
  <si>
    <t>《中华人民共和国居民身份证法》第十一条：换发新证；领取新证时，必须交回原证。</t>
  </si>
  <si>
    <t>交警扣车要交停车费吗</t>
  </si>
  <si>
    <t>这个不交他们没有任何办法，因为法律就规定了由行政机关承担的。</t>
  </si>
  <si>
    <t>需要交按日计算。</t>
  </si>
  <si>
    <t>朴宰范的私生活很乱吗</t>
  </si>
  <si>
    <t>其实没有啦，只是有人以讹传讹，当年有好多版本啦，什么有录影带啦，什么让谁堕胎什么的，朴宰范的目母亲都出来辟谣了，说绝对不会做这种事，基本上就是jyp放话说私生活，然后大家猜的，只能说墙倒众人推，都过去了 。</t>
  </si>
  <si>
    <t>印度摔跤吧爸爸是真实故事吗</t>
  </si>
  <si>
    <t>是由印度摔跤手 Mahavir Singh Phogat的 真实故事改编来。</t>
  </si>
  <si>
    <t>社保可以在两个地方同时交吗</t>
  </si>
  <si>
    <t>不可以两个地方同时缴纳社保。</t>
  </si>
  <si>
    <t>可以同时交，这个可以自己去办理转移，先去原单位社保局开缴费凭证，再拿凭证去现在兼职的单位社保局办理转移，之后就是社保局的事情了，如中间有断掉，建议可以自己补缴，当年的不用滞纳金，跨年了就需要滞纳金了。没有折子也可以，有身份证号码。可以同时交，这个可以自己去办理转移，先去原单位社保局开缴费凭证，再拿凭证去现在兼职的单位社保局办理转移，之后就是社保局的事情了，如中间有断掉，建议可以自己补缴，当年的不用滞纳金，跨年了就需要滞纳金了。没有折子也可以，有身份证号码。</t>
  </si>
  <si>
    <t>两地缴费很正常，但是不能同时缴费，也就是不能重叠，重叠的部分无效，选择一份退还，不重叠 部分可以办理合并转移。</t>
  </si>
  <si>
    <t>dnf寸拳徽章值钱吗</t>
  </si>
  <si>
    <t>没用，不值钱。</t>
  </si>
  <si>
    <t>汽车盗抢险有必要买吗</t>
  </si>
  <si>
    <t>不怕贼偷就怕贼惦记，对于刚购入新车的车主来说，新车盗抢险是有必要的，两年以内的新车被盗风险都较大。</t>
  </si>
  <si>
    <t>盗抢险是否有必要购买要考虑到车龄，环境，行驶的路线等等因素去综合评定。</t>
  </si>
  <si>
    <t>看是否粗心，还有车辆价值多少，如果是十多万的车，别人抢去上牌什么的会划不来。</t>
  </si>
  <si>
    <t>遭迟退的工人有保障吗</t>
  </si>
  <si>
    <t>依据员工手册或者规章制度，可以辞退有过错的员工，辞退无过错的员工要提前通知且支付经济补偿金。</t>
  </si>
  <si>
    <t>辞退有赔偿金与失业金。</t>
  </si>
  <si>
    <t>小米体脂秤准吗</t>
  </si>
  <si>
    <t>数据基本上都是靠算法计算出来的，只具有参考价值，而不是精确数据。</t>
  </si>
  <si>
    <t>只能称体重，体脂的数据太假了。</t>
  </si>
  <si>
    <t>做非标自动化工资高吗</t>
  </si>
  <si>
    <t>三年工作经验，工资水平在五千到六千左右；五年，七千到八千左右；八年以上，一般都是九千以上。</t>
  </si>
  <si>
    <t>这行刚开始收入3k-4k，后面就看能力了，能力高了年薪上万很正常。</t>
  </si>
  <si>
    <t>一般五年以上，最少都可以开8千，三年五六千。</t>
  </si>
  <si>
    <t>阿尼·利昂纳德醒了吗</t>
  </si>
  <si>
    <t>阴道炎会导致不孕吗</t>
  </si>
  <si>
    <t>阴道炎对生育虽然不太大。</t>
  </si>
  <si>
    <t>会导致。</t>
  </si>
  <si>
    <t>一般轻度的阴道炎是不影响怀孕的,重度的阴道炎会引起不孕。</t>
  </si>
  <si>
    <t>尼龙是滑的吗</t>
  </si>
  <si>
    <t>杜鹏和王蓉蓉是头婚吗</t>
  </si>
  <si>
    <t>两个人都是初婚。</t>
  </si>
  <si>
    <t>特曼粑粑结婚了吗</t>
  </si>
  <si>
    <t>应该结婚。</t>
  </si>
  <si>
    <t>小黄车有定位吗</t>
  </si>
  <si>
    <t>共享单车的原创者和领骑者ofo小黄车宣布，在App端开放定位功能。</t>
  </si>
  <si>
    <t>那种按键式电子车锁，gps和数据模块应该都在里面。</t>
  </si>
  <si>
    <t>小黄车虽然没有定位系统，但是骑行的人的位置通过app或者公众号是可以定位到的，获取了骑行的人的位置，等于是获取了小黄车的定位。</t>
  </si>
  <si>
    <t>trouble maker解散了吗</t>
  </si>
  <si>
    <t>没有解散，据说年底回归。</t>
  </si>
  <si>
    <t>trouble maker没有解散，只是没有活动没有回归，泫雅和张贤胜没有以trouble  maker的名义活动，另外，解散的是4minute，不是trouble  maker。</t>
  </si>
  <si>
    <t>不会的，现在很火，出的两首歌都很受欢迎，不会解散的，可能现在各自忙着组合的事还没出新专辑。</t>
  </si>
  <si>
    <t>右佐匹克隆片是安眠药吗</t>
  </si>
  <si>
    <t>右佐匹克隆片具有镇静、抗焦虑、抗惊厥和肌肉松弛作用。长期的临床试验及应用显示，右佐匹克隆片是一个疗效确切，不良反应较少的较为理想的镇静催眠药物。</t>
  </si>
  <si>
    <t>aiesec在中国合法吗</t>
  </si>
  <si>
    <t>中差评外包靠谱吗</t>
  </si>
  <si>
    <t>真正专业强大的外包公司靠谱。</t>
  </si>
  <si>
    <t>创极速光轮吓人吗</t>
  </si>
  <si>
    <t>蛮晕的，如果坐激流勇进都会吓，这个肯定也会吓的。</t>
  </si>
  <si>
    <t>其实还好，不是很刺激，看起来比较炫。</t>
  </si>
  <si>
    <t>5173卖号找回110会管吗</t>
  </si>
  <si>
    <t>农村耕地包含自留地吗</t>
  </si>
  <si>
    <t>《中华人民共和国宪法》第十条规定“农村和城市郊区的土地，除由法律规定属于国家所有的以外，属于集体所有；宅基地和自留地、自留山，也属于集体所有。”</t>
  </si>
  <si>
    <t>清迈丛林飞跃安全吗</t>
  </si>
  <si>
    <t>挺安全的，因为它有两个扣的，绑在钢锁上的。</t>
  </si>
  <si>
    <t>项目事故频发，日前又有2名中国游客在参加项目过程中意外身亡。今年6月以来，该项目已造成多人死亡。</t>
  </si>
  <si>
    <t>费洛蒙催情香水有用吗</t>
  </si>
  <si>
    <t>这个是不科学的，没有用。</t>
  </si>
  <si>
    <t>有一定吸引作用，不过要用对。</t>
  </si>
  <si>
    <t>h1z1要钱吗</t>
  </si>
  <si>
    <t>在今天，也就是2015年1月16日所开放的是抢先体验版，这个版本需要采用 [19.99美金/或40美金购买豪华版] 收费买断，才能玩游戏，这款游戏实际上确实是免费的，但是需要等游戏两年后开始正式营运时则会改为免费制。</t>
  </si>
  <si>
    <t>信用钱包查征信吗</t>
  </si>
  <si>
    <t>玖富和月光宝盒理财平台一样都是属于P2P平台，就目前而言，P2P平台的征信系统和银行是没有对接的，所以是不会上银行的征信的。</t>
  </si>
  <si>
    <t>说不上都是骗人的，不过在征信不是显示信用钱包，而是显示金融公司的名称，贷款多少，什么时候到期都可以查询到的。</t>
  </si>
  <si>
    <t>皮床有味道是甲醛吗</t>
  </si>
  <si>
    <t>现在的家具基本都是含甲醛的，特别是皮制部分和涂料部分。</t>
  </si>
  <si>
    <t>2017年泰国最近安全吗</t>
  </si>
  <si>
    <t>总体说很安全。</t>
  </si>
  <si>
    <t>蜗牛壳碎了还能活吗</t>
  </si>
  <si>
    <t>如果只是外壳小部分损坏，外套膜没有损伤，蜗牛的外套膜会分泌贝壳成分，以修补破损的部位。修补后的部位与其他部位的外壳相比，颜色稍淡。如果破损深达外套膜，此时蜗牛就无法分泌贝壳成分而修补破损部位。但破损之处可以长成疤痕的结缔组织。此时的蜗牛虽无法修补外壳，但仍有可能存活。如果破损深达内部组织，那么存活的可能性就比较小。因为内部组织出现破损，环境中微生物直接进入蜗牛体内。蜗牛的代谢比较缓慢，难以在短时间内使伤处愈合，微生物的持续进入，就会造成严重的影响。</t>
  </si>
  <si>
    <t>没事，会活下去会重新恢复。</t>
  </si>
  <si>
    <t>如果是小裂口的是可以恢复的，如果伤口太大就困难了。</t>
  </si>
  <si>
    <t>自考本科可以考高中教师资格证吗</t>
  </si>
  <si>
    <t>自考本科学历可以考教师资格证，因为国家认可的学历都是可以报考教师资格证的，而自考的学历是国家认可的。</t>
  </si>
  <si>
    <t>自考本科过了之后，可以先报考高中教师资格证的笔试和面试，取得笔试面试合格证以后，再凭合格证、普通话证、毕业证等申请教师资格认定，认定合格即可获得相应的教师资格证。</t>
  </si>
  <si>
    <t>轿车可以走川藏线吗</t>
  </si>
  <si>
    <t>如果是说的川藏线，就是指318国道进入藏区。轿车进藏其实是一个比较有争议的问题。首先如果有一定维修知识，驾驶山路有5万公里里程，有经验的司机是可以进入拉萨的，但是对轿车的损伤较大，不太建议开普通轿车进入藏地。另外，由于318国道川藏交接处地质复杂常年塌方严重，全年在修路，所以轿车的通过性就面临很大挑战，动力在高原也会面临挑战，发动机“高原反应”，让轿车长时间低速挡运行很容易烧离合。爆胎风险也很大，轿车轮胎薄，轮毂大容易爆胎和轮毂破裂。对于安全来说不要驾轿车进入藏区。</t>
  </si>
  <si>
    <t>一般公路胎的可能不行。川藏线这几年一直在修路，现在路况已经好了很多，而且很多山都已经通隧道了，不过对于开车来说只要是路平就好了。路上也有很多想不到的情况，比如路基被河水冲垮了，突然下来的泥石流，特别是下雨天一定要注意泥石流，一旦有一点泥石流的话，轿车的话基本上是过不去的，suv很轻松就能开过去了。轿车进也没有什么问题还是有很多轿车进的，但是保险起见还是suv，毕竟川藏线的路不是很好。在到芒康的时候还是能看到很多轿车的，之后的路上看见轿车的话还是比较少了。后边的路基本上都是在修路，特别是到了林芝之后，路很烂了，因为在修林拉高速基本上318已经被压得不行了。轿车开的话找比较平的地方能开过去，但是雨雪天的话只能打滑了。</t>
  </si>
  <si>
    <t>可以走的，一路基本上都是好路，烂路的路段总共只有几百公里，剪子弯山、卡子拉山、海子山，就是相克宗村到巴塘那一段，还有就是通麦那一段。当地人开的五菱之光在盘山公路上跑得飞快，车顶还架着4.5台山地，只要在路上小心开就行。</t>
  </si>
  <si>
    <t>黄磊三胎生了吗</t>
  </si>
  <si>
    <t>黄磊人生圆满了！孙莉微博发文，三胎已生是个儿子，多多又当姐姐。</t>
  </si>
  <si>
    <t>今日上午11点，黄磊孙莉被曝喜得麟儿。有微博认证为“资深综艺节目制作人”的博主爆料称，“黄磊在朋友圈跟大家报喜，应该是第三个孩子在香港出生了。”</t>
  </si>
  <si>
    <t>车位使用权转让合法吗</t>
  </si>
  <si>
    <t>一，赠与合同1，赠与合同；是赠与人将自己的财产无偿给予受赠人，受赠人表示接受赠与的合同。2，附条件合同，是指要求你负一定义务，合同生效的合同。如，送车位，要求一次性付全款方可成立。属于附条件合同。二，车位、车库权属；1，车位，占用业主共有的道路或者其他场地用于停放汽车的车位，属于业主共有。开发商不可以出售或赠与.2，车位（小区属于设立的专业停车场）、车库（专业停车库房）,开发商可以出售、附赠或者出租等3,人防工程规划面积，属于业主共有使用权，战时无条件撤出。开发商不可以出售或赠与.（每栋规模建筑，都有人防工程面积）.引用法律规定；《合同法》第一百八十五条　赠与合同是赠与人将自己的财产无偿给予受赠人，受赠人表示接受赠与的合同。《物权法》第七十四条 建筑区划内，规划用于停放汽车的车位、车库应当首先满足业主的需要。建筑区划内，规划用于停放汽车的车位、车库的归属，由当事人通过出售、附赠或者出租等方式约定。占用业主共有的道路或者其他场地用于停放汽车的车位，属于业主共有。</t>
  </si>
  <si>
    <t>总体上来说，车位可以地简单分为两种，一种是能办出产权证的，另一种是不能办出产权证的。所以在大家购买车位的时候一定要擦亮眼睛了解清楚，你签署的是《机动车位购置协议》，还是《车位租赁协议》或《使用权转让协议》。常见的不能办出产权证的车位也可以地简单分为两种。一种是已经列入公摊面积的车位。只要列入了公摊，从法律上来说就属于不能办出产权证的车位，因为是全体业主共有。因此该类车位不可以购买产权但可以租赁。另一种是人防车位。人防车位不同于其它车位，有着其特殊性。因为人防车位所占的面积属于人防工程，而人防工程又是属于人民防空工程建设的，根据有关规定，国防资产属于国家所有。此外，建设部相关条例已明确规定，作为人防工程的地下室不计入公用建筑面积。因此，人防车位既不属于开发商，也不属于全体业主共有，该类车位也不可以购买产权。</t>
  </si>
  <si>
    <t>saivian在中国合法吗</t>
  </si>
  <si>
    <t>Saivian是美国的一家公司，在美国是合法存在的，在中国国内，因为目前并没有在中国成立分公司或办事处之类的，只是有部分人提前来开展业务了，不违法，但合不合法也不能盖棺定论。</t>
  </si>
  <si>
    <t>无创dna能看出男女吗</t>
  </si>
  <si>
    <t>一、基因测序技术：无创DNA的检测主要是通过采集孕妇的静脉血，提取胎儿的游离DNA，利用基因测序技术来检查宝宝的性别的。这是一种比较新的技术，所以有些医学专家对这方面还存在争议，所以建议孕妇们慎重考虑。二、抽取母体血液：大家千万要记住一点，在做无创DNA之前，不可以空腹，因为这项检查需要抽取母体血液，通过这种方法来检测胎儿的性别，如果孕妇空腹的话，可能会影响检查效果，所以在抽取母体血液，做无创DNA时，孕妇可以正常饮食。三、注意检查时间：虽然说无创DNA可以帮助孕妇胎儿的男女，但是检查时间是有限制的，一般来说，准妈妈在怀孕12周左右的时候进行无创DNA是最有效果的，检测宝宝性别时也最准确，所以说，如果大家想通过无创DNA来看宝宝男女的话，一定要注意检查时间，尽量在怀孕12周后去检测。</t>
  </si>
  <si>
    <t>这个值是看不出来的，3是指三倍体，高于3就有可能是21三体。而其它的数值只是代表是几倍体，纯合子是1，杂合是2，所以高于3就有唐氏了。只有Y染色体的数值有给出才能判断。比如Y如果是0那就是女宝，1就是男宝。</t>
  </si>
  <si>
    <t>咖啡可以加牛奶吗</t>
  </si>
  <si>
    <t>咖啡牛奶可以一起喝。</t>
  </si>
  <si>
    <t>神盾局特工第四季完结了吗</t>
  </si>
  <si>
    <t>故事没有完结。</t>
  </si>
  <si>
    <t>没有学位证可以考研吗</t>
  </si>
  <si>
    <t>不行、报名时要验证毕业证和学位证，考研只需要毕业证，不需要学位证</t>
  </si>
  <si>
    <t>没有学位证可以报名考研 但是不能拿到硕士学位  因为在授予硕士学位的时候要查你的学士学位的编号</t>
  </si>
  <si>
    <t>这个目前的回答只能说是不一定，这个问题的关键在于你所报考的院校有没有对学位证有要求</t>
  </si>
  <si>
    <t>菠菜豆腐可以一起吃吗</t>
  </si>
  <si>
    <t>在吃菠菜和豆腐时，一定要将菠菜放在水里煮煮，除掉草酸。</t>
  </si>
  <si>
    <t>菠菜中含有大量的草酸，会与钙结合成不溶性的沉淀。然而，这种说法没有看到问题的另一个方面———菠菜当中也含有多种促进钙利用、减少钙排泄的因素，包括丰富的钾和镁，还有维生素K。</t>
  </si>
  <si>
    <t>菠菜豆腐不能同食只是一种书本理论，菠菜中的草酸和豆腐中的钙如果直接能放在一起煮的话，它俩确实会生成草酸钙，是不利于健康的。</t>
  </si>
  <si>
    <t>环球网校靠谱吗</t>
  </si>
  <si>
    <t>靠谱。考试通过率不低。因为单位核网校有合作。有八人参加去年的一建的考试，其中有5人通过了考试，另外两人都是过了其中的两门到三门，比较遗憾。环球网校有免费重学。而且环球的实力真强，有时候看录播枯燥了就看直播，直播能和老师互动，平常还有老师给答疑。</t>
  </si>
  <si>
    <t>糖御医远红外贴管用吗</t>
  </si>
  <si>
    <t>本产品上市后，主要靠效果，在同行产品中被市民百姓高度认可。</t>
  </si>
  <si>
    <t>一般情况应该7-15天就能看见比较明显的效果了。</t>
  </si>
  <si>
    <t>工会经费能零申报吗</t>
  </si>
  <si>
    <t>工会经费是根据本单位工资发放总额为依据进行申报的，如果你单位本期不发生工资额，那么你本期的工会经费计提就为零，也就是零申报。</t>
  </si>
  <si>
    <t>可以申报成功。</t>
  </si>
  <si>
    <t>彩虹六号围攻需要vpn吗</t>
  </si>
  <si>
    <t>跟时间段有关系。</t>
  </si>
  <si>
    <t>英超足总杯冠军能参加欧冠吗</t>
  </si>
  <si>
    <t>在英超只有前四名才可以参加欧冠。</t>
  </si>
  <si>
    <t>win2016 server好用吗</t>
  </si>
  <si>
    <t>2016相当的顺滑，速度快，比win10强很多倍。</t>
  </si>
  <si>
    <t>槐花和鸡蛋可以以一起吃吗</t>
  </si>
  <si>
    <t>能呀。</t>
  </si>
  <si>
    <t>拌在一起煎着吃。</t>
  </si>
  <si>
    <t>洋槐花和鸡蛋可以一起吃 。洋槐花洗净后，拌上面粉,放两到三个鸡蛋蒸，蒸熟以后在用香菜和香葱，香油，根据个人口味拌着吃。</t>
  </si>
  <si>
    <t>mac会中勒索病毒吗</t>
  </si>
  <si>
    <t>只是未被针对，但会中病毒。</t>
  </si>
  <si>
    <t>香港中转需要港澳通行证吗</t>
  </si>
  <si>
    <t>不用港澳通行证。</t>
  </si>
  <si>
    <t>今日头条新手期的阅读量能赚钱吗</t>
  </si>
  <si>
    <t>小米5c支持联通4g吗</t>
  </si>
  <si>
    <t>不支持。</t>
  </si>
  <si>
    <t>盈店通靠谱吗</t>
  </si>
  <si>
    <t>移动电源能带上飞机吗</t>
  </si>
  <si>
    <t>20000毫安一下的移动电源是可以带上飞机的。1、根据规定小于等于100Wh的移动电源可以带上飞机，按最大的额定电压5V计算，100Wh除以5V等于2万毫安，而移动电源的额定电压是3.7V，所以容量在2万毫安以内的都可以带上飞机。2、移动电源必须要要是正规厂家生产，要有详细的产品参数，比如厂家信息、厂家地址、移动电源的额定功率等，移动电源只能随身携带，上飞机必须保持关机状态，不能托运。</t>
  </si>
  <si>
    <t>100Wh（瓦特小时）。超过100Wh但不超过160Wh的，经航空公司批准后可以装在交运行李或手提行李中的设备上。超过160Wh的锂电池严禁携带。</t>
  </si>
  <si>
    <t>第一、 移动电源严禁在行李中托运，只能随身携带登机，并要做好绝缘措施； 第二、 每人最多只能携带2个累计不大于160Wh的锂电池登机，如果单个锂电池容量超过100Wh的话就必须报备。</t>
  </si>
  <si>
    <t>电脑可以玩王者荣耀吗</t>
  </si>
  <si>
    <t>可以，下载腾讯游戏平台。</t>
  </si>
  <si>
    <t>鲁大师好用吗</t>
  </si>
  <si>
    <t>鲁大师是一款免费的系统工具软件，据我目前使用的情况来看，效果还是杠杠的，确实有效果，能达到节能降温的作用，因为我以前爱玩游戏，夏天的话游戏多开，cpu温度就非常高，有时候玩着正高兴的时候电脑就自动关机了！但是安装好鲁大师以后，就可以随时监控，防止电脑自动关机了！</t>
  </si>
  <si>
    <t>鲁大师是你电脑的一个好帮手，拥有简单的硬件检测，可以向你提供厂商信息、各种电脑配置等信息，买的新电脑可以来测试验机。如果你要购买电脑、升级系统，鲁大师也是个不错的帮手。</t>
  </si>
  <si>
    <t>“鲁大师”原名为“Z武器”，是新一代的系统工具。于2008年下半年推出，是一款针对计算机硬件的系统优化免费软件。由于具有专业而易用的硬件检测、各类硬件(如CPU、显卡等)温度实时监测等实用功能，能帮助用户轻松辨别电脑硬件真伪、保护电脑稳定运行，提升电脑运行速度。</t>
  </si>
  <si>
    <t>dnf垂直同步要不要开</t>
  </si>
  <si>
    <t>垂直同步可以减少显卡的负载，一般的显示器刷新在每秒60次，如果没开垂直同步的话。可能游戏的刷新远远大于60次每秒，这样既浪费了显卡性能，又没得到提升， 所以，垂直同步最好开上。</t>
  </si>
  <si>
    <t>开启好，因为垂直同步是让你游戏的FPS跟显示器的刷新率同步，如果显卡处理图像过快，超出显示器的刷新率，那么超出的图像就会被显示器跳过不显示出来。容易造成画面不流畅，或者丢帧撕裂的现象。</t>
  </si>
  <si>
    <t>开了反而不好。</t>
  </si>
  <si>
    <t>缪斯女神 娑娜有特效吗</t>
  </si>
  <si>
    <t>去甲醛公司 靠谱吗</t>
  </si>
  <si>
    <t>建议找个有CMA资质的第三方机构检测，真正能治理的公司有但毕竟是少，多通风还是最好的办法。</t>
  </si>
  <si>
    <t>教师资格证面试可以带资料吗</t>
  </si>
  <si>
    <t>可以，需要带课本和教案。</t>
  </si>
  <si>
    <t>越南过端午节吗</t>
  </si>
  <si>
    <t>过，越南端午节是越南的传统节日。</t>
  </si>
  <si>
    <t>dnf暴击伤害能叠加吗</t>
  </si>
  <si>
    <t>微信三全音改不了吗</t>
  </si>
  <si>
    <t>登陆微信，点击右下角的“我”—“设置”—“新消息提醒”—选择“新消息提示音”，选择适合自己的提示音，然后点击保存即可。iphone版未越狱的话，无法修改微信提示音，只能通过修改手机铃声来设置，步骤：1.打开并登陆微信。2.微信主界面点击右下角的“我”—“设置”。3.在设置界面点击“新消息提醒”，将新消息中的“接受新消息”和“声音”点上钩，这时候，微信的设置就完成了。4.微信设置完成后，修改自己的手机铃声。微信铃声就会随着手机铃声的变换而变换。</t>
  </si>
  <si>
    <t>腾讯公司的应用程序都是不能改提示音的（指的是聊天软件）就算系统设置也没用。</t>
  </si>
  <si>
    <t>确保手机越狱。1、首先要用ITOOLS等软件链接手机；2、越狱文件系统里面找到var/mobile/containers/bundel/application/；3、可能出现的是一堆数字文件夹，不要紧，逐个点击；4、找到包含名叫MicroMessenger.app文件夹，点击进入（每个人的文件夹名字可能都不一样的，不能用别人的路径直接搜索这个文件夹进入的。）5、直接将你要的铃声改为in.caf名字文件，拷贝或者拖拽到这个文件夹里面就可以替换原文件了。之前删除那个原文件时显示一直在占用中。删不掉，结果试了一下直接拖拽到文件夹中替换就好了。</t>
  </si>
  <si>
    <t>小米5c怎么样质量好吗</t>
  </si>
  <si>
    <t>小米5c是小米首款采用自主研发的松果处理器的手机，性能和高通625比肩。采用的是全金属机身，屏幕5.15英寸，轻薄小巧。很好用</t>
  </si>
  <si>
    <t>感觉很好，掉电到没感觉有多快，估计是原来电池尿崩吧，性能什么的也就那样，充电是够快，外观也很漂亮，推荐黑色。</t>
  </si>
  <si>
    <t>a型血招蚊子吗</t>
  </si>
  <si>
    <t>蚊子最喜欢叮的是A型，其次是AB型。</t>
  </si>
  <si>
    <t>蚊子爱叮什么人与血型、性别、性感并无直接联系，而主要看人体向蚊子发“信号”的能力强弱与否，强烈的“信号”通过空气传播，能够引导它便捷地找到食物。</t>
  </si>
  <si>
    <t>聚美优品有假货吗</t>
  </si>
  <si>
    <t>招行汽车分期划算吗</t>
  </si>
  <si>
    <t>招行的“车购易”是个不错的选择。“车购易”的主要卖点是用信用卡免息分期还款,办理流程简单快捷。招行信用卡用户提交完整申请表格之后，最快4小时就能完成购车审批流程。还款压力的减轻、审批流程便捷。</t>
  </si>
  <si>
    <t>肇庆新区是鬼城吗</t>
  </si>
  <si>
    <t>金尊皇帝油有危害吗</t>
  </si>
  <si>
    <t>信用卡逾期一次严重吗</t>
  </si>
  <si>
    <t>①如在宽限期内不算逾期，如无宽限期则直接计算逾期利息及滞纳金；②滞纳金为欠款的5%，利息按日利率万分之五计算；③致电信用卡中心或银行说明情况；④逾期一次，短时间立即偿还，不会对信用记录造成任何影响；⑤对申请提额有一定影响，会略微降低提额的额度；⑥对贷款有一定影响；⑦逾期超过60日记录入个人征信记录；⑧逾期超过90日记录为征信不良。</t>
  </si>
  <si>
    <t>逾期一次如果时间不是很久，问题不大。</t>
  </si>
  <si>
    <t>飞蛾有毒吗</t>
  </si>
  <si>
    <t>飞蛾没有毒，是很多动物的食物。</t>
  </si>
  <si>
    <t>它们是被灯光吸引过来的，这是趋光性。不会伤人，但是不要碰到它们身上的粉。</t>
  </si>
  <si>
    <t>公司罚款合法吗</t>
  </si>
  <si>
    <t>公司罚款不合法。</t>
  </si>
  <si>
    <t>古尔德读本好看吗</t>
  </si>
  <si>
    <t>1、“这本书里出现的每一个字都新鲜、精神饱满，散发着独特的格伦·古尔德气息，一如他所弹奏的音符。它将带给你一长串愉悦又刺激的震惊。“—伦纳德·伯恩斯坦；2、“《古尔德读本》乃是我们这个时代最非凡的音乐天才用文学构筑的声场。究竟古尔德是在写布列兹、斯托科夫斯基、史翠珊，还是就表演与音乐创作进行非常个人化的思考，读者自会在他的极致、智慧、激情与奉献中找到蛛丝马迹。对于那些不认识他的人来说，这本书或许尤为珍贵—它可以是听古尔德唱片时的指南良伴，也可以是一段饶有兴味的发现之旅，就这么将一位新朋友带到你面前。“—斯凯勒·夏宾；3、“古尔德的写作对于他所遗留下来的唱片是非常有价值的补充——事实上，该文集中大量有价值的文章都在关注记录的方式。如他的钢琴表达，古尔德的笔触清脆、非传统，时而离谱到不像话的地步。他的散文风格无规则可循。有那么一两篇极为精彩，比如斯托科夫斯基的肖像素描与若干唱片说明。如多数重要的评论家一样，古尔德从不惧怕坦言自己的“异端邪说”。“—提姆·佩吉。</t>
  </si>
  <si>
    <t>总体来说比较艰深难懂，有许多很专业并且又是很偏激的观点，同时又是以一种讽刺诙谐的语气写出来，所以有时候如果不是自己真正理解的话，可能甚至都不太清楚要讲的是正面还是反面。</t>
  </si>
  <si>
    <t>蜀山缥缈录好玩吗</t>
  </si>
  <si>
    <t>太好玩了。</t>
  </si>
  <si>
    <t>超微主板是杂牌吗</t>
  </si>
  <si>
    <t>红米note4x支持otg吗</t>
  </si>
  <si>
    <t>豆浆鸡蛋可以一起吃吗</t>
  </si>
  <si>
    <t>豆浆喝鸡蛋是可以一起吃的，不存在互相克制的科学依据，很多人说豆浆喝鸡蛋不能一起吃，只是以讹传讹的不可信说法。</t>
  </si>
  <si>
    <t>不要吃鸡蛋的时候喝豆浆。但是，不是会产生中毒或者产生什么不适反应，主要是会引起营养丢失。</t>
  </si>
  <si>
    <t>大多数持有否定意见的人的观点是：“豆浆中的胰蛋白酶抑制因子，与鸡蛋中的粘液蛋白相结合，会影响其营养成分的吸收，降低二者的营养价值。”持有这种观点人是只知其然不知其所以然。因为我们没有人会喝生豆浆，豆浆在加热之后其胰蛋白酶就已经失活了，所以豆浆和鸡蛋是可以一起吃的。</t>
  </si>
  <si>
    <t>清香木放客厅会破财吗</t>
  </si>
  <si>
    <t>摆在家中风水并无禁忌,可去邪恶气。</t>
  </si>
  <si>
    <t>不宜放在家中，破财描述不确切，应该是影响家运。</t>
  </si>
  <si>
    <t>256g固态硬盘够用吗</t>
  </si>
  <si>
    <t>完全够用了，一般固体硬盘不宜分区过多，一般分2个区，系统区一般分60GB剩下的都为一个区，一般装软件的话也不会超过10GB，剩下的用来装大型游戏都足够了，另外如果要保存很多电影文件的话可以买个容量大点的移动硬盘。</t>
  </si>
  <si>
    <t>阿里云1核1g够用吗</t>
  </si>
  <si>
    <t>1G内存不够用。</t>
  </si>
  <si>
    <t>绝对够。</t>
  </si>
  <si>
    <t>看干什么用了，多大流量。</t>
  </si>
  <si>
    <t>苹果6splus有64g的吗</t>
  </si>
  <si>
    <t>iPhone6s Plus分别有16GB版，64GB版，128GB版等三个版本。</t>
  </si>
  <si>
    <t>猜火车好看吗</t>
  </si>
  <si>
    <t>前面无聊，但是后面很好。</t>
  </si>
  <si>
    <t>肠易激综合征会自愈吗</t>
  </si>
  <si>
    <t>肠易激综合征会自愈，建议一定要改善胃肠动力，让自己保暖。饮食方面，多吃新鲜的食物，少吃辛辣等刺激性的食物。尽量多吃水果、大米、酸奶等等的食物。一日三餐定时定量，不要暴饮暴食，不喝浓咖啡。</t>
  </si>
  <si>
    <t>多肉隔着玻璃晒太阳有用吗</t>
  </si>
  <si>
    <t>隔着玻璃晒太阳缺少紫外线，颜色不好还容易徒长，建议气温不高于三十度的情况下直晒。根系长好了就可以晒了。</t>
  </si>
  <si>
    <t>管用，多肉就是得多晒晒。</t>
  </si>
  <si>
    <t>高端是极限词吗</t>
  </si>
  <si>
    <t>“高端”不属于。</t>
  </si>
  <si>
    <t>12378投诉有用吗</t>
  </si>
  <si>
    <t>原则上来说，投诉保监会一定有用，因为国内所有保险公司都是由保监会统一管理的。</t>
  </si>
  <si>
    <t>李小龙参加过比赛吗</t>
  </si>
  <si>
    <t>初中时的校际拳击比赛——冠军、恰恰舞比赛——冠军、加州空手道比赛——冠军、全美空手道大赛——冠军。</t>
  </si>
  <si>
    <t>凤凰传奇是夫妻关系吗</t>
  </si>
  <si>
    <t>不是夫妻关系，只是组合。</t>
  </si>
  <si>
    <t>南非是发达国家吗</t>
  </si>
  <si>
    <t>微博能看到谁浏览你的页面吗</t>
  </si>
  <si>
    <t>1.想知道他的到访记录，先在关注里面新建一个分组，随便命名，比如“同学”，仅仅将他一个人添加到这个分组里面。2.发一条微博，比如“天气真好”，将微博设置为仅仅对“同学”这个分组可见。3.发完之后随时统计这条微博下方的阅读量。阅读量如果增加，说明他到访一次。但要注意，自己刷自己的页面也会增加到访量，多试试就明白了。统计阅读量的时候要把自己的到访所增加的阅读量排除出去。4.几天过后（不一定是这么长时间），即使是他互粉了，也是有效果的，因为这条微博在他微博上已经不会出现了。如果这条微博增加阅读量，肯定是他来过。5.如果这条“天气真好”到了自己微博的第二页，但他近来只看了第一页，阅读量原则上应该不会增加。所以最好将“天气真好”这条微博置顶。</t>
  </si>
  <si>
    <t>金戈伟哥有延时作用吗</t>
  </si>
  <si>
    <t>其实只能让使用者能正常勃起，不会有延时等作用。</t>
  </si>
  <si>
    <t>伟哥是有延时效果的，但不适多用，因为里面含有大量的激素，不能从根本是上解决的。</t>
  </si>
  <si>
    <t>淘宝店一件代销赚钱吗</t>
  </si>
  <si>
    <t>代销挣中间的一个小差价，不用进货，没有资金风险，不用挤压库存和占用库存资金，也不用打理发货，快递什么的。</t>
  </si>
  <si>
    <t>淘宝店铺一半以上的商家都是一件代发的店铺，往往平均寿命在五个月左右，普遍生意不佳，有些淘宝店铺很明显只是熟人照顾生意而已。</t>
  </si>
  <si>
    <t>梦幻西游手游金币被扣可以申诉回来吗</t>
  </si>
  <si>
    <t>小米6要贴膜吗</t>
  </si>
  <si>
    <t>看个人的使用习惯。</t>
  </si>
  <si>
    <t>不用贴。</t>
  </si>
  <si>
    <t>还是贴吧。</t>
  </si>
  <si>
    <t>体检能查出艾滋病吗</t>
  </si>
  <si>
    <t>普通体检是检测不出来的。</t>
  </si>
  <si>
    <t>2017年余额宝还靠谱吗</t>
  </si>
  <si>
    <t>余额宝是安全的。</t>
  </si>
  <si>
    <t>房贷没还完可以卖房吗</t>
  </si>
  <si>
    <t>贷款没还清的房子是不能进行交易的。</t>
  </si>
  <si>
    <t>房贷没还清，征得抵押权人的同意，可以卖房。</t>
  </si>
  <si>
    <t>李小龙能打过特种兵吗</t>
  </si>
  <si>
    <t>不一定；特种兵为完成目标可不择手段，特种兵一般不会先徒手的，直接用器械。</t>
  </si>
  <si>
    <t>朱茵和周星驰还联系吗</t>
  </si>
  <si>
    <t>不联系。</t>
  </si>
  <si>
    <t>pat证书对找工作有用吗</t>
  </si>
  <si>
    <t>一切证书都只能做为加分项，互联网公司比基还是很看重撸代码能力的。</t>
  </si>
  <si>
    <t>如果是想通过认证来系统获取相关证书，那是可以的；如果仅仅是想通过证书来增加职场含金量，那对一般人来说没太大用处。</t>
  </si>
  <si>
    <t>个人认为比国家的计算机等级考试有用多了。如果达到了企业相应的分数要求，就可以获得企业的面试机会。</t>
  </si>
  <si>
    <t>宅基地能买卖吗</t>
  </si>
  <si>
    <t>农村的宅基地，属于农村本村居民的福利，其土地所有权仍属于村集体所有。所以，农村宅基地只能在本村居民之间转让、出售。不得向外村居民转让、出售，否则，转让无效，不受法律保护。</t>
  </si>
  <si>
    <t>通常所说的宅基地买卖是指宅基地使用权的买卖。原则上，宅基地使用权的买卖仅限于农村集体组织成员之间，宅基地使用权人在出卖、出租房屋后，不得再申请宅基地。宅基地使用权作为用益物权，其特点包括：一、宅基地使用权人只能是农村集体组织成员，城市居民、法人和非法人组织不能成为宅基地使用权的主体；二、宅基地使用权的客体是农村集体所有的土地；三、宅基地使用权的内容仅限于利用土地建造住宅及其附属设施；四、宅基地使用权的取得通常是无偿且无期限的；五、宅基地使用权的变更或消灭必须登记。法律依据：《物权法》第三编  用益物权  第十三章  宅基地使用权；《土地管理法》第62条规定，农村村民出卖、出租房屋后，再申请宅基地的，不予批准。</t>
  </si>
  <si>
    <t>假离职证明能查出来吗</t>
  </si>
  <si>
    <t>50%被发现，50%没发现。</t>
  </si>
  <si>
    <t>100%查出。</t>
  </si>
  <si>
    <t>dnf主线任务不做会不会有影响</t>
  </si>
  <si>
    <t>答案一：不做完主线成就拿不到，称号薄里的属性加成拿不到，影响也不大。做主线是给经验，对其他活动不会造成经验的影响。只有有些时候主线不做会导致一些图无法打开，间接造成升级比较慢。答案二：主线任务不做完，下面的主线任务不出来，所以会影响经验。</t>
  </si>
  <si>
    <t>iphone6s有64g吗</t>
  </si>
  <si>
    <t>年薪70万能买宝马i8吗</t>
  </si>
  <si>
    <t>买宝马i8全部下来大约要200多万，年薪起码也要在一两百万以上才行。</t>
  </si>
  <si>
    <t>支付宝可以转账到公司账户吗</t>
  </si>
  <si>
    <t>可以通过支付宝转账到企业账户登录支付宝--转账。</t>
  </si>
  <si>
    <t>白血病能治好吗</t>
  </si>
  <si>
    <t>1化疗2骨髓移植3中西医结合治疗 而骨髓移植是医学界比较新的方法，概率也较大。</t>
  </si>
  <si>
    <t>仰卧起坐能练腹肌吗</t>
  </si>
  <si>
    <t>仰卧起坐比较合适初练者，当力量提升以后就应该换强度更大的动作了。因为锻炼腹肌需要的是动作强度，而不是动作次数。仰卧起坐如果能一次性做300个以上，已经没有明显增肌效果了。</t>
  </si>
  <si>
    <t>av是真演吗</t>
  </si>
  <si>
    <t>没切画面的动作当然的真的，可使哪部电影不是一直在切镜头，表情什么的肯定演的，不然怎么叫演员。</t>
  </si>
  <si>
    <t>洗衣粉灭蟑螂最有效</t>
  </si>
  <si>
    <t>蟑螂的腹部有很多小孔，这此小孔是蟑螂呼吸空气的主要工具，当往蟑螂身上喷散洗衣粉水时，洗衣粉水就会迅速进入到蟑螂的呼吸孔内，造成蟑螂气孔的阻塞，让蟑螂无法呼吸，加上洗衣粉的成份又是酸碱性的，其化学物质在蟑螂体内不断反应，就会瞬间让蟑螂马上闭气死亡。</t>
  </si>
  <si>
    <t>蟑螂生命力超顽强，不会怕洗衣粉的。</t>
  </si>
  <si>
    <t>电动牙刷可以带上飞机吗</t>
  </si>
  <si>
    <t>全民挖矿联盟是真的吗</t>
  </si>
  <si>
    <t>一带一路有美国吗</t>
  </si>
  <si>
    <t>杀扑磷花期可以用吗</t>
  </si>
  <si>
    <t>可以的，杀扑磷防治花卉介壳虫效果很好。</t>
  </si>
  <si>
    <t>斑美拉是正规产品吗</t>
  </si>
  <si>
    <t>经权威检测机构检测合格，已通“过国家食品药品监督局”备案，国家食品药品监督局“许可服务”。经香港、广东、广西、上海等政府权威检测机构检验合格，保安全，重效果。</t>
  </si>
  <si>
    <t>阿里零售通坑人吗</t>
  </si>
  <si>
    <t>当然坑。</t>
  </si>
  <si>
    <t>51修靠谱吗</t>
  </si>
  <si>
    <t>win7还能免费升级win10吗</t>
  </si>
  <si>
    <t>能，但并非所有正版Windows 7都能免费升级到Windows 10，微软还加入了一些隐藏条款。外媒报道称，只有Retail（零售秘钥）和OEM（OEM秘钥）两种授权方式激活的Windows 7能免费升级Windows 10，而通过VOLUME（批量激活）授权方式激活的Windows 7系统则不享受免费升级待遇。</t>
  </si>
  <si>
    <t>白头发能拔吗</t>
  </si>
  <si>
    <t>购进免税农产品可以抵扣进项税吗</t>
  </si>
  <si>
    <t>1、增值税一般纳税人购入如题所指农产品用于经营应税事项的，可以依法抵扣索取的普票的所涉进项税；2、一般，所涉进项税是指依法取得相应普通发票金额的13%进行计算。</t>
  </si>
  <si>
    <t>苏宁易购上的苹果手机是正品吗</t>
  </si>
  <si>
    <t>所有苏宁易购出售的苹果产品都是原装正品的。</t>
  </si>
  <si>
    <t>双鱼座男生花心吗</t>
  </si>
  <si>
    <t>双鱼座—很专一，一旦喜欢上一个人就会很致命，就会刻骨铭心，即使不说出口。</t>
  </si>
  <si>
    <t>双鱼座不花心。</t>
  </si>
  <si>
    <t>端午节过路费免费吗</t>
  </si>
  <si>
    <t>不会的吧！2017年端午节高速公路是照常要收费、没有免过路费的。</t>
  </si>
  <si>
    <t>因此2017年端午节高速正常收费，上高速需要缴通行费。</t>
  </si>
  <si>
    <t>蚕有眼睛吗</t>
  </si>
  <si>
    <t>有眼睛，在头上。</t>
  </si>
  <si>
    <t>伊犁安全吗</t>
  </si>
  <si>
    <t>很安全，现在制安很好。</t>
  </si>
  <si>
    <t>江西新余是个穷地方吗</t>
  </si>
  <si>
    <t>江西新余不是个穷地方。</t>
  </si>
  <si>
    <t>集成灶真的那么危险吗</t>
  </si>
  <si>
    <t>企业在生产时严格把控产品质量，一般是不会出问题的。</t>
  </si>
  <si>
    <t>广州优才创智是培训吗</t>
  </si>
  <si>
    <t>阴阳眼是真的吗</t>
  </si>
  <si>
    <t>宁可信其有，不可信其无。</t>
  </si>
  <si>
    <t>是真的。这要通过几世的修行，很难的。相对与畜生来说，尤其是圆蹄动物（在这里指草食性比如驴、牛、羊等）在小腿部位有一片没有长毛的部分就属于阴阳眼，而相对于人来说，很少，这与饮食有关。</t>
  </si>
  <si>
    <t>考拉云商属于拉卡拉吗</t>
  </si>
  <si>
    <t>1，考拉云商 是拉卡拉的产品！这个可以拨打 拉卡拉官方客服95016 接人工 直接问"考拉云商 是不是 拉卡拉的产品”2， 收款宝 和 考拉云商 都是拉卡拉的 子产品，区别在于收款宝是由 拉卡拉运营，考拉云商是由 融邦集团·山东欧达 运营 ！3，2016年10月 融邦集团·山东欧达信息技术有限公司 与 拉卡拉 成为战略合作伙伴，携手推出 拉卡拉-考拉云商， 由山东欧达独家运营！（如有疑问可以拨打 拉卡拉官方客服95016 接人工直接问"山东欧达不是拉卡拉的合作商"）4，拉卡拉的易分期大家都知道， 使用 拉卡拉-考拉云商产品30天后，下载手机APP "考拉征信" 会出现一个考拉信用分，经常使用考拉云商 这个分是会涨的，分越高 借的就越多。</t>
  </si>
  <si>
    <t>蒙奇d龙比四皇强吗</t>
  </si>
  <si>
    <t>龙拥有的是强大的控制天气规律的人！实力应该高过红发！凯多，BIG MAM也不会是龙的对手。相信和四皇比较，从龙的队伍看，熊，还有人妖王都是属下，还有很多没有出场的高手，当然这是描写海贼，不是革命军。从这点看，龙的队伍丝毫不会表四皇的队伍差，甚至更强。</t>
  </si>
  <si>
    <t>闲鱼可以用花呗吗</t>
  </si>
  <si>
    <t>戴砗磲可以转运吗</t>
  </si>
  <si>
    <t>不存在的。</t>
  </si>
  <si>
    <t>中华联合车险好不好</t>
  </si>
  <si>
    <t>理赔很快，理赔投票中华保险第一，理赔最好。</t>
  </si>
  <si>
    <t>献血小板对人是否有害</t>
  </si>
  <si>
    <t>一次捐献血小板需多长时间因人而异，与捐献者身高、体重及血小板计数有关，一般捐献时间在30-60分钟左右。捐献单采血小板后间隔2个月可以再次捐献；如果此前捐献过全血，3个月后可捐献单采血小板。由于血小板在人体内寿命只有十天左右，即使不捐献也要新旧更换。</t>
  </si>
  <si>
    <t>通过正规途径适量献血小板对身体是不会造成伤害的。</t>
  </si>
  <si>
    <t>现在还有黄泛区吗</t>
  </si>
  <si>
    <t>小浪底建成之后，中国已经彻底解决了黄河的问题，以后不可能有黄泛区了。</t>
  </si>
  <si>
    <t>上古卷轴5steam正版能打mod么</t>
  </si>
  <si>
    <t>彩虹岛要倒闭了吗2016</t>
  </si>
  <si>
    <t>不糊倒闭的。</t>
  </si>
  <si>
    <t>百度钱包上征信吗</t>
  </si>
  <si>
    <t>上征信。</t>
  </si>
  <si>
    <t>不上征信。</t>
  </si>
  <si>
    <t>可口可乐零度减肥人喝行么</t>
  </si>
  <si>
    <t>零度可口和健怡是无热量无脂肪含量的，喝了体重没有太大的变化，会用来增加饱腹感并且解馋，但碳酸饮料对身体不好，容易造成钙流失，减肥本来营养方面就不可能完全跟正常进食的人一样，还需要补充vc和蛋白粉才能够保证皮肤的光泽，所以能不喝就坚持一下不要喝，一个月喝一两次就好。</t>
  </si>
  <si>
    <t>蝮蛇毒性大吗</t>
  </si>
  <si>
    <t>毒性很大45分钟就能要人命。</t>
  </si>
  <si>
    <t>毒性杀死几头牛没有问题。</t>
  </si>
  <si>
    <t>做痔疮手术疼么</t>
  </si>
  <si>
    <t>会疼，但疼的程度有差别。</t>
  </si>
  <si>
    <t>结束之后疼。</t>
  </si>
  <si>
    <t>嵊泗好玩吗</t>
  </si>
  <si>
    <t>泗礁岛比较大，海水比舟山本岛蓝，景点也很丰富（有渔村、有海滩、有海景、有悬崖栈道、有出海捕鱼等等），生活配套也比较好，吃大排档、住宿、购物、打的都比较方便，绝对是体验离岛微城慢生活的好地方。主要景点是东海渔村、和尚套、基湖沙滩、南长涂沙滩、渔家乐等。</t>
  </si>
  <si>
    <t>嵊泗列岛冬无严寒，夏无酷暑，气候宜人，而且，鱼鲜蟹肥，各类海鲜，四季不断。目前，嵊泗列岛景区海浴冲浪、碧海垂钓、休闲渔家乐、孤岛探险等特色旅游项目，让游客在强烈的参与中享尽海岛旅游的无穷乐趣。嵊泗列岛地处长江口与杭州湾汇合处，距上海芦潮港仅17海里，是目前全国唯一的列岛风景名胜区，作为舟山群岛中最大的列岛群，境内大小404座岛屿，像一颗颗仙子洒落在东海海面上璀璨的明珠，在万顷碧波中共同点缀着这片美丽娇娆的土地。唐代大诗人李白游历东海时曾对嵊泗列岛有“忽闻海外有仙山，山在虚无缥缈间”的赞誉，“海外仙山”也因此成为嵊泗列岛的代名词。嵊泗海景绚丽多姿，四季变幻、气候宜人，山海兼胜、人文荟萃，自然环境清馨优雅、人文风情浓郁诱人，海瀚、礁美、滩佳、石奇、洞幽、崖险，镌刻出一幅梦幻的海上图画。</t>
  </si>
  <si>
    <t>hpv阳性会传染家人吗</t>
  </si>
  <si>
    <t>如果没有接触血液是不会引起传染的。</t>
  </si>
  <si>
    <t>会的，建议个人用品分开使用，HPV病毒具有很强的传染性，传播途径主要分为性传播和间接传播。</t>
  </si>
  <si>
    <t>公积金停缴后对贷款有影响吗</t>
  </si>
  <si>
    <t>公积金的政策是不同省市或城市都不同政策的，第一类，比较多的地方是停缴公积6个月至12个月之后，利息转回商业贷款的利息。第二类，有个别城市比较宽松的，就维持不变。第三类，也有个别城市比较严格的，要通知你提前还贷。</t>
  </si>
  <si>
    <t>一、如果购房公积金贷款申请已获批准，并办理所有手续，遇离职等导致公积金停发，是不会影响公积金贷款的继续履行的，只需保持房款银行卡余额充足，避免影响扣贷款即可。二、公积金贷款是指缴存住房公积金的职工享受的贷款，国家规定，凡是缴存公积金的职工均可按公积金贷款的相关规定申请公积金贷款。</t>
  </si>
  <si>
    <t>染发前要洗头吗</t>
  </si>
  <si>
    <t>染发前不要洗头，保持干爽。</t>
  </si>
  <si>
    <t>想爱爱app是真的吗</t>
  </si>
  <si>
    <t>就是骗人的。打客服电话，没有等说话直接挂掉的。</t>
  </si>
  <si>
    <t>手机关机能查到位置吗</t>
  </si>
  <si>
    <t>当手机处于关机状态下，GPS 功能更不可能会将自己的位置传送给别人。但也有一个例外，手机被别人安装了恶意软件和用于监控和控制自己的木马设备，《人在囧途泰囧》中黑衣人就是这样监视徐铮扮演的徐朗的。如果拔掉电池，无论是什么情况，也很难再监视的位置。</t>
  </si>
  <si>
    <t>肺炎支原体能自愈吗</t>
  </si>
  <si>
    <t>多数学者认为可以自愈，因其有一定的自限性，但自现的时间较长大概要有1-2个月，很多患者难以忍受，因此目前多给予药物干预。</t>
  </si>
  <si>
    <t>反贪局能压公安局吗</t>
  </si>
  <si>
    <t>市检察院反贪局法律没有赋予权力可以逮捕市公安局局长，但市公安局局长应全力配合市检察院反贪局职务犯罪进行立案侦查等工作。</t>
  </si>
  <si>
    <t>绩效工资可以随便扣吗</t>
  </si>
  <si>
    <t>绩效工资属于奖金的一种，用人单位需要根据合法制定的考核制度对劳动法发放绩效工资。如果没有考核制度，用人单位不得随意克扣劳动者的绩效工资。</t>
  </si>
  <si>
    <t>垦丁电动车可以载人吗</t>
  </si>
  <si>
    <t>可以带人，垦丁出行最便捷，好玩的方式就是电动机车了。</t>
  </si>
  <si>
    <t>2017.5.20民政局上班吗</t>
  </si>
  <si>
    <t>2017年5月20日是星期六，农历四月二十五，是法定的双休日，不上班。</t>
  </si>
  <si>
    <t>苹果7p防水吗</t>
  </si>
  <si>
    <t>iPhone 7 和 iPhone 7 Plus 可防溅、抗水、防尘。</t>
  </si>
  <si>
    <t>掠天记好看吗</t>
  </si>
  <si>
    <t>哺乳期拉肚子能喂奶吗</t>
  </si>
  <si>
    <t>哺乳期腹泻建议不要给宝宝喂奶。</t>
  </si>
  <si>
    <t>妈妈哺乳期拉肚子的话，阿友老师建议患者在治疗的时候，需要注意的事项是，在用药之前，一定要看看药物的说明书的，如果是对宝宝没有什么副作用的话，可以吃的。哺乳期妈妈如果腹泻，没有做好防护工作，孩子也会感染腹泻的。例如轮状病毒肠炎就可以传染给孩子，即使家人感染了轮状病毒没有发病，但是她是隐性带病毒者也会感染孩子的，所以建议先去化验大便，根据情况进行处理，但是思密达和微生态制剂是需要服用的，而且建议勤吸母乳，以预防脱水。 通常，渗透到母乳中的药量非常小，不会对婴儿产生影响，不过还是谨慎为妙。如果大夫给开药，一定要让他知道你在哺乳。有些大夫会例行建议你断奶，而事实上，只有极少量的药品被证明对婴儿有害，比如放疗和化疗药品以及非法毒品等。</t>
  </si>
  <si>
    <t>若母乳喂养的孩子发生腹泻时,不要轻易断奶.这时可缩短每次喂奶的时间,让孩子吃前一半的乳汁.因为母乳的前半部分蛋白质含量较多,容易消化,富于营养,而后半部分脂肪含量较多,不易消化。</t>
  </si>
  <si>
    <t>当贝市场下载使用收费吗</t>
  </si>
  <si>
    <t>下载是免费的，应用商店只是提供应用下载，过程中不收取任何费用。</t>
  </si>
  <si>
    <t>金刚狼3有没有彩蛋</t>
  </si>
  <si>
    <t>没有彩蛋。</t>
  </si>
  <si>
    <t>股权登记日后卖出股票还有分红吗</t>
  </si>
  <si>
    <t>可以。股权登记日之前持有的股票，就能得到赠送的分红。股权登记日收盘后，假如第二天卖掉了，也能得到赠送的分红。总之，只要在股权登记日收盘之前买进来的股票，就能获得赠送的分红。股权登记日收盘之前卖掉了，就不能拿到赠送的股票。</t>
  </si>
  <si>
    <t>西部大开发是不是传销</t>
  </si>
  <si>
    <t>这个就是传销。</t>
  </si>
  <si>
    <t>蚂蚁保险有人理赔过吗</t>
  </si>
  <si>
    <t>可以，但有时间限制。</t>
  </si>
  <si>
    <t>没用，手续刁难。</t>
  </si>
  <si>
    <t>宝宝钱包4000元体验金能提现吗</t>
  </si>
  <si>
    <t>充值100元可提现。</t>
  </si>
  <si>
    <t>古惑仔系列害了人吗</t>
  </si>
  <si>
    <t>好多东西都是利弊共存，没有绝对好与坏，说他害人，只是片面的观念而已。</t>
  </si>
  <si>
    <t>古惑仔系列有毒，它的主题是黑社会打架为争夺利益而引发的社会动荡影响，主要表现主人公之间兄弟情深和男儿潇洒的本性，毒害了一批年轻人。不过这也是他们自己本身自我克制能力差的原因。</t>
  </si>
  <si>
    <t>吹潮对女性好吗?</t>
  </si>
  <si>
    <t>这个是没什么好处的。</t>
  </si>
  <si>
    <t>魔方最难的是鬼魔吗</t>
  </si>
  <si>
    <t>鬼魔最难。</t>
  </si>
  <si>
    <t>fgo科技号封的可能性大吗</t>
  </si>
  <si>
    <t>大概率被封。</t>
  </si>
  <si>
    <t>正版win10要不要装360</t>
  </si>
  <si>
    <t>装不装无所谓，主要看个人习惯。</t>
  </si>
  <si>
    <t>论文查重引用部分算不算</t>
  </si>
  <si>
    <t>引用过多，属于过度引用，引用也算重复率的。需要自己修改成自己的原创。另外高校以知网为准。引用正确可以看到引用率，最后可以在“学术不端网”来一次知网检测。</t>
  </si>
  <si>
    <t>引用原文有很严格的格式要求，所以大部分论文被检测的时候引用的文字会被查重的。</t>
  </si>
  <si>
    <t>首先，查重系统一般是以13个字作为一个单元，当你引用原文的文字达到一定的比率，肯定不符合要求。其次，国内的一些查重系统，gocheck，知网这样的检测系统涵盖了大量的数据库，针对查重这一块还是非常厉害的。</t>
  </si>
  <si>
    <t>cpu80度正常吗</t>
  </si>
  <si>
    <t>CPU温度达到80度以上，属于高温等级。台式机到八十度绝对不正常。</t>
  </si>
  <si>
    <t>从CPU硬件本身工作温度范围来讲，0-100度以内都处于正常范围内，但长期接近最高温度必然是影响自身寿命的。一般电脑设计中，一般负载下（CPU使用率低于100%），CPU温度不应高于80度的，而玩大游戏时CPU达到80度也是可以接受的。如果平时使用CPU也达到80度，那说明电脑散热性能不是太好了，可以考虑换CPU导热膏或导热胶或CPU风扇。</t>
  </si>
  <si>
    <t>豆浆可以天天喝吗</t>
  </si>
  <si>
    <t>日月当空完结了吗</t>
  </si>
  <si>
    <t>日月应该完本了，下部书都已经出来了。</t>
  </si>
  <si>
    <t>希特勒真的帮过中国吗</t>
  </si>
  <si>
    <t>一般纳税人可以开3%的票吗</t>
  </si>
  <si>
    <t>不会的，可以改成3%的税率，那是小规模增值税纳税人，不是增值税一般纳税人；如果要开具增值税专用发票，你可以申请由税务局代为开具就可以，小规模纳税人自己是不可以开具的增值税专用发票的。</t>
  </si>
  <si>
    <t>一般纳税人只能开具17％或13％的增值税专用发票，且不可以到税务局开具。少数商品税法规定可以享受13%的低税率。但如果公司既是商贸公司，又有工程业务，还有服务行业的业务，那么工程发票3%，服务行业的有5%也有7%的 。 还有一个办法就是所开票的商品有进项税可以抵扣，而中间差价又很少，应缴增值税可能还低于3%。</t>
  </si>
  <si>
    <t>商业保险该不该买</t>
  </si>
  <si>
    <t>首先，意外这种事很难说。意外险一般包括旅游意外险、人身意外险、交通意外险、团体意外险、航空意外险等各种保险，但是我觉得既然是意外，也就是不可预知的，发生的可能性极低，对于不怎么出门的人来说就更低了。交了很多年的保费，结果到头来什么意外都没有发生的概率太高了，所以购买意外险划不划算是个问题。其次，对重大疾病没有深刻的认识。相信大部分人从小都是不怎么生病的，医院也很少去，对重大疾病的了解很浅。那么重大疾病包含哪些呢，恶性肿瘤、急性心肌梗塞、脑中风后遗症、冠状动脉搭桥术(或称冠状动脉旁路移植术)、重大器官移植术或造血干细胞移植术、终末期肾病(或称慢性肾功能衰竭尿毒症期)等，好像与自己不相关或是只有老了才会得的病，现在去考虑未免太早了。</t>
  </si>
  <si>
    <t>1、保险是该买的，从发达国家到不发达国.家的比较，这有一个过程，发达国.家的保险业明显比发展中.国家要好，发展中国家比不发达国家要好，因为人们的意识是慢慢形成的。保险是必须的。2、必须买是前提条件，但不是必要条件。如果现在连温.饱都成问题，保险怎么都不会提上日程。而且就算买，也有个先后顺序，医疗、人寿、商业，总有个先后顺序，不是一拥而上。3、保险并不是完全保险，你以为损失100万，就会从保险公司拿回100万的理念是错误的。记住，永远不要想到可以完全没有损失，保险只是减少你的损失，并不保证你绝不损失。4、保险是一种制度就得遵守。比如车险，违章、无证无牌等，肯定没有赔偿。保险公司也要吃饭，不会全包。要想保险，就得按照他规定的做。那些理赔难的，至少目前如此，都是没有按照规定做的。</t>
  </si>
  <si>
    <t>关于商业陷阱一说，其实是对保险的了解程度。买的时候你不了解就买了，买后发现不是自己需要的，再后悔就成了商业陷.阱。为什么买的时候不多了解一些。凡是不需要的保险，在事后都极像商业陷阱，毕竟不是每个保代员都是那么有素质，关键还靠自己。到了你自己都觉得要买保险的时候了，一定要仔细了解清楚别人的推荐，如果是自己需要的，就真正该出手了，既然出手了，就遵守他的规定，遵守国.家的政.策，理赔就不是问题。</t>
  </si>
  <si>
    <t>6月份去三亚合适吗</t>
  </si>
  <si>
    <t>六月是三亚旅游的淡季了，无论吃、住、行、机票、酒店各方面都比较便宜！而且来的人少，另外夏季来海边绝对是一大享受。6月虽然是三亚最热的季节，但是只要涂上防晒霜，而且呆在海边是非常不错的选择！六月的天大多是阳光灿烂的，而且六月的三亚是热带水果的季节，如果喜欢吃水果有口福了。</t>
  </si>
  <si>
    <t>6月份三亚慢慢进入淡季，这个时候来玩也是蛮合适的，没那么多的人，就不会那么拥挤，三亚的天气一年四季都是热热的，但是这种热不像内地那样的闷热，因为是个滨海城市，有海风吹来，所以到晚上的时候还是蛮凉快的。</t>
  </si>
  <si>
    <t>社会人士可以考研吗</t>
  </si>
  <si>
    <t>首先要看是什么学历，如果是国家全日制普通高等院校毕业的本科生的话，那么没有任何要求可以直接报考研究生，如果是国家全日制普通高等院校毕业的专科生的话，那么要等专科毕业后两年才能报考研究生。如果是自考或是成人高考的毕业生的话，也可以报考研究生，但是要以同等学历的身份报考，所谓的同等学历就是要在研究生复试的时候比国家全日制普通高等院校毕业的学生加试两门专业课。另外，现在考研不需要单位推荐，也就是说考研与单位没有任何关系，但是有一点要明白，如果现在考研的话要确保在明年四月份研究生复试的时候能够从工作单位把档案题出来送给报考院校进行资格审查，这一点是必须要重视的。</t>
  </si>
  <si>
    <t>1．中华人民共和国公民。2．拥护中国共产党的领导，愿为社会主义现代化建设服务，品德良好，遵纪守法。3．年龄一般不超过40周岁，报考委托培养和自筹经费的考生年龄不限。4．身体健康状况符合国家和招生单位规定的体检要求。5．已获硕士或博士学位的人员只准报考委托培养或自筹经费硕士生。6．考生的学历必须符合下列条件之一：（1）国家承认学历的应届本科毕业生；（2）具有国家承认的大学本科毕业学历的人员；（3）获得国家承认的高职高专毕业学历后2年或2年以上（从高职高专毕业到 2012 年 9月1日，下同），进修过本科主干课程6门以上，通过大学英语四级（CET－4）水平考试，并承担过省级以上科研课题（前3位）或在公开出版（带cn号）的学术刊物（不含增刊）上以第一作者发表与所报考专业相关的学术论文2篇以上，且符合所报考专业具体要求的人员，按本科毕业生同等学力身份报考。（4）国家承认学历的本科结业生和成人高校应届本科毕业生，按本科毕业生同等学力身份报考；（5）已获硕士、博士学位的人员。</t>
  </si>
  <si>
    <t>银鱼能放冰箱冷冻吗</t>
  </si>
  <si>
    <t>千万不要放入冰箱冷冻，如果采取冷冻的方法，那么在解冻时那么嫩的银鱼也随之溶化了。</t>
  </si>
  <si>
    <t>一般新鲜的银鱼可以冰冻，要是要解冻的话，放在常温下解冻。但是干银鱼可以放在冰箱保鲜处或者其他通风的地方保存。</t>
  </si>
  <si>
    <t>p10防水吗</t>
  </si>
  <si>
    <t>P10防水等级为国际标准IPX2哦，可应付日常生活中的汗液和短时间中小雨淋等场景。但还无法应对手机掉入水盆、水池等整个浸入水中的情况。</t>
  </si>
  <si>
    <t>机身防水。</t>
  </si>
  <si>
    <t>P10防护满足日常需求还好。</t>
  </si>
  <si>
    <t>携程代理订酒店可靠吗</t>
  </si>
  <si>
    <t>很不靠谱的东西。</t>
  </si>
  <si>
    <t>这些有代理字样的酒店房型就是不能去预定的，出了问题携程一点办法都没有，只有消费者自认倒霉，这样就是会做臭携程品牌，反正我是再不会用携程了。</t>
  </si>
  <si>
    <t>自从携程搞了代理以后，服务越来越差。</t>
  </si>
  <si>
    <t>日喀则适合长期生活吗</t>
  </si>
  <si>
    <t>适应两天就可以了。</t>
  </si>
  <si>
    <t>日喀则市是西藏最和谐的地区，可以长期生活。</t>
  </si>
  <si>
    <t>伊莱克斯空调好不好</t>
  </si>
  <si>
    <t>好，制冷很快，质量还不错。</t>
  </si>
  <si>
    <t>差，噪音大，制热差，售后差。</t>
  </si>
  <si>
    <t>好，性价比高，耗能低。</t>
  </si>
  <si>
    <t>陈长生是不是真龙血脉</t>
  </si>
  <si>
    <t>长生也身具龙血脉，并不是指他的血脉变成了龙血，而是指他的血液中夹杂了一部分龙血。</t>
  </si>
  <si>
    <t>这个问题不好说。有真龙血脉，意味着是真龙的转世，但陈长生不是，余人师兄是太子，陈长生是龙(真正的龙，不是转世)，按理来说可能会在一起，可。看了大结局的预告片之后，陈长生，好像会死，好像是悲情大结局。所以陈长生和徐有容，应该不可以在一起。</t>
  </si>
  <si>
    <t>番薯发芽能吃吗</t>
  </si>
  <si>
    <t>只要将红薯上长的芽去掉是可以吃的。</t>
  </si>
  <si>
    <t>沉淀能是石蕊变色吗</t>
  </si>
  <si>
    <t>qq友谊的巨轮会消失吗</t>
  </si>
  <si>
    <t>巨轮要一个月不聊天就会消失。</t>
  </si>
  <si>
    <t>火花塞清洗后还能用吗</t>
  </si>
  <si>
    <t>可以，但是时间要把握好，不然电极就会被烧蚀，就不可以用了。</t>
  </si>
  <si>
    <t>生长纹能去除吗</t>
  </si>
  <si>
    <t>可以。全身运动，保证每日饮水量，钾元素可预防生长纹，避免口味重的饮食，适当的减轻体重，浴后身体按摩。</t>
  </si>
  <si>
    <t>无针水光针有效果吗</t>
  </si>
  <si>
    <t>目前无针水光，因其无创、无痛等特点大行其道。无针水光需要特殊工具，即无针注射仪。作用原理：像火箭喷射一样，运用气压以超高速将营养物爆破成纳米级分子，渗透入皮肤表皮最底层，即基底层。操作特点：因是无创项目，所以无出血、无痛。管理范畴：因为需要将营养成分渗透至皮肤内部，并不建议在家及非正规机构操作。而且因为水光针的成分比较复杂，对于配比也是非常严格的。所以如果是非正规机构的山寨产品，打入肌肤后会给肌肤造成严重的损伤。无针水光因其注射不到皮肤深处，所以效果不如有针水光注射来得好。其次，因其采用气压原理直接将玻尿酸等成分“打”入皮肤，其必须选择无交联玻尿酸，因其是水样状态，才更好被“打”入，相对应的效果与持续时间就会短。</t>
  </si>
  <si>
    <t>苹果手机32g够用吗</t>
  </si>
  <si>
    <t>一般使用足够。</t>
  </si>
  <si>
    <t>依使用习惯而定。</t>
  </si>
  <si>
    <t>择天记大结局了吗</t>
  </si>
  <si>
    <t>没。</t>
  </si>
  <si>
    <t>天龙八部手游可以交易吗</t>
  </si>
  <si>
    <t>低压100高压140严重吗</t>
  </si>
  <si>
    <t>高血压，不是很严重，不用担心。可以服用硝苯地平缓释片和倍他乐克看看，改变自己不良生活习惯和嗜好，饮食上要求低补、戒烟、限酒的原则，保持清淡均衡的饮食，多食高纤维食物，减少进补、甜食和高胆固醇饮食。</t>
  </si>
  <si>
    <t>机体无任何器质性病变，只是单纯高血压。建议要在医生的指导下长期用药的同时，还要注意养成良好的生活习惯，饮食清淡少盐，避免辛辣刺激性的食物， 多吃新鲜的蔬菜水果，避免情绪激动，戒烟酒，适当锻炼，多多休息。</t>
  </si>
  <si>
    <t>微信视频聊天能美颜吗</t>
  </si>
  <si>
    <t>西藏喜马摩托好吗</t>
  </si>
  <si>
    <t>西藏喜马助力车是贴牌生产的，就是其他小厂家花钱买的品牌使用权或直接假牌子，如果在无锡生产质量很差。</t>
  </si>
  <si>
    <t>我去年十二月份买的车罩等反正是红色塑料的部分都褪色，太垃圾了。</t>
  </si>
  <si>
    <t>ipad和iphone充电器通用吗</t>
  </si>
  <si>
    <t>iPhone与iPad的充电器不要混用。</t>
  </si>
  <si>
    <t>阴道和尿道是不是一个</t>
  </si>
  <si>
    <t>不是，下面分别有小、大两个洞（孔）。处在上端较小的是尿道口；处在下端较大的是阴道口。</t>
  </si>
  <si>
    <t>公安部部长是副国级吗</t>
  </si>
  <si>
    <t>公安部部长属于正部级。</t>
  </si>
  <si>
    <t>公安部是国务院下属的正部级的部门，部长理应是正部级的。</t>
  </si>
  <si>
    <t>钟丽缇又怀孕了吗2017</t>
  </si>
  <si>
    <t>目前还没有怀孕的具体消息传出。</t>
  </si>
  <si>
    <t>华为实体店和网上价格一样吗</t>
  </si>
  <si>
    <t>应该不一样，门面费在里面。</t>
  </si>
  <si>
    <t>具体实体店价格可能会略有不同。</t>
  </si>
  <si>
    <t>价格肯定会高出官网价格，因为专卖店会因为中途许多费用从而对价格有所上调，但一般不会高的太离谱。</t>
  </si>
  <si>
    <t>吕柳荫膏滋微信是真吗</t>
  </si>
  <si>
    <t>微信骗局。</t>
  </si>
  <si>
    <t>孕妇玩手机对胎儿有没有影响</t>
  </si>
  <si>
    <t>有影响，胚胎和胎儿组织特别容易受辐射损伤。如果是在胚胎形成期，受到电磁辐射，有可能导致流产；如果是在器官形成期，正在发育的器官可能产生畸形；而在胎儿中枢神经系统的发育期，若受到辐射，则可能导致婴儿智力低下。</t>
  </si>
  <si>
    <t>对孩子的影响也是比较大的，严重的甚至会引起流产或者致畸。</t>
  </si>
  <si>
    <t>阿里云幕布ps能过么</t>
  </si>
  <si>
    <t>不能，一定要实拍。</t>
  </si>
  <si>
    <t>去海参崴需要签证吗</t>
  </si>
  <si>
    <t>可以在15个工作日内进行免签旅游。</t>
  </si>
  <si>
    <t>当地直接交钱办理就可进了。</t>
  </si>
  <si>
    <t>光华管理学院是三本吗</t>
  </si>
  <si>
    <t>光华是北大名下的民办三本院校。</t>
  </si>
  <si>
    <t>间质性肺炎能治愈吗</t>
  </si>
  <si>
    <t>要先弄清楚得的究竟是什么，现在的状况怎么样，病情已经发展到了哪一步。</t>
  </si>
  <si>
    <t>得了间质性肺炎是可以治愈的。</t>
  </si>
  <si>
    <t>iphone7组装机能不能买</t>
  </si>
  <si>
    <t>组装机：指店家私人制作的iPhone7手机，零件都是由组装商人员采购和苹果一样的配件，然后再组装，这里面存在风险，有的无保修，质量没有保障，但是也有的会提供一定时间的保修期（总之个人感觉还是存在风险）在卖家提供可靠质保和你资金不充裕的前提下，其实也可以考虑组装机；相反如果不能满足上诉要求，小编就建议你还是回归正途，去正规授权店买正品的苹果手机，毕竟组装的在心里上就有很大差距。</t>
  </si>
  <si>
    <t>只需花费一千几百块钱，你就能拥有时下火热的“装逼神器”，与其排长队，花上几千元去买一个原装“肾7”，不如像小编一样，买个组装“肾7”，一样能满足你对iPhone7的所有需求！想咨询的朋友请加微信：BMW-16999，这是商家的微信，里面还有很多关于组装iPhone7的视频和照片哦，如果想要代理的朋友，也可以联系他们！</t>
  </si>
  <si>
    <t>组装机就是山寨机，长的象7，实际就是安卓心。质量啥的都不用说了。还是老老实实买真货，没钱就买个荣耀啥的。</t>
  </si>
  <si>
    <t>wifi对人体有影响吗</t>
  </si>
  <si>
    <t>对人体没有明显伤害。</t>
  </si>
  <si>
    <t>专家表示，辐射值不大，对人体影响很小，检测数值在国家规定范围内。</t>
  </si>
  <si>
    <t>1.正常使用对人体不会有危害；2.全球内无数据表示WiFi对孕妇有任何危害；3.我国WiFi设备正常使用远低于中国严苛标准；4.孕妇防辐射服并没有什么用；5.盛传WiFi杀精是由于离电脑太近给烤着了。</t>
  </si>
  <si>
    <t>迈之灵片是激素药吗</t>
  </si>
  <si>
    <t>迈之灵片不含有激素成分，没有依赖性的，可以长期服用。本品是德国礼达大药厂生产的用于治疗静脉性水肿的特效植物制剂。有减轻组织水肿的作用，外科用于静脉性疾病的临床效果最好，长期服用此药无不良反应，疗效又确切。</t>
  </si>
  <si>
    <t>深海复仇吃磨损吗</t>
  </si>
  <si>
    <t>有磨损。</t>
  </si>
  <si>
    <t>tst美容仪真有那么好吗</t>
  </si>
  <si>
    <t>挺不错的，我在用，做完黑眼圈就淡了，法令纹变浅。</t>
  </si>
  <si>
    <t>效果特别好！100万次震动。</t>
  </si>
  <si>
    <t>磁条卡换芯片卡卡号变吗</t>
  </si>
  <si>
    <t>如果银行要求更换，那卡号肯定要变更的。</t>
  </si>
  <si>
    <t>如果办的是卡片升级，那卡号不变，如果是换卡种，卡号就要变。</t>
  </si>
  <si>
    <t>关键看你的卡号，储蓄卡的话62开头的卡可以同卡号换芯片卡；如果是43开头的卡，无法同卡号换卡，换芯片卡只能变更卡号；如果是信用卡，都不可以同卡号换芯片卡，因为卡种不同，只能重新申请带芯片的信用卡。</t>
  </si>
  <si>
    <t>悦动圈有人提现成功吗</t>
  </si>
  <si>
    <t>成功了。就是好慢。</t>
  </si>
  <si>
    <t>三笠喜欢艾伦吗</t>
  </si>
  <si>
    <t>三笠无疑是爱艾伦的。</t>
  </si>
  <si>
    <t>喜欢。</t>
  </si>
  <si>
    <t>翡翠梦魇 梦中之物 随机团能完成么</t>
  </si>
  <si>
    <t>随机可以完成的。</t>
  </si>
  <si>
    <t>指旺理财是骗局吗</t>
  </si>
  <si>
    <t>指旺理财是一款移动理财app，是由宜信公司推出的，宜信公司有强大的实力背景，在账户安全方面还有4项保障措施，应该不会是什么骗局。</t>
  </si>
  <si>
    <t>波奇网有假货吗</t>
  </si>
  <si>
    <t>波奇网的货物都是来自于原厂生产的，他们跟很多生产厂商都有合作，他们的货物这块可以完全放心，绝对不会有假货的，100%正品。</t>
  </si>
  <si>
    <t>孕妇能吃龙虾吗</t>
  </si>
  <si>
    <t>可以的。不要偏食。饮食尽可能广泛多样化。</t>
  </si>
  <si>
    <t>孕妇是可以吃龙虾的，但也不要多吃</t>
  </si>
  <si>
    <t>孕妇慎吃小龙虾。</t>
  </si>
  <si>
    <t>芒果里面有黑线能吃吗</t>
  </si>
  <si>
    <t>放心使用。</t>
  </si>
  <si>
    <t>这是芒果受过污染的或化学物质催熟留下的，芒果有丝但绝对不能是黑色的。</t>
  </si>
  <si>
    <t>有黑丝说明坏了，最好不要食用。</t>
  </si>
  <si>
    <t>加油票可以抵税吗</t>
  </si>
  <si>
    <t>dnf搬砖辅助会封号吗</t>
  </si>
  <si>
    <t>为了维护勇士们公平公正的游戏环境，DNF运营团队将对原有处罚机制进行升级，推出DNF安全公约2.0。自该公约上线起，会根据作弊用户的作弊类型、历史作弊情况、恶劣程度，给予不同时长、不同方式的处罚，最严重可导致永久封号。</t>
  </si>
  <si>
    <t>上海图零科技是传销吗</t>
  </si>
  <si>
    <t>不要去，赤裸裸的骗子公司。</t>
  </si>
  <si>
    <t>做平板支撑减肚子吗</t>
  </si>
  <si>
    <t>平板支撑是腹部肌肉塑形的有效方法，可以减掉小肚腩。</t>
  </si>
  <si>
    <t>平板支撑减肚子的效果可能并不如意，平板支撑是不会让赘肉消失的。</t>
  </si>
  <si>
    <t>风油精对丁丁有害吗</t>
  </si>
  <si>
    <t>没有危害，但是刺激比较大。</t>
  </si>
  <si>
    <t>阳光车险怎么样可靠吗</t>
  </si>
  <si>
    <t>很好 。</t>
  </si>
  <si>
    <t>服务不好。</t>
  </si>
  <si>
    <t>缅因猫中国有得买吗</t>
  </si>
  <si>
    <t>国内有缅因猫舍。</t>
  </si>
  <si>
    <t>国内有，南京就有一家宠物店卖。</t>
  </si>
  <si>
    <t>samereport查重准吗</t>
  </si>
  <si>
    <t>检测论文的效果非常好，很严格。</t>
  </si>
  <si>
    <t>艾叶水能治湿疹吗</t>
  </si>
  <si>
    <t>适合只是有小面积湿疹，而且湿疹情况不严重的朋友。如果湿疹特别严重还是要及时就医。</t>
  </si>
  <si>
    <t>能够有效的治疗湿疹.</t>
  </si>
  <si>
    <t>有一定的作用。</t>
  </si>
  <si>
    <t>过期身份能办银行卡么</t>
  </si>
  <si>
    <t>蒲公英水能长期喝吗</t>
  </si>
  <si>
    <t>公安会查银行卡网赌吗</t>
  </si>
  <si>
    <t>银行卡被公安要求法院冻结，怀疑跟网络赌博有关系，配合公安调查，调查完成后，如无其他问题，账户会及时解冻。</t>
  </si>
  <si>
    <t>社保交满15年后可以不交吗</t>
  </si>
  <si>
    <t>社保交满15年后不交可以。</t>
  </si>
  <si>
    <t>养老保险教够15年可以交也可以不交，不过要继续交到退休。</t>
  </si>
  <si>
    <t>养一个鹰嘴龟犯法吗</t>
  </si>
  <si>
    <t>自养是不犯法的，但前提是人工繁殖种群，不能进行野外采捕、售卖和利用其动物制品。</t>
  </si>
  <si>
    <t>蜜芽的东西是正品吗</t>
  </si>
  <si>
    <t>苹果一个手机可以上两个微信吗</t>
  </si>
  <si>
    <t>苹果手机安装两个微信需要用到第三方软件，方法如下：1、安装微信多开宝，安装完毕后打开软件，这时候可以看到手机里原来有的一个微信，点击右上角类似于云标志的图标，点击后将下载另外一个微信。2、下载完成后进行安装另外一个微信。3、安装完毕可以看到在多开宝界面已经有了两个为微信图标，点击第二个图标进行登入第二个微信。4、登入之后可以看到后台已经显示有两个微信号登入了。</t>
  </si>
  <si>
    <t>1、首先打开苹果手机上的 Safari 浏览器；2、在浏览器中打开 https://kehu.in/install/weixin.html 这个网址，打开页面以后，点击“安装第二个微信”按钮；3、随后会提示是否要安装微信，点击“安装”按钮继续；4、等待下载并安装第二个微信；5、安装完成以后，桌面上就有两个微信了。</t>
  </si>
  <si>
    <t>1、苹果手机无法直接登录2个微信号。需要借助第三方软件实现。2、使用微信分身版可以同时登录2个微信号。3、下载安装微信分身版。4、安装成功后，手机上即会有2个微信一个是“微信”，一个是“微信分身版”。5、分别登录即可使用2个不同微信号了。</t>
  </si>
  <si>
    <t>animals mv真的在做吗</t>
  </si>
  <si>
    <t>在做。</t>
  </si>
  <si>
    <t>小规模纳税人能开增值税专票吗</t>
  </si>
  <si>
    <t>小规模纳税人住宿业、签证咨询业和6月1日起建筑业可以自行开具增值税专用发票。</t>
  </si>
  <si>
    <t>房产遗嘱需要公证吗</t>
  </si>
  <si>
    <t>需要办理公正。</t>
  </si>
  <si>
    <t>建议做公证遗嘱，可以避免纠纷。</t>
  </si>
  <si>
    <t>穿凉鞋可以穿袜子吗</t>
  </si>
  <si>
    <t>可以，在北方，女人们到夏天穿凉鞋一般都会再穿上一双袜子，这与地域有关，也与观念有关。其次，许多北方人认为不穿袜子似乎有不尊重人的感觉，这是非常正确的。</t>
  </si>
  <si>
    <t>穿凉鞋穿袜子在礼仪上是错误的，尤其是在出席正式场合，在凉鞋里穿上袜子是对来宾的不尊重，但平时就无所谓了。</t>
  </si>
  <si>
    <t>成都天投集团待遇好吗</t>
  </si>
  <si>
    <t>刚进来的员工福利待遇不是很好。</t>
  </si>
  <si>
    <t>很好，也很累，锻炼人。</t>
  </si>
  <si>
    <t>华誉环亚是正规平台吗</t>
  </si>
  <si>
    <t>胃胀打嗝放屁是胃癌吗</t>
  </si>
  <si>
    <t>这是因脾胃湿热导致的清气不能上升、浊气不能下降引起的胃胀、肚胀、打嗝等不适症状，一般药物难以根治。中医中药长期临床实践积累了许多非常有效的治疗方法，建议你采用传统中药黑矾、黑枣、核桃仁、栀子、当归、砂仁、厚朴、三棱、穿山甲、寸曲、麦芽、上甲、下甲、红花、海南沉、铁胆粉、蜂胶、蜂蜜、蜂蜡等配合治疗，见效快，疗效确切，可以彻底根治。这些药物配合使用可以彻清除脾胃湿热，增强胃肠功能，促进胃肠蠕动，快速修复胃肠粘膜，荡涤胃肠浊气，从而彻底根治。</t>
  </si>
  <si>
    <t>华汉的父亲是王健林吗</t>
  </si>
  <si>
    <t>王健林之子王思明；万达有两位公子。一位是炮轰张兰汪小菲母子迅速窜红网络的王思聪。也是万达老总的大公子。另外一位就是低调不张扬救苦救难救济娱乐圈美女明星的万达老总二公子华汉又名王思明。</t>
  </si>
  <si>
    <t>代餐奶昔减肥有用吗</t>
  </si>
  <si>
    <t>减肥效果也十分显著。</t>
  </si>
  <si>
    <t>通过奶昔代餐来减肥的这种方法并不可取，想要减肥的朋友们可以选择其他的方法。</t>
  </si>
  <si>
    <t>中耳炎能治疗好吗</t>
  </si>
  <si>
    <t>能，只要耳朵还在流脓或流水，就能治好。</t>
  </si>
  <si>
    <t>对中耳炎，需及时就诊积极治疗，及时规范、足疗程治疗，可能治愈，并且类型不同，预后也不同，但如果治疗不积极可能慢性化或遗留后遗症。</t>
  </si>
  <si>
    <t>很难根治中耳炎，经常复发。</t>
  </si>
  <si>
    <t>闪电宝pos机安全吗</t>
  </si>
  <si>
    <t>如果拥有具有收单业务的第三方支付牌照的一清机，那么它是一台安全的POS机。</t>
  </si>
  <si>
    <t>ipad mini2 ios10卡吗</t>
  </si>
  <si>
    <t>卡</t>
  </si>
  <si>
    <t>狗是色盲吗</t>
  </si>
  <si>
    <t>当然如果断然说狗是色盲，这个说法多少有些不确切。但是，如果这里“色盲”一同是指与人类相比。狗只能看见可见光光谱的一部分，那么，没错，狗是色盲。</t>
  </si>
  <si>
    <t>好大夫预约挂号靠谱吗</t>
  </si>
  <si>
    <t>2017年调整最低工资吗</t>
  </si>
  <si>
    <t>调整。</t>
  </si>
  <si>
    <t>dnf增幅失败会碎吗</t>
  </si>
  <si>
    <t>增幅1到8之前和强化一样，失败也会掉，8上9或者9上10失败，直接掉0，10以上就会碎了，10之前百分百不会碎。</t>
  </si>
  <si>
    <t>是10以下不会碎。失败有几率归零。是10以上就会碎。增幅几率小。</t>
  </si>
  <si>
    <t>增幅掉级。不会碎装备。</t>
  </si>
  <si>
    <t>lol违规昵称送改名卡吗</t>
  </si>
  <si>
    <t>游戏给改名卡只有合区名字重复的才给。</t>
  </si>
  <si>
    <t>吃榴莲会发胖吗</t>
  </si>
  <si>
    <t>榴莲本身的热量挺高的,而且含糖份多,吃多了会长胖的。</t>
  </si>
  <si>
    <t>平安普惠是平安银行吗</t>
  </si>
  <si>
    <t>平安普惠和平安银行都属于平安集团旗下公司。平安普惠做的是互联网金融业务，平安银行做的是传统银行业务。</t>
  </si>
  <si>
    <t>平安银行借款利率低，抵押贷款低至0.435%，信用贷款0.6%到0.8%。平安普惠抵押贷款利率0.81%，信用贷款0.92%-2.22%。平安银行对于贷款客户的资质要求高点，对于工作单位，负债都有要求，而平安普惠的要求则低些。</t>
  </si>
  <si>
    <t>税审报告 是一定要做吗</t>
  </si>
  <si>
    <t>企业在什么情况可以不做税审报告：1、企业当年度亏损较小，做税审付费不划算，或虽然亏损较大，但以后年度由于特殊原因不想弥补亏损，则可以不出税审报告；2、企业有利润，以前年度无亏损可以弥补，企业自我感觉帐务处理没有问题，企业能自行申报企业所得税，则无需出税审报告；3、企业不存在偷逃税款行为，且会计核算准确无误，或因特殊原因税务不会检查，或虽有可能被检查但企业有能力应付，也可以不出税审报。</t>
  </si>
  <si>
    <t>不是每个企业都需要做税审的，通常是收入较高达到税务规定的金额或者亏损达到10万元以上的企业都需要税审。不过主要还是要看税务局的要求。所得税汇算清缴是每个企业都必须做的，税务局要求在每年5月31日前做完。</t>
  </si>
  <si>
    <t>厚本金融是正规公司吗</t>
  </si>
  <si>
    <t>佰趣点刷pos机安全吗</t>
  </si>
  <si>
    <t>佰趣点刷是正宗的一清机，流程正规，由银行和支付公司直接结算到您绑定的银行卡，程序简单，安全高效，风险大大降低。</t>
  </si>
  <si>
    <t>上市公司的，这点放心，POS机行业内算好的。</t>
  </si>
  <si>
    <t>中兴f612是千兆猫吗</t>
  </si>
  <si>
    <t>这个很难说，电信宽带猫是不是千兆网口 查看你所在地区的宽带覆盖形式。</t>
  </si>
  <si>
    <t>12升燃气热水器够用吗</t>
  </si>
  <si>
    <t>燃气热水器的选购和家里人口的多少没有关系，但是和家里用水点如卫生间、洗手盆、阳台洗涤盆等多少有关系，和用水点的距离长短也有关系。一般，需要考虑计算的是是否要求“同时使用多个用水点”，一个浴室就选择10L；一个浴室和一个厨房就选择12L；两个浴室和一个厨房就选择16L；4个浴室的就选择24L。</t>
  </si>
  <si>
    <t>一家3口的家庭，12升燃气热水器足够用了。</t>
  </si>
  <si>
    <t>婴儿攒肚子会放臭屁吗</t>
  </si>
  <si>
    <t>会放。</t>
  </si>
  <si>
    <t>婴儿攒肚子会放臭屁，这事一种常见的现象。</t>
  </si>
  <si>
    <t>早上吃苹果好吗</t>
  </si>
  <si>
    <t>早上空腹吃一个苹果对于身体是有好处的，而且苹果中的成分也是很容易消化的，各种微量元素都是存在的，苹果中含有大量的半乳糖荃酸，这个对于排毒是很有益处的，而且早上吃苹果还是有利于防止胆结石。</t>
  </si>
  <si>
    <t>对于健康人来讲，早上是可以空腹吃水果的，但是，对于胃肠有问题，尤其是很容易反酸的朋友，建议还是不要空腹吃为好，可以吃完早餐再吃苹果。</t>
  </si>
  <si>
    <t>苹果含有大量糖类，早晨吃苹果可以补充糖类，所以早晨吃苹果营养价值很高，苹果空腹吃可有助消化，空腹吃苹果不会感觉到不舒服，没什么问题。</t>
  </si>
  <si>
    <t>虚空前世 卡萨丁有特效吗</t>
  </si>
  <si>
    <t>没有特效` kass暂时还没有特效的皮肤。</t>
  </si>
  <si>
    <t>虽然没特效，但是用起来挺顺手的，而且模型也不错。</t>
  </si>
  <si>
    <t>早孕试纸准确吗</t>
  </si>
  <si>
    <t>早孕试纸准确率很高的。</t>
  </si>
  <si>
    <t>早孕试纸的正确测试率差异很大，从50--98％不等。</t>
  </si>
  <si>
    <t>试纸检查的准确率在75%以上，不是百分之百。</t>
  </si>
  <si>
    <t>乐山大佛闭眼是真的吗</t>
  </si>
  <si>
    <t>网传有闭眼现象,真正的原因是因为酸雨的污染导致佛像的上眼帘黑色素增加,从视觉上看,就感觉佛像闭眼了。</t>
  </si>
  <si>
    <t>有，在1962年，三年连年自然灾害时期。</t>
  </si>
  <si>
    <t>假的，是污染导致的。</t>
  </si>
  <si>
    <t>深圳滴滴顺风车合法吗</t>
  </si>
  <si>
    <t>部分城市认定“滴滴顺风车”属非法营运，深圳市交通运输委并没有对此进行回复。</t>
  </si>
  <si>
    <t>近期的全国两会，交通部长非常明确地讲，鼓励网络约车，明确表示顺风车合法，要规范网络约车。</t>
  </si>
  <si>
    <t>农行有没有贷款app</t>
  </si>
  <si>
    <t>农业银行信用卡手机客户端。</t>
  </si>
  <si>
    <t>有港澳通行证可以直接去香港吗</t>
  </si>
  <si>
    <t>已经持有《港澳通行证》，同时，《港澳通行证》内有有效的赴香港的签注，那么，可以直接持《港澳通行证》前往深圳口岸过关，然后入境香港。有以下两种情况：1、如果本人签注是个人游（G）类签注，你可以直接在深圳口岸过关，然后经香港海关检验，入境香港。2、如果本人签注是团签（L）类签注，那么就要在深圳口岸的旅游公司买关，然后，持办理回执过关，入境香港。</t>
  </si>
  <si>
    <t>你要在出境有效期至后面的日期前（含当天）出境内地去港澳才可以，否则就过期了。香港签注和澳门签注是分开的。</t>
  </si>
  <si>
    <t>只要带港澳通行证和身份证就能去香港旅游。首次办理《港澳通行证》。必须要你本人到你户口所在地的公安局出入境管理部门凭户口本跟身份证原件办理。这是不能委托他人代办的，也不能异地办理的。收费标准 ：《往来港澳通行证》100元 一次个人旅游签注20元 二次个人旅游签注40元  , 香港澳门一起签注 办理时间 ：首次申请 ，在10到15个工作日内签发 再次申请签注 ，在7到10个工作日内签发签注 。</t>
  </si>
  <si>
    <t>卫生球对人体有害吗</t>
  </si>
  <si>
    <t>樟脑丸主要成分是一些化学制剂，对虫有驱赶作用。当然，对人体也有一定影响。当然了，如果你用量不多，问题不大的。是在安全范围内。</t>
  </si>
  <si>
    <t>如果选择好的樟脑球，不会给人体带来伤害的。</t>
  </si>
  <si>
    <t>卫生球不是真正的樟脑，而是从石油或煤焦油里提炼出来的一种副产品，它的主要化学成分是萘及萘酚衍生物，具有一定毒性。人们如果长期吸入含有萘蒸气的空气，可引起无力、头痛、食欲减退、恶心等反应。严重时，还可能影响视力和损伤肾脏。</t>
  </si>
  <si>
    <t>去泰国要签证吗</t>
  </si>
  <si>
    <t>需要，可以办理一般护照或者落地签。</t>
  </si>
  <si>
    <t>支付宝余额宝安全吗</t>
  </si>
  <si>
    <t>1、余额宝的收益率是非常高的，是银行的好多倍，也正是因为这样的原因导致了很多人把资金放入余额宝内，来获取收益，根据余额宝的收益率来看，假如存入3.9万元，一天的收益能达到4元人民币，而且这个收益又能累积到本金里继续获益。2、现在余额宝的用户达到了3200万人，既然能有这么多人把资金存入余额宝，当然安全性也有一定的保障，余额宝网站也早有表示，资金存入余额宝是100%安全的，出现被盗情况也会全额赔付的。3、其实本人也在用余额宝，也在不断的注入资金到余额宝，从这半年来看，余额宝的安全性还是可以的，而且他们也承诺了出现问题会赔付，所以这一点大可放心。</t>
  </si>
  <si>
    <t>1、支付宝账号安全：余额宝是依附于支付宝，可以说，如果你的支付宝安全，那么余额宝也相对是安全的，因为的你支付密码都是相同的，如果支付宝被盗，你的余额宝里的钱肯定是保不住了。做好支付宝账号的安全，对于支付宝密码最好复杂度高点，不容易被盗。2、手机安全：如果你安全了手机支付宝钱包，那么你的手机的重要性就毋庸置疑了，一般支付宝钱包都会绑定手机号，而通过手机验证就能修改你的密码或者找回密码，那么如果你的手机丢了可想而知，你的支付宝和余额宝的安全问题严重堪忧了。管好自己的手机做好密码保护及手机验证码不要轻易给别人。3、手机软件安全：手机中毒，有时候可能安装了不明软件而导致手机中毒，也有可能危及账号的风险，所以不要打开陌生链接或者安装不明来源的软件。手机装好杀毒软件。</t>
  </si>
  <si>
    <t>余额宝由阿里巴巴，天弘基金内蒙君正三家公司控股投资组成，其中天弘基金是国有资产，也是国内最大的货币基金公司，余额宝的安全等级相当于国有各大银行，余额宝的收益高于银行五年定期存款，最近七天的年化收益率是4.17%，余额宝按日结算，可以随时取钱，两个小时之内到账，方便灵活快捷安全，很受人们的欢迎，全国有4亿多人在使用余额宝理财，存入一万元的话，每天的收益是一元一角左右。</t>
  </si>
  <si>
    <t>京东 上市了吗</t>
  </si>
  <si>
    <t>京东是上市公司。</t>
  </si>
  <si>
    <t>广州有没有白癜风医院</t>
  </si>
  <si>
    <t>广州新世纪白癜风防治研究院。</t>
  </si>
  <si>
    <t>广州肤康皮肤病专科 。</t>
  </si>
  <si>
    <t>广州省中研白癜风医学研究院。</t>
  </si>
  <si>
    <t>乾陵地宫打开了吗</t>
  </si>
  <si>
    <t>乾陵地宫尚未开掘。</t>
  </si>
  <si>
    <t>转账转错了能追回吗</t>
  </si>
  <si>
    <t>1、第一时间联系银行，看是否已经到账，如果没有即时到账，银行可以取消该笔操作；如果款项已经到账，和银行一起协调解决，比如联系对方，要求退款等。2、银行没有帮忙追回汇错款的义务，可以提供相关信息和协助，所以如果协调未果，立即报案处理。3、无论按哪国法律制度，此类行为均可要求不当得利者返还。与银行取得联系，协调解决无果，可考虑诉讼程序。起诉不当得利者。网上转账，必须银行卡号，名字正确，才能转账成功，任何一个错误都会转账失败，转账失败，在1-3个工作日会退回到付款银行卡里的。</t>
  </si>
  <si>
    <t>一旦出现转错情况，银行不负责协助追回。建议，在发现汇错账户后，客户最好尽快到就近的银行柜台，凭转账当天ATM机出具的打印凭条向银行工作人员核实对方账户是否存在。如果对方账户不存在或无效，则款项将在一定时间内自动回到汇款人账户。但如果对方账户真实存在、有效，那么汇款人可以要求银行工作人员提供对方的联系方式。如果银行不愿提供对方个人信息，汇款人则应该向公安机关报案，要求公安机关出面介入调查。首先公安机关会要求银行查实对方身份，然后和对方沟通是否愿意把钱退回。若对方不肯将钱退回，汇款人可以凭借汇款单到法院提请民事诉讼，法院可采用不当得利的法律条款协助汇款人将钱追回。</t>
  </si>
  <si>
    <t>蒲公英的花能吃吗</t>
  </si>
  <si>
    <t>服用蒲公英，对身体中的肠胃损害是比较大，容易出现拉肚子以及恶心想吐等症状。这是因为大量的蒲公英进入身体之后容易导致肾小管变小，这样上皮细胞就会变得浑浊，甚至出现肿胀的情况，身体自然就会出现各种各样的毛病了。</t>
  </si>
  <si>
    <t>蜜芽上的东西可靠吗</t>
  </si>
  <si>
    <t>蜜芽买过衣服还行，就是有点发货慢。</t>
  </si>
  <si>
    <t>不靠谱，买的衣服线全开了，也能发货，正品的话不可能发生这种情况，比某宝质量还差。</t>
  </si>
  <si>
    <t>现在那是给孩子买东西只来蜜芽了。</t>
  </si>
  <si>
    <t>小黄车的充值可以退吗</t>
  </si>
  <si>
    <t>小黄车退款的方式有两种：一种是通过微信公众号“ofo共享单车”进行操作，一种是通过它自身的“ofo共享单车”app进行操作。</t>
  </si>
  <si>
    <t>据客服介绍说目前也是在APP上没有退还余额的方式，需要用户打电话给客服，客服记录再由工作人员统一处理的。余额将会在1-3个工作日内到账。小黄车客服电话：4001507507(上班时间：9：00-21：00)；微信：ofobike；邮箱：support@ofo.so。</t>
  </si>
  <si>
    <t>三里人家是合法的吗</t>
  </si>
  <si>
    <t>车上放饮料有约到的吗</t>
  </si>
  <si>
    <t>放红牛，等了大概45分钟，带走一个。</t>
  </si>
  <si>
    <t>代位求偿算出险吗</t>
  </si>
  <si>
    <t>不算，因为没有责任，不算作自己的出险，因为保险公司代为对方赔偿的，最后通过保险公司索要回赔偿部分。</t>
  </si>
  <si>
    <t>2016车险新规代位求偿，代位求偿不计入出险。。如果是无责并可以找到致害方保险公司的，由自己保险公司代位赔偿的，不算出险次数。如果是无责但找不到致害方的，这种情况下保险公司代位赔给了，这种就是要算出险次数的。</t>
  </si>
  <si>
    <t>找回就不算，找不回理赔款就算。</t>
  </si>
  <si>
    <t>合同期满不续签需要补偿吗</t>
  </si>
  <si>
    <t>经济补偿按劳动者在本单位工作的年限，每满一年支付一个月工资的标准向劳动者支付，六个月以上不满一年的，按一年计算；不满六个月的，向劳动者支付半个月工资的经济补偿。</t>
  </si>
  <si>
    <t>阴阳师寄养的式神可以提前拿回来吗</t>
  </si>
  <si>
    <t>择天记陈长生是圣后的儿子吗</t>
  </si>
  <si>
    <t>在电视剧《择天记》中，圣后的幼儿被抛下万丈深渊，然后镜头就转到了陈长生。大家都以为陈长生就是圣后的儿子。其实不然，圣后的亲生儿子没有死，他其实就是陈余人。从百草园的情形中不难看出，圣后能感觉到陈长生像极了一位故人，而那个故人有可能是已经逝世的先王，也有可能是陈长生的生父陈玄霸。而据剧透，陈玄霸便是与已故太宗有血缘关系。也就是说，陈长生其实是陈玄霸与周独夫之子（陈玄霸其实参考的是李玄霸），所以他不是圣后的儿子。圣后真正的儿子是余人师兄（付嘉饰演），据悉在圣后临死的时候，母子得以相见。也就是说，余人是真正的昭明太子，他跟陈长生也是堂兄弟关系两人关系极好，所以圣后见他如故人，圣后是陈长生伯母或者婶婶。</t>
  </si>
  <si>
    <t>新垣结衣下海了吗</t>
  </si>
  <si>
    <t>finereport是免费的么</t>
  </si>
  <si>
    <t>如果是个人使用的话是免费的，企业使用的话是需要付费的。</t>
  </si>
  <si>
    <t>假凤虚凰有第二季吗</t>
  </si>
  <si>
    <t>假凤虚凰第二季已经在筹备当中，应该还是原班人马，因为该剧的制片人魏童声在微博表明第二季即将开拍。</t>
  </si>
  <si>
    <t>羽绒服能用洗衣机洗吗</t>
  </si>
  <si>
    <t>羽绒服可以放到洗衣机里洗的，但是会对羽绒产生一定的影响。建议最好是手洗 。</t>
  </si>
  <si>
    <t>有的是可以的 ，象那种活领活面的就可以 ，但一般的是不可以的。</t>
  </si>
  <si>
    <t>薪资证明造假能查到吗</t>
  </si>
  <si>
    <t>薪资证明的查证其实是比较困难的。</t>
  </si>
  <si>
    <t>可以查到的。</t>
  </si>
  <si>
    <t>王者荣耀诸葛亮厉害吗</t>
  </si>
  <si>
    <t>诸葛亮算是法师中超一流的程度，是一名拥有超强单体爆发输出的法师。利用技能来叠刻印，达到五层转为战斗力，另外诸葛亮的机动性也十分出色，依靠2技能多段位移的特性，诸葛亮可以在战场中快速穿梭，寻找最佳的输出位置，同时这也是一个爆发技能，对一个英雄的连续3连跳的伤害，加上90%的减速，同时近身的1技能，很难想象有英雄能挡得下。当诸葛亮发现敌方低血量英雄时，就会立即释放终极大招-元气弹。元气弹能对低血量的敌人造成大量的额外伤害，一旦元气弹成功击杀敌方英雄，就会立即触发被动法球并返还大部分的冷却时间，接下来敌人又将面临诸葛亮暴风骤雨般的攻击。</t>
  </si>
  <si>
    <t>潮人小罗是不是富二代</t>
  </si>
  <si>
    <t>不是富二代。</t>
  </si>
  <si>
    <t>小罗本身就是富家子弟。</t>
  </si>
  <si>
    <t>冠群驰骋是合法的吗</t>
  </si>
  <si>
    <t>谷胱甘肽片能美白吗</t>
  </si>
  <si>
    <t>粽子的热量高吗</t>
  </si>
  <si>
    <t>粽子的热量依其“大小”、“内容”不同有所差别。裸粽热量较一般粽子少，每个热量约含210至250大卡；碱粽也因体积小，相对热量较小，热量在未沾糖前约为100至120卡，沾糖后则含120至150大卡；“豆沙粽”每个热量约含500至600卡，热量在粽子王国中，可以数一数二，因除了砂糖或蔗糖含量较高外，豆沙粽多以猪油炒过，所以热量增加很多。</t>
  </si>
  <si>
    <t>通草鲫鱼汤能下奶吗</t>
  </si>
  <si>
    <t>通草是下奶的。</t>
  </si>
  <si>
    <t>通草鲫鱼汤就是催奶“神器”。</t>
  </si>
  <si>
    <t>吉诺比利能进名人堂吗</t>
  </si>
  <si>
    <t>能进名人堂，看什么身份名人堂；?如国际身份入名人堂，无任何压力；NBA球员身份入名人堂，能进，不过他是角色球员比不了那些超级明星，可能要多等几年，在竞争力相对小的年份上。</t>
  </si>
  <si>
    <t>能，第一是阿根廷人，第二夺冠功臣GDP组合。第三以前也有超六夺冠进名人堂，比如麦克海尔。</t>
  </si>
  <si>
    <t>明年或后年能进名人堂，司机，皮尔斯，卡特，吉诺比利大概会一起退役，前几个基本上都会进名人堂。</t>
  </si>
  <si>
    <t>个人可以开增值税专用票吗</t>
  </si>
  <si>
    <t>个人不可以申请税务机关代开增值税专用发票，这是因为根据:《税务机关代开增值税专用发票管理办法（试行）》第二条 本办法所称代开专用发票是指主管税务机关为所辖范围内的增值税纳税人代开专用发票，其他单位和个人不得代开。</t>
  </si>
  <si>
    <t>宠物可以上高铁吗</t>
  </si>
  <si>
    <t>不可以的。宠物是不可以带上火车，不管是动车、高铁还是普速列车，都不可以携带宠物上车，但是可以托运。</t>
  </si>
  <si>
    <t>cprime手环有用吗</t>
  </si>
  <si>
    <t>看对智能手环功能的需求了。</t>
  </si>
  <si>
    <t>ddr3和ddr4插槽一样吗</t>
  </si>
  <si>
    <t>同代的内存插槽都是一样的，不存在与其他代内存插槽一样的情况。</t>
  </si>
  <si>
    <t>DDR4的接口只能上DDR4的条子，DDR3的条子不兼容。</t>
  </si>
  <si>
    <t>单身聊友app 靠谱吗</t>
  </si>
  <si>
    <t>骗人的多。</t>
  </si>
  <si>
    <t>先有个女的跟你主动说话，诱导你消费，这是骗人的软件。要信，被坑的已经不止一两个了。</t>
  </si>
  <si>
    <t>杭州博多企业是骗局吗</t>
  </si>
  <si>
    <t>蚂蚁花呗可以还信用卡吗</t>
  </si>
  <si>
    <t>不能还信用卡。</t>
  </si>
  <si>
    <t>多肉可以晒太阳吗</t>
  </si>
  <si>
    <t>多肉要晒太阳。</t>
  </si>
  <si>
    <t>申请信用卡被拒对征信有影响吗</t>
  </si>
  <si>
    <t>申请信用卡被拒不会影响个人征信。</t>
  </si>
  <si>
    <t>whatsapp可以撤回消息吗</t>
  </si>
  <si>
    <t>whatsapp是没有消息撤回功能的，没发出的时候应该可以删除，一旦打了勾，服务器接收到了，对方联网就能看到消息。</t>
  </si>
  <si>
    <t>不可以的，就像发送手机短信，发出去了就没法撤回。</t>
  </si>
  <si>
    <t>不可以，对方只能看见他发送成功发送信息的后面有一个灰色对勾，表示你发送成功。有两个灰色对勾，表示对方已收到。有两个蓝色对勾，表示对方已阅读信息。前提情况下是自己和对方在设置&gt;帐号&gt;隐私&gt;已读回执，勾选即可。</t>
  </si>
  <si>
    <t>名爵zs品质和质量好吗</t>
  </si>
  <si>
    <t>1.5自动挡，用的落后的4at。用6at的，又是个1.0三缸，还是直喷，直喷本身就爱积碳，一积碳，抖上加抖。手动挡的吧，又要比同样的国产suv贵一万，发动机动力也要差一些，比如吉利都是1.3T，哈佛都是1.5t！国产自吸1.5的，都便宜接近一万。目前来看，不值得入手这车。</t>
  </si>
  <si>
    <t>zuk z2做工是不是很差</t>
  </si>
  <si>
    <t>做工很差。</t>
  </si>
  <si>
    <t>陈长生是真龙吗</t>
  </si>
  <si>
    <t>陈长生有可能不是真龙，是真龙血帮他重筑身体。</t>
  </si>
  <si>
    <t>李菁是德云社的吗</t>
  </si>
  <si>
    <t>以前是，后来因为一些事情离开了德云社。</t>
  </si>
  <si>
    <t>10.2.1能越狱吗</t>
  </si>
  <si>
    <t>暂时不能，未来有可能。</t>
  </si>
  <si>
    <t>电子灭蚊器管用吗</t>
  </si>
  <si>
    <t>农行信用币额度共享吗</t>
  </si>
  <si>
    <t>是共享的。</t>
  </si>
  <si>
    <t>缩阴球真的有效吗</t>
  </si>
  <si>
    <t>缩阴球的效果不是特别地好。</t>
  </si>
  <si>
    <t>阴道缩阴产品能够起到改善阴道松弛的作用，效果好的话可以达到处女的程度，但平时也还是要注意性生活的频繁度的，另外平常也可以做一些运动来加强的。</t>
  </si>
  <si>
    <t>二口女值得培养吗</t>
  </si>
  <si>
    <t>如果没有大天狗，没有长腿妖刀，没有茨木，甚至人手一只的姑获鸟都没有吃满技能，还在为寻找魂十队伍亦或是频频被队友嫌弃所发愁，那么，二口女再合适不过了。其次，作为一只sr级别的弑神，二口女的入手难度非常低，同小黑一样，只要拿出半天时间便可通过碎片车刷一只满技能的二口女。第三，看惯了队伍里千篇一律的阵容搭配，想走不寻常之路又不坑队友，那么二口女同样值得拥有。对于新手来说，更重要的是能够带狗粮，所以二口女的重要性不大，因为她带狗粮的效率一般，不建议新手玩家花时间培养她。但是对于老玩家来说，带狗粮的式神已经成型，对于极品御魂的需求更大，所以如果想要单刷魂十的话，可以培养一只二口女，二口女在御魂副本中有着很大的作用，而且她易获得，成型快。</t>
  </si>
  <si>
    <t>二口女在PVP的表现不尽人意，若是单挑，60%的减伤使她不畏惧所有单体攻击式神，挂自动都能把他们打趴下，但面对多段式攻击，会迅速削减印记，变成一个既不肉也没输出的尴尬存在，在目前人手一个雪女的时代，二口女的存在感很低，基本上斗技完全看不到。如果打斗技的话推荐改变御魂 ，换乱入道，20%的几率再次行动，增加印记，打出伤害，但是再怎么用都没有姑苏鸟那种 PVP PVE 全能型选手效果那么好。细心的萌新会发现二口女在刚开场时会自带3层印记，在加上行动则达到最高的6层印记，这可能是对二口女斗技太弱的一种补偿。</t>
  </si>
  <si>
    <t>新手完全不建议练这个，但是每个式神设计出来都有他自己的用处，想练就练吧，不会后悔的。</t>
  </si>
  <si>
    <t>上班期间突发脑溢血算工伤吗</t>
  </si>
  <si>
    <t>如果该工人是在工作场所、工作时间内履行工作职责时，突发脑溢血，并且在48小时内因抢救无效死亡的，那么是可以被认定为视同工伤的。具体参考《工伤保险条例》如下：第十五条　职工有下列情形之一的，视同工伤：（一）在工作时间和工作岗位，突发疾病死亡或者在48小时之内经抢救无效死亡的。</t>
  </si>
  <si>
    <t>成都博爱医院好不</t>
  </si>
  <si>
    <t>感觉医生很专业，术前术后注意事项都说得很清楚，很负责。医院环境也很好。</t>
  </si>
  <si>
    <t>可靠啊，都开了十多年了，以前还在小区免费做检查，就前段时间他们还给孤寡爷爷奶奶送了好多米和油，真正的关爱民生，挺博爱的。</t>
  </si>
  <si>
    <t>不错，有15、16年了，品牌不错、服务效果可以。</t>
  </si>
  <si>
    <t>气胸能自愈吗</t>
  </si>
  <si>
    <t>气胸，一般是不会自愈的， 自发性气胸是指因肺部疾病使肺组织和脏层胸膜破裂，或靠近肺表面的细微气肿泡破裂，肺和支气管内空气逸入胸膜腔。临床表现为突然发生胸痛，呼吸困难，胸闷，严重者烦躁不安、大汗、紫绀，呼吸加快，脉搏细速，甚至休克。</t>
  </si>
  <si>
    <t>自发性气胸一般不超过百分之30气体，可以自行吸收，目前已经愈合，后期没有什么影响。</t>
  </si>
  <si>
    <t>李晨的爷爷是将军吗</t>
  </si>
  <si>
    <t>癫闲病能彻底治好吗</t>
  </si>
  <si>
    <t>一般都很难的完全治愈。</t>
  </si>
  <si>
    <t>平安财富宝安全吗</t>
  </si>
  <si>
    <t>这个平台不够安全，平台钱比较少。</t>
  </si>
  <si>
    <t>安全的，放心！</t>
  </si>
  <si>
    <t>骁龙835和821区别大吗</t>
  </si>
  <si>
    <t>在千兆LTE网没有普及之前，高通骁龙821和骁龙835的使用体验没有大区别，但当千兆LTE网来临，骁龙835上传下载速率更快。</t>
  </si>
  <si>
    <t>萌三国手游停服了吗</t>
  </si>
  <si>
    <t>停了。</t>
  </si>
  <si>
    <t>小米6值得入手吗</t>
  </si>
  <si>
    <t>它确实是目前最出色的手机之一。但是相比国外旗舰来说，相差还是非常大的！所以如果只有3000元的预算，黑金陶瓷版的小米6绝对是最佳的选择。</t>
  </si>
  <si>
    <t>抢着就买，抢不着还是等等吧。</t>
  </si>
  <si>
    <t>微信转账被骗能找回吗</t>
  </si>
  <si>
    <t>首先在你转账的好友界面，点击右上角以后有个“投诉”按钮，点击进去以后选择“存在欺诈骗钱行为”。然后就是骗钱方式及原因，自己可以选择下，选择完以后微信团队会要求你提交相关聊天证据，这个时候一定要记得多截图，保存好截图，你的证据越多越充分，被骗的钱被追回来的可能性就越大。提交以后以小编的经验应该来个双重保险，再次在微信搜索框里搜“微信团队”，点击发送消息以后，里边有个异常反馈。点进去以后，再次填写下你所被骗的事情，勾选相关选项，这次要在补充说明里填写清楚关于自己的情况，比如被骗了多少钱，什么时候被骗的以及被骗原因等。把自己的情况写清楚以后，别忘了再就是把自己刚才的截图再次提交上去。最后一步就是，如果你被骗的钱比较多，那就一定要报警了，当然同样重要的是你所提供的截图证据，把相关证据提交给警察叔叔，从而采取冻结对方账户的方法避免资金损失。</t>
  </si>
  <si>
    <t>4g和8g内存能一起用吗</t>
  </si>
  <si>
    <t>频率一样就行。</t>
  </si>
  <si>
    <t>肯定可以的。只要内存是正品行货的就行。</t>
  </si>
  <si>
    <t>相同频率的内存是可以兼容的，最好是相同品牌最好。</t>
  </si>
  <si>
    <t>小区配电房对住户有影响吗</t>
  </si>
  <si>
    <t>小区的配电一般只是中压10KV进线，另外，配电室内没有辐射源，小区的变压器基本都是箱变或者安装在电线杆上，所以，基本没有电磁辐射。</t>
  </si>
  <si>
    <t>64g手机够用吗</t>
  </si>
  <si>
    <t>64GB的储存空间，有的时候还是不够的，就看每个人怎么用了，如果只是玩玩微信啥的，那当然足够了，可如果加上拍照+视频，那么储存空间肯定不够了。</t>
  </si>
  <si>
    <t>看个人的用法，如果下载东西多建议128G。</t>
  </si>
  <si>
    <t>单证员考试取消了吗</t>
  </si>
  <si>
    <t>是的。2015年7月20日，国务院以国发〔2015〕41号印发《关于取消一批职业资格许可和认定事项的决定》，取消62项职业资格许可和认定事项。</t>
  </si>
  <si>
    <t>素野真的是三无产品吗</t>
  </si>
  <si>
    <t>全国城建培训中心是真的吗</t>
  </si>
  <si>
    <t>体外射精会进入阴道吗</t>
  </si>
  <si>
    <t>体外射精不会有精子进入阴道，除非有遗精。</t>
  </si>
  <si>
    <t>体外射精的话也不是百分之百的安全，也有可能会在性高潮的时候逆流一部分精子进入阴道，从而引起受孕。</t>
  </si>
  <si>
    <t>性兴奋的时候会分泌少量前列腺液，里面就有少量精子，虽然很少量，但是也是有小概率的怀孕可能。</t>
  </si>
  <si>
    <t>香港转机可以出机场吗</t>
  </si>
  <si>
    <t>可以出机场。</t>
  </si>
  <si>
    <t>理论上可以，不过得在马累值机的时候就说好。</t>
  </si>
  <si>
    <t>edius8有破解版吗</t>
  </si>
  <si>
    <t>从edius6.5开始，就没有真正的破解了。edius8采取的是邮箱注册，而且，每个月还要联网激活一下，破解更是不可能的事儿了。</t>
  </si>
  <si>
    <t>目前来说好像还没破解呢，只有30天试用。</t>
  </si>
  <si>
    <t>edius 6.5 开始就只能试用，没法破解了。激活机制都和原来不一样了，尤其是edius8.0以后，更是别想破解了。</t>
  </si>
  <si>
    <t>何木子是死了吗</t>
  </si>
  <si>
    <t>在临近剧终的时候，陈末回忆：何木子躺在陈末的怀里，最终闭上眼睛，死于日出绚烂的清晨。</t>
  </si>
  <si>
    <t>右肺上叶结节是癌症吗</t>
  </si>
  <si>
    <t>一般可以查肿瘤因子，结核菌素试验，支气管纤维镜检查确诊，确诊肺癌可以手术治疗，化疗，放疗等综合治疗。</t>
  </si>
  <si>
    <t>肺部小结节不一定是恶性肿瘤，也可能是良性病变，建议定期复查肺部CT看是否有变化。</t>
  </si>
  <si>
    <t>有可能是肿瘤。建议先到医院确诊后，再对症下药。肿瘤是良性还是恶性，良性肿瘤生长较慢无不适症状可以不用治疗，如果是恶性肿瘤，最好是中西医结合治疗，手术切除，结合放化疗和中药同时治疗。</t>
  </si>
  <si>
    <t>禽流感鸡肉熟了能吃吗</t>
  </si>
  <si>
    <t>从流行病学分析来看，禽流感期间多是不能与活的家禽接触，感染的机率较大的，进食熟的鸡肉，没有问题的，不用担心。</t>
  </si>
  <si>
    <t>鸡肉鸡蛋只要煮熟了，就不会有危险，您可以正常使用鸡肉和鸡蛋。</t>
  </si>
  <si>
    <t>你好，禽流感病毒不会通过煮熟的肉传播。在有禽流感疫情的地区，禽类与禽类制品只要经适当加工及煮熟后食用也是安全的。食物各部分加热到70℃(鸡肉没有粉红色部分，鸡蛋蛋黄不流动)即可杀死禽流感病毒。进食者也应该注意交叉污染的危险，生熟食品要分开处理。在没有发生禽流感疫情的地区，按照这个要求来进食，一般也不会发生感染。</t>
  </si>
  <si>
    <t>知乎上真的都是大神吗</t>
  </si>
  <si>
    <t>真才实学有，但是也有很多装的。</t>
  </si>
  <si>
    <t>狗爪子抓伤用打针吗</t>
  </si>
  <si>
    <t>被患狂犬病的猫狗抓伤引起人的狂犬病，即使有的话，也极罕见。（注意这里所说的猫狗抓伤，是指被患狂犬病的猫狗抓伤，而不是健康的猫狗）。</t>
  </si>
  <si>
    <t>windowsapps可以删除吗</t>
  </si>
  <si>
    <t>任何一个都不能删。</t>
  </si>
  <si>
    <t>iphone7有64g吗</t>
  </si>
  <si>
    <t>没有64G的。</t>
  </si>
  <si>
    <t>苹果7磨砂黑掉漆吗</t>
  </si>
  <si>
    <t>曾有亮黑色iPhone 7用户表示，自己的iPhone在使用一段时间之后出现了掉漆问题，而机器的表面更是不够耐磨，已经满是花纹。而目前最新的消息显示，除了亮黑色版本之外，磨砂黑版本也出现了掉漆问题，而且受影响的用户并不在少数。</t>
  </si>
  <si>
    <t>从反馈来看，掉漆的地方主要发生在后壳苹果Logo以及音量键周围，其它部门并没有掉漆情况。</t>
  </si>
  <si>
    <t>购买iphone7磨砂黑后，并马上买个保护外壳装上，这样就可以避免掉漆了。</t>
  </si>
  <si>
    <t>去4s店保养可以自带机油吗</t>
  </si>
  <si>
    <t>4S店原则上是不允许车主在保修期内自带机油到店进行保养的，否则车辆就会失去保修的资格。</t>
  </si>
  <si>
    <t>各地而异。</t>
  </si>
  <si>
    <t>重庆公交卡可以网上充值吗</t>
  </si>
  <si>
    <t>不能的，必须去实体地方刷磁充钱的。</t>
  </si>
  <si>
    <t>前海艾艾贴上央视了吗</t>
  </si>
  <si>
    <t>艾艾贴在央视1、10、13套，全国26家卫视投放广告。</t>
  </si>
  <si>
    <t>正甲贴有用吗</t>
  </si>
  <si>
    <t>民贷天下安全吗</t>
  </si>
  <si>
    <t>民贷天下依靠强大的股东背景，为投资人提供安全、可信、透明、稳健的金融理财服务。平台实缴资金2亿元人民币，为国内屈指可数的亿元级互联网金融平台。</t>
  </si>
  <si>
    <t>安全程度较好。民贷天下的背景比较强大，实力雄厚，但是总体感觉不好，特别是网站的设计，页面什么的，显得很低端。在安全保障方面风控做得好，有专业的银行级风控水平，有风险备用金，没有资金托管。</t>
  </si>
  <si>
    <t>c919首飞时间确定了吗</t>
  </si>
  <si>
    <t>目前计划5月5日首飞。</t>
  </si>
  <si>
    <t>将于2017年5月5日在上海浦东国际机场第四跑道首飞。</t>
  </si>
  <si>
    <t>C919国产大飞机原定于5.5日上午的首飞任务，预计将调整至5月5日下午14：00 ，起飞地点是上海浦东机场第4跑道。</t>
  </si>
  <si>
    <t>金三洋空调是杂牌吗</t>
  </si>
  <si>
    <t>绝对是的，三洋算是个品牌，可是加金以后，就是十足的冒牌货了。利用的就是大家熟悉三洋的原因。偷换概念。</t>
  </si>
  <si>
    <t>杂牌。</t>
  </si>
  <si>
    <t>法斗好养吗</t>
  </si>
  <si>
    <t>法国斗牛犬饲养并不难，难就难在饲养者的心态和责任心。要饲养好法斗犬，必须得花费一番心思和时间，投入更多的精力才能让法斗犬生活的更好。</t>
  </si>
  <si>
    <t>个人喜好不同而定。</t>
  </si>
  <si>
    <t>不好养。</t>
  </si>
  <si>
    <t>经期能喝玫瑰花茶</t>
  </si>
  <si>
    <t>女性在月经前或月经期间常会有些情绪上的烦躁，喝点玫瑰花可以起到调节作用。</t>
  </si>
  <si>
    <t>在经期饮用玫瑰花茶不仅能改善不良情绪，还可以还一个好脸色。</t>
  </si>
  <si>
    <t>玫瑰花茶的功效就是理气解郁、活血散淤和调经止，女性在月经期喝些玫瑰花茶可以起到镇静、安抚、抗抑郁的作用，虽然月经期是不应该喝茶，但是玫瑰花的药性非常温和，能够温养人的心肝血脉，舒发体内郁气。女性在经期情绪是比较暴躁的，在生活以及工作的压力越来越大之下，精神状态更加不佳，因此适当喝些玫瑰花茶，不仅可以调节情绪，还可以润脸色，使整个人看起来都很有精神。</t>
  </si>
  <si>
    <t>睡前喝酸奶好吗</t>
  </si>
  <si>
    <t>晚上喝酸奶补钙效果最好。1、在晚上十二点之后的是人体之中血钙含量在最低值的时候，这个时候喝酸奶能够有效的促进身体对于钙质的吸收。2、在十二点之后的凌晨时间段之中，身体一些影响对钙质吸收的因素也相比于白天更少，所以有效的促进钙质吸收。</t>
  </si>
  <si>
    <t>酸奶要在晚上喝最好。晚上喝酸奶时一定要记住，酸奶中的某些菌种及酸性物质对牙齿有一定的损害，喝完后应及时刷牙或漱口。另外，如果在空腹状态下饮用酸奶，很容易刺激胃肠道排空，酸奶中的营养来不及彻底消化吸收就被排出，饭后喝则可减少刺激，让酸奶在胃中被慢慢吸收。</t>
  </si>
  <si>
    <t>2017滴滴顺风车会抓吗</t>
  </si>
  <si>
    <t>营运证，和准驾证都得有，就不会被抓。</t>
  </si>
  <si>
    <t>银行周末上班吗</t>
  </si>
  <si>
    <t>各银行六日营业时间和平时是一样的,但要区别什么业务种类,比如说联行和记帐业务周六周日就不上班,只有储蓄业务要周六日都营业,时间是一样的。</t>
  </si>
  <si>
    <t>中国建设银行个人业务周末是不休息的(除了基金和银证业务以及个人贷款业务外)，对公业务周末休息。营业时间依旧为上午9点到下午5点。</t>
  </si>
  <si>
    <t>除了国家法定假日。周末银行都是上班的，但是部分银行不办理对公业务，并且下班的时间将会相对提前。</t>
  </si>
  <si>
    <t>唯品会买手机靠谱吗</t>
  </si>
  <si>
    <t>运气好，是行货，运气不好是水货。</t>
  </si>
  <si>
    <t>还可以反正我没卖的假货。</t>
  </si>
  <si>
    <t>露娜要改吗</t>
  </si>
  <si>
    <t>已经有所改动了，但幅度不大。</t>
  </si>
  <si>
    <t>露娜会改动重做，但是还是可以无限连、能秀。</t>
  </si>
  <si>
    <t>9.3.4可以越狱吗</t>
  </si>
  <si>
    <t>1、先下载越狱软件 Absinthe 2.0.12、在越狱之前还是要备份自己的设备，首先将设备与电脑进行连接，在 iTunes 里面进行备份。在连接的设备上点击右键，选择备份。注意，备份一定要进行设置，越狱过程中可能出现种种不确定因素，进行备份可以讲越狱的风险降低，同时越狱速度也会快一些。3、为了让越狱过程稳定而顺利的进行，建议大家将设备恢复出厂设置后再进行越狱。这个过程需要在手机上进行操作，在设置-通用-还原里面选择抹掉所有内容和设置，这个操作会让设备恢复出厂设置。4、接下来就是越狱工作了，在此过程中请确保 iTunes 已经关闭。将安装包内的文件解压，打开 Absinthe 2.0.1并且保证设备的 USB 链接电脑，点击 Jailbreak 后请保持等待，在越狱过程中一定不要断开设备，如遇重启，不用管它，继续等待。5、整个过程历时6-8分钟，期间设备会自动重启，无需操作、只需等待。最终 Absinthe 界面上显示“Done,enjoy!”这就表示已经越狱成功。再看看 Cydia 是否已经出现在设备中。如果有，现在已经得到一台完美越狱设备了。</t>
  </si>
  <si>
    <t>不要越狱，弊大于利。</t>
  </si>
  <si>
    <t>现在9.3.4的越狱工具还未发布。</t>
  </si>
  <si>
    <t>甲状腺结节三级严重吗</t>
  </si>
  <si>
    <t>一般分Ⅰ到Ⅵ类，1-3基本是良性。</t>
  </si>
  <si>
    <t>悄悄关注会被发现吗</t>
  </si>
  <si>
    <t>新浪微博正式推出悄悄关注功能，关注某人之后，被关注者并不会发觉，此功能被网友戏称为潜伏，目前最多可悄悄关注10个人。</t>
  </si>
  <si>
    <t>不点关注对方就不会知道。</t>
  </si>
  <si>
    <t>塞尔达传说 荒野之息pc端可以玩吗</t>
  </si>
  <si>
    <t>可以，要用模拟器。</t>
  </si>
  <si>
    <t>阴阳师在日本火吗</t>
  </si>
  <si>
    <t>挺受欢迎的。</t>
  </si>
  <si>
    <t>蚂蚁借呗靠谱吗</t>
  </si>
  <si>
    <t>租车不计免赔险有必要买吗</t>
  </si>
  <si>
    <t>有必要买的，比如车损险主责有20%的免赔率，比如不小心把车撞坏了，需要10万修理费。主责的话保险公司只赔8万，剩下两万就得自己出钱了，不合适的。</t>
  </si>
  <si>
    <t>第一次租车还是要的，以后就不用了，因为：首先自己要安全驾驶，这个对自己有信心；其次即使不拍照路段也不违章；最后即使发生意外，也是对方全责，这种情况下也不用自己赔偿。保险主要保自己责任的赔偿，所以只要对自己技术和安全意识有信心的话，我选择不买，其实即便不买也不是完全没保险，只是有一定免赔而已，发生大事的话还是能保障不至于倾家荡产的。</t>
  </si>
  <si>
    <t>看怎么想了，如果觉得自己的开车技术没问题、开车又很谨慎，可以不交，不过也不敢保证没有万一出现。不计免培服务费就是不计免赔险，作用是万一发生事故的话，车辆定损额在1500元以下的费用（保险理赔范围内）无需由租车人承担，定损额1500元以上的按合同走。</t>
  </si>
  <si>
    <t>微信可以绑定国外银行卡吗</t>
  </si>
  <si>
    <t>完全可以绑定国外银行卡，只不过是有限制而已。</t>
  </si>
  <si>
    <t>长生是不是圣后的孩子</t>
  </si>
  <si>
    <t>美尼尔综合症会自愈吗</t>
  </si>
  <si>
    <t>由于对其病因论点不一,所以在临床上治疗方法也多.美尼尔氏综合症可用药物或手术治疗,有时此病不治疗也可消失,但也可能严重影响到患者的生活以至不得不作手术以破坏内耳结构1, 一般治疗发作时要静卧,戒急躁,进清淡低盐饮食,限制入水量,忌用烟,酒,茶.在间歇期要鼓励病人锻炼身体,增强体质,注意劳逸调度适当.美尼尔氏综合症为什么是世界公认的疑难杂症回顾历史,从古到今有许多医生研究治疗美尼尔氏综合症.古代医生曾猜测美尼尔氏综合症眩晕的病理类似青光眼的高眼压.探讨用治疗青光眼的机理治疗美尼氏综合症,结果失败了.开展手术治疗,使用范围很小,效果不理想.输液治疗,只能暂时缓解症状.长期采用西药治疗。</t>
  </si>
  <si>
    <t>光明骑士 卡尔玛有特效吗</t>
  </si>
  <si>
    <t>除了开启大招变成非洲人以外，其他的技能没有特效。</t>
  </si>
  <si>
    <t>人格障碍是精神病吗</t>
  </si>
  <si>
    <t>有时候人格障碍又被叫做是一种人变态人格病，此病是一种人类因为精神异常而导致的疾病。具有人格障碍的人明显人格特征与正常人存在差异，而且这样的人对于环境的适应能力极差，并且会有一些我们常人难以捉摸的行为模式。人格障碍的人会很容易与周围环境产生冲突，甚至会导致严重的悲剧。当然，人格障碍肯定是精神疾病。另外，人格障碍也是一种心理障碍病。</t>
  </si>
  <si>
    <t>淘宝卖水果的还需要特种经营许可证吗</t>
  </si>
  <si>
    <t>在淘宝网上卖水果必须有食品卫生许可证号。为了更好的规范淘宝网食品行业的市场管理，维护淘宝网食品行业的日常运营秩序，提高消费者对食品类商品的购物体验，淘宝网根据国家相关法律法规，将新增《淘宝网食品行业标准》，并将对《淘宝禁售商品管理规范》中的相关规则条款进行变更，从而加强对食品行业的管理。</t>
  </si>
  <si>
    <t>战地4还有人玩吗</t>
  </si>
  <si>
    <t>骨质增生能吃钙片吗</t>
  </si>
  <si>
    <t>一般来讲患有骨质增生的患者，平时是可以吃钙片的。</t>
  </si>
  <si>
    <t>骨质增生患者能不能吃钙片，并不绝对的，主要看患者本身钙质的流失情况和吸收情况。</t>
  </si>
  <si>
    <t>对于骨质增生的患者是可以吃钙片的，因为骨质增疾病的发生就是属于缺钙而引起的疾病，所以饮食上应以清淡开胃、易消化、易吸收的食物为主。如蔬菜、蛋类、豆制品、水果、清淡鱼汤、瘦肉等。忌食刺激性的食物。</t>
  </si>
  <si>
    <t>风湿性心脏病能治愈吗</t>
  </si>
  <si>
    <t>风湿性心脏病是一种结构性心脏病（所以试图通过一些非物理的手段达到根治的效果是不可能的！），早期没什么，但也可以非常严重，它是导致心力衰竭、终末期心脏病的主要病因之一。</t>
  </si>
  <si>
    <t>风湿性心脏病严重程度要看患者的病情，即心脏彩超，平时的症状等，现在风心病是可以控制的疾病，尽早诊断尽早治疗是关键。</t>
  </si>
  <si>
    <t>风湿性心脏病是一种慢性病。它就像胃病一样特别特别的慢，就是一直很难好起来。</t>
  </si>
  <si>
    <t>64位系统能装32位的软件吗</t>
  </si>
  <si>
    <t>2017年润六月夏天热吗</t>
  </si>
  <si>
    <t>2017年的夏天会是炎热的。</t>
  </si>
  <si>
    <t>抽东症能彻底治愈吗</t>
  </si>
  <si>
    <t>只要治疗得当，绝大部分抽动症是可以治愈的。</t>
  </si>
  <si>
    <t>中脉是传销吗</t>
  </si>
  <si>
    <t>肯定就是传销。</t>
  </si>
  <si>
    <t>房产签单王软件靠谱吗</t>
  </si>
  <si>
    <t>发空包淘宝能查出来吗</t>
  </si>
  <si>
    <t>不会，easy空包网那些老站，用的人蛮多的，只要是新的单号，物流稳定就可以了，还要有底单以及内网截图，这样就万无一失了。</t>
  </si>
  <si>
    <t>未来战士凯特琳是终极皮肤吗</t>
  </si>
  <si>
    <t>这款皮肤属于T2级别，并不是终极皮肤。</t>
  </si>
  <si>
    <t>最近关于2017年新皮肤曝光，真正的终极皮肤是未来战士凯特琳，不过消息的真实性还有待进一步确认。</t>
  </si>
  <si>
    <t>鸡蛋和牛奶可以一起吃吗</t>
  </si>
  <si>
    <t>不适合同食，血液中可利用的葡萄糖较少，半乳糖就会被氧化供能。鸡蛋里的某种蛋白会和牛奶里的某中营养成分相互反应，使营养价值下降，所以不宜同食。</t>
  </si>
  <si>
    <t>牛奶、鸡蛋可以一起吃。</t>
  </si>
  <si>
    <t>蜜蜡脱毛会越长越粗嘛</t>
  </si>
  <si>
    <t>吉泽明步长的好看吗</t>
  </si>
  <si>
    <t>挺漂亮的。</t>
  </si>
  <si>
    <t>护眼模式有用吗</t>
  </si>
  <si>
    <t>手机护眼模式对眼睛的保护能力相对有限。</t>
  </si>
  <si>
    <t>有的，不过可能时间长了才能体现出来。毕竟效果主要区别在缓解视觉疲劳上边。</t>
  </si>
  <si>
    <t>短时间有用，长时间了，就没用了。</t>
  </si>
  <si>
    <t>超级兔子倒闭了吗</t>
  </si>
  <si>
    <t>没有，重新下的，不会自动更新。</t>
  </si>
  <si>
    <t>有没有人看到过美人鱼</t>
  </si>
  <si>
    <t>有说发现的。但是比较丑。</t>
  </si>
  <si>
    <t>树蛙有毒吗</t>
  </si>
  <si>
    <t>彩色的有毒，不过那中毒只能通过伤口进入人体在血液传播或眼睛，理论上口腔食道胃和小肠没溃疡，或伤口的话喝下去它的毒也没有事。</t>
  </si>
  <si>
    <t>绿色的树蛙没有毒。</t>
  </si>
  <si>
    <t>多少是会有的。</t>
  </si>
  <si>
    <t>ps5出来会淘汰掉ps4么</t>
  </si>
  <si>
    <t>暂时不会。</t>
  </si>
  <si>
    <t>浅表性胃炎能治愈吗</t>
  </si>
  <si>
    <t>常规的治疗，只能缓解症状,不能根治。</t>
  </si>
  <si>
    <t>浅表性胃炎属于老胃病范畴一般药物很难根治。</t>
  </si>
  <si>
    <t>这个疾病应该是可以治愈的。</t>
  </si>
  <si>
    <t>星星钱袋上征信吗</t>
  </si>
  <si>
    <t>星星钱袋申请时会查看征信，据申请过的网友反映，星星钱袋是直接跟央行对接的，所以想申请的人还是谨慎一点。</t>
  </si>
  <si>
    <t>星星钱袋是由维信金科金融公司打造，并且与多家银行及金融机构长期合作，坚持合法合规，包括中国对外经济贸易信托公司，记录用户的信用借款，中国银联支持，所以在星星钱袋中进行借款的用户，都会有征信记录的。</t>
  </si>
  <si>
    <t>安邦理财产品可靠吗</t>
  </si>
  <si>
    <t>挺靠谱，收益还比较稳定。</t>
  </si>
  <si>
    <t>朝鲜现状2016还穷吗</t>
  </si>
  <si>
    <t>朝鲜的贫穷，大家是有目共睹的。</t>
  </si>
  <si>
    <t>练腹肌影响长高吗</t>
  </si>
  <si>
    <t>姬路城值得看吗</t>
  </si>
  <si>
    <t>姬路城是保存最好，也是最漂亮的，堪称现在的日本第一名城。</t>
  </si>
  <si>
    <t>非常漂亮,值得一去。</t>
  </si>
  <si>
    <t>姬路城典雅的外观、精巧的内设、以及极具实用性的防御机制，实在称得上是日本江户时代战略和美学的最好纪念。</t>
  </si>
  <si>
    <t>昆明太医堂好不好</t>
  </si>
  <si>
    <t>当然很不错，看皮肤杠杠的，那里皮肤科确实是业内比较拔尖的 。</t>
  </si>
  <si>
    <t>婚假包含周六日吗</t>
  </si>
  <si>
    <t>婚假中如果周六、周日刚好排在假期的两头，是可以剔除不算在婚假里的，但如果周六、周日在婚假期间的中间而不在两头，则不能剔除而应与婚假连续计算。</t>
  </si>
  <si>
    <t>工作日一般是指工作的天数。日历天数，一般是指按照日历来计算的天数，包括工作日和非工作日。婚丧假、产假、探亲假都是以天为请假单位而不是工作日，所以这些假期都是包含双休日和法定节假日的。</t>
  </si>
  <si>
    <t>崩坏3不氪金能玩吗</t>
  </si>
  <si>
    <t>可以，要么月卡党，要么欧洲党，要么微氪党，要么零氪技术党。</t>
  </si>
  <si>
    <t>miui8.2是安卓7.0吗</t>
  </si>
  <si>
    <t>live.me 国内能用吗</t>
  </si>
  <si>
    <t>可以用的。</t>
  </si>
  <si>
    <t>拉布拉多会咬人吗</t>
  </si>
  <si>
    <t>拉布拉多犬不会咬人的。拉布拉多猎犬是一种中大型犬类，天生个性温和、活泼、没有攻击性和智能高，是适合被选作导盲犬或其他工作犬的狗品种，跟黄金猎犬、哈士奇并列三大无攻击性犬类之一。拉布拉多犬是相当均衡和非常全面的一个品种，很容易被训练，是一个服从性高的犬种。是忠实伙伴。也是非常友好的狗，尤其是对待小孩子们。通常它们不具备其它犬类中的麻烦的特性，比如：占地盘、不安全、具攻击性、具破坏能力、不规则地敏感等。除此之外，它们本能地喜欢在嘴里以相当温顺和轻柔的方式叼着东西甚至是手掌和手臂。</t>
  </si>
  <si>
    <t>拉布拉多犬小时候可能因为长牙痒痒要磨牙会咬点东西，但是教育后就再也不会咬了。</t>
  </si>
  <si>
    <t>天猫积分不能当钱花了吗</t>
  </si>
  <si>
    <t>天猫拟对积分业务进行整体升级，并将关闭积分抵现功能。本次规则调整从2017年4月1日起进行公示，将于2017年6月1日正式生效。据了解，本次规则的关键变更内容主要有三点：一是关闭天猫积分的抵现功能；二是积分抵现功能关闭后的部分规则表述调整；三是调整了积分获得渠道。</t>
  </si>
  <si>
    <t>dnf缔造者刷图厉害吗</t>
  </si>
  <si>
    <t>dnf缔造者刷图厉害。</t>
  </si>
  <si>
    <t>孕妇咳嗽对胎儿有影响吗</t>
  </si>
  <si>
    <t>一般来说，孕妇前3个月的时候子宫内胚胎的稳定性还是有待增强的，如果这时候咳嗽得太严重会刺激到子宫，从而引起先兆流产或者早产等情况，所以孕妇不能掉以轻心，一定要及时把咳嗽治好；而如果是怀孕3个月之后，那么咳嗽对胎儿的影响就相对较小，但是如果频繁激烈的咳嗽，可能会使腹腔压力增大，还是会有诱发流产或早产的危险。</t>
  </si>
  <si>
    <t>羞辱2破解了吗</t>
  </si>
  <si>
    <t>已经破解了。</t>
  </si>
  <si>
    <t>只有手机号能查快递吗</t>
  </si>
  <si>
    <t>手机号不能查快递。通过相应的快递公司的官网对快件进行跟踪，相关信息可以直接通过快递回执上的条形码进行查询。</t>
  </si>
  <si>
    <t>吴仁惠两面神露了吗</t>
  </si>
  <si>
    <t>吴仁惠几本没露 。</t>
  </si>
  <si>
    <t>野鸡是国家保护动物吗</t>
  </si>
  <si>
    <t>野鸡是国家二级保护动物。</t>
  </si>
  <si>
    <t>野鸡已经被中国亚种全部已被列入中国国家林业局2000年8月1日发布的《国家保护的有益的或者有重要经济、科学研究价值的陆生野生动物名录》。列入《世界自然保护联盟》（IUCN）ver 3.1 2009年濒危物种。</t>
  </si>
  <si>
    <t>伦敦金是骗局吗</t>
  </si>
  <si>
    <t>过往有不少伦敦金骗案，就算到现时仍有，故有些人一听到“伦敦金”就会联想到骗人。其实在香港，现时仍有投资公司及大银行提供伦金投资服务，而当中有不少都是正当的。</t>
  </si>
  <si>
    <t>伦敦金不是骗局，是一项国际投资理财的交易品种名称，双向交易、24小时交易、保证金交易这些都是伦敦金的优点。</t>
  </si>
  <si>
    <t>樱桃种子泡水里发芽吗</t>
  </si>
  <si>
    <t>不会，要埋土中才可能发芽，而且发芽率还极低，樱桃种子要经过冬藏低温才可能发芽。</t>
  </si>
  <si>
    <t>一般可将种子直接埋于盆土中，也可晾干后储存于潮沙中，待翌年春天再播种。</t>
  </si>
  <si>
    <t>a1700是全网通吗</t>
  </si>
  <si>
    <t>A1700iPhone6s大陆版都三网通。</t>
  </si>
  <si>
    <t>是的，全网通。</t>
  </si>
  <si>
    <t>是，苹果6s型号A1700是全网通机箱，移动、联通、电信的4G都支持。</t>
  </si>
  <si>
    <t>科目二难吗</t>
  </si>
  <si>
    <t>难</t>
  </si>
  <si>
    <t>孕晚期分泌物增多且发黄是快生了吗</t>
  </si>
  <si>
    <t>怀孕期间分泌物增多和激素水平有关系，不是临产的症状。</t>
  </si>
  <si>
    <t>验孕棒准吗</t>
  </si>
  <si>
    <t>如果是异位怀孕的话，HCG水平可能会很低因此不能通过验孕棒检测出来。要确认检测结果的话，一定要看医生。</t>
  </si>
  <si>
    <t>验孕棒使用有讲究，不准估计没用对。</t>
  </si>
  <si>
    <t>月经推迟10日后检查较准确。</t>
  </si>
  <si>
    <t>银耳能天天吃吗</t>
  </si>
  <si>
    <t>银耳绝对是能经常吃，只要不是特别大的量就可以，具有润肺作用，但不要天天吃，会影响正常的消化，对脾胃不好。</t>
  </si>
  <si>
    <t>对于阴虚体质的人来说，频繁食用,达不到美容效果不说，还会手脚冰冷，抵抗力下降。</t>
  </si>
  <si>
    <t>银耳汤天天喝也是可以的。每天喝的话要要注意量的摄入，每天喝很多的话有可能会适得其反。建议每天喝一小杯就OK了。</t>
  </si>
  <si>
    <t>保利星海小镇 没地铁还卖得出去吗</t>
  </si>
  <si>
    <t>在限购升级、地铁18号线取消榄核站的情况下，保利星海小镇依然逆势热销。</t>
  </si>
  <si>
    <t>反应慢是智商有关吗</t>
  </si>
  <si>
    <t>智力的表现有很多种，固然反应速度在某些智力测验中有一些考核（比内和韦氏），并且所有智力测验对时间都有一定的限制，但仅从智商角度说，反应速度和智力水平并没有直接表现。</t>
  </si>
  <si>
    <t>不完全是，有可能是右脑感知事物比较慢。</t>
  </si>
  <si>
    <t>三亚6月份会很热吗</t>
  </si>
  <si>
    <t>一般情况下，在六月份的时候，三亚的天气是比较热的，平均气温在26℃ ~ 32℃之间，而室外温度大约在35℃左右，太阳光线会比较强，要注意户外防晒。</t>
  </si>
  <si>
    <t>6月的海南很热。</t>
  </si>
  <si>
    <t>6,7,8月份是三亚最热的几个月，这几个月每天日照很长，日照强度大，而且降雨很少。</t>
  </si>
  <si>
    <t>通辽神医王布和靠谱吗</t>
  </si>
  <si>
    <t>都是收音机广播里面的广告，都是骗人的。</t>
  </si>
  <si>
    <t>烫伤的水泡要不要弄破</t>
  </si>
  <si>
    <t>创面的水泡尽量不要弄破。</t>
  </si>
  <si>
    <t>暗网真的那么血腥吗</t>
  </si>
  <si>
    <t>暗网世界有着许多不可想象的黑暗与恐怖，残忍与血腥。</t>
  </si>
  <si>
    <t>尿毒症有遗传吗</t>
  </si>
  <si>
    <t>尿毒症本身是不会遗传的。如果是多囊肾引起的，是具有遗传性的，其他类型的肾病一般没有遗传性。</t>
  </si>
  <si>
    <t>啤酒过期半年能喝吗</t>
  </si>
  <si>
    <t>过期的啤酒会或许长时间放置会分解出一些有害的物质，如微生物，有害菌的产生，并且过期的啤酒风味也不如新鲜度高的啤酒好。所以不建议饮用。</t>
  </si>
  <si>
    <t>vivox9root成功的有吗</t>
  </si>
  <si>
    <t>有。vivo手机是不可以root的，建议您不要将手机root。root后手机容易误改或误删了系统文件，会导致手机死机、重启、使用异常等问题；一些非法程序会在您不知情的情况下，造成隐私泄露和费用损失。</t>
  </si>
  <si>
    <t>蜂蜜和鸡蛋可以一起吃吗</t>
  </si>
  <si>
    <t>可以一起吃。</t>
  </si>
  <si>
    <t>菠萝和牛奶能一起吃吗</t>
  </si>
  <si>
    <t>菠萝—牛奶相克。菠萝中含丰富的果酸.牛奶中含有大量的蛋白质。若二者同时食用，菠萝中的果酸会使牛奶中的蛋白质凝固，影响蛋白质消化吸收。</t>
  </si>
  <si>
    <t>三体好看吗</t>
  </si>
  <si>
    <t>理科生会更喜欢。</t>
  </si>
  <si>
    <t>非常好看。</t>
  </si>
  <si>
    <t>麦芽贷上征信吗</t>
  </si>
  <si>
    <t>都会上征信，只是早晚的事。</t>
  </si>
  <si>
    <t>刷了乳胶漆还能贴壁纸吗</t>
  </si>
  <si>
    <t>墙贴了乳胶漆还能贴纸，但是可能不牢固。</t>
  </si>
  <si>
    <t>猫可以喝酸奶吗</t>
  </si>
  <si>
    <t>可以的，酸奶里的乳糖已经被分解成半乳糖和别的物质所以可以喝的，不过如果是小奶猫的话还是建议慎重喂食毕竟小奶猫体质差。</t>
  </si>
  <si>
    <t>酸奶是可以少喝的，因为当酸奶发酵时，奶品中的乳糖大部分会转化成乳酸和其它有机酸。乳酸还能抑制有害微生物的繁殖，使肠道 PH 降低，促进胃肠蠕动和消化液的分泌，提高矿物质的吸收率，并能止泻和抗病毒，并且猫咪也喜欢喝酸奶。当然也别多喝。</t>
  </si>
  <si>
    <t>猫咪喝一点酸奶不会有太大的影响，但是值得注意的是每个猫咪的体质不同，所以尽量是不要喂太多，如果猫咪有些便秘的情况下可以给它喝一些。</t>
  </si>
  <si>
    <t>农村屋顶用树脂瓦好吗</t>
  </si>
  <si>
    <t>树脂瓦非常适合农村地区使用，价格也适中。</t>
  </si>
  <si>
    <t>树脂瓦非常适合用于农村屋顶换新。</t>
  </si>
  <si>
    <t>京东能用微信支付吗</t>
  </si>
  <si>
    <t>河南商丘是不是很穷</t>
  </si>
  <si>
    <t>商丘的GDP在河南省18地市中排在第7位，虽然在省内是中等水平，但是在省外一些省份可就不一样了。商丘的GDP在湖南省第五位、在湖北省第四、在四川省第二位，在海南省第一位。</t>
  </si>
  <si>
    <t>垃圾地方。学生冲着学校去的。但是地方太垃圾了。跟个村一样。</t>
  </si>
  <si>
    <t>跟四川贵州一些地方比就是天堂。</t>
  </si>
  <si>
    <t>青豆发芽了还能吃吗</t>
  </si>
  <si>
    <t>青豆发芽，是可以食用的。黄豆在控光的条件下生出黄豆芽； 青豆在催光的条件下生出青豆芽；荞麦在催光的条件下生出紫豆芽。经常有许多喜欢吃青豆的人，青豆买多了放在家中，如果没有及时吃完的话，再加上外界的一些条件的影响，很快这些青豆就会发芽。其实，青豆发芽也是一种正常的情况。</t>
  </si>
  <si>
    <t>六味地黄丸治脱发吗</t>
  </si>
  <si>
    <t>不治脱发。</t>
  </si>
  <si>
    <t>脱发慎服六味地黄丸。</t>
  </si>
  <si>
    <t>脱发一般是肾虚导致的，可以服用六味地黄丸。</t>
  </si>
  <si>
    <t>世界上有鬼吗</t>
  </si>
  <si>
    <t>有的人，言之凿凿，说：有。有的人，则说：没有。</t>
  </si>
  <si>
    <t>现在检验真理的唯一标准就是有依据，自古以来几千年的实践检验从来都没有人见过鬼神，所以从这一点就可判定世界上是没有鬼神的。</t>
  </si>
  <si>
    <t>申请破产后需要还债吗</t>
  </si>
  <si>
    <t>公司破产的，只需要用公司法人所有的财产偿还债务。公司财产不足清偿的部分，债务消灭。</t>
  </si>
  <si>
    <t>夏天吃羊肉好吗</t>
  </si>
  <si>
    <t>经过调查，发现主要是因为：首先，羊在经过春冬两季的滋养，膘肥肉嫩，其肉炖出的汤味醇，膳味小。所以有六月的羊肉赛人参的说法；其二，三伏天，人们体内积存积热，在夏天入伏后吃羊肉，据说可以清洗肠胃、消暑去湿。夏天，人们生吃蔬菜瓜果的机会较多，容易造成消化不良，喝冷饮、冰啤容易使胃寒，而羊肉可以暖胃生津、保护胃肠，驱散体内的积热。第三，中医有冬病夏治一说，伏天吃羊肉，至冬身体强壮，尤能御寒，可以预防一切由寒邪诱发的疾病，有一定的食疗作用。</t>
  </si>
  <si>
    <t>夏天吃羊肉，只要采用清淡的烹调方式、菜谱的设计和进食的方法，便是最佳的温性 夏天宜选用目前流行的清炖牛羊肉的做法。此种做法是将新鲜羊肉洗净，放入沸水中煮开后，将沸水倒掉，再倒入沸水，只放少许的食盐、大葱、生姜。这种制作的羊肉，味道鲜美，不油腻，又因不含辛辣燥热的调味品，在补充营养的同时，又无食后上火之虑。伏羊就是炎夏入伏的羊肉，从初伏之日开始，在之后的一个月时间里，吃羊肉、喝羊汤是历史悠久的饮食传统。继承这一习俗的地方，除了江苏徐州地区、滕州地区、萧县一带，还有上海奉贤的庄行地区，每年在这些地方都有盛大的“伏羊节”举行，甚至“伏羊”习俗已被列入上海市非物质文化遗产。</t>
  </si>
  <si>
    <t>夏天吃羊肉，可以帮助身体内驱寒解毒对提高人体的身体素质及高温天抗病能力百利而无一害。夏天吃羊肉，无上火之虑。</t>
  </si>
  <si>
    <t>虎扑鉴定可靠吗</t>
  </si>
  <si>
    <t>基本都是真的。</t>
  </si>
  <si>
    <t>windowsesd安装文件可以删除吗</t>
  </si>
  <si>
    <t>win10中windows esd文件夹是，升级WIN10时生成的临时文件夹，只要是升级成功了，就可以删除它。</t>
  </si>
  <si>
    <t>esd格式即为wim格式，esd 比iso光盘镜像格式要小，是WIN8使用的安装包格式.只要系统升级了就可以删除了。</t>
  </si>
  <si>
    <t>冬天孕妇可以吃西瓜吗</t>
  </si>
  <si>
    <t>原则上说，孕妇在怀孕期间其实没有不能吃的东西，只有不建议吃或者少吃的食物，不过西瓜属寒性，冬天上市的西瓜多为大棚种植，有可能含激素催熟剂，所以建议准妈妈们忍住嘴馋，最好在冬季不要吃西瓜。</t>
  </si>
  <si>
    <t>一般情况下是不可以，因为这个时候不是出西瓜的季节，就算是出西瓜的季节也不宜吃太多哟，因为都是打催熟剂的多，吃多了很容易造成拉肚子的现象的，所以说最好是吃时令水果比较好，当然苹果就可以天天吃。</t>
  </si>
  <si>
    <t>以前年度损益调整在利润表中体现吗</t>
  </si>
  <si>
    <t>以前年度损益调整不在“利润表”中体现，而是反映在“所有者权益变动表”中。</t>
  </si>
  <si>
    <t>易瑞人才猎头是假的吗</t>
  </si>
  <si>
    <t>鲜榨玉米汁需要煮熟吗</t>
  </si>
  <si>
    <t>玉米要煮熟，这样榨出来的玉米汁浓稠，而不是那种渣水分离的感觉。</t>
  </si>
  <si>
    <t>有的榨汁机是榨好之后就是热的，如果榨汁机不是那就要榨好玉米汁之后再煮熟。</t>
  </si>
  <si>
    <t>超级店长好用吗</t>
  </si>
  <si>
    <t>唐氏检查准吗</t>
  </si>
  <si>
    <t>2种方式检查产妇唐氏综合征筛查，抽血的检查准确率大概在80%左右，而抽取羊水做基因监测的准确率较高，可以达到99%。</t>
  </si>
  <si>
    <t>唐筛的结果不一定是100%准确的。</t>
  </si>
  <si>
    <t>唐氏筛查是百分之50的。</t>
  </si>
  <si>
    <t>营业总收入包括营业外收入吗</t>
  </si>
  <si>
    <t>营业外收入不是收入，而是利得。原因如下：收入，是指企业在日常活动中形成的、会导致所有者权益增加的、与所有者投入资本无关的经济利益的总流入。收入包括销售商品收入、提供劳务收入和让渡资产使用权收入.这里所提及的收入是指营业范畴的收入，即凡纳入营业利润范畴的收入均在此列。利得，是指企业在非日常活动中形成的，会导致所有者权益增加的，说所有者投入资本无关的经济利益流入。营业外收入包括：非流动资产处置利得、非货币性资产交换利得、债务重组利得、政府补助、盘盈利得、捐赠利得等。所以营业外收入是非日常发生的，例如像捐赠事项等等，所以它属于利得，不属于收入。</t>
  </si>
  <si>
    <t>手机可以登录2个微信吗</t>
  </si>
  <si>
    <t>安卓系统通过以下软件可以实现微信多开的功能，手机先安装一个微信，再安装“微信多开宝”，可从手机助手下载安装，也可电脑上下载安装包传到手机安装。打开微信多开宝，点击右上角的云按钮，安装第一个微信。安装完登录即可，按照同样方法可再安装微信。</t>
  </si>
  <si>
    <t>猫能吃蛋黄吗</t>
  </si>
  <si>
    <t>可以吃，但是不要给猫咪多吃。</t>
  </si>
  <si>
    <t>蛋黄用于猫感冒时吃,平时别吃。</t>
  </si>
  <si>
    <t>最好不要给，因为是高胆固醇的东西，怕猫猫吸收不了。</t>
  </si>
  <si>
    <t>上海迪士尼能带吃的进去吗</t>
  </si>
  <si>
    <t>1.在迪士尼地铁站的商户（全家、凯司令、莉莲等）买的食物，商家都会帮你打包好哒，方便你带进园区。2.千万不要带方便面，会被扔掉。即便是带进去了，也不要吃哟，一方面影响环境，另一方面影响其他游客。3.玻璃杯不能带，看到好多人的玻璃杯被收掉。可以第一个轻便的塑料杯，在园区接水喝就行。4.推荐带一些轻便管饱的食物，比如巧克力、能量棒等等。</t>
  </si>
  <si>
    <t>上海迪斯尼乐园对于有原始包装、罐装婴儿食品、密封的和未开封的食品是可以允许入园的，不被允许带进园区的系家庭自制或已拆封食品，显而易见，禁止游客携带食品入园是商家基于拉动园区内消费的考虑。</t>
  </si>
  <si>
    <t>苹果a8x和a9差距大吗</t>
  </si>
  <si>
    <t>单核性能差的不是一点儿，差了近40%。</t>
  </si>
  <si>
    <t>14nm版是iphone6s pulus，CPU三核1.6G（甚至更高） 运存2GRAM 。16nm则是iphone6s，CPU三核1.5G 运存2G RAM。A9处理器单核得分比iPhone6和iPadAir2上的A8、A8X处理器提高20%、8%，多核性能则提高了60%、10%。</t>
  </si>
  <si>
    <t>择天记有吻戏吗</t>
  </si>
  <si>
    <t>板蓝根是全草入药吗</t>
  </si>
  <si>
    <t>根是，上面的叶子也是入药的。</t>
  </si>
  <si>
    <t>根入药。</t>
  </si>
  <si>
    <t>葆婴产品怎么样可靠吗</t>
  </si>
  <si>
    <t>产品怎么样不清楚，就她们销售来说，有点走火入魔，全天下产品她们家的最好最牛逼，说的能治百病似的！还有，在它们群里不能说任何关于产品的题外话，要不就被骂的狗血淋头，不是传销都整得跟传销似的。</t>
  </si>
  <si>
    <t>最好别买该产品，一点效果也没有，打电话咨询北京公司电话一直不通，这样的产品服务你说能好到哪去？最主要是国产的，质量或者成分含量是不能保证的，业务员吹嘘的那些东西都是忽悠人的，别相信。请大家谨慎点，以免耽误宝宝的成长。</t>
  </si>
  <si>
    <t>葆婴公司的产品品质是没有问题的，吃法和搭配最好找专业一些老师指导。葆婴是直销模式的，不是传销，也不是普通的经销代理店面销售。可能是您运气不好，没有问到专业一点的人，在葆婴的经销商里面，有很多医学、营养学和育儿方面的专家。只有掌握科学的知识，才能恰当地为自己的孩子选择适合的营养补充品。</t>
  </si>
  <si>
    <t>屹字适合取名字么</t>
  </si>
  <si>
    <t>适合。</t>
  </si>
  <si>
    <t>51社保网靠谱吗</t>
  </si>
  <si>
    <t>成人学士学位有用吗</t>
  </si>
  <si>
    <t>张超是混血吗</t>
  </si>
  <si>
    <t>陌陌上的女人很好约吗</t>
  </si>
  <si>
    <t>首先得有钱，也可以没钱装有钱，一炮而已。</t>
  </si>
  <si>
    <t>不可能。</t>
  </si>
  <si>
    <t>输卵管造影疼吗</t>
  </si>
  <si>
    <t>微痛。</t>
  </si>
  <si>
    <t>怀孕能用面膜么</t>
  </si>
  <si>
    <t>可以的，要敷面膜进行补水，选择安全的，孕妇专用的最好。</t>
  </si>
  <si>
    <t>孕期是可以敷面膜的，而且还很需要。</t>
  </si>
  <si>
    <t>邦捷快递是骗局吗</t>
  </si>
  <si>
    <t>新政后一建还能挂靠吗</t>
  </si>
  <si>
    <t>估计三年内联不了网，放一百个心考，放一百个心挂。</t>
  </si>
  <si>
    <t>目前新政策还没有落实，2017年会落实。如果落实了，也只是说一级建造师不能挂资质了，但是可以挂项目（项目如出事故，建造师要担责）。但对于大部分挂证的人来说都是挂资质的，一旦不能挂资质了，对于大部分人来说就不能挂靠了。</t>
  </si>
  <si>
    <t>ssw泰隆有特效吗</t>
  </si>
  <si>
    <t>有特效W和大招变得更酷炫锐利。</t>
  </si>
  <si>
    <t>有特效，反正W和R有特效。</t>
  </si>
  <si>
    <t>辱骂警察犯法吗</t>
  </si>
  <si>
    <t>须根据具体案情而定，有可能治安处罚。</t>
  </si>
  <si>
    <t>《中华人民共和国人民警察法》第三十五条规定，拒绝或者阻碍人民警察依法执行职务，有下列行为之一的，给予治安管理处罚：其中第一种情况，即为公然侮辱正在执行职务的人民警察的。若以暴力、威胁方法实施前款规定的行为，构成犯罪的，依法追究刑事责任。中华人民共和国治安管理处罚法》第十条规定，治安管理处罚的种类分为：(一)警告；(二)罚款；(三)行政拘留；(四)吊销公安机关发放的许可证。</t>
  </si>
  <si>
    <t>要看程度。 如果是一般骂战，双方和解也就算了，没有什么犯不犯法的问题。 如果比较严重的话，比如是在很多群众在场的情况下，无中生有，用类似于人身攻击的语言辱骂交警的话，可能构成侮辱罪。侮辱罪是刑法中规定的罪名之一。</t>
  </si>
  <si>
    <t>六弄咖啡馆心蕊被qj吗</t>
  </si>
  <si>
    <t>有被歹徒强暴。</t>
  </si>
  <si>
    <t>公众号名字可以改吗</t>
  </si>
  <si>
    <t>不可。</t>
  </si>
  <si>
    <t>可以用qq号注册微信吗</t>
  </si>
  <si>
    <t>可行。这样很方便，每个 qq 都可以有一个微信号。</t>
  </si>
  <si>
    <t>现在用 QQ 帐号直接注册微信基本需要绑定手机号，不过可以用手机注册后绑定 QQ 号，然后再解除手机绑定这种方法完成 QQ 号注册微信。</t>
  </si>
  <si>
    <t>可以的。先用手机号注册一个，然后到设置-我的账号-QQ 号，去绑定一个 QQ 号(没有绑定过微信的 QQ 号)，绑定好了以后，再去把手机解绑。解绑了以后这个微信号就和当时注册用的那个手机号没有关系啦。</t>
  </si>
  <si>
    <t>朝鲜会开战吗</t>
  </si>
  <si>
    <t>不会，开战的可能性很小，因为中美都不想无谓的损失。</t>
  </si>
  <si>
    <t>我爱竞赛网 靠谱吗</t>
  </si>
  <si>
    <t>火车上能带白酒吗</t>
  </si>
  <si>
    <t>能携带封闭好的瓶装白酒。</t>
  </si>
  <si>
    <t>乳胶枕头好吗</t>
  </si>
  <si>
    <t>缩阴手术后会紧很多吗?</t>
  </si>
  <si>
    <t>43%的女人认为虽然可以变紧，但是效果并不持久。35%的女人认为手术前后并没有多大改变。22%的女人认为手术缩阴不但没有效果还感染了妇科疾病。</t>
  </si>
  <si>
    <t>手术目的是缩小阴道直径，使阴道变紧，缺点是无法改变PC肌，因此效果只能持续一段时间.</t>
  </si>
  <si>
    <t>通过数百例阴道缩紧术主临床观察,术后效果满意,该手术的特点是损伤小,无痛苦,无明显疤痕,与以往阴道缩紧术的区别是,不用备皮,不拆线,不插导尿管,术后即可离床活动,不影响工作.</t>
  </si>
  <si>
    <t>鲁大师验机可靠吗</t>
  </si>
  <si>
    <t>比较可靠，现在大多数人去买电脑都用鲁大师验机。</t>
  </si>
  <si>
    <t>鲁大师验机基本可以信任，配置越主流越可靠越准。</t>
  </si>
  <si>
    <t>王者荣耀会掉段吗</t>
  </si>
  <si>
    <t>在王者荣耀当中，只有最强王者才会存在很长时间不玩降低段位的事情，其他的都是没关系的。虽然长时间不玩是不会掉段位的，但是不管什么段位，输了都要掉星星，星星如果掉完了，接下来就是掉段位了。</t>
  </si>
  <si>
    <t>纤维瘤会自己消失吗</t>
  </si>
  <si>
    <t>纤维瘤不会自己消失。</t>
  </si>
  <si>
    <t>2018年结婚好吗</t>
  </si>
  <si>
    <t>2018年是个不错的年份，很多新人都想选择这一年结婚。</t>
  </si>
  <si>
    <t>华为mate9是双卡双待吗</t>
  </si>
  <si>
    <t>网上代写硕士论文能通过吗</t>
  </si>
  <si>
    <t>如果找到正规的硕士论文代写终中介机构，代写硕士论文不会出现最终论文不通过的情况，但是后期论文修改是一定的，经过修改，硕士论文代写稿件是可以100%通过的。</t>
  </si>
  <si>
    <t>仙人球放在卧室好吗</t>
  </si>
  <si>
    <t>在卧室里放仙人球似并不合适。</t>
  </si>
  <si>
    <t>七彩迷雾袖珍罐值得开吗</t>
  </si>
  <si>
    <t>完全是坑爹。</t>
  </si>
  <si>
    <t>租租车国际驾照真假</t>
  </si>
  <si>
    <t>达克宁能治灰指甲吗</t>
  </si>
  <si>
    <t>能；咪康唑乳膏（达克宁）或许可以一定程度上抑制真菌，但是对于甲下的真菌由于药力达不到，所以效果都不好，建议正规抗真菌药物外用配合口服抗真菌药物联合使用以增强疗效。</t>
  </si>
  <si>
    <t>wargame在中国合法吗</t>
  </si>
  <si>
    <t>奇异博士好看吗</t>
  </si>
  <si>
    <t>旧瓶装新酒的超级英雄片，剧情老套，结尾突兀。</t>
  </si>
  <si>
    <t>挺好看的建议看3D 的。</t>
  </si>
  <si>
    <t>猎头好做吗</t>
  </si>
  <si>
    <t>任何一份工作其实都谈不上好做，一个人的工作也不该用好或者不好来形容。首先对于一个新入行的猎头来说需要长时间积累人脉和学习职位行业信息。大量的电话沟通，职位专业术语，行业新闻学习，候选人面试接触是必修课。其次，对于猎头来说一个职位常规找人时间(利用自己的人才库积累和公司数据库等方法)也就一到两周，其他时间找人得不断接受不知道去哪儿找人的困惑/或者知道去哪几个公司挖人但是接触不到这些人的困惑。就像在一望无际的大海上不知道往哪儿走才能上岸。这是作为猎头比较困惑的。还有猎头本质上是一个销售性质的工作。每个公司都会制定销售性质的KPI，每个星期，每个月，每个季度，每年都会有各种业绩指标，完不成指标，猎头也就做不下去了。再有就是一个职位的每一个步骤都有可能出问题(比如候选人突然不想去面试了，offer后薪资谈不拢，入职后可能试用期走掉)，十分繁琐，容易让人敏感。</t>
  </si>
  <si>
    <t>说猎头生意不好做的猎头公司，一般具有:1、公司规模较小，没有严格区分市场和客户的级别，只要碰到客户，愿意付猎头费就做。2、顾问人数比较少且年轻，同时成熟顾问几乎没有且流动性非常大，公司的核心顾问就是老板。3、公司发展没有整体规划，都是根据老板个人魅力或老板朋友介绍客户，或者以回扣等手段来招揽客户。客户相对比较分散，没有KA客户，感觉找客户和找候选人都是像在碰运气一样。4、客户给的每个职位都是随机的，几乎没有太大的职位，超过年薪50万的职位几乎为零。</t>
  </si>
  <si>
    <t>共享单车不怕被偷吗</t>
  </si>
  <si>
    <t>不怕，假如所有的用户都能够便利、低价的骑到自行车时，用户就不会想占据它了，运营战略，产物改良，防盗或许并不是是中心任务即便被盗，被盗的本钱放在运营本钱傍边，该当不是最大的开支，既然车廉价，又能够应用创业情况下的收集融资，融集了少量资金，归正廉价，也就烧点钱，往里多投点车，补偿这少局部没素质的人形成的丧失仍是充足的。</t>
  </si>
  <si>
    <t>功夫煲仔饭好吃吗</t>
  </si>
  <si>
    <t>吃过，在大学里。如果很饿的话是很香的，就是干了点。有的人不喜欢那种拌饭的吃法。</t>
  </si>
  <si>
    <t>异星战场有没有第二部</t>
  </si>
  <si>
    <t>肯定有的，最后已经埋好了伏笔，但是目前还没有拍摄出。</t>
  </si>
  <si>
    <t>实际上异星战场1的票房不算太好，2的计划就被搁浅了。</t>
  </si>
  <si>
    <t>影最后主角回到火星的片段为第二部埋下了伏笔，要是票房好的话应该会出第二部。</t>
  </si>
  <si>
    <t>违约金和损失能否同时主张</t>
  </si>
  <si>
    <t>如对同一违约事实同时适用约定违约金和损失赔偿，那么赔偿的数额将超过造成损害的数额，此时之违约责任则具有惩罚性，不符合“补偿性为主，惩罚性为辅”原则。《最高人民法院关于适用&lt;中华人民共和国合同法&gt;若干问题的解释（二）》第二十八条明确规定在请求增加违约金数额的情况下禁止同时主张约定违约金和损失赔偿，根据法律推理理论，此种禁止也适用于上述第三点所述之其他情形。因此，对同一违约事实不能同时主张约定违约金和损失赔偿。</t>
  </si>
  <si>
    <t>小白一键装机可靠吗</t>
  </si>
  <si>
    <t>一般市面上买的盘可能有问题。</t>
  </si>
  <si>
    <t>这些重装软件就是一个引导程序把一些复杂的操作简化可以用的。</t>
  </si>
  <si>
    <t>手机app体验员是真的吗</t>
  </si>
  <si>
    <t>在如今网络兼职信息漫天飞的时代，很多人都打着兼职的幌子骗取钱。</t>
  </si>
  <si>
    <t>恶搞的小罗很有钱吗</t>
  </si>
  <si>
    <t>不过他应该赚了不少钱，但不至于买个幻影。</t>
  </si>
  <si>
    <t>小罗恶搞这档节目每年给小罗带来几百万收入很正常。</t>
  </si>
  <si>
    <t>博世是西门子的高端吗</t>
  </si>
  <si>
    <t>增加sku会降权吗</t>
  </si>
  <si>
    <t>肯定会。正在卖的产品不建议大改。还没开始卖的话，等到下架那天的半夜改。</t>
  </si>
  <si>
    <t>分泌性中耳炎能自愈吗</t>
  </si>
  <si>
    <t>不能自己痊愈，最好是去看医生。</t>
  </si>
  <si>
    <t>该病发生后，若没有及时进行诊治，病症是无法治愈的。</t>
  </si>
  <si>
    <t>厦门174医院黑吗</t>
  </si>
  <si>
    <t>黑，价格高，瞎收费。</t>
  </si>
  <si>
    <t>名创优品的东西可靠吗</t>
  </si>
  <si>
    <t>名创优品走的是亲民路线，价格大多都是十到五十元不等，质量相对于一些地摊货要好很多。但一分价钱一分货，所以不要以为有多大便宜可图就买很多。不过性价比确实很高。里面比如睫毛膏，口红等都挺不错的。</t>
  </si>
  <si>
    <t>都是小东西。不能试用必须先买单。买了耳机充电宝用不了，找退换货，态度很差。都是小件商品，很多消费者都是吃哑巴亏，也不去维护自己权益的。但是关系到健康安全，注意不要购买三无产品。</t>
  </si>
  <si>
    <t>血压60 90正常吗</t>
  </si>
  <si>
    <t>正常血压值为高压90-140，低压60-90；血压90-60；接近正常值，现在不需要吃药。</t>
  </si>
  <si>
    <t>加勒比海盗5好看吗</t>
  </si>
  <si>
    <t>这一部里也出现了海盗二代的新cp，但感情线铺垫得不如第一部，威尔·特纳是从小时候就暗恋伊丽莎白，历经磨难最后才迎来圆满结局。而小亨利和卡琳娜的感情线感觉发展得略平庸，有点硬凑CP的感觉。出演卡琳娜的卡雅·斯卡达里奥是92年的妹子，之前演过《呼啸山庄》、《移动迷宫》和剧集《皮囊》，虽然片中卡琳娜气质、外貌、装束上都学伊丽莎白，但人物刻画也流于平庸，只刻画她聪明、缜密的一面，人物却从来没有内心的挣扎，显得就不像“真人”。不是很好看。</t>
  </si>
  <si>
    <t>“已经拍了5部了，杰克船长仍然没有学到教训。”，“《加勒比海盗5：死无对证》诠释了这个系列应该走向结束了。”，“虽然随着续集的推出，这个系列已经逐渐失去了光芒，但这也是系列里第一部拥有如此多令人绝望的例行公事。”</t>
  </si>
  <si>
    <t>人人中彩票是真的吗</t>
  </si>
  <si>
    <t>是骗人的，中奖金额不能提现。</t>
  </si>
  <si>
    <t>直招士官入伍后其家庭享受军属待遇吗</t>
  </si>
  <si>
    <t>被批准服现役的招收对象，由县（市、区）征兵办公室发给《应征公民入伍通知书》，其家庭凭《应征公民入伍通知书》在当地享受军属待遇。</t>
  </si>
  <si>
    <t>pets考试有用吗</t>
  </si>
  <si>
    <t>社会认可度非常低，有部分公务员职务是认可的。</t>
  </si>
  <si>
    <t>大专生去考PETS考试还是蛮有用的，目前PETS证书社会认可度不如CET证书。</t>
  </si>
  <si>
    <t>黑衣人4是否存在</t>
  </si>
  <si>
    <t>存在 。</t>
  </si>
  <si>
    <t>海豹会攻击人吗</t>
  </si>
  <si>
    <t>海豹极少主动攻击人类，除非你侵犯了它的领地或海豹幼崽。</t>
  </si>
  <si>
    <t>动物是能感受到人的友善，只要不是对他造成伤害，一般不会攻击人的。</t>
  </si>
  <si>
    <t>微信没有人工客服吗</t>
  </si>
  <si>
    <t>微信是有人工客服：95017。</t>
  </si>
  <si>
    <t>加勒比海盗5是最后一部吗</t>
  </si>
  <si>
    <t>不确定，等待官方的消息。</t>
  </si>
  <si>
    <t>企业间借贷是否合法</t>
  </si>
  <si>
    <t>企业之间的借款并非全部不合法。</t>
  </si>
  <si>
    <t>健怡可乐真的没热量吗</t>
  </si>
  <si>
    <t>1、任何饮料都有可以致胖的成长份，比如甜味剂等。</t>
  </si>
  <si>
    <t>无糖的。</t>
  </si>
  <si>
    <t>脾气暴躁是抑郁症吗</t>
  </si>
  <si>
    <t>抑郁症的症状表现：1.心情持续低落的状态。2.放弃自我。3.容易失眠。这样看来，只是觉得自己脾气暴躁就担心脾气暴躁是抑郁症吗这个问题其实是很不必要的。</t>
  </si>
  <si>
    <t>抑郁症是根本没脾气，抑郁症就是郁郁寡欢，无精打采，什么事情都觉得没有希望，人生无趣，莫名的想哭，会有自残和自杀倾向。这应该不是。</t>
  </si>
  <si>
    <t>腾讯大王卡是不是坑</t>
  </si>
  <si>
    <t>腾讯大王卡就是个坑！除去各种流量不能免之外，充多少送多少的话费也是陷阱。赠送的话费不能抵扣套餐费用。</t>
  </si>
  <si>
    <t>医生写字故意潦草吗</t>
  </si>
  <si>
    <t>其实根本没有什么行业的秘密，就是忙的。</t>
  </si>
  <si>
    <t>1写的潦草，一旦诊断错误，误诊，拿出病例，赖不到医生身上，医生怎么说怎么来。2写的潦草，尤其是开的药潦草，是不想病人去别的地方拿药，只能在医院拿药。3.也有一种是，想病人下次看病还找他，因为就他看得懂，医院医生看的病号多收的住院的病号就好，利润也就高了。</t>
  </si>
  <si>
    <t>第一胎是剖腹产第二胎可以顺产吗</t>
  </si>
  <si>
    <t>答案并不一定，还需要根据产妇的情况来看。如果产妇和宝宝的条件都比较好的话，可以进行顺产；反之则需要进行剖腹。另外，如果孕妈妈一定要顺产，就必须要承担一些风险。</t>
  </si>
  <si>
    <t>一般说来，第一胎剖腹产第二胎是有顺产机会的。如果准妈妈这次没有上次剖腹产的指征，比如胎儿宫内窘迫、子宫收缩乏力、胎位不正等情况，那么第二胎是可以顺产的。不过也有医生认为，如果第一胎是剖腹产，剖腹产后，子宫会产生瘢痕，肌纤维也受到破坏，使子宫耐受张力的情况明显降低。那么第二胎顺产的风险很高。很可能会导致子宫破裂，或者出现大出血，危及母子生命。所以不建议二胎顺产。可以肯定的是，如果第一胎剖腹产，无论间隔多长时间，第二胎顺产的话，都有一定的风险。其实不管是哪种分娩方式都是各有利弊，准妈妈们要放平心态，应该根据胎儿的发育情况来确定生产方式，不要太过于担心。</t>
  </si>
  <si>
    <t>胎儿个子不太大，孕妇骨盆正常，产道出口正常等综合情况来观察，如果适合顺产的条件，可以和主治医生商量一下，在医生的监护下进行试产的。</t>
  </si>
  <si>
    <t>川藏线穷游 真的很多女生分腿坐车吗</t>
  </si>
  <si>
    <t>梓的含义 用作人名好吗</t>
  </si>
  <si>
    <t>五行为木，本义为梓树。在人名中引申为生机勃勃、茁壮成长、自强不息、生命力顽强等含义；一般也取其同音字“子”的含意，表示对孩子的关爱和呵护之意。</t>
  </si>
  <si>
    <t>“梓”这个子挺好的，比较文雅，很有文学气息。但是如果叫“梓谦”的话就过于文学化，男孩的话稍显柔弱。</t>
  </si>
  <si>
    <t>拼接装修墙面是骗局吗</t>
  </si>
  <si>
    <t>集成墙面是好产品，只不过很多公司，厂家操作成了骗局。</t>
  </si>
  <si>
    <t>光纤断了自己能接吗</t>
  </si>
  <si>
    <t>如果自己有根据又会操作，自己接是没有问题的。</t>
  </si>
  <si>
    <t>王玉龄真的守寡至今吗</t>
  </si>
  <si>
    <t>是的，王玉龄从十九岁守寡至今。</t>
  </si>
  <si>
    <t>家用灭蚊灯有用吗</t>
  </si>
  <si>
    <t>紫外线灭蚊灯不能消灭蚊子！这是科学家早就反复实验证实的。</t>
  </si>
  <si>
    <t>一般情况下灭蚊灯用在，明亮的室内！灭蚊灯的光比普通灯光更能吸引蚊子，或者晚上封闭性良好的室内，(可以把室内蚊子都吸引过去)包括你身上的！相对来说，灭蚊灯还是蛮管用的。</t>
  </si>
  <si>
    <t>京东白条提前还款后面要利息吗</t>
  </si>
  <si>
    <t>职称英语考试取消了吗</t>
  </si>
  <si>
    <t>qq冻结了会自动解除吗</t>
  </si>
  <si>
    <t>不能自动解除，需要手动来解。1、QQ被限制登录之后。登录QQ的时候就会给你提示信息。只需要根据提示信息去修改密码，就可以重新登录QQ了。2、修改密码是需要密保的。如果不记得密保的在修改密码那个步骤会有一个跳过此步。就可以不用修改密码来解除限制。3、如果QQ被限制太久，或者是发布了太多太严重的非法信息被太多人举报了。就必须换密码才能解除限制。不知道密码只能申诉QQ了。4、在申诉的时候可以用手机QQ登录。防止别人拿你的去骗别人。用手机登录之后可以更新相关的签名提醒网友。5、解除了登录限制要先查看自己的QQ空间、微博看看里面有没有非法信息。有的话马上删除。然后在全盘查杀一下病毒。</t>
  </si>
  <si>
    <t>1、点击冻结QQ。2、输入帐号和密码。若帐号已无法正常登录，请通知好友对诈骗信息进行举报。若密码已被修改，请尽快进行帐号申诉找回号码。3、选择验证密保立即冻结。4、选择可以使用的密保工具进行验证。5、验证成功后，帐号就会立即下线。6、尽快修改帐号密码恢复正常使用。修改密码即可解除帐号冻结状态，同时消除安全隐患。</t>
  </si>
  <si>
    <t>支付宝可以绑定别人的信用卡吗</t>
  </si>
  <si>
    <t>支付宝只能绑定本人银行卡。</t>
  </si>
  <si>
    <t>守望先锋32位的w7能玩吗</t>
  </si>
  <si>
    <t>游戏都是支持的，不过显卡有点弱，估计流畅玩守望先锋比较难，好在显示器分辨率不高，自己用鲁大师简单测试一下，如果显卡分数在2万5左右，应该是没有太大问题的，如果只有一万左右，就不要考虑了，或许LOL倒是能够勉强。</t>
  </si>
  <si>
    <t>不能玩儿，系统的硬性要求就是64位系统，32系统的画面系统带不起守望。</t>
  </si>
  <si>
    <t>陈楚河刘秀微恋爱了吗</t>
  </si>
  <si>
    <t>花呗额度不够可以补现金么</t>
  </si>
  <si>
    <t>这个是与商家协商付款方式决定的，需要商家支持才行。</t>
  </si>
  <si>
    <t>汽车防冻液有毒吗</t>
  </si>
  <si>
    <t>从防冻液的主要组成成分可以看出，防冻液没有明显的毒性，但是长期接触或不慎进入口中还是对身体有一定的危害的。毕竟全部是化工产品的。</t>
  </si>
  <si>
    <t>王者荣耀 吕布厉害吗</t>
  </si>
  <si>
    <t>中吕布，马中赤兔。吕布无疑是现版本中最强的战士英雄，1、3技能的回血效果大大的提升了他的续航能力，作为一个战士英雄，吕布是一个靠真实伤害吃饭的英雄，所有他只需要出一把破军加5件肉装就可以打出非常可观的伤害了，而且在吕布的眼里，从来没有前排这一说。</t>
  </si>
  <si>
    <t>微信被骗了1000块报警有用吗</t>
  </si>
  <si>
    <t>可以，最好报警，网上转账的话要及时报警，否则很难追回。</t>
  </si>
  <si>
    <t>报警可以，但是追回的几率很低，网络诈骗破案难度高。</t>
  </si>
  <si>
    <t>义乌小商品批发便宜吗</t>
  </si>
  <si>
    <t>便宜。</t>
  </si>
  <si>
    <t>万众资本是不是骗局</t>
  </si>
  <si>
    <t>离婚了还叫裸官吗</t>
  </si>
  <si>
    <t>内部共识就是：配偶及子女在国外的官员，相对于其他官员，责任感低、犯案率高，脱身意识强，即使不贪不腐，日后移民率也高。这类官员内部划为裸官，所以虽然离异，但子女在国外，也算裸官。</t>
  </si>
  <si>
    <t>转型做猎头的好做吗</t>
  </si>
  <si>
    <t>不简单。</t>
  </si>
  <si>
    <t>种植牙好不好</t>
  </si>
  <si>
    <t>种植牙是目前比较先进的修复方法，也可以是修复牙列缺损最好的方法</t>
  </si>
  <si>
    <t>种植牙也叫人工种植牙，并不是真的种上自然牙齿，而是通过医学方式，将与人体骨质兼容性高的纯钛金属经过精密的设计，制造成类似牙根的圆柱体或其他形状，以外科小手术的方式植入缺牙区的牙槽骨内，经过 1～3 个月后，当人工牙根与牙槽骨密合后，再在人工牙根上制作烤瓷牙冠。因不具破坏性，种植牙已被口腔医学界公认为缺牙的首选修复方式。口腔植入的种植牙由于人工牙深植牙骨内，可承受正常的咀嚼力量，功能和美观上几乎和自然牙一样，因此，被人们称为人类的第三副牙齿。</t>
  </si>
  <si>
    <t>买公寓当住宅房合适吗</t>
  </si>
  <si>
    <t>可以住，但是水电暖都是按商业收费。</t>
  </si>
  <si>
    <t>普通住宅是70年产权，民用水民用电。公寓一般为50年产权，70年产权的公寓待遇与普通住宅一样无区别，50年产权的房子到了期限还不拆迁的话再缴纳个土地出让金续20年。水电，燃气要看开发商怎么立项的，一般比民用贵，属于商用，物业费较贵。</t>
  </si>
  <si>
    <t>朋友圈能发动图吗</t>
  </si>
  <si>
    <t>必须是支持动图发送的手机系统才可以。进到朋友圈之后，点击右上角的“相机”图标，找到要发送的图片进行选择，点击“完成”，输入要说明的文字，最后点击“发送”按钮就可以了。</t>
  </si>
  <si>
    <t>空调换气功能有用吗</t>
  </si>
  <si>
    <t>cd能刻录视频吗</t>
  </si>
  <si>
    <t>东风风度是国产车吗</t>
  </si>
  <si>
    <t>东风风度是合资车，是同日本合资车。</t>
  </si>
  <si>
    <t>浑身没劲是得癌症了吗</t>
  </si>
  <si>
    <t>不可能只根据无力就诊断癌症，需要进一步的检查才能确诊。</t>
  </si>
  <si>
    <t>120g固态硬盘够用吗</t>
  </si>
  <si>
    <t>可以做系统盘，够用了，资料就放硬盘。</t>
  </si>
  <si>
    <t>如果只是办公、在线看电影、聊天、炒股票之类的120G绝对够，但是如果是玩家的话，就不够了。</t>
  </si>
  <si>
    <t>java有linq吗</t>
  </si>
  <si>
    <t>Java已经不需要LINQ了。</t>
  </si>
  <si>
    <t>2017年是闰年吗</t>
  </si>
  <si>
    <t>2017年是平年，公历闰年判定遵循的规律为: 四年一闰,百年不闰,四百年再闰.公历闰年的简单计算方法（符合以下条件之一的年份即为闰年，反之则是平年）1.能被4整除而不能被100整除。2.能被100整除也能被400整除。</t>
  </si>
  <si>
    <t>2017年农历不是闰年，但是有闰月，闰月的时间为：闰六月大。</t>
  </si>
  <si>
    <t>平年。</t>
  </si>
  <si>
    <t>丹尼尔艾玛关系好吗</t>
  </si>
  <si>
    <t>小三阳会传染吗</t>
  </si>
  <si>
    <t>肝病大小三阳传播途径有三种：第一：基因遗传，如父母双方如有一方患有肝病，产下后代会有遗传；第二：间接传染、接触了肝病患者所用过的物品，包括毛巾、餐具、蚊虫叮咬；第三：输血、注射器、汗液、阴液、精液、唾液、及公共场所消毒不好等等都是传染途径。</t>
  </si>
  <si>
    <t>乙肝病毒只要存在，就有传染的可能性，病毒数量多或少只是传染性强弱的问题。</t>
  </si>
  <si>
    <t>一般情况下是不会被传染的。</t>
  </si>
  <si>
    <t>宋城千古情值得看吗</t>
  </si>
  <si>
    <t>值得，是当地特色。</t>
  </si>
  <si>
    <t>宋城千古情是宋城倾注心血的立体全景式大型歌舞，该剧以杭州的历史典故、神话传说为基点，融合世界歌舞、杂技于一体，运用现代高科技手段营造如梦似幻的意境，给人以强烈的视觉震撼。</t>
  </si>
  <si>
    <t>来宋城必须要看的。</t>
  </si>
  <si>
    <t>上海泰晤士小镇好玩吗</t>
  </si>
  <si>
    <t>建筑很有特色。</t>
  </si>
  <si>
    <t>风景挺美的。</t>
  </si>
  <si>
    <t>非常好。</t>
  </si>
  <si>
    <t>宝宝趴着睡觉好吗</t>
  </si>
  <si>
    <t>趴着睡并不安全。</t>
  </si>
  <si>
    <t>趴着可以锻炼宝宝抬头，这将加强宝宝的颈部和上背部肌肉发育。同时，联系移动宝宝的头可以降低SIDS的风险。</t>
  </si>
  <si>
    <t>宝宝趴着睡聪明 。</t>
  </si>
  <si>
    <t>拉肚子能喝七星茶吗</t>
  </si>
  <si>
    <t>不能服用七星茶的。</t>
  </si>
  <si>
    <t>合肥诺博源是培训的吗</t>
  </si>
  <si>
    <t>一家IT培训机构。</t>
  </si>
  <si>
    <t>男生躲着女生是讨厌吗</t>
  </si>
  <si>
    <t>那绝对是可能喜欢她的表现(女生不喜欢他或者他不知道女生喜欢他为前提)，如果讨厌会直接无视之类的吧。</t>
  </si>
  <si>
    <t>萨摩耶犬好养吗</t>
  </si>
  <si>
    <t>厦门航空是廉价航空吗</t>
  </si>
  <si>
    <t>不是，民营航空公司不算是廉价航空公司。</t>
  </si>
  <si>
    <t>厦门航空作为一家全服务型航空公司，根本不是低成本航空。使用全波音机队能够在飞机维修、零配件采购、飞行员培训等方面降低成本，但不能简单的把是否使用纯波音或纯空客作为衡量一个航空公司是否为低成本航空的标准。</t>
  </si>
  <si>
    <t>硕士答辩有不通过的吗</t>
  </si>
  <si>
    <t>分期乐买手机靠谱吗</t>
  </si>
  <si>
    <t>天龙八部和射雕三部曲有关系吗</t>
  </si>
  <si>
    <t>有关系</t>
  </si>
  <si>
    <t>梦幻西游转门派属性点重置吗</t>
  </si>
  <si>
    <t>在梦幻西游中转换门派之后你所有的属性点都会被重置。</t>
  </si>
  <si>
    <t>属性点系统会自动帮你还原到没加属性时的样子。</t>
  </si>
  <si>
    <t>大姨妈刚走是安全期</t>
  </si>
  <si>
    <t>从月经出血干净那天开始到排卵期开始的前一天为止的那段日期被称为排卵前安全期。从排卵期结束后的第一天开始到下次月经来潮的前一天为止称为排卵后安全期。月经干净后3天属于安全期的范围内。</t>
  </si>
  <si>
    <t>一般经期前和干净后的8天都是安全期。</t>
  </si>
  <si>
    <t>从月经来潮日前数14天为排卵日，排卵日的前5日和后4日之间的10天，为排卵期，其它时间为安全期，也就是月经的前7和后8天。</t>
  </si>
  <si>
    <t>小米talk back能卸载吗</t>
  </si>
  <si>
    <t>这个APP可以卸载的。</t>
  </si>
  <si>
    <t>以租代购买车合算吗</t>
  </si>
  <si>
    <t>以租代购模式提车只需交车辆的购置税、保险、上牌等费用即可，车价上竟然0首付，而条件只需提供身份证、驾驶证和银行卡，不看征信，甚至不计入负债，还是很合算的。</t>
  </si>
  <si>
    <t>优势一：用车门槛低，首付资金压力少。优势二：首年用车月供压力少。优势三：可购可退，选择宽广。优势四：转嫁新车购买时，首年加速折旧的风险。缺点一：缺乏拥有感。缺点二：如果远期经济能力不够，后期还款鸭梨山大。“以租代购”这种购车方式，适合短期经济能力一般，但有购车需求，且未来有不错经济来源的朋友，亦或是资金有高于融资租赁费用的更好回报渠道，作为一种理财购车方式的朋友。如果以上两个条件都不具备，建议谨慎选择这种方式。</t>
  </si>
  <si>
    <t>好处：1、低/无首付，可避免资金占用。2、可任选车款，租车方案灵活，个性化程度更高。3、对企业来说，合同金额全部为租赁费用，可以在税前全部扣除，可以抵税，为企业节省费用。4、合同到期后可获得车辆所有权，或换租新车，车辆置换，符合现在汽车消费理念。5：租赁公司后续贴心服务，包括汽车的保养，年检，保险，维修，交通意外的处理等。</t>
  </si>
  <si>
    <t>百家号有app吗</t>
  </si>
  <si>
    <t>roaming可以删除吗</t>
  </si>
  <si>
    <t>尽量不要删除，这里边存放的是软件运行时和结束后的数据和配置文件，如果删了，会导致软件不正常或者出错的。</t>
  </si>
  <si>
    <t>就相当于里面的数据信息，比如xp里的app data，删除后对系统没有影响，但不排除个别的信息会找不到。如果里面没有特别重要的软件和资料，尽管删除就可以了。</t>
  </si>
  <si>
    <t>win7下的roaming文件夹用于存放一些应用程序的数据文件及缓存内容；例如：360安全卫士的软件配置、管理日志、缓存数据；空间听音乐产生的缓存数据；扫描文件产生的缓存数据、扫描配置方案；所以建议用户不要删除，如果删除，可能会使应用程序或者软件无法运行。</t>
  </si>
  <si>
    <t>细小病毒会传染人吗</t>
  </si>
  <si>
    <t>犬瘟是绝对不会的，但是细小就会。</t>
  </si>
  <si>
    <t>熊猫只有中国才有吗</t>
  </si>
  <si>
    <t>只有在中国演化的大熊猫存活下来了,世界其他地区的大熊猫在进化的过程中都灭绝了。</t>
  </si>
  <si>
    <t>世界上只有中国才有熊猫。</t>
  </si>
  <si>
    <t>外文文献全文翻译有吗</t>
  </si>
  <si>
    <t>中国图书馆，百度一搜全部都有。</t>
  </si>
  <si>
    <t>可以去OA图书馆查找。</t>
  </si>
  <si>
    <t>冯提莫是不是整容了</t>
  </si>
  <si>
    <t>整了，现在脸变尖了。</t>
  </si>
  <si>
    <t>影子系统对硬盘有伤害吗</t>
  </si>
  <si>
    <t>艾益生艾灸仪是传销吗</t>
  </si>
  <si>
    <t>应该不是传销。</t>
  </si>
  <si>
    <t>火车站可以办临时身份证吗</t>
  </si>
  <si>
    <t>火车站临时身份证有效期是一天，当天有效，也就是说旅客在火车站办理临时身份证后，需在当天购票次日无效。简而言之，临时身份证有效期一天仅约束购票时间。旅客办理临时身份证后，需在当天买票。而乘车时间则不受这个有效期的约束，只要持有购票时使用的临时身份证，可在第二天或几天后进站乘车。火车站临时身份证有效期一天的标准为当天购票有效，但乘车时间可以为次日或以后几日。</t>
  </si>
  <si>
    <t>苹果显示器有单卖的吗</t>
  </si>
  <si>
    <t>有单卖的。</t>
  </si>
  <si>
    <t>金刚狼会复活吗</t>
  </si>
  <si>
    <t>可以复活金刚狼。</t>
  </si>
  <si>
    <t>四川大学夏令营难进吗</t>
  </si>
  <si>
    <t>不是211和985，川大是不会让参加夏令营的。除非成绩十分优秀，还得好好跟川大老师沟通才有可能参加得到。</t>
  </si>
  <si>
    <t>江湖风云录破解版有吗</t>
  </si>
  <si>
    <t>有是有，但是可不可以用就不好说了。</t>
  </si>
  <si>
    <t>vs2015是免费的吗</t>
  </si>
  <si>
    <t>和 VS2013 一样Community Edition 版是免费的Enterprise Edition 是收费的。</t>
  </si>
  <si>
    <t>百饰购靠谱吗</t>
  </si>
  <si>
    <t>腰部支撑调节这个功能重要吗</t>
  </si>
  <si>
    <t>支撑下有作用的，不然腰会非常酸，支撑下后会舒服很多。</t>
  </si>
  <si>
    <t>csgo国服能开箱子吗</t>
  </si>
  <si>
    <t>第一步，解除市场限制。第二步，皮肤的获得。箱子和钥匙都可以在STEAM的市场找到，各种不同的箱子里开出的皮肤都不同。国内还有可以在c5game或igex交易平台可以购买到箱子和钥匙。</t>
  </si>
  <si>
    <t>脱毛膏会不会越脱越多</t>
  </si>
  <si>
    <t>脱毛膏都会越脱越多。虽然配了修复液，实际脱毛原理是用化学品烧掉表面的。</t>
  </si>
  <si>
    <t>糖尿病会遗传吗</t>
  </si>
  <si>
    <t>糖尿病是遗传性疾病。</t>
  </si>
  <si>
    <t>属羊的女人克夫吗</t>
  </si>
  <si>
    <t>纯属迷信。</t>
  </si>
  <si>
    <t>勃起不坚能恢复吗</t>
  </si>
  <si>
    <t>lol融合转化为永久是随机的吗?</t>
  </si>
  <si>
    <t>就是随机性给个永久性皮肤。</t>
  </si>
  <si>
    <t>上古卷轴5可以啪啪啪吗</t>
  </si>
  <si>
    <t>没安装成人包是无法啪啪啪的。</t>
  </si>
  <si>
    <t>coach美国官网支持海淘吗</t>
  </si>
  <si>
    <t>不支持直邮，支持转运。</t>
  </si>
  <si>
    <t>分公司能签合同吗</t>
  </si>
  <si>
    <t>可以的，但需总公司盖章确认，因为分公司无独立财产，最后的民事责任需要总公司承担。分公司的对方签章应当全部由总公司承担责任，所以如果你与分公司签订合同，合同对你是有效的，担责任主体为总公司。这还取决于分公司是否有法人资格。法人是指具有民事权利能力和民事行为能力，依法独立享有民事权利和承担民事义务的组织。因此只有具备法人资格的分公司对外签订的合同是有效的，不具备法人资格的分公司对外签订的合同一般认为是无效的，由此产生的财产责任，分公司有财产能力的应自行承担，没有财产能力的由总公司承担。</t>
  </si>
  <si>
    <t>身份证挂失后原来的还能用吗</t>
  </si>
  <si>
    <t>不可以了。</t>
  </si>
  <si>
    <t>哺乳期可以吃荔枝吗</t>
  </si>
  <si>
    <t>哺乳期应谨吃荔枝。</t>
  </si>
  <si>
    <t>结业证书可以找工作吗</t>
  </si>
  <si>
    <t>结业的概念是你学业已经学习完毕，并不代表自己已经具备了学业的标准。但找工作本身其实与学历有关的部分并不多。特别是不要求学历的工作，你有没有毕业跟工作没有关系。当然也就没有必要非得是毕业证才能找工作了。但如果是要求学历的工作，你只有结业证书，可能就在第一轮被过滤掉了，连面试的机会都没有。所以，最好还是能有个毕业证书，结业证书社会上没有价值，不好使。</t>
  </si>
  <si>
    <t>银行流水能贷款吗</t>
  </si>
  <si>
    <t>没有银行流水可是可以办理贷款的，不过大多数银行不接受没有银行流水的办理贷款，但是大多小额贷款公司没有银行流水可以办理贷款。</t>
  </si>
  <si>
    <t>酒仙网的酒是正品吗</t>
  </si>
  <si>
    <t>酒仙网的平台是比较的大的，经营很久了，他们的质量审核应该也很严格的，而且现在国家质检这一块审核的也比较严格，像这么大的企业是不会犯这种低级的错误的，一瓶假酒毁掉自己的整个企业，不划算的，所以应该是不会出现假酒的情况，如果买回来之后有漏酒或者酒瓶有破损的话，直接找他么客服要求补发或者退货都是可以的。</t>
  </si>
  <si>
    <t>不一定是真的,有假。</t>
  </si>
  <si>
    <t>酒仙网属国内最知名的售酒网站之一，信誉度值得信赖。</t>
  </si>
  <si>
    <t>来分期的商品是正品吗</t>
  </si>
  <si>
    <t>大多数还可以。</t>
  </si>
  <si>
    <t>阴阳师小鹿男有用吗</t>
  </si>
  <si>
    <t>食之无味弃之可惜，33肯定是没位置的，至于他那个被动，就像13楼说的一样，死的是对面的话。没他的BUFF也能赢，死的是自己的话，有他叠BUFF还是输，PVE刷小怪多的副本还算好用。</t>
  </si>
  <si>
    <t>小鹿男身为本测新出的SSR式神，并不是十分亮眼(大家的注意力都在版本霸主姑获鸟的身上)，虽然被动技能的加速还算不错，但3技能的无力让他沦为一个光环型的式神。很多玩家在刚抽到小鹿男的时候非常迷茫，因为摸不清楚他的定位。他的3技能看上去伤害还行，而且还有速度加成，再加上单体控制，怎么看怎么美好。然而实际并非如此，小鹿男真正有用的是他的2技能被动。</t>
  </si>
  <si>
    <t>二技能是每次阵亡一个单位(该单位无论是敌方还是己方或者是式神的召唤物都算在内)，己方就可以全体获得攻击加成和速度加成，最高叠加三层，该增益buff在御魂和觉醒中都是很好用的。三技能单体伤害不高，因此输出我们就可以省略了，所以总体来看，小鹿男的定位为辅助型式神。很多玩家都表示在55中带小鹿男翻盘是常事，大家可以不用升技能，只要无脑堆血防，除此之外，小鹿男的颜值小编也是服的，光看这张脸，值得一练。</t>
  </si>
  <si>
    <t>塔扇好用吗</t>
  </si>
  <si>
    <t>狗狗币会不会涨到1块</t>
  </si>
  <si>
    <t>涨到1元比较难。</t>
  </si>
  <si>
    <t>犬神值得培养吗</t>
  </si>
  <si>
    <t>蔡琳高梓淇有孩子了吗</t>
  </si>
  <si>
    <t>百度钱包可以借钱吗</t>
  </si>
  <si>
    <t>新华保险可靠吗</t>
  </si>
  <si>
    <t>新华成立了16年了，发展速度非常快，大股东是中央汇金，很厉害。按照2011年保监会的统计数据，新华目前排名全国第三。</t>
  </si>
  <si>
    <t>铁木真是中国人吗</t>
  </si>
  <si>
    <t>必须是，只是族不同。</t>
  </si>
  <si>
    <t>rookie是韩国人吗</t>
  </si>
  <si>
    <t>是韩国人。</t>
  </si>
  <si>
    <t>ff14好玩吗</t>
  </si>
  <si>
    <t>感觉还好。</t>
  </si>
  <si>
    <t>可玩性能一般。</t>
  </si>
  <si>
    <t>全部职业都可以练，随便切换，简直不要太棒。</t>
  </si>
  <si>
    <t>关闭445端口还能共享打印机吗</t>
  </si>
  <si>
    <t>去微软下载官方补丁，安装好了以后，打开电脑的控制面板，点击Windows防火墙，点击高级设置，进入后 ，点击入站规则，找到当时关闭445端口设置的规则。右键删除即可。删除后，重启电脑，之后共享就可以使用了。方法二：请在控制面板&gt;程序&gt;启用或关闭windows功能&gt;取消勾选SMB1.0/CIFS文件共享并重启系统。反过来，勾选smb1.0文件共享，然后重启电脑就可以用网络打印机了。</t>
  </si>
  <si>
    <t>不行，除非打开445端口，否则连接是受限的，根本就找不到共享的打印机。</t>
  </si>
  <si>
    <t>1.共享型USB打印机无法使用，比如常见的HP P1007/1008等；2.插网线的网络打印机，不受影响。3.混合型打印机，通过打印机自身IP地址访问的，不受影响。通过共享其他人电脑的，也就是通过其他人IP地址访问的，无法使用。</t>
  </si>
  <si>
    <t>个人能开增值税专票吗</t>
  </si>
  <si>
    <t>王者荣耀可以用手柄玩吗</t>
  </si>
  <si>
    <t>打开手柄助手软件，先运行一次助手，初始化操作。手机开启USB调试功能（设置→开发者选项→勾选USB调试）使用数据线将手柄连接到电脑，在电脑上下载任意手机助手&lt;如豌豆荚、360手机助手、电脑管家等&gt;手机连接上电脑会自动安装驱动。下载NgdsPCBat.zip，地址看下图。下载完一定一定一定要先解压。再运行文件夹内的Start.bat。此时会弹出一个窗口&lt;部分手机运行时间比较久 需1mins左右&gt;。如果最后一行显示“InjectService: start success!”则服务开启成功。</t>
  </si>
  <si>
    <t>王者荣耀这款游戏是支持游戏手柄的，但是前提是需要满足以下硬件和软件要求：1、映射软件。映射软件的作用是将手柄的功能映射到手机上，进而达到手柄的控制性作用。玩家可以在百度上搜索“手机游戏映射软件”，找到此类型软件下载安装到自己的手机上。2、蓝牙4.0。玩家的手机需要支持蓝牙4.0以上才可以进行手柄游戏。3、蓝牙手柄。蓝牙手柄将通过自带的蓝牙功能，与手机蓝牙相连接，进而达到控制游戏系统的目标。手柄没有具体的品牌要求，普通的蓝牙手柄均可。4、手机ROOT。这个也是必备要素之一，安卓系统需要ROOT，IOS系统是否需要越狱依据映射软件的说明来定。</t>
  </si>
  <si>
    <t>当然可以啦，装上模拟器，配上支持多个指向性技能的体感手柄，很好用。</t>
  </si>
  <si>
    <t>蜗牛能吃吗</t>
  </si>
  <si>
    <t>蜗牛具高食用和药用价值。</t>
  </si>
  <si>
    <t>乖离性亚瑟王会停服吗</t>
  </si>
  <si>
    <t>现在日服已经开始排斥中小氪玩家了，这期联动都是50起步的池，外加腿石强化，以后出本应该会没有SBJ的卡很难打，已经走上了扩散的旧路了，离关服应该不久了。</t>
  </si>
  <si>
    <t>一星期鲁一次会变丑吗?</t>
  </si>
  <si>
    <t>灼口综合症会自愈吗</t>
  </si>
  <si>
    <t>很难自愈。</t>
  </si>
  <si>
    <t>不会自愈，如果不治疗，就会导致反复发作。</t>
  </si>
  <si>
    <t>微信号能改吗</t>
  </si>
  <si>
    <t>能，只能改一次。</t>
  </si>
  <si>
    <t>空调有必要买一级能效</t>
  </si>
  <si>
    <t>买空调不要只冲着1级的参数好看就买1级的，其实没这必要。建议一般用电量的买3级或2级就可以了，日夜开机的超级大户才选1级吧。当然了，哪天发现差价低于500了就随便吧。</t>
  </si>
  <si>
    <t>差钱，就不买啦。不差钱，变频空调省电一些，自然也是一级能耗产品啦。</t>
  </si>
  <si>
    <t>汤镇业演过杨过吗</t>
  </si>
  <si>
    <t>日本iphone7中国能用吗</t>
  </si>
  <si>
    <t>日版的iPhone6有两种，一种是无锁的，一种是有锁的，两者都能在国内使用，但是有区别。无锁版在国内能实现三网通，移动电信和联通卡都可以用，而且支持双4G。但是有锁的在国内必须配合卡贴才能解锁使用，而且只能用联通和移动的2G网络，还有很多小问题比较麻烦，所以建议购买无锁版的。</t>
  </si>
  <si>
    <t>可以使用，在中国也能买iPhone7日版的是一个道理。</t>
  </si>
  <si>
    <t>不带sim卡锁，回国换国内卡就可以了。</t>
  </si>
  <si>
    <t>剑灵神灯还能用吗</t>
  </si>
  <si>
    <t>内置有伤害统计了，不用神灯。</t>
  </si>
  <si>
    <t>前天刚用了一次，没什么问题，现在更新不懂行不行。</t>
  </si>
  <si>
    <t>一般警察会事后抓嫖吗</t>
  </si>
  <si>
    <t>嫖娼一般是抓现行，但也有事后犯的。不过事后抓人警方取证是存在困难的，即使被卖淫女供出来了，犯案人要咬定不承认，派出所就会存在取证困难，无法处罚的。但要是卖淫女供认了，案犯也承认了，则会受到处罚。这类案件属于治安处罚或行政处罚范围，执法中必须有以事实为依据，法律为准绳。非现行即缺乏直接或有效证据，处罚证据不足不可以执行处罚。</t>
  </si>
  <si>
    <t>一般情况不会，除非你被人实名举报，并有确凿证据。</t>
  </si>
  <si>
    <t>治安行政处罚只追溯到6个月。</t>
  </si>
  <si>
    <t>数据分析师是青春饭吗</t>
  </si>
  <si>
    <t>不是。这是一种误解。数据分析并不是一蹴而就的事情，而是需要日积月累的数据处理经验，以及与所在的行业深度融合挖掘出有价值的数据的项目有关。大数据分析师是一个新兴的职业，新兴的领域，不会过时，也不会是青春饭。</t>
  </si>
  <si>
    <t>幽灵行动荒野是单机吗</t>
  </si>
  <si>
    <t>可单击可联机。</t>
  </si>
  <si>
    <t>dnf瘟疫之源套装好吗</t>
  </si>
  <si>
    <t>瘟疫不怎么好。血阳不错。百分比职业用。那面板+得可以。速度也快。但是缺属强。假猪有属强。但是移动慢。  还有耀光套固伤职业用好。暴击和面板+很高。   远古是穷人最佳选择。</t>
  </si>
  <si>
    <t>3件套减少50点异常抗性 这点属性对于大部分职业度没啥用，但对于某些未知领域的职业 或者是流派 这属性还是很有用的具体哪些职业我们后面再说，5件套 属强12 攻击异常敌人减少防御力 百分之10，5件套的属性中规中矩吧相比于血色 和海神就有点差了 安图恩 卢克 都有减少防御的上限，百分之10的减防对于一些自带减防的职业或者装备减防的装备来说收益会变得很低，6件套属性 对于异常敌人附加5的白字 这条属性很垃圾，每两秒300px三个异常 也是对于一些未知领域的职业 很有用 对于大部分职业一点用也没有。</t>
  </si>
  <si>
    <t>套装效果还是很一般，主要加强的是职业自身的异常状态。</t>
  </si>
  <si>
    <t>一天只吃三个紫薯会胖吗</t>
  </si>
  <si>
    <t>小米mix听筒能听清吗</t>
  </si>
  <si>
    <t>不怎么清楚。</t>
  </si>
  <si>
    <t>声音最大时，感觉还是可以的。</t>
  </si>
  <si>
    <t>声音特别小。</t>
  </si>
  <si>
    <t>手机号不用了需要注销吗</t>
  </si>
  <si>
    <t>不用的卡，一定的时间内，如果有月租费的卡，就会扣费的。60天销号之后，如果是有登记过的就得去注销，不然到时候欠费的钱都还得去交。不去交移动会给身份证列到很名单，还是要交齐里面的欠费才能以后登记注册的。1、如使用联通预付费号码，一般无需销户，如停止为预付费号码充值，逾期联通会自动回收号码使用权，进行销户处理；2、如使用联通后付费号码欠费超3个月，联通将会对号码进行回收，所欠的费用也要缴清，否则将成为黑名单用户以致无法办理联通业务，同时可能会产生滞纳金；3、如不需要使用可到归属地营业厅办理销户手续。因各地市政策不尽相同，建议可咨询回归属地人工客服或营业厅，具体以当地政策为准。一般去营业厅办理注销比较可靠，不会再有别的事了。如果是联通可以在网上办理保号停机，然后就不用管了，停机几个月后自动销卡。办理保号停机需要交清欠费，停机期间会产生每月几元的保号费用，可以不用交，因为内不属于恶意欠费，联通是不会追究的。</t>
  </si>
  <si>
    <t>泰国是落地签吗</t>
  </si>
  <si>
    <t>能落地签的，泰国落地签，有以下两个条件：1、持中国护照的团队旅客；2、持有第3过签证，或者在第3国的中国护照持有者。</t>
  </si>
  <si>
    <t>中国公民前往泰国可以落地签证。</t>
  </si>
  <si>
    <t>沙僧吃了唐僧九次吗</t>
  </si>
  <si>
    <t>征服者卡尔玛值得买吗</t>
  </si>
  <si>
    <t>看你玩的多不多是本命就买，不是就算了就算是限定也不买。</t>
  </si>
  <si>
    <t>畜牧站能给宠物看病吗</t>
  </si>
  <si>
    <t>只负责辖区内的动物防疫检疫，农产品的安全，不允许行医。</t>
  </si>
  <si>
    <t>steam钱包能提现吗</t>
  </si>
  <si>
    <t>钱包不可以提现。</t>
  </si>
  <si>
    <t>STEAM不支持提现服务。</t>
  </si>
  <si>
    <t>steam钱包是没有办法提现的，但是你可以像某宝商家一样，买游戏卖给别人，但一般没什么人会同意跟你交易。</t>
  </si>
  <si>
    <t>7月份去泰国合适吗</t>
  </si>
  <si>
    <t>七月在泰国是雨季，但是今年雨水很少.而且现在不算旅游的旺季，各种资源都不会太紧张.可以说这时来还算合适的。</t>
  </si>
  <si>
    <t>支付宝账单删除了还可以查询吗</t>
  </si>
  <si>
    <t>1.电脑端进入支付宝官方网站，输入自己的支付宝账号及密码登录。2.进入后点击主界面”我的支付宝“，进入我的支付宝后再点击”回收站“。3.进入回收站后，即可看到已删除的支付宝账单也可以选择还原删除的支付宝账单。</t>
  </si>
  <si>
    <t>支付宝日常流水账单被删除了还可以查询的。</t>
  </si>
  <si>
    <t>苹果手机恢复出厂设置系统会还原吗</t>
  </si>
  <si>
    <t>苹果手机恢复出厂设置是不会恢复原来的系统的，会保留未恢复前的系统。</t>
  </si>
  <si>
    <t>华润集团是国企吗</t>
  </si>
  <si>
    <t>华润是央企。华润前身是1938年中共为抗日战争在香港建立的地下交通站。1948年改组更名为华润公司，1952年隶属关系由中共中央办公厅变为中央贸易部（现为商务部）。1983年，改组成立华润（集团）有限公司。1999年12月，与外经贸部脱钩，列为中央管理。2003年归属国务院国有资产监督管理委员会领导下的中央企业。</t>
  </si>
  <si>
    <t>华润集团是国务院国资委直接监管的中央所属国有企业，著名的四大驻港中资企业之一（另外三家是中信、招商局和港中旅），是国企的性质。</t>
  </si>
  <si>
    <t>“华润集团”是华润集团有限公司的简称，股东是国有企业中国华润总公司（企业），占华润集团100%的股份，所以华润集团是国有法人企业，不叫国有企业。</t>
  </si>
  <si>
    <t>10105555是骗局吗</t>
  </si>
  <si>
    <t>冒充招商银行的骗子电话。</t>
  </si>
  <si>
    <t>荣耀8青春版3gb够用吗</t>
  </si>
  <si>
    <t>够了尊享版荣耀8青春版搭载一颗高效低功耗的麒麟655八核心处理器，配备4GB运行内存，储存空间则为64GB版本。摄像头采用前置800万像素+后置1200万像素的组合，支持10级美肤、7cm微距和PDAF相位对焦等特性，电池容量为3000mAh，预装基于Android 7.0的EMUI 5.0系统。</t>
  </si>
  <si>
    <t>荣耀8青春版在外观和性能上，是一款性价比较高的手机。华为EMUI5.0 Android7.0的操作系统，采用原生桌面，简化操作步骤，90%的常用操作可在3步内实现，同时，搭载麒麟655 八核芯片，多任务运行依然流畅。如果不确定的话，建议买一个运行内存大一点的，这样手机运行起来会更流畅些。</t>
  </si>
  <si>
    <t>紫薯发芽了还能吃吗</t>
  </si>
  <si>
    <t>紫薯发芽了不能吃。</t>
  </si>
  <si>
    <t>不可以食用发芽的紫薯。发芽紫薯有毒素，导致紫薯腐烂损害人的身体健康。应避免食用发芽的紫薯，以避免引起机体中毒反应性改变。</t>
  </si>
  <si>
    <t>可以的，如果发得不是很多的话是可以吃的，把发芽部分削掉就可以了，可以多削些，不然会有龙葵碱。</t>
  </si>
  <si>
    <t>本科生毕业论文会进数据库吗</t>
  </si>
  <si>
    <t>不会增加到数据库中。</t>
  </si>
  <si>
    <t>肯定会，因为去年检测的已经进入了数据库。</t>
  </si>
  <si>
    <t>信用卡逾期一次影响房贷吗</t>
  </si>
  <si>
    <t>逾期还款超过90天，银行就会认定持卡人或借款人，是恶意逾期还款，很有可能会被拒贷。另外，银行对信用卡用户开通了容时还款功能，容时还款指的是持卡人在最迟还款日后三天之内的还款，都可以算作按时还款，个人征信记录中不会记录逾期。</t>
  </si>
  <si>
    <t>是可以办理房贷。</t>
  </si>
  <si>
    <t>不影响贷款的。</t>
  </si>
  <si>
    <t>2017土耳其现在安全吗</t>
  </si>
  <si>
    <t>关于安全问题，其实没有必要过分担心的，遇到危险那只是概率性的问题。</t>
  </si>
  <si>
    <t>骨刺能根治吗</t>
  </si>
  <si>
    <t>同一届论文互相查重吗</t>
  </si>
  <si>
    <t>学长的论文不能参考，因为学校查重可以查到联合对比库，本科用的是pmlc可以检查到大学生论文联合对比库，就是本科学长论文库，研究生用的5.1或者tmlc可以检查到学术论文联合对比库，就是研究生学长论文库。参考学长的都可以查到。可以多参考一些书上的，因为学校查询不到书上的。同届不查重，因为数据库没有呢。</t>
  </si>
  <si>
    <t>查重只对数据库中已经录入的文章进行比对，两个人如果是同一年同一次进行答辩，那相互重合也查不出来，因为都没有进数据库呢。</t>
  </si>
  <si>
    <t>身份证没到期可以提前换吗</t>
  </si>
  <si>
    <t>国家没有明确规定，也没有统一的时间限制。实际生活中是可以的。</t>
  </si>
  <si>
    <t>印度不吃鸡肉吗</t>
  </si>
  <si>
    <t>印度人吃鸡的，素食是不吃肉，但大多数印度人是吃肉的。</t>
  </si>
  <si>
    <t>不是不吃，主要是吃不起，还有些宗教信仰的，最高种姓的都吃素。</t>
  </si>
  <si>
    <t>王者荣耀蔡文姬厉害吗</t>
  </si>
  <si>
    <t>团战站位：毫无疑问，作为一个辅助法师，蔡文姬后排才是你的归宿，乖乖的站在坦克的身后!输出的话基本也不需要你，而且千万不要自己单独一个人，否则作为一个纯辅助就会使团队陷入四打五的尴尬的境地。团战中主要还是以2技能输出为主，1技能的释放需要掌握一定的时机，主要是用于给残血队友恢复生命!大招的释放时千万就不能站在后排了，一定要根据队友或者对手的站位进行移动!否则覆盖不到人是非常伤的!能够辅助好队友的话，就已经完成了基本的任务了。</t>
  </si>
  <si>
    <t>倒刺砝码好不好</t>
  </si>
  <si>
    <t>近战类饰品，急速属性，狂暴战收益可以，其他的没多用，额外触发概率很低，最烂的饰品之一。</t>
  </si>
  <si>
    <t>月经期间能吃榴莲么</t>
  </si>
  <si>
    <t>女性在经期是可以吃榴莲的，但不要过量食用，榴莲能缓解痛经。</t>
  </si>
  <si>
    <t>小米max停产了吗</t>
  </si>
  <si>
    <t>应该是停产了。</t>
  </si>
  <si>
    <t>农行理财产品可靠吗</t>
  </si>
  <si>
    <t>银行理财是目前来说安全性比较高的一种理财方式，对于银行理财产品的收益率高不高，银行理财是否在合理的年限里给自己带来最大收益，银行理财的产品性质有浮动保本，浮动不保本，固收不保本，固收保本型等.</t>
  </si>
  <si>
    <t>理财产品都有风险等级的，风险从低到高分别是是 PR1、PR2、PR3、PR4、PR5，也就是说银行理财产品并不是100%安全的，在选择时最好了解产品的说明，从类型、收益、投资方向等方面考虑，包括金额、利率、投资期限、安全保障方式等信息，以确定该产品符合个人的风险承受能力、投资回报率和流动性等方面的实际情况；确认无误后再进行操作。</t>
  </si>
  <si>
    <t>首先，要确保理财产品是银行卖的，而不是银行代销的与其有合作的保险公司或其它金融机构的产品。只要看看银行官网上有没有这款产品就可以了，如果是在营业厅购买，也可以让银行工作人员在电脑上展示，是从该行官网购买的理财产品。近年来银行员工私自勾结外部人员售卖非银行自营产品，结果导致不法分子卷款而逃的案例不在少数，一定要提高警惕。即使是基金类产品也不适合在银行购买，手续费要远高于第三方代销公司及基金公司本身。</t>
  </si>
  <si>
    <t>全景摄像头实用性大吗</t>
  </si>
  <si>
    <t>技术够硬就不需要。</t>
  </si>
  <si>
    <t>绝对有用。</t>
  </si>
  <si>
    <t>根据使用要求配置摄像机，如果监控面积不大就正常标准的，如果需要角度大全面的就用全景的。</t>
  </si>
  <si>
    <t>拉人炒外汇是传销吗</t>
  </si>
  <si>
    <t>捷信贷款是正规公司吗</t>
  </si>
  <si>
    <t>捷信是经银监会批准设立的首批四家试点消费金融公司之一，为有需要的人群提供简单方便快捷的消费金融服务。依法成立，合规开展业务。</t>
  </si>
  <si>
    <t>新ipad32g够用吗</t>
  </si>
  <si>
    <t>要是不存电影，不玩大型游戏，32g的也够了。</t>
  </si>
  <si>
    <t>一般来说，总会下载电子杂志、音频视频、大型游戏等，还是不要少于64GB为好。</t>
  </si>
  <si>
    <t>生化武器可以变僵尸吗</t>
  </si>
  <si>
    <t>炉石传说狂野模式有奖励吗</t>
  </si>
  <si>
    <t>狂野模式也是有奖励的。狂野模式在完成任务、赚取金币、挑战天梯、收集卡背、等级奖励，获取传说称号这些方面和标准模式并没有区别。区别就是标准模式中纳克萨玛斯和侏儒大战地精退环境了。</t>
  </si>
  <si>
    <t>没有。原来的都是狂野模式。也没看到有什么奖励。</t>
  </si>
  <si>
    <t>西十区票务网安全吗</t>
  </si>
  <si>
    <t>很安全。有专门的鉴真伪票的专家，防止有人恶意售假，转让假票的。</t>
  </si>
  <si>
    <t>炒白银合法吗</t>
  </si>
  <si>
    <t>现货白银投资是国际市场。资金方向直接跟国有银行对接。说明这项投资是得到国家的认可。另外，行情报价可以参考国际白银报价。如果走势一致意味着报价透明公开。那么剩下的就是看你是否进行合理的操作。现货白银和炒股是一个道理，一个想发财炒油赚钱，另一个提供平台给你用而已。</t>
  </si>
  <si>
    <t>国内尚未正式开展外盘交易代理业务，那些所谓的伦敦银或纽约期货白银的交易代理或经纪商均属非法代理。炒外盘白银是非法的。</t>
  </si>
  <si>
    <t>腾讯有人工客服电话吗</t>
  </si>
  <si>
    <t>刚刚提供的是电话语音自助系统，没有人工服务。那么怎么转人工，通过搜所腾讯客服，如下图kf.qq.com。进入腾讯客服界面，点击“在线客服”如图，点击需要咨询的业务“在线咨询”。接着选择启动应用程序选择“腾讯QQ”如图。根据快捷登录QQ号码的提示，选择需要咨询人工服务的QQ号码。腾讯在线人工客服。进入腾讯官方在线客服窗口，根据提示选择腾讯业务大类。接着进入业务子项目等，输入业务菜单的数字即可。一般选择到第三类子菜单，如下图选择其他问题。 接着在其他问题，或有的子项目里面有 “人工服务”。由于接入的人员不同，有的时候可能直接就接入了。热门的问题，或分类会需要等待比较长时间。客服自动转接</t>
  </si>
  <si>
    <t>打开QQ,点击“主菜单”，再点击“帮助”，鼠标移动到 “腾讯客服”点击。接下来会弹出一个小窗口，点击左下角，联系腾讯客服。然后打开一个网页，会让你选择咨询类型，点击咨询游戏类型。可以点击选择你玩过的任何游戏，例如：DNF地下城与勇士。接下来会自动转换一个网页，点击最右边中间的小框，“在线客服”。此时在线客服聊天窗口出现了，点击 人工服务。聊天窗口右侧提交您所要咨询QQ和游戏信息，出击问题时间与问题描述，简写就可以，填写完后就点击提交。提交了后，就是最后一步了。你已经成功联系了，只需等待一下。如果你咨询的不是游戏方面问题，只要输入你的问题，客服会帮你转接。注意的是，不要关闭聊天窗口。耐心等待片刻，一般早上比较多人，下午会好点。</t>
  </si>
  <si>
    <t>首先我们需要找到腾讯客服的服务相关电话或者网页，如下图，点击查看全部客服电话。然后会进入到腾讯客服的所有相关模块，选择你要解决的问题的分类。然后会弹出一个确认对话的对话框，选择“确定”即可。再选择“启动应用”，不同浏览器可能出现的对话框不一样，但都类似。之后会弹出一个类似qq的对话框，只不过是企业版的。你需要继续选择问题的分类，直到出现分类中有“人工服务”选项。这时候就可以问问题了，如果问题能自动回复那么还是会自动回复的，不能自动回复的就可能是人工服务了。</t>
  </si>
  <si>
    <t>闲来麻将到底有没有挂</t>
  </si>
  <si>
    <t>当然是有挂。</t>
  </si>
  <si>
    <t>多肉有毒吗</t>
  </si>
  <si>
    <t>大多数多肉植物都是没有毒性的，不仅没有毒性，还是一些吃货眼中的美食。但确实也有些多肉植物是有毒的，仅仅限极少数的多肉植物。</t>
  </si>
  <si>
    <t>大戟科的大部分多肉植物都是有毒的。</t>
  </si>
  <si>
    <t>日常观赏摆放时不会引起中毒的。</t>
  </si>
  <si>
    <t>武清王庆坨有发展吗</t>
  </si>
  <si>
    <t>一是王庆坨水库建设。二是特高压工程。三是 LNG 燃气管道施工。四是高王路南延工程。五是煤改燃工作。</t>
  </si>
  <si>
    <t>王庆坨镇紧密结合镇域实际情况，将工作重点放到传统产业的转型升级上，科学规划传统产业创新示范园建设，通过加强院校合作、提升设备改造等方式，进一步提升科学管理水平，补齐短板、提升水平、再造优势，积极搭建人才交流培养、科技研发创新平台，实现“产学研”相结合，让老企业“脱胎换骨”，不断提高企业上市融资的效率与成功率。同时，该镇在下一步工作中, 不断优化服务体系，全力打好服务品牌，认真落实市、区两级人才政策，用良好的服务环境吸引更多高端人才前来创业就业，为传统产业转型升级提供智力支撑，助力企业向科技含量高、创新能力强、市场应变快的方向发展，加快实现区域经济持续健康发展。</t>
  </si>
  <si>
    <t>绝地求生能改名吗</t>
  </si>
  <si>
    <t>注意目前游戏并没有改名字功能。</t>
  </si>
  <si>
    <t>金柳赵寅宇是真做吗</t>
  </si>
  <si>
    <t>最后一段很有可能是真做，但是真假可能只有官方知道了。</t>
  </si>
  <si>
    <t>两张身份证是否同时有效</t>
  </si>
  <si>
    <t>只有第二次办理的那张有效。</t>
  </si>
  <si>
    <t>百事易云付有执照吗</t>
  </si>
  <si>
    <t>云付官网上面的备案是百事易福建电子商务有限公司，官网并没有该公司的支付牌照，不是一清的收款机构对持卡人的信息没有安全保障的。</t>
  </si>
  <si>
    <t>荣耀v9出厂有贴膜吗</t>
  </si>
  <si>
    <t>不带。</t>
  </si>
  <si>
    <t>查找朋友对方有提示吗</t>
  </si>
  <si>
    <t>不提醒。</t>
  </si>
  <si>
    <t>黄磊老师还在任课吗</t>
  </si>
  <si>
    <t>在的，不过课很少。</t>
  </si>
  <si>
    <t>人刚死了自己会知道吗</t>
  </si>
  <si>
    <t>仲裁后能否起诉</t>
  </si>
  <si>
    <t>哺乳期可以喝咖啡</t>
  </si>
  <si>
    <t>哺乳期妈妈最好不要喝咖啡，因为会对宝宝有一定的影响。咖啡中含有咖啡因，会使中枢系统兴奋。当哺乳期妈妈想通过喝咖啡来缓解疲劳，在给宝宝哺乳的时候，宝宝会通过乳汁将妈妈体内的咖啡因吸收到弱小的身体里。因为宝宝还是很脆弱的，小剂量的咖啡因都能引起宝宝亢奋，使中枢神经系统兴奋，容易带来不安的情绪，对宝宝的健康成长带来一定的不良影响。在哺乳期间，这些物质会通过乳汁到达宝宝体内，对宝宝的成长不利。当宝宝体内吸收了咖啡因后，因为对中枢神经系统产生作用，会刺激心脏肌肉收缩，加速心跳及呼吸，会出现头疼、头晕、烦躁、心律加快、呼吸急促等症状。所以，哺乳期妈妈还是不要喝咖啡，如果确实疲劳，可以通过增加休息时间，适当运动来缓解。</t>
  </si>
  <si>
    <t>可以的，哺乳期喝咖啡并不会影响喂奶，更不会影响宝宝的健康。虽然哺乳妈妈摄入的咖啡因会有一部分最终到达母乳，但是大量研究表明，其量还不到摄入量的1%。</t>
  </si>
  <si>
    <t>补办身份证必须本人去吗</t>
  </si>
  <si>
    <t>只要二代身份证办理人的亲属或朋友携带照片资料、户口登记簿和20元钱，就可以到户口所在派出所续领二代身份证。</t>
  </si>
  <si>
    <t>试用期6个月合法吗</t>
  </si>
  <si>
    <t>试用期6个月是否违法，需要结合劳动合同期限才能做出准确判断。《中华人民共和国劳动合同法》第十九条：劳动合同期限三个月以上不满一年的，试用期不得超过一个月；劳动合同期限一年以上不满三年的，试用期不得超过二个月；三年以上固定期限和无固定期限的劳动合同，试用期不得超过六个月。</t>
  </si>
  <si>
    <t>根据我国《劳动合同法》：第十九条：劳动合同期限三个月以上不满一年的，试用期不得超过一个月；劳动合同期限一年以上不满三年的，试用期不得超过二个月；三年以上固定期限和无固定期限的劳动合同，试用期不得超过六个月。 同一用人单位与同一劳动者只能约定一次试用期。以完成一定工作任务为期限的劳动合同或者劳动合同期限不满三个月的，不得约定试用期。 试用期包含在劳动合同期限内。劳动合同仅约定试用期的，试用期不成立，该期限为劳动合同期限。</t>
  </si>
  <si>
    <t>蚂蚁花呗是自动还款吗</t>
  </si>
  <si>
    <t>蚂蚁花呗是自动还款的。</t>
  </si>
  <si>
    <t>蚂蚁花呗可以设置自动还款的。</t>
  </si>
  <si>
    <t>掠食恐怖吗</t>
  </si>
  <si>
    <t>恐怖的是突然改变的bgm，好好的潜行着，尼玛突然邦的一声出来一个小怪，玩久了有点受不了。</t>
  </si>
  <si>
    <t>《掠食》不是一款恐怖游戏，而是融合了射击和RPG，有点像《羞辱》，但内容更加体现心理恐怖，题材也设定在未来太空场景。</t>
  </si>
  <si>
    <t>不算恐怖游戏。应该说是惊悚。</t>
  </si>
  <si>
    <t>黑枸杞和红枸杞可以一起泡吗</t>
  </si>
  <si>
    <t>可以一起吃，但是功效差不多，没什么必要。</t>
  </si>
  <si>
    <t>侠客风云传夜叉和其他人冲突吗</t>
  </si>
  <si>
    <t>夜叉和史燕冲突。天王线可以同时夜叉，秦红殇等10个，但是没有史燕没有情圣。盟主线最终战以后夜叉会问你是否和她浪迹天涯，选择是就只有一个结局云舟侠侣，选择否就是夜叉攻略失败，然后按照盟主线正常流程出其他结局，盟主或者掌门等。</t>
  </si>
  <si>
    <t>和史燕有冲突，而且出不了情圣图，夜叉事件和史燕的地宫事件有冲突，攻略了夜叉，就不会碰到史燕地宫遇夜叉打架的剧情。</t>
  </si>
  <si>
    <t>中软国际到底靠谱吗</t>
  </si>
  <si>
    <t>沫字取名寓意好吗</t>
  </si>
  <si>
    <t>自动启停可以关闭吗</t>
  </si>
  <si>
    <t>可以的，有一个自动启停的按键的。</t>
  </si>
  <si>
    <t>香水百合有毒吗</t>
  </si>
  <si>
    <t>香水百合是无毒的。开花时释放的香气有微毒，可能会出现失眠等症状。</t>
  </si>
  <si>
    <t>没有毒的，香水只是修饰它的香气，刺鼻也许是香水的原因，百合的香味有兴奋作用，心脏不好和睡眠不好的人不宜在室内放百合。</t>
  </si>
  <si>
    <t>常州限购吗</t>
  </si>
  <si>
    <t>华誉环亚有猫腻吗</t>
  </si>
  <si>
    <t>是骗子公司。</t>
  </si>
  <si>
    <t>典型的黑平台。</t>
  </si>
  <si>
    <t>微信公众号手机可以登录吗</t>
  </si>
  <si>
    <t>脂溢性脱发能治好吗</t>
  </si>
  <si>
    <t>能治好的。</t>
  </si>
  <si>
    <t>非常难治，治好的基本没有听说过。</t>
  </si>
  <si>
    <t>微信记录可以查吗</t>
  </si>
  <si>
    <t>登陆微信以后，进入到聊天窗口页面。点击好友，进入到和好友聊天的窗口，这时就可以看到好友的聊天记录，但是只能看最近的消息。点击好友窗口右上角的图标，选择查找聊天记录。输入和好友聊天的关键词，再点击搜索，好友的聊天记录就会显示出来。</t>
  </si>
  <si>
    <t>通讯录旁边有个微信，在那里边可以查看聊天记录和删除微信记录。</t>
  </si>
  <si>
    <t>只要聊天记录没删，可以点开对话框，点右上角那个按钮，上面有个选项是“查找聊天记录”，在里面打关键字或打出整句话就能搜索出来了。</t>
  </si>
  <si>
    <t>微pos华夏版安全吗</t>
  </si>
  <si>
    <t>电子烟能戒掉烟瘾吗</t>
  </si>
  <si>
    <t>薄荷味是最容易戒烟的。</t>
  </si>
  <si>
    <t>是否能成功戒烟，最关键的还是要看戒烟者自身的毅力。</t>
  </si>
  <si>
    <t>实用新型专利有用吗</t>
  </si>
  <si>
    <t>1、申请成功专利可以作为个人发明、能力的体现。2、成功申请专利可以申请地方政府补贴。目前大部分地区都有，一个专利都有几千不等的补助。3、如果专利技术有市场前景，还可以将专利转让出去给企业，收取转让费。4、如果你想自己创业，可以申请专利抵押贷款。</t>
  </si>
  <si>
    <t>别人使用你会收到专利使用权，或者他利润的一部分。</t>
  </si>
  <si>
    <t>梦游杀人犯法吗</t>
  </si>
  <si>
    <t>如果真是梦游杀人，不犯法。梦游过程实施的行为，行为人无法控制和辩认自己的能力，不属于犯罪构成要件的相关规定。不过，如果行为人借梦游在实际清醒的时候实施杀人行为，当然属于故意杀人了。</t>
  </si>
  <si>
    <t>从法律角度上，梦游属于精神类疾病，属于无刑事责任能力人，不负刑事责任。根据《中华人民共和国刑法》第十八条精神病人在不能辨认或者不能控制自己行为的时候造成危害结果，经法定程序鉴定确认的，不负刑事责任，但是应当责令家属或者监护人严加看管和医疗；在必要的时候，由政府强制医疗。间歇性的精神病人在精神正常的时候犯罪，应当负刑事责任。</t>
  </si>
  <si>
    <t>房贷面签了会不会拒批</t>
  </si>
  <si>
    <t>看个人的资质，资质越好，越容易办理，现在可以申请，无抵押一般1-5个工作日。申请贷款业务的条件：1、年龄在18-65周岁的自然人；2、借款人的实际年龄加贷款申请期限不应超过70岁；3、具有稳定职业、稳定收入，按期偿付贷款本息的能力；4、征信良好，无不良记录；5、银行规定的其他条件搜索。</t>
  </si>
  <si>
    <t>华东交通大学很烂吗</t>
  </si>
  <si>
    <t>总的来说这个学校现在是个鸡肋。地处偏僻，就业率低。</t>
  </si>
  <si>
    <t>惩戒骑拿灵魂之引好吗</t>
  </si>
  <si>
    <t>垃圾一个 。</t>
  </si>
  <si>
    <t>恶魔胆汁普通本能做吗</t>
  </si>
  <si>
    <t>单刷不了，至少目前来说还没有人能够成功单刷的，不过也要看大神。</t>
  </si>
  <si>
    <t>美缝可以自己做吗</t>
  </si>
  <si>
    <t>1，施工前的准备，美缝剂，美纹纸，指套，硅胶枪，压边球，美工刀，清缝锥，毛刷。2，处理瓷砖缝，用美缝锥把瓷砖缝先铲出一个2毫米以内深的凹槽，这样美缝剂能够足够的多，粘贴面面积积平面足够的打，不容易脱落，太浅容易脱落。3，先把美缝剂口拧开，然后装在胶枪上，挤出废料，然后安装胶嘴，根据缝的大小，用美工刀适当的处理一个侧切口。4，等时间晾干。地砖施工如果不粘贴美纹纸，处理瓷砖上的残余料比较费劲，干了后，用铲刀处理的时候如果瓷砖质量不好，很有可能导致瓷砖刮痕，掉瓷。5，等晾干后，就可以使用铲刀铲除少量的残余的美缝剂。大功告成。</t>
  </si>
  <si>
    <t>1，清理缝隙。先将缝隙清理出1.5-2.5mm的凹槽，保证施工深度；再将清理出来的脏物、粉尘彻底清理干净。最好再用干净湿毛巾把整个瓷砖擦一遍，这样才彻底。2，贴美纹纸。将缝隙周围贴上美纹纸，只留出施工部位即可，这样做方便多余真瓷胶的清理，如果施工部位在地面，且光滑容易擦拭，可以不贴美纹纸。3，将真瓷胶均匀地打入缝隙；这个助力胶枪很好用，轻轻一压胶就出来了。4，压缝刮缝。用压缝小钢球或者小刮板把打完胶的缝隙刮一下，这样表面才漂亮又光滑。还有，十字部位时，先刮平一条缝，另一条缝隙从中间往两边刮平，这样才平整。5，揭掉美纹纸。把美纹纸揭掉就可以了，基本上就完成了。</t>
  </si>
  <si>
    <t>第一步：清理瓷砖缝隙，瓷砖缝隙一定要清理干净，最好连地面浮尘也清理干净，以免影响美缝剂的使用年限。第二步：在缝隙两侧贴好美纹纸。第三步：将美缝剂安装在胶枪上。第四步：按住胶枪，打美缝剂。第五步：用刮板将美缝剂均匀的刮开。第六步：用海绵将多余的美缝剂清理干净。第七步：撕掉美纹纸。</t>
  </si>
  <si>
    <t>s49天长段通车了吗</t>
  </si>
  <si>
    <t>还没通。</t>
  </si>
  <si>
    <t>2017年农村不准建房吗</t>
  </si>
  <si>
    <t>根据农村相关资料显示，2017年农村不许随意盖房，建房子。</t>
  </si>
  <si>
    <t>根据新出台资料，一.严禁在农田和基本农田上建房，建了立马拆除！二.不允许随意翻建，三.多余宅基地要被收回，四.禁止乱建面积大楼层高的房屋，五.禁止在规划区外建房。</t>
  </si>
  <si>
    <t>农村相关规定一、严禁在耕地建房，二、只可在村内划分的专用地建房，三、不可随意翻建，四、坚持一户一宅原则，五、大面积以及施工范围大的房屋。</t>
  </si>
  <si>
    <t>春天容易着火吗</t>
  </si>
  <si>
    <t>因为春季山上的草木茂盛，加上清明季节上山烧纸和山上开荒种地的人多，因此很容易引发火灾事故。</t>
  </si>
  <si>
    <t>天干物燥都是容易着火的。</t>
  </si>
  <si>
    <t>这个非常容易着火，春季正是天干物燥的季节，应该千万注意一下防火。</t>
  </si>
  <si>
    <t>4s店买的保险可以退吗</t>
  </si>
  <si>
    <t>1.若是全款购车，自己是有权利出门就退保险的；2.贷款车就不一样了，因为是贷款，不管首付是30%还是60%，终究这台车的所有权不是自己，在自己还清贷款前，银行也拥有一部分所有权，所以银行要求必须保商业险，必须在4S 店保，必须保哪几个险种，这是无能为力的。</t>
  </si>
  <si>
    <t>可以，随意退，必须当地，但不会全退，按天计算价格。</t>
  </si>
  <si>
    <t>柯基犬好养吗</t>
  </si>
  <si>
    <t>柯基犬的皮毛非常好打理，性格温和，很喜欢与儿童相伴，当然儿童需要在成年人的看护下与它玩耍。天生热爱运动，所以需要每天进行户外的大量运动与玩耍。生性活泼，喜吠叫，所以需要从小进行训练，从幼小时就训练它不吠叫，不嗜咬东西。注：由于多数城市的养犬条例中规定禁养肩高高于35厘米的犬，所以矮小的它可以光明正大地走出家门。</t>
  </si>
  <si>
    <t>达摩拳皇皮肤还能买吗</t>
  </si>
  <si>
    <t>现在不卖了。</t>
  </si>
  <si>
    <t>大型节假日会卖。</t>
  </si>
  <si>
    <t>紫外线胶水能修复手机屏幕吗</t>
  </si>
  <si>
    <t>华强北的可以通过某些技术手段可以做到。紫外线胶水是粘手机内屏和外屏的。如果手机屏幕碎了，换屏幕总成吧。</t>
  </si>
  <si>
    <t>大姨妈可以喝咖啡吗</t>
  </si>
  <si>
    <t>这个问题需要辩证看待，虽然经期间大量喝咖啡对身体很不好，但是适量的一些咖啡因也可以缓解经期不适。经期大量喝咖啡，会使乳房胀痛，引起焦虑、易怒与情绪不稳，同时更消耗体内储存的维他命B。而且咖啡中含有的咖啡因属于刺激性物质，容易刺激神经和心血管，以致会产生月经疼痛、经期延长和经血过多的可能。过多的咖啡因摄入还会增加体内的雌性荷尔蒙，使一些妇科疾病加重，比如子宫内膜异位，甚至还会影响生育。少量的咖啡因可缓解女性月经期的不适，咖啡因由于有刺激中枢神经和肌肉的作用，所以可以振作精神、增强思考能力，恢复肌肉的疲劳，作用在心血管系统，可提高心脏功能，使血管舒张，促进血液循环。</t>
  </si>
  <si>
    <t>德家7mall是骗局吗</t>
  </si>
  <si>
    <t>是传销，其以社交电商为名，实属互联网传销。说是有直销牌照，但商务部并没有过审。说是有产品，但以尚在测试中为名说未开放给普通用户。以推荐店主为名，行拉下线之实。</t>
  </si>
  <si>
    <t>做b超需要空腹吗</t>
  </si>
  <si>
    <t>1.禁食禁水。2.做“B超”前两天，应避免进行胃肠道钡餐造影和胆道造影。3．做泌尿系统B超检查，特别是输尿管和膀胱B超检查时，应在检查前1—2小时，饮温水400-600毫升。</t>
  </si>
  <si>
    <t>做彩超的话不需要空服的，必须你喝水憋尿才可以检查的。</t>
  </si>
  <si>
    <t>作B超检查，有的要求空腹，有的不限饮食，有的要饮水，具体要求要根据所检查疾病的部位来定：1、做肝、胆、胰、腹膜后、肾上腺B超检查前应空腹，以减轻胃肠内容物和气体对超声波声束的干扰，保证胆囊及胆管内有足够的胆汁充盈，确保诊断的准确性。作肝胆B超检查时，检查前一天的晚餐应以清淡少渣的食物为主，食后禁食一夜，检查当日早晨禁食早餐和水。2、消化系统超声造影检查前是可以进食的，做泌尿系统或妇科B超检查，常需要患者憋尿，使膀胱充盈。一些超声检查对饮食没有限制，患者不需要需要做特别准备，如心脏、甲状腺、乳腺超声检查等。</t>
  </si>
  <si>
    <t>骑自行车能减肥吗</t>
  </si>
  <si>
    <t>能减肥。</t>
  </si>
  <si>
    <t>假学位证能查出来吗</t>
  </si>
  <si>
    <t>学位证是可以查出来的，网上都有记录的，网上一查就查出来了。</t>
  </si>
  <si>
    <t>蜂蜜可以直接敷脸吗</t>
  </si>
  <si>
    <t>取环后需要卧床休息吗</t>
  </si>
  <si>
    <t>取环后可以适当地活动.</t>
  </si>
  <si>
    <t>取环后要不要卧床休息要看个人情况，大多数人是不用卧床休息的，适当的进行休息静养就可以了。</t>
  </si>
  <si>
    <t>取环是上手术，不需要那样休息的，只要不是过累的工作，就可以的。</t>
  </si>
  <si>
    <t>thermofisher待遇好么</t>
  </si>
  <si>
    <t>待遇在行业算一般。</t>
  </si>
  <si>
    <t>定速巡航可以加装吗</t>
  </si>
  <si>
    <t>现在应该不可以装吧，目前国内有这个系统的车还是比较少的。</t>
  </si>
  <si>
    <t>定速巡航系统是可以加装的，但是不推荐汽车生产厂家以外的厂家来实施这次加装。原因主要是加装过程涉及到发动机控制电路、电子气囊部分等，任何涉及到行车安全的方面都不推荐做出改装。加装过程一般是：1、购买符合要求的相关配件（手柄、连接器和线缆、巡航控制机），尽量选择和原车型号一致的相关产品。2、仔细核对相关配件完备、无破损，拆开方向盘，将手柄安装至预留的方向盘下部位置，连接接插件及飞线。3、刷写IC，检查有无故障码，消除故障码。</t>
  </si>
  <si>
    <t>vape驱蚊器孕妇能用吗</t>
  </si>
  <si>
    <t>孕妇和婴儿都放心使用。</t>
  </si>
  <si>
    <t>战争血统蒙多有特效吗</t>
  </si>
  <si>
    <t>没效果.不帅！</t>
  </si>
  <si>
    <t>提前还贷款划算吗</t>
  </si>
  <si>
    <t>以下情况适合提前还贷：第一种是处于还款初期的借款人，尤其是选择等额本金还款的借款人；第二种是借款人手头资金能够支付房贷剩余尾款，特别是一些已经有一套处于贷款中的房产，而打算将剩余资金再次购房的消费者。以下情况不适合提前还贷：第一种是基准利率享受7折与8.5折之间的购房者。第二种是等额本金还款期已过三分之一的购房者。第三种是等额本息还款已到中期的购房者。第四种是投资收益高于贷款利率的投资人士。第五种是不久后还将需要银行贷款的购房人。现在若把钱一下子还进了银行，等再去银行申办贷款时，基准利率有可能会上浮10%到30%，甚至更高。</t>
  </si>
  <si>
    <t>如果有更有效的投资渠道，建议暂时不还。</t>
  </si>
  <si>
    <t>柯基犬聪明吗</t>
  </si>
  <si>
    <t>没有绝对的聪明与否。只是看主人传授知识的能力、怎么能让狗更好的理解。</t>
  </si>
  <si>
    <t>名犬智商中排第11个，蛮聪明的。</t>
  </si>
  <si>
    <t>孕妇能吃莲子吗</t>
  </si>
  <si>
    <t>孕妇是可以吃莲子的。莲子具有降火的功效，少量服用是孕妈妈很好的补品，特别是孕妇在孕期上火的时候食用;但是莲子属于阴性食物，吃多了导致身体太寒凉，对胎儿的健康也非常的不好，所以不宜大量服用。</t>
  </si>
  <si>
    <t>在怀孕早中期，孕妇是不适宜食用莲子的。莲子的催生作用比海马的作用更为捷效，因次，孕妇对于莲子，还是少或者不要食用。</t>
  </si>
  <si>
    <t>骑自行车能瘦腿吗</t>
  </si>
  <si>
    <t>仓鼠会咬人吗</t>
  </si>
  <si>
    <t>会的，但是跟他亲近了就没有事情了，第一次那它最好带上手套，不然会被咬，被咬后，不用去医院，用清水冲冲，肥皂水洗洗就没事了，但温柔的仓鼠不会咬人，比如布丁，金狐等品种，像一线类仓鼠花仓就爱咬人，不过可以选择温柔的仓鼠。</t>
  </si>
  <si>
    <t>会的。小心为好。一般鼠都喜欢乱咬。</t>
  </si>
  <si>
    <t>陈亚格是事是真的吗</t>
  </si>
  <si>
    <t>system32可以删除吗</t>
  </si>
  <si>
    <t>不能删除。</t>
  </si>
  <si>
    <t>哺乳假可以一次性休吗</t>
  </si>
  <si>
    <t>在协商的情形下，必须双方达成一致性的意见，方可具体落实实施。</t>
  </si>
  <si>
    <t>可以一次性修完。</t>
  </si>
  <si>
    <t>gtx1050能玩gta5吗</t>
  </si>
  <si>
    <t>没问题，高特效都行。</t>
  </si>
  <si>
    <t>gtx1050玩GTA5可以开中特效。而且cpu的话性能也比较平庸，就算买了很好的显卡，玩游戏的瓶颈也是在cpu。</t>
  </si>
  <si>
    <t>美容仪器真的有用吗</t>
  </si>
  <si>
    <t>1.看仪器本身，2.看使用者本身，3.越高端越有用。</t>
  </si>
  <si>
    <t>没有预售证 认购协议有效吗</t>
  </si>
  <si>
    <t>没有预售许可证的协议是无效的,不受法律保护的。</t>
  </si>
  <si>
    <t>没有预售证认购协议也事有法律效力的，协议中说能退法院肯定会支持，如果走司法途径，法院判赢了，不执行，可以申请强制执行。</t>
  </si>
  <si>
    <t>出卖人未取得商品房预售许可证明，与买受人订立的商品房预售合同，应当认定无效，但是在起诉前取得商品房预售许可证明的，可以认定有效。</t>
  </si>
  <si>
    <t>比高新能源是骗局吗</t>
  </si>
  <si>
    <t>是骗局，圈钱单位，好多地方注册分公司都是假的，打着新能源口号，没有实体经济支撑，纯属圈钱忽悠人。</t>
  </si>
  <si>
    <t>不是的，是能帮助人民群众发家致富的新型产品，利用太阳光伏发电，减少空气污染，利国利民，此光伏项目也得到了国家的政策扶持，对厂家到民众，非常受益。</t>
  </si>
  <si>
    <t>不是的，但是安全性较低。</t>
  </si>
  <si>
    <t>fatego首抽池有5星吗</t>
  </si>
  <si>
    <t>ebookers 订票可不可靠</t>
  </si>
  <si>
    <t>是正规网站。</t>
  </si>
  <si>
    <t>高硼硅玻璃杯有毒吗</t>
  </si>
  <si>
    <t>高硼硅不含有毒的物质，而且高硼硅的耐高温和耐酸性能使得高硼硅不容易在日常的饮水使用中析出对人体有害的物质。</t>
  </si>
  <si>
    <t>高硼硅玻璃是比较环保的，稳定性也比较好，没有毒，可以放心使用。</t>
  </si>
  <si>
    <t>传奇永恒归真版好玩吗</t>
  </si>
  <si>
    <t>好玩，需花钱。</t>
  </si>
  <si>
    <t>靳东有孩子吗</t>
  </si>
  <si>
    <t>靳东有孩子。</t>
  </si>
  <si>
    <t>喝蜂蜜水会胖吗</t>
  </si>
  <si>
    <t>适量的喝蜂蜜水是不会发胖的。蜂蜜中虽然也含有脂肪，不过相比会让人发胖的脂肪不同，蜂蜜中的脂肪却是脂肪酸，可以有效降低你身体对脂肪的吸收度，还能排走你体内的毒素，改善便秘的情况，而且蜂蜜中所含的糖份是不会对肠胃造成负担的哦，而且热量也很低，绝对不会有任何一点发胖的可能性哦。</t>
  </si>
  <si>
    <t>美商婕斯是诈骗集团吗</t>
  </si>
  <si>
    <t>今年9月份央视曝光的十大骗局名单中，美商婕斯被“榜上提名”。</t>
  </si>
  <si>
    <t>美商婕斯集团（Jeunesse）是传销欺诈公司。</t>
  </si>
  <si>
    <t>尿蛋白1加严重吗</t>
  </si>
  <si>
    <t>尿蛋白1+虽然是属于尿蛋白的弱阳性，但是也需要患者引起重视并及时治疗，以避免病情的恶化发展。</t>
  </si>
  <si>
    <t>1. 首先要确定是否是持续一个加号，偶然检查发现二个加号，而平时尿检正常，则并不能有什么问题，建议你进一步复查以确定；2. 如果真正有蛋白尿，可以确诊为“肾炎”，是哪种肾炎尚需进一步看你的症状及其他相应检查；3. 如仅仅是少量蛋白尿，无血尿及高血压，无水肿，肾功能正常，大多病情轻，但仍需定期检查尿常规；4. 如合并血尿及血压增高，肾功能正常者，病情比较重，需正规治疗；5. 如合并肾功能异常，病情已经严重了，则应尽快治疗。</t>
  </si>
  <si>
    <t>switch锁区吗</t>
  </si>
  <si>
    <t>锁区，买日版就日本，买欧版就欧洲，不同区的当然不能运行。</t>
  </si>
  <si>
    <t>不锁区。</t>
  </si>
  <si>
    <t>歌手田震病逝是真的吗</t>
  </si>
  <si>
    <t>不是，其实这也只是网友的一个恶作剧，只是田震复出之后十分低调，不足为外人道而已。</t>
  </si>
  <si>
    <t>长安凌轩是后区吗</t>
  </si>
  <si>
    <t>长安凌轩是前驱的。</t>
  </si>
  <si>
    <t>银行理财产品有风险吗</t>
  </si>
  <si>
    <t>银行买理财产品风险肯定是有的，银行理财产品大致分类：保证收益型产品、保本浮动收益型产品、非保本浮动收益型产品；银行理财产品期限类：超短期产品(委托投资期限一个月内)、短期产品(委托投资期限1~3月)、期产品(委托投资期限3月~1年)、长期产品(委托投资期限1年以上)及放式产品(产品每或者约定日期申购、赎回）银行理财产品按投资向类：货币市场类产品(投资于同业拆借、短期证券市场、债券衍生市场)、资本市场类产品(投资于股票、债券、基金)、产业投资类产品(投资于信贷资产类、股权投资类)；银行理财产品按照设计结构类：银行理财产品单一性产品结构性产品。</t>
  </si>
  <si>
    <t>潮尚优品赚钱吗</t>
  </si>
  <si>
    <t>会让你赚钱赚到手软的。</t>
  </si>
  <si>
    <t>好多鱼是乐天的吗</t>
  </si>
  <si>
    <t>不是的，是好丽友的。</t>
  </si>
  <si>
    <t>好多鱼是好丽友旗下的产品。</t>
  </si>
  <si>
    <t>扣满12分还能开车吗</t>
  </si>
  <si>
    <t>不可以，必须参加学习后才能重新开车。</t>
  </si>
  <si>
    <t>电波拉皮有效果吗</t>
  </si>
  <si>
    <t>电波拉皮、光子嫩肤等等这些治疗可谓殊途同归，都是对真皮层施加物理损伤，使皮肤启动修复机制，弹性纤维和胶原纤维得以重新排列恢复弹性，改善局部微循环，一般对早期的皱纹效果较好。如果在正规的医疗机构，由专业的医生操作，一般没有明显的副作用或依赖性，不会造成严重的后果。胶原蛋白，弹性纤维和透明质酸是皮肤中含量最高的组分，前两者与皮肤厚度和弹性关系最为密切，后者则与皮肤含水量息息相关。这些成分都是由皮肤内的细胞合成，随着个体的衰老和外界环境的伤害，细胞活力下降，这些成分的合成也逐渐减少，皮肤变得松弛、干燥。皱纹往往在眼周、额头和口周出现。因为这些区域有丰富的表情肌，每天都会不停牵拉表面的皮肤，长年累月。</t>
  </si>
  <si>
    <t>电波拉皮是改进皮肤变松弛的一个外科方式，由于老化现象持续进行，皮肤和肌肉开始失去弹性，整容不能停止变老的过程。电波拉皮美容仪器得到了广泛应用和推广，它能透过加强架构绷紧，重新拉动皮肤，和移走特定地区脂肪。电波拉皮是改进皮肤松弛最好的非手术无创治疗方式，是一种安全性高、不会造成伤口的治疗方式，已获医学临床证实能紧致与年轻化皮肤。它利用电波能量提高真皮层的温度，刺激真皮层收缩、拉紧皮肤的作用并促进胶原质产生，是一种刺激皮下胶原再生修复治疗仪，其作用在真皮层，二者都会刺激自身皮肤产生新的胶原蛋白，电波拉皮产生深层皮肤温度的变化，促进了血液循环，可促进胶原修复治疗的疗效。所以，电波拉皮可以取代手术拉皮，解决皮肤的各种问题，让皮肤完成彻底的更新。</t>
  </si>
  <si>
    <t>电波拉皮的治疗原理是利用电波能量提高真皮层的温度，刺激真皮层收缩、拉紧皮肤并促进胶原质产生，达到对面部各类皱纹的修复功效，是一种非常受欢迎的美容方式。需要注意的是进行电波拉皮有以下注意事项：瘢痕体质者不适合做电波拉皮;治疗时身上严禁配戴任何金属物品;治疗前有做过其它的整形手术请告诉医生;有高血压、冠心病、糖尿病等患者也不适合做电波拉皮手术。</t>
  </si>
  <si>
    <t>跑步机会影响楼下吗</t>
  </si>
  <si>
    <t>影响很小。</t>
  </si>
  <si>
    <t>卫龙辣条卫生吗</t>
  </si>
  <si>
    <t>生产设施和卫生条件较为规范。</t>
  </si>
  <si>
    <t>漯河的，干净，真干净。</t>
  </si>
  <si>
    <t>干净健康美味。</t>
  </si>
  <si>
    <t>孕妇可以吃扁桃仁吗</t>
  </si>
  <si>
    <t>一般人群都可以食用，特别适宜女性食用，但是扁桃仁有毒，不可过量。孕妇忌食，因此孕妇切记不要食用扁桃仁。</t>
  </si>
  <si>
    <t>扁桃仁也是坚果类，但要适量，孕期饮食适量才是重要的，均衡营养，心态平和，对宝宝才是最好的。</t>
  </si>
  <si>
    <t>电动后视镜可以手动折叠吗</t>
  </si>
  <si>
    <t>如果后视镜带有自动折叠功能的话是不可以手动折叠的，那样容易把内部齿轮弄坏。</t>
  </si>
  <si>
    <t>可以折叠</t>
  </si>
  <si>
    <t>可以手动折叠，手动打开要手动关闭，这样齿轮才能归位，反之亦然。</t>
  </si>
  <si>
    <t>吉林省会计从业还考吗?</t>
  </si>
  <si>
    <t>目前全国会计证考试暂缓。</t>
  </si>
  <si>
    <t>微信转账24小时不接会返回去吗</t>
  </si>
  <si>
    <t>24小时内不收的话以零钱方式退回。</t>
  </si>
  <si>
    <t>气压椅调到最低安全吗</t>
  </si>
  <si>
    <t>转椅调到最低安全，只有在最低的时候也就是还原状态是没有压力的，没有压力的当然是比较安全了的。</t>
  </si>
  <si>
    <t>寻找前世之旅有第三季吗</t>
  </si>
  <si>
    <t>电视剧的话是没有，漫画正在更新。</t>
  </si>
  <si>
    <t>会有第三季的，因为18年都有第四季。</t>
  </si>
  <si>
    <t>电脑微信可以加好友吗</t>
  </si>
  <si>
    <t>目前微信电脑版只可以添加微信群里的成员为好友，其他方式暂不支持。或者安装安卓模拟器安装微信.apk。将群成员通过微信电脑版添加为好友的步骤：1、下载安装电脑版微信。2、运行电脑版微信，通过手机微信扫一扫电脑上的二维码。3、手机上点击确认，电脑上就登录微信了。4、进入群聊界面，点击某个人的头像，在弹出来的界面点击“添加到通信录”，输入验证信息即可。</t>
  </si>
  <si>
    <t>变色近视眼镜好吗</t>
  </si>
  <si>
    <t>变色眼镜,虽然在室内戴像近视镜,室外像是墨镜, 但是,变色眼镜用久了以后就一定会存在一定比例的底色, 从而使眼睛的瞳孔处于扩大的状态, 而您的度数是高度近视,本身眼睛的分辨力就很差了, 在这种情况下,眼睛的成像效果就容易失真, 还有可能出现虹彩的现象。</t>
  </si>
  <si>
    <t>不建议经常配戴变色眼镜，如果是偶尔地戴一两次没有问题。</t>
  </si>
  <si>
    <t>2017孙燕姿有演唱会吗</t>
  </si>
  <si>
    <t>2017天王天后彬具演唱会，2017ofo青睐北京演唱会，2017奇迹演唱会杭州站。</t>
  </si>
  <si>
    <t>可能有。</t>
  </si>
  <si>
    <t>海拉克斯中国有卖吗</t>
  </si>
  <si>
    <t>没有卖。</t>
  </si>
  <si>
    <t>让狗咬了不打针有事吗</t>
  </si>
  <si>
    <t>建议打针比较好。因为无法判断狗是否携带狂犬病病毒，且狂犬病的致死率达到100%，为自己安全着想，去医院打疫苗是最可靠的措施。</t>
  </si>
  <si>
    <t>梦幻手游钓鱼赚钱吗</t>
  </si>
  <si>
    <t>钓到的鱼，可以进行出售换取银币，也可以自己使用获得不同的效果。钓到的鱼可以赚钱，还可能遇到各式各样的的人和奇珍异宝，可以从中获得不菲的收获。钓鱼中还可以使用各种钓鱼法宝，香油、鱼叉、渔网、鱼鹰，都会对钓鱼起很大帮助。每次成功钓到鱼都可以获得钓鱼积分，与同帮派的成员一起钓鱼更可以获得额外钓鱼积分。钓鱼积分可以用来兑换钓鱼法宝、鱼竿。</t>
  </si>
  <si>
    <t>可以从各种收购人手中获得非常不错的奖励哦！其中有彩果等等之内的，所以休闲的时候大家可以依靠这个来赚钱也是很不错的。</t>
  </si>
  <si>
    <t>钓鱼的赚到的钱主要还是来源于钓到的鱼，这些鱼都属于药品，玩家可以将它们出售或者自己食用，当然了这些鱼的使用价值并不是很高，一般都选择出售。</t>
  </si>
  <si>
    <t>鸡蛋土豆能一起吃吗</t>
  </si>
  <si>
    <t>可以在一起吃。</t>
  </si>
  <si>
    <t>儿童软疣会自己好吗</t>
  </si>
  <si>
    <t>会自愈。</t>
  </si>
  <si>
    <t>儿童得了传染性软疣是不能自愈的，</t>
  </si>
  <si>
    <t>不可以，建议积极治疗。</t>
  </si>
  <si>
    <t>顺联动力商城是合法吗</t>
  </si>
  <si>
    <t>目前商城有11万9千多款产品，而且每天都增加几百甚至上千款产品，所有产品都通过公司严格审核6证齐全才能上架，并且支持7天无理由退换货。是浙江省重点扶持的民营企业，得到了国家和政府的支持和认可，是纯粹的民族企业。</t>
  </si>
  <si>
    <t>顺联动力是一个微信商城，跟天猫和京东差不多，唯一不一样的是我们去天猫、京东购物，我们只是一个消费者而已，而在顺联动力购物的话可以代理商城所有的商品，成为真正的消费商。</t>
  </si>
  <si>
    <t>顺联动力商城真假详细评测：1、著名电商企业顺联网络旗下平台；2、十年电商平台运营经验；3、创始人获得CCTV商界传奇年度新锐人物奖经验；4、无需打款，无需囤货，一件代发；5、100%正品保证，10亿库存共享；6、全球最好的商品全都有，品种齐全；7、高达3%-45%的佣金，七天无理由退换货；8、平台一件商品代发，厂商直邮消费者。</t>
  </si>
  <si>
    <t>新三板原始股能买吗</t>
  </si>
  <si>
    <t>原始股，其实是企业还在股份有限公司设立时向社会公开募集的股份，现在新三板的企业原始股的市盈率是3-4倍，可以说今后上市之后是稳赚不赔的。企业如果在新三板上市后进行定增，定价会是市盈率的35-55倍，投资者不仅能够通过在新三板的投资赚钱，如果新三板转板，利润则更为丰厚。</t>
  </si>
  <si>
    <t>涨的快，但是卖出去要有人买。要是全是僵尸股那有事么用。</t>
  </si>
  <si>
    <t>龙之谷还有人玩吗2017</t>
  </si>
  <si>
    <t>玩家一年比一年少很多。</t>
  </si>
  <si>
    <t>改氙气大灯能过年检吗</t>
  </si>
  <si>
    <t>孕妇能吃白萝卜吗</t>
  </si>
  <si>
    <t>孕妇能吃白萝卜，孕期妇女适量吃一些萝卜大有益处。</t>
  </si>
  <si>
    <t>孕妇也是可以口服的。只要不吃的太多避免刺激胃肠就可以了。</t>
  </si>
  <si>
    <t>天津阳光医院做包茎手术贵吗</t>
  </si>
  <si>
    <t>根据病人病情而定。不确定。</t>
  </si>
  <si>
    <t>九层妖塔真的存在吗</t>
  </si>
  <si>
    <t>2017苹果6s过时了吗</t>
  </si>
  <si>
    <t>过时了。</t>
  </si>
  <si>
    <t>iPhone6s目前性价比很高，推荐首选。</t>
  </si>
  <si>
    <t>试用期解除劳动合同有经济补偿吗</t>
  </si>
  <si>
    <t>1.企业违法解除劳动合同要支付赔偿金，赔偿金数额是经济补偿金的二倍，在试用期，那肯定是不到六个月了，经济补偿为半个月工资，最后赔偿金的数额就是一个月的工资。2.劳动者提出离职，企业不需支付补偿金。3.在试用期间被证明不符合录用条件的，企业可以解除劳动合同不需要支付补偿金；4.劳动者同企业未解除劳动合同就和另一个公司签订劳动合同，那么新签的劳动合同是无效合同，因此造成企业损失的，劳动者还需承担相应的法律赔偿责任，新公司如果知道劳动者和企业还未解除劳动关系还同劳动者签合同，那么该公司也要承担连带赔偿责任。</t>
  </si>
  <si>
    <t>没过试用期是不能要求赔偿金的。</t>
  </si>
  <si>
    <t>ui设计适合女生吗</t>
  </si>
  <si>
    <t>1、女孩有更有时尚感。 UI设计师对时尚感的要求极高;2、女孩对色觉更加敏感。 UI设计师需要对色彩敏锐地把握住3、女孩心里更加细腻能更好的把握住用户心理。</t>
  </si>
  <si>
    <t>个人觉得，女生做UI比较好，我也是女生，但是学习的是编程，前后换了几家公司，感觉每个公司的UI都很轻松，而且是必不可缺的职位，女生嘛，不求赚多少多少钱，但求赚钱也稳定，还轻松，做UI既能让咱们的工作得到稳定，而且还得到了轻松的工作，工资也毫不逊于编程，我觉得是一个非常不错的选择。</t>
  </si>
  <si>
    <t>和不同的妹子啪啪感觉一样吗</t>
  </si>
  <si>
    <t>不不不。</t>
  </si>
  <si>
    <t>银行卡没钱了还会扣费吗</t>
  </si>
  <si>
    <t>会扣钱的，建议打相应的银行客服电话就可以把银行卡注销。</t>
  </si>
  <si>
    <t>天涯明月刀烧钱吗</t>
  </si>
  <si>
    <t>单机咸鱼外观党表示还好，功力战力无底洞可能比较费钱，不注重这块的专注美美美的话我觉得还好啊。费不费钱得看性价比，我觉得天刀外观价格可以。</t>
  </si>
  <si>
    <t>顶楼带阁楼的房子好吗</t>
  </si>
  <si>
    <t>看个人喜好，带阁楼面积大些，还不错。</t>
  </si>
  <si>
    <t>夏天热，东天冷，层矮，通风不好，不是看好。</t>
  </si>
  <si>
    <t>带阁楼很好。</t>
  </si>
  <si>
    <t>2017年购置税还减半吗</t>
  </si>
  <si>
    <t>从2017年1月1日起，国家将汽车购置税率从5%上调至7.5%（国家法定车辆购置税的税率为10%）。</t>
  </si>
  <si>
    <t>北京白癜风好治疗吗</t>
  </si>
  <si>
    <t>早期的白癜风是比较容易治好的。</t>
  </si>
  <si>
    <t>宫颈糜烂会影响怀孕吗</t>
  </si>
  <si>
    <t>宫颈糜烂如果很轻微，当然不会影响到怀孕，但是，如果宫颈糜烂比较重，阴道内、宫颈表面、宫颈管内都是粘稠脓性分泌物，是非常不利于精子穿过的，当然可以造成不孕。</t>
  </si>
  <si>
    <t>宫颈糜烂是不影响怀孕的。</t>
  </si>
  <si>
    <t>宫颈糜烂对生育的影响是很大的,宫颈糜烂一般是由于炎症引起的,炎症得不到控制很容易波及其他的器官,引起输卵管堵塞。</t>
  </si>
  <si>
    <t>艾灸可以天天做吗</t>
  </si>
  <si>
    <t>首先，要根据情况去分析，如果身体的症状比较严重，可以灸的时间灸一些，一天灸一次到两次左右，但是有个前提就是自己的身体能吃得消！艾灸的时候心态要放好一些，毕竟艾灸是一个慢性调理过程。其次，如果某种疾病困扰患者很多年了，也就是慢性疾病，笔者觉得刚开始艾灸的时候要慢慢来，讲究循序渐进，刚开始可以天天艾灸，灸半个月左右，也就是十五天，之后中间休息两天，之后再天天艾灸，如果前半个月艾灸感觉身体好很多，或者时间不充足，那么可以选择隔天艾灸的方法，或者一个星期灸两次到三次，如果艾灸有上火的现象，可以艾灸涌泉穴引火下行，或者多喝水。</t>
  </si>
  <si>
    <t>如果身体寒症较重，或者其它需要治疗的病症，在身体能接受的前提下，那么还是按照以前的方法，每天必灸。但是，无病痛的情况下，尽量不要每天艾灸，容易上火，出现口干舌燥、便秘、痘痘、鼻血等现象。</t>
  </si>
  <si>
    <t>有病症且身体能接受时可每天艾灸。</t>
  </si>
  <si>
    <t>易拉罐烤肉有毒吗</t>
  </si>
  <si>
    <t>张嘉佳和校花是真的吗</t>
  </si>
  <si>
    <t>在一篇专访当中，发现原来当年真的有个校花同学。“张嘉佳复读那一年，是寂寞的一年，也是成为“文艺青年”的开端。复读的环境中没有相熟的朋友，每天靠很多信件往来，“老师”都恨不得没收那些信”。复读时，学校教师楼边上有一栋两层小土房，在楼上住着，楼下住的是退休老校长；有人推开门，送早饭；常常考得蛮好，“我考第二，校花考第一”；和校花之间，有种朦朦胧胧的美好情感；最后，考上南京大学，而校花远在天津大学。</t>
  </si>
  <si>
    <t>拨火罐能去体内湿气吗</t>
  </si>
  <si>
    <t>可以，但也不是什么湿都可以用拔罐来去除。</t>
  </si>
  <si>
    <t>正确拔罐是可以帮助排除湿气的，但并不治本，只能一时缓解。</t>
  </si>
  <si>
    <t>新时代国珍是不是央企</t>
  </si>
  <si>
    <t>浣熊能当宠物吗</t>
  </si>
  <si>
    <t>首先,浣熊这个物种属于国家类保护动物,中国北京动物园里有养浣熊的，除非是动物园饲养员之类的,不能养在家里当宠物养。</t>
  </si>
  <si>
    <t>一般来说，野生动物最好不要当宠物来养。一是有可能被抓咬伤，二是可能会有其他的传染病。三是国外的物种引入国内会带来的中国生物物种的安全威胁。</t>
  </si>
  <si>
    <t>是可以但非常不适合。寿命是15年左右,北美进口的宠物级涣熊。会可怜巴巴的伸手找你要吃的哦，绝对大萌特萌的高端宠物。在中国不是违法的,可以饲养。但是海沧动物园的动物专家和厦门森林公安的有关工作人员。</t>
  </si>
  <si>
    <t>生姜发芽了还能吃吗</t>
  </si>
  <si>
    <t>发芽的生姜是不会有毒的，是可以继续吃的。</t>
  </si>
  <si>
    <t>1、生姜发芽了不会产生毒素。2、吃这种姜还不容易上火。3、生姜在潮湿的环境中可以持续生长，生长产生的生姜芽和生姜本身具有同样的营养成分，并无任何有毒物质。4、生姜发芽了还是可以吃的，但是营养成分已经被芽苗给消耗了一部分了，所以营养物质会少一些。</t>
  </si>
  <si>
    <t>锤子手机好用吗</t>
  </si>
  <si>
    <t>外观霸气，手感好，系统流畅稳定，用着舒服。</t>
  </si>
  <si>
    <t>发热高，自带通讯录不显示归属地，声音小，当做闹钟肯定不行，外置音乐声音小得不行，手机放卧室人在大厅手机响估计也听不到。</t>
  </si>
  <si>
    <t>俄罗斯旅游安全吗2017</t>
  </si>
  <si>
    <t>俄罗斯是治安可靠的国家增加需要当心注意，必然安全无虑。</t>
  </si>
  <si>
    <t>黑子的篮球 last game中国会上映吗</t>
  </si>
  <si>
    <t>不上映。</t>
  </si>
  <si>
    <t>有人说是4月14日上映。</t>
  </si>
  <si>
    <t>副主席一定能当主席吗</t>
  </si>
  <si>
    <t>并不一定副主席就会当主席，像曾庆红在胡时就是副主席，但是他没有担任主席而是由习担任。没有特殊情况下在主席在第一任期的副主席都不会担任主席，而第二任期一般都会担任主席。</t>
  </si>
  <si>
    <t>楼下漏水一定是楼上问题吗</t>
  </si>
  <si>
    <t>1、先弄清漏水的根源问题，如所说是客厅顶面漏水，装修的时候客厅是不会做防水的，所以看看是不是客厅哪个位置有积水，或者什么时候用大量水冲洗过地板之类的。2、再找找是不是外墙问题、外墙的水一样可以沿着墙体走到各个地方去。</t>
  </si>
  <si>
    <t>如果是因为楼上家的自来水或暖气管道漏的水，那就有楼上负责，如果不是，比如雨水的原因导致的，或是因为房屋本身质量问题漏水，那可以申请动用住房维修基金来解决，很多房子买的时候都会交几千块的维修基金。</t>
  </si>
  <si>
    <t>如果是进水管在墙体内渗漏，楼下依然会漏的，这不是你的责任，也解决不了。如果是下水漏，那么才是从你家漏下去的。要证明不是你造成的很简单，你出去旅游看楼下漏不漏。再漏了就是进水管漏了。双方都出点钱请水工修一下。就这样啦。</t>
  </si>
  <si>
    <t>剖腹产后有恶露吗</t>
  </si>
  <si>
    <t>不论是顺产还是剖腹产，都会有产后恶露。</t>
  </si>
  <si>
    <t>鬼魂会不会现身</t>
  </si>
  <si>
    <t>裸睡好不好</t>
  </si>
  <si>
    <t>随手记理财安全吗</t>
  </si>
  <si>
    <t>靠谱安全。</t>
  </si>
  <si>
    <t>删除的微信聊天记录可以恢复吗</t>
  </si>
  <si>
    <t>1.打开微信，点击右上角“+”符号，找到添加朋友。2.在搜索框中"：recover"，注意单词前的冒号。3.点击搜索，会出现一个信息框，可以看到各种修复的选项。4.点击微信消息和通讯录，就会弹出确认修复微信消息与通讯录，点击确定。</t>
  </si>
  <si>
    <t>1、首先在电脑上下载互盾苹果恢复大师，下载好后在电脑安装完成，耐心等待互盾苹果恢复大师加载必要的驱动，然后运行软件。2、用苹果手机的USB数据线连接苹果iPhone手机到电脑，如果连接成功，互盾苹果恢复大师软件会自动识别到手机，就开始正式恢复苹果手机的微信删除的记录数据了。3、进入数据恢复类型的选择界面，如下图所示，点击“从iTunes备份文件恢复”，然后点击“开始扫描”按钮就开始对手机的微信数据进行恢复扫描。4、扫描时间一般5-10分钟，手机数据大的时间会长一点，只要进度在走，耐心等待即可。5、微信聊天记录数据恢复扫描完成后，会出现如下图所示界面，这时可以清楚的看到每一位好友的微信聊天记录，选中需要恢复的微信聊天记录，最后，就可以在界面右下角点导出选择记录，导出微信聊天记录到电脑。</t>
  </si>
  <si>
    <t>2u支付藏宝网合法吗</t>
  </si>
  <si>
    <t>儿童安全座椅有必要吗</t>
  </si>
  <si>
    <t>儿童安全座椅的作用很巨大，保护宝宝免受伤害！为了宝宝的安全做妈妈的也要配备安全座椅。</t>
  </si>
  <si>
    <t>这个很有必要，如果家里有小孩子的话这个还是很重要的。</t>
  </si>
  <si>
    <t>若想要最完善的保护孩子，最好从刚接触汽车时就开始乘坐，这样的做法不仅仅能够保护孩子们的安全，也能够从小让孩子树立良好的安全意识。</t>
  </si>
  <si>
    <t>临时身份证可以坐飞机吗</t>
  </si>
  <si>
    <t>途昂值得购买吗</t>
  </si>
  <si>
    <t>途昂车不错，途昂的空间已经达到变态的地步，第三排依然游刃有余。</t>
  </si>
  <si>
    <t>途昂是台好车，又有驾驶质感 又有非常好的舒适。</t>
  </si>
  <si>
    <t>买途昂还不如买福特的撼路者，途昂的性价比不高。</t>
  </si>
  <si>
    <t>电子烟油有害吗</t>
  </si>
  <si>
    <t>有害。</t>
  </si>
  <si>
    <t>香蕉牛奶可以一起吃吗</t>
  </si>
  <si>
    <t>香蕉和牛奶是可以一起吃的。</t>
  </si>
  <si>
    <t>coreldraw x8好用吗</t>
  </si>
  <si>
    <t>选择X8，又增加了新功能，就算崩盘了，还能保留崩盘前的操作。</t>
  </si>
  <si>
    <t>轻氧轻燕燕窝是传销吗</t>
  </si>
  <si>
    <t>是新型传销。</t>
  </si>
  <si>
    <t>拉斯维加斯结婚中国承认吗</t>
  </si>
  <si>
    <t>只要经过内华达州务卿和中国驻旧金山总领馆认证过的结婚证就承认。</t>
  </si>
  <si>
    <t>在美国拉斯维加斯领的结婚证是可以被中国政府承认的，但是需要在需要在中国驻美大使馆或者领事馆办理领事认证才能证明其真实有效从而被中国政府承认。</t>
  </si>
  <si>
    <t>不被承认。</t>
  </si>
  <si>
    <t>a360 desktop能删除吗</t>
  </si>
  <si>
    <t>可以删除的一般也用不到。删除了可以加快启动软件速度。</t>
  </si>
  <si>
    <t>可以卸载但是会出现软件异常。正确做法安装软件时候找到autocad2014安装文件路径（X:\autodesk\AutoCAD_2014_Simplified_Chinese_Win_32bit_dlm\x86\Components\Cloudsync），找到Cloudsync文件夹将其改名或删除，再启动安装程序，自定义安装，找到AUTODESK 360，在选项前打X。而后正常安装，系统右下角再也不会出现烦人的AUTODESK 360小图标了。此方法不会留下任何后遗症，不会出现像卸载AUTODESK 360后留下特性空白及其他不稳定因素。</t>
  </si>
  <si>
    <t>气态行星有陆地吗</t>
  </si>
  <si>
    <t>气态巨行星，有时称为类木行星、在木星之外的行星或巨行星，是不以岩石或其他固体为主要成分构成的大行星。</t>
  </si>
  <si>
    <t>木星的大气外壳下是液态氢海洋，理论上认为在液态氢海底有陆地，木星的固态核，但是发现，几乎是不可能的，大气压力太大，无法承受，不会有树的，不可能的。</t>
  </si>
  <si>
    <t>被家养的狗咬了会得狂犬病吗</t>
  </si>
  <si>
    <t>如果能确定小狗从没被疯狗咬过，就不会。</t>
  </si>
  <si>
    <t>孕妇可以吃桃子吗</t>
  </si>
  <si>
    <t>孕妇适当的吃一些是很有好处的，桃子味道甜美，果肉软嫩，而且含有丰富的维生素、矿物质，以及大量的水分，具有养阴生津的作用。桃子中含有大量的铁，对于孕期补铁是非常好的食物之一，孕中晚期后，胎儿对铁的需求量特别大，而桃子中含有大量的铁，适当的吃一些是很有好处的。</t>
  </si>
  <si>
    <t>孕妇吃桃子不可多吃：桃子虽好，但是也要注意，桃子不能多吃，不能因为桃子有这么多好处，对孕妇和宝宝都有益就大吃特吃，不管不顾，其实，身体素质比较差，肠胃不好的人最好少吃桃子，否则会增加肠胃的负担，使肠胃功能变得更差，另外，有点人吃桃子会过敏，这样的人群也要注意。</t>
  </si>
  <si>
    <t>桃子味甘而性温，过食则生热，特别容易让人上火，所以孕妇每天最多只能吃一个桃子。</t>
  </si>
  <si>
    <t>鹅蛋和鸡蛋能一起吃吗</t>
  </si>
  <si>
    <t>从医学角度来说，鸡蛋和鹅蛋都是蛋白质和磷脂，只是所含量不一样而已，所以是可以一起吃。</t>
  </si>
  <si>
    <t>微信卖烟的是不是都是假的</t>
  </si>
  <si>
    <t>注射死刑药物能抢救吗</t>
  </si>
  <si>
    <t>目前使用的死刑注射药剂是大剂量巴比妥+肌肉松驰剂+高浓度氯化钾，使罪犯处于深层睡眠状态，肌肉松弛，大约在十秒内死亡，抢救可能性接近于零。</t>
  </si>
  <si>
    <t>一，判了死型的，不存在抢救不抢救一说了，法律上判定了的，没有判定，也不会执行死型；二，注射死型，不到一分钟的时间内，甚至更短，就能让人心脏停止跳动，这情况，除非是神仙来了，不然，没有任何办法救。</t>
  </si>
  <si>
    <t>高速端午节免费吗</t>
  </si>
  <si>
    <t>2017年端午节高速公路是照常要收费、没有免过路费的。2017年的春节、清明节、五一节、国庆节四个节假日，七座以下（含七座）小客车上高速共有21天可以免过路费。</t>
  </si>
  <si>
    <t>不良人有第三季吗</t>
  </si>
  <si>
    <t>目前暂未上映。</t>
  </si>
  <si>
    <t>据悉如今第三季已经在制作了，预计明年会播出。</t>
  </si>
  <si>
    <t>肯定有的，按照这个进度，不可能放完的。</t>
  </si>
  <si>
    <t>男人帮蛋蛋贴管用吗</t>
  </si>
  <si>
    <t>有，按疗程来。</t>
  </si>
  <si>
    <t>管用。</t>
  </si>
  <si>
    <t>北京神雾集团靠谱吗</t>
  </si>
  <si>
    <t>掏肛哥能打过平头哥吗</t>
  </si>
  <si>
    <t>掏肛的无法怎么办平头的，可是平头的却又无法杀死掏肛的，不过平头却胜在了胆量上面，鬣狗惧怕受伤，不敢与平头的死磕，可是平头的可不会管这个，存亡看淡，不服就干。所以，要是谈论这两位谁才更凶猛，肯定是蜜獾！平头爷爷！草原中名副其实的“扛把子”。</t>
  </si>
  <si>
    <t>房产证要换成不动产证吗</t>
  </si>
  <si>
    <t>是的，李克强总理签署的国务院令第656号 不动产等级从2015-03-01开始实施，实施之后在办理的房产证就是不动产证了，以前的房产证也会慢慢的换成不动产证。</t>
  </si>
  <si>
    <t>local temp 里的文件能删除么</t>
  </si>
  <si>
    <t>代写毕业论文犯法吗</t>
  </si>
  <si>
    <t>代写和买卖论文不违法。可能出问题的是论文最后怎么用。就算所有著作权利都已经转让，这依然是「别人的文字和想法」。这样的论文如果用来获得学位、职称、或其他利益，并隐瞒代写的事实，是违反学校或期刊的规定的。学校或用人单位用权利撤消当事人以此获得的所有利益。</t>
  </si>
  <si>
    <t>喝纯净水到底好不好</t>
  </si>
  <si>
    <t>经常喝纯净水的人，一旦喝到普通的水，身体有更强抵抗疾病的能力。</t>
  </si>
  <si>
    <t>长期饮用纯净水，不但起不到促进健康的作用，反而会对身体造成伤害。</t>
  </si>
  <si>
    <t>会造成体内有用物质的损失，对身体是无益的。</t>
  </si>
  <si>
    <t>51人品贷上征信吗</t>
  </si>
  <si>
    <t>放款方是金融机构的上征信，放款方是人品投资人的不上。</t>
  </si>
  <si>
    <t>会员宝pos机正规吗</t>
  </si>
  <si>
    <t>这个是二清。SUPER金融官网有各种正规机子。</t>
  </si>
  <si>
    <t>不好，全国乱跳商户，要用定位本地跳的商户才好。</t>
  </si>
  <si>
    <t>防辐射服有作用吗</t>
  </si>
  <si>
    <t>中消协明确表示防辐射服是有用的。</t>
  </si>
  <si>
    <t>善心汇国家支持吗</t>
  </si>
  <si>
    <t>肯定不支持。</t>
  </si>
  <si>
    <t>善心汇是合法的，国家对此是没有异议的。</t>
  </si>
  <si>
    <t>打飞机不到1分钟正常吗</t>
  </si>
  <si>
    <t>看你的年龄多大，如果是28岁以下，是属于正常。</t>
  </si>
  <si>
    <t>淘宝客自推自买违规吗</t>
  </si>
  <si>
    <t>阿里巴巴严禁淘宝客“自推自买”。</t>
  </si>
  <si>
    <t>不违规的，淘宝客只要从淘宝客推广专区获取商品代码，任何买家（包括自己）进入淘宝卖家店铺完成购买后，就可得到由卖家支付的佣金。</t>
  </si>
  <si>
    <t>中国有能力反制萨德吗</t>
  </si>
  <si>
    <t>目前来说能力应该是有，但难度非常大。</t>
  </si>
  <si>
    <t>现在来说没什么能力。</t>
  </si>
  <si>
    <t>writecheck靠谱吗</t>
  </si>
  <si>
    <t>一点都不可靠，这个查重机制有毛病。</t>
  </si>
  <si>
    <t>捡的苹果7刷机后能用吗</t>
  </si>
  <si>
    <t>如果没有绑定ID的话可以使用，如果有登录ID的话，只要能解除绑定的ID也可以使用。</t>
  </si>
  <si>
    <t>红灯右转算闯红灯吗</t>
  </si>
  <si>
    <t>不计免赔有必要买吗</t>
  </si>
  <si>
    <t>有必要购买，不然出险时有可能需要自己承担一部份费用。不计免赔险：车险商业保险的条款中规定了，保险人将根据驾驶人在事故中所负的责任，采取一定的责任免赔率，负主要责任的，免赔15%；负同等责任的，免赔10%；负次要责任的，免赔 5%；负全部责任的，免赔20%。</t>
  </si>
  <si>
    <t>商业险含以下不计免赔险：车辆损失险不计免赔，商业三者险不计免赔，盗抢险不计免赔，车上人员不计免赔（司机、乘客），车身划痕险不计免赔，自燃险没有不计免赔。</t>
  </si>
  <si>
    <t>车辆保险中的不计免赔，正式名称为不计免赔率特约条款，是车险的一个附加险种，车主只要投保了这个险种，就能把本应由自己负责的5%到20%的赔偿责任再转嫁给保险公司。因而，通常情况下，不计免赔险，建议您最好投保。不计免赔险，往往是作为车损险、三责险、车上人员险、全车盗抢险和自燃险的附加险种存在的。</t>
  </si>
  <si>
    <t>12306可以选座位吗</t>
  </si>
  <si>
    <t>12306目前没有选座位的功能。</t>
  </si>
  <si>
    <t>不能选，可以有三次机会，比如第一次不满意，可以取消在来一次，但只有三次否则就需要隔天了。</t>
  </si>
  <si>
    <t>清宫表准吗</t>
  </si>
  <si>
    <t>不准。</t>
  </si>
  <si>
    <t>准，要按照农历的月份对应。</t>
  </si>
  <si>
    <t>信用卡逾期一天算逾期吗</t>
  </si>
  <si>
    <t>若是招商银行信用卡，如果是在还款日后一天还款那是算按时还款的，如果是在还款宽限期后晚一天还款，那算逾期，信用卡一般在还款日后有三天宽限期，在宽限期内还款视同按时还款。</t>
  </si>
  <si>
    <t>实缴资本可以取出吗</t>
  </si>
  <si>
    <t>去工商局申请，另外取出来之后您还要在年底补足。</t>
  </si>
  <si>
    <t>被开除有补偿吗</t>
  </si>
  <si>
    <t>用人单位开除、解雇劳动者，是否应该支付补偿或赔偿，分以下3种情况：1、用人单位与劳动者解除劳动关系，没有任何合法理由，也没有支付经济补偿，劳动者不存在《劳动合同法》39条规定的情形，可以认定该用人单位行为属于《劳动合同法》87条规定的违法解除劳动合同情形，应该支付赔偿金，即每工作一年支付2个月的本人工资，俗称2N；2、用人单位依据《劳动合同法实施条例》第19条规定情形与劳动者解除劳动关系的，其中符合《劳动合同法》46条规定的，应该支付经济补偿金，即每工作一年支付一个月本人工资，N；符合《劳动合同法》第40条，并且没有提前1个月通知劳动者的还应多支付1个月工资作为代通知金，俗称N+1；3、如果劳动者存在《劳动合同法》39条的规定的情况，用人单位提出解除劳动关系的，不需要支付任何经济补偿，也不需要提前通知；但是，这需要用人单位举证并且书面通知劳动者解除劳动关系。</t>
  </si>
  <si>
    <t>35.5度体温正常吗</t>
  </si>
  <si>
    <t>如果口腔里测35.5度的体温是有问题的，属于体温过低。</t>
  </si>
  <si>
    <t>如果只是暂时性的体温35.5度，这并不能说明什么情况。</t>
  </si>
  <si>
    <t>头七晚上家里要开灯吗</t>
  </si>
  <si>
    <t>头七才是要开灯的，头七是要回家的，开了灯让找到回家的路。</t>
  </si>
  <si>
    <t>成都理工大学是211吗</t>
  </si>
  <si>
    <t>血糖6.7是糖尿病吗</t>
  </si>
  <si>
    <t>还不能算，只是偏高，小于6.5为良好，大于6.5－7.5为不良。</t>
  </si>
  <si>
    <t>空腹血糖的正常值不超过6.1，6.7是偏高的，但没有达到7.0的糖尿病标准，属于空腹血糖受损，是糖尿病前期。</t>
  </si>
  <si>
    <t>空腹血糖正常值：正常指数为3.9-6.1mmol/L（毫摩尔），血糖指数应小于6.2。空腹血糖如果重复两次测试均高于正常值，大于或等于6.7，一般可确诊为糖尿病。</t>
  </si>
  <si>
    <t>乳腺纤维腺瘤严重吗</t>
  </si>
  <si>
    <t>乳腺纤维腺瘤是由腺上皮和纤维组织两种成分混合组成的良性肿瘤。乳腺纤维腺瘤好发于乳房外上象限，呈圆形或卵圆形，临床多见1～3cm，生长缓慢，妊娠或哺乳期时可急骤增长。极少数青春期发生的纤维腺瘤可在短时间内迅速增大，直径可达8～10cm，称为巨大纤维腺瘤，仍属良性肿瘤。纤维腺瘤恶变成纤维肉瘤或乳腺癌者极少见，不到1%。</t>
  </si>
  <si>
    <t>乳腺纤维腺瘤发生恶变的几率很低，只有约 0.2%的病例会发生恶变。恶变常容易妊娠哺乳期发生，或在年龄略大、病史稍长的病例发生。 乳腺纤维腺瘤的恶变以发生肉瘤变者为数不少，而发生癌变者较罕见。</t>
  </si>
  <si>
    <t>cpu 60度正常吗</t>
  </si>
  <si>
    <t>正常。CPU温度一般情况下在25-65℃，高于80℃需要采取一些散热措施。</t>
  </si>
  <si>
    <t>一般CPU工作可以在25-75度,闲时40--50度, 较忙时50--65度，全速工作时65--78度，过高会重新启动或死机，60度的温度就有些高，温度在50度以下比较合适。</t>
  </si>
  <si>
    <t>pdi检测要当着客户面吗</t>
  </si>
  <si>
    <t>闲鱼可以用信用卡支付吗</t>
  </si>
  <si>
    <t>闲鱼支持信用卡支付功能，但上限金额是500元，超出此金额无法使用信用卡支付。</t>
  </si>
  <si>
    <t>两角硬币值300万吗</t>
  </si>
  <si>
    <t>长城贰角硬币值200。86年的贵一点。</t>
  </si>
  <si>
    <t>不值，最多5-10块钱。</t>
  </si>
  <si>
    <t>没有这么贵的两角硬币，最贵的两角硬币也不过几十块钱，因为这是正在流通的硬币，发行量也大，所以不会有好价钱的。</t>
  </si>
  <si>
    <t>初曦品牌是传销吗</t>
  </si>
  <si>
    <t>ios模拟器电脑版有吗</t>
  </si>
  <si>
    <t>可以说没有，网上确实有IOS模拟器PC版，但是这个玩意是个IOS的SDK开发者方便在WINDOWS环境里开发调试IOS应用的，不会是你想想的那种用个这个模拟器就能直接安装IOS的应用或者游戏来玩了，这个直接运行不了，必须是源代码才能运行。</t>
  </si>
  <si>
    <t>蔡健雅是不是很骚</t>
  </si>
  <si>
    <t>主要是她在演唱会上表现的太另类了。</t>
  </si>
  <si>
    <t>歌曲风格比较嗨而已，为人，作风 挺好的。</t>
  </si>
  <si>
    <t>劳拉是金刚狼的女儿吗</t>
  </si>
  <si>
    <t>基因是取自金刚狼的。</t>
  </si>
  <si>
    <t>善心汇是传销吗靠谱吗</t>
  </si>
  <si>
    <t>「善心汇」是伪慈善旁氏传销诈骗骗局。</t>
  </si>
  <si>
    <t>善心汇最新的传销骗局。</t>
  </si>
  <si>
    <t>闲鱼交易可以退货吗</t>
  </si>
  <si>
    <t>可以，1.双方协商好，退款退货或只退款不退货；2.双方协商不果，买家发起退款申请，要求淘宝介入，通过一到数日时间不等，大众评审或淘宝客服两种渠道裁定是否可以退款。</t>
  </si>
  <si>
    <t>二手房限购吗</t>
  </si>
  <si>
    <t>带商业属性的地产是不限购的。</t>
  </si>
  <si>
    <t>这要看是买几套房了，看看地方限购细则。</t>
  </si>
  <si>
    <t>指旺理财安全吗</t>
  </si>
  <si>
    <t>移动硬盘摔坏了能修吗</t>
  </si>
  <si>
    <t>移动硬盘是最怕摔的，要看摔坏的程度怎么样，如果是坏了磁头基本上凭你个人是不可能修好的。要恢复数据更是非常难，恢复数据的钱可以用来买三个新盘了而且还不见得都能恢复。</t>
  </si>
  <si>
    <t>1、硬盘被摔过以后，要看你摔下去的高度，如果是从超过30cm以上的高度摔下去就不能通电了。2、硬盘在通电过程中使用过程中的摔打无论是多高的限度，都将使磁头损坏，出现以上的情况，还是必须把硬盘交给工程师来解决，判断一下盘片的划伤程度。</t>
  </si>
  <si>
    <t>新股中签后自动扣款吗</t>
  </si>
  <si>
    <t>会自动扣款。保障T+2日中签结果公布的时候16:00之前账户里面有足额资金即可。</t>
  </si>
  <si>
    <t>打新新规就是中签后在交款，款在账户中自动扣除，不用自己交易。</t>
  </si>
  <si>
    <t>系统自动扣款，公布中签之后的第一个交易日，需要在账户里留出足够的现金。有两种方式：通过银证转账，从银行卡里转入现金。在股票账户中卖出已有的股票，套取现金。</t>
  </si>
  <si>
    <t>服兵役是强制的吗</t>
  </si>
  <si>
    <t>不是。征兵网说明年满18岁男性青年应参加兵役登记，已参加兵役登记有参军意向的可申请应征报名。所以还是自愿报名。</t>
  </si>
  <si>
    <t>锁龙井有人敢下去么</t>
  </si>
  <si>
    <t>世界上有九尾狐吗</t>
  </si>
  <si>
    <t>目前没有任何科学的证据表明九尾狐真的存在。九尾狐，中国古代传说中的奇兽。传说中,九尾狐乃四脚怪兽，通体上下长有火红色的绒毛。善变化，蛊惑。幸喜吃人，常用其婴儿哭泣声引人来探也。九尾狐出，乃世将大乱之象。汉时石刻像及砖画中，常有九尾狐与白兔，蟾蜍、三足乌之属并刻于西王母座旁，以示祯祥。</t>
  </si>
  <si>
    <t>现在新车还需要磨合吗</t>
  </si>
  <si>
    <t>可能有些车友连‘磨合期’是什么概念都不是很清楚，所谓‘磨合期’就是使得汽车零部件之间的相互保持最佳工作状态的一个过程。汽车在组装前，其每个子部件都是分别加工的，难免零件表面在相互配合时存在几何偏差，这导致组装后，部分运转部件会局部直接接触，致使润滑油无法润滑摩擦表面，造成早期磨损。经过磨合期这一定的时间，我们将直接接触的这部分磨掉，使得零部件间配合达到顺滑状态，让车辆的大量部件相互摩擦、转动，使其配合度更严密。新车磨合期一般为2500-4000公里。</t>
  </si>
  <si>
    <t>qq邮箱有没有pc客户端</t>
  </si>
  <si>
    <t>是有电脑版的。</t>
  </si>
  <si>
    <t>登陆QQ界面后就有。</t>
  </si>
  <si>
    <t>塑料大米视频是真的吗</t>
  </si>
  <si>
    <t>不折不扣的谣言。</t>
  </si>
  <si>
    <t>泰拉蒙净化器是假的吗</t>
  </si>
  <si>
    <t>旗舰店买就肯定是正品。</t>
  </si>
  <si>
    <t>不会假的。</t>
  </si>
  <si>
    <t>树懒会游泳吗</t>
  </si>
  <si>
    <t>iphone充电器可以充ipad吗</t>
  </si>
  <si>
    <t>1、两个产品的充电器规格，两者的充电电压都是5V，但 iPhone 的充电电流是1A，iPad 的充电电流是2.1A。2、在苹果官网的技术支持“iPad：为电池充电”页面，苹果给用户列了一张表格，教大家如何识别电源适配器。表格中 iPad 使用的苹果10W 和12W 的 USB 电源适配器，是兼容 iPhone 所有机型的，即可以给 iPhone 充电的；3、iPhone 充电器为 iPad 充电也可以，只不过所需的充电时间更长。</t>
  </si>
  <si>
    <t>虽然 iPad 的充电器可以兼容 iPhone，但最好不要混用。毕竟 iPad 的充电适配器能提供相对大的功率，在极端情况下，可能会对手机电池造成伤害。</t>
  </si>
  <si>
    <t>荣洋惠农交易正规吗</t>
  </si>
  <si>
    <t>三和大神小黑还活着吗</t>
  </si>
  <si>
    <t>小黑找到了。</t>
  </si>
  <si>
    <t>鳄鱼在水里是站着的吗</t>
  </si>
  <si>
    <t>港澳通行证可以代办吗</t>
  </si>
  <si>
    <t>港澳通行证是可以代办的。若是首次申请办理港澳通行证需要携带本人身份证以及照片；若非首次申请，则需带好本人身份证及前一次办理的通行证，如请人代办还需携带代办人身份证。</t>
  </si>
  <si>
    <t>牛魔王票务可靠吗</t>
  </si>
  <si>
    <t>辣鸡票务，真的非常辣鸡，买了不发货，一直拖着，拖到其他平台都发了，他和你说没票....一生黑。</t>
  </si>
  <si>
    <t>百度一看很多人都说不靠谱，拿不到票。</t>
  </si>
  <si>
    <t>排箫好学吗</t>
  </si>
  <si>
    <t>乐器没有好学的。</t>
  </si>
  <si>
    <t>只要您下决心排箫亦不难。</t>
  </si>
  <si>
    <t>估计有难度。</t>
  </si>
  <si>
    <t>92和95的油能混加吗</t>
  </si>
  <si>
    <t>92号汽油与95号汽油不能混用。</t>
  </si>
  <si>
    <t>宜人贷上征信吗</t>
  </si>
  <si>
    <t>宜人贷暂时还没有上征信系统，但如果逾期还款，会面临高额罚息。</t>
  </si>
  <si>
    <t>财富庄园游戏是真的吗</t>
  </si>
  <si>
    <t>这是一个骗子新招数。</t>
  </si>
  <si>
    <t>撸管戒除身体会恢复吗</t>
  </si>
  <si>
    <t>带牙套好吗</t>
  </si>
  <si>
    <t>戴牙套是最常见最有效的牙齿矫正方式，这种牙齿矫正效果好，痛苦小，而且对牙齿没有什么伤害。但是治疗周期比较长，一般需要一年半到两年的时间，治疗期间的一些注意事项一定要遵守，以免影响治疗效果。</t>
  </si>
  <si>
    <t>唯品国际是正品吗</t>
  </si>
  <si>
    <t>品会是国内首家提供名牌正品保险的电子商务公司。</t>
  </si>
  <si>
    <t>劝您别买，尤其是保健品不好分辨真伪。</t>
  </si>
  <si>
    <t>六味地黄丸可以壮阳吗</t>
  </si>
  <si>
    <t>想要补肾壮阳六味地黄丸不是首选。</t>
  </si>
  <si>
    <t>六味地黄丸为滋肾阴的良药，止可滋补肾阴而没有壮阳的作用的。</t>
  </si>
  <si>
    <t>这个有一定的作用。</t>
  </si>
  <si>
    <t>小米5怎么样好用吗</t>
  </si>
  <si>
    <t>手感是好了，但是感觉电池明显不耐用，wifi信号不是很好。</t>
  </si>
  <si>
    <t>外在 陶瓷手感非常特别，内在 指纹识别速度超iPhone，超高的性价比依旧是消费者的上上之选。</t>
  </si>
  <si>
    <t>不好用，没有任何亮点，都是别的厂家玩过的，压力屏没有，HiFi没有，大电池也没有，还有那么垃圾的前置指纹。</t>
  </si>
  <si>
    <t>孕妇能吃巧克力吗</t>
  </si>
  <si>
    <t>怀孕期间，每天食用不超过100克的巧克力对健康是大有益处的。</t>
  </si>
  <si>
    <t>专家建议孕妇在怀孕初期最好能不吃巧克力。</t>
  </si>
  <si>
    <t>孕妇可以吃巧克力，但是应少量，不宜吃太多。</t>
  </si>
  <si>
    <t>12321举报有用吗</t>
  </si>
  <si>
    <t>12321，是有用的，但是时效性不会想象中的那么高吧。</t>
  </si>
  <si>
    <t>狼外婆是限定吗</t>
  </si>
  <si>
    <t>不是，目前已下架。</t>
  </si>
  <si>
    <t>水痘会传染吗</t>
  </si>
  <si>
    <t>水痘传染性强。</t>
  </si>
  <si>
    <t>社保买满15年了可以不买吗</t>
  </si>
  <si>
    <t>人缴纳的话，可以不交。单位缴纳的话，要继续缴纳到退休。</t>
  </si>
  <si>
    <t>公积金可以补缴吗</t>
  </si>
  <si>
    <t>可以补交的。</t>
  </si>
  <si>
    <t>择天记有没有全集</t>
  </si>
  <si>
    <t>口交男性会传染艾滋病吗</t>
  </si>
  <si>
    <t>最好不要口交的，如果性器官感染梅毒、淋病、疱疹、菜花、非淋菌性尿道炎等性病，或是有霉菌、细菌性皮肤感染时，都可能由口交传染给性伴侣。</t>
  </si>
  <si>
    <t>会的，只要接触到那个地方，都有可能。</t>
  </si>
  <si>
    <t>艾滋病不会通过消化道传播。有安全套的性接触不会感染艾滋病。</t>
  </si>
  <si>
    <t>越狱第五季只有9集吗</t>
  </si>
  <si>
    <t>第五季只有9集。</t>
  </si>
  <si>
    <t>麦点商城国家不管吗</t>
  </si>
  <si>
    <t>管的，但麦点游离于合法与非法之间。不好管。</t>
  </si>
  <si>
    <t>小米5玩王者荣耀卡吗</t>
  </si>
  <si>
    <t>小米5高配用户，是真的卡。</t>
  </si>
  <si>
    <t>小米5打游戏很烫，还有就是充电打游戏会更烫，运行游戏还是不错的，总体来说用米5打游戏不错。</t>
  </si>
  <si>
    <t>苹果7防水吗</t>
  </si>
  <si>
    <t>iPhone7是第一款支持防水功能的iPhone。</t>
  </si>
  <si>
    <t>官网说防水，但是还是要谨慎。</t>
  </si>
  <si>
    <t>iPhone7据目前发布出来的消息是有防水功能的。</t>
  </si>
  <si>
    <t>包皮过长必须手术吗</t>
  </si>
  <si>
    <t>如果勃起后龟头无法完全露出就必须去做手术了，如勃起可以露出但平常状态下完全包裹也可以不做，不过必须勤清洗，要不会积累污垢导致发炎，早泄症状。建议还是去做个手术，包皮手术现在是个小手术没危险，对那方面一般只有好处。</t>
  </si>
  <si>
    <t>包皮过长的手术不是必须做的，如果性生活正常又没有不舒服的感觉是不必的。因为手术毕竟都是有创伤，而平时一定要注意个人的清洁，以免并发其它炎症。</t>
  </si>
  <si>
    <t>男性到了结婚的年龄包皮过长的话最好还是要手术的，因为包皮过长后冠状沟处可以藏进很多污垢不易清洗，容易导致尿道炎，尤其容易造成性伴侣的生殖器感染。还有就是包皮过长会导致龟头的敏感性过高，容易导致早泄。</t>
  </si>
  <si>
    <t>仁和恩视明是真的吗</t>
  </si>
  <si>
    <t>上班路上出车祸算工伤吗</t>
  </si>
  <si>
    <t>具体是不是得看交通事故认定书上的责任划分才能断定。请参考《工伤保险条例》第十四条第六项之规定：在上下班途中，受到非本人主要责任的交通事故或者城市轨道交通、客运轮渡、火车事故伤害的；应当被认定为工伤。</t>
  </si>
  <si>
    <t>泄油瘦身汤管用吗</t>
  </si>
  <si>
    <t>不管用、别乱用。</t>
  </si>
  <si>
    <t>房贷晚一天还算逾期吗</t>
  </si>
  <si>
    <t>一般只晚还款一天，影响不大的。</t>
  </si>
  <si>
    <t>房贷晚一天算逾期。</t>
  </si>
  <si>
    <t>朱彩门中过奖吗</t>
  </si>
  <si>
    <t>中过。</t>
  </si>
  <si>
    <t>布里斯班中国人多吗</t>
  </si>
  <si>
    <t>布里斯班是澳大利亚仅次于悉尼和墨尔本的城市，华人挺多的。走在市区街上随时都能看到亚洲人面孔。</t>
  </si>
  <si>
    <t>布里斯班华人约10万人，但你实际感觉会更多，因为还有众多留学生以及越南（华人）移民、新加坡华人移民和马来西亚华人移民。</t>
  </si>
  <si>
    <t>华人与当地人人数比例大概约1：4，至于荷兰王国的格罗宁根市的华人比例就不是很清楚了，估计在荷兰的华人侨胞应该不会太多。</t>
  </si>
  <si>
    <t>苏州有共享单车吗</t>
  </si>
  <si>
    <t>只有少量的ofo与永安自行车。</t>
  </si>
  <si>
    <t>小黄车，小绿车都有。</t>
  </si>
  <si>
    <t>政府不支持。</t>
  </si>
  <si>
    <t>430退役了吗</t>
  </si>
  <si>
    <t>老将430确认已经离队。目前具体的后续情况暂时还没有消息。</t>
  </si>
  <si>
    <t>安全裤里面还要穿内裤吗</t>
  </si>
  <si>
    <t>如果穿短裙子的话，就必须穿安全裤和内裤。安全裤其实就是比较长一点的四角内裤。是为了防止在穿裙子时，不小心走光的。时至今日，安全裤的作用越来越重要，它不仅仅是在穿裙子的时候为了防止走光，更是目前潮流穿裙子的一种非常常见的穿法。因为现在许多白色的裙子几乎是透明的，从外面就可以看见里面的内裤，故而安全裤就可以完全避免此类现象的发生。同时穿安全裤和内裤还可以避免感染疾病。</t>
  </si>
  <si>
    <t>这个不一定，有些安全裤不宜贴身穿就需要额外穿内裤了。</t>
  </si>
  <si>
    <t>呼叫转移要钱吗</t>
  </si>
  <si>
    <t>中国移动：本地呼叫转移的基本费用为0.2元/分钟，费用是按照分钟计算而不是我们误解的按次数计算。特别应注意的是，呼叫转移中的长途话费按照长途话费标准计收，享受时段优惠。且异地无条件转呼和有条件转呼的标准还有些差异，无条件转呼时收取基本费+归属地到前转地的长途费用；有条件转呼为基本费+漫游费+漫游地到前转地的长途费用。中国联通：本地呼转资费标准为0.1元/分，呼至异地，加收0.07元/6秒的长途费用。中国网通的固定电话也可以实现呼叫转移，但其收取的费用直接算在固定电话上。例如固定电话呼转到小灵通，小灵通不计费，而该固定电话按主叫收费，前3分钟0.22元/分钟，之后为0.11元/分钟。</t>
  </si>
  <si>
    <t>1、呼叫转移到另一个手机上面，如果来电话了也接听了，两个号码都是收费的。2、把A号码转接到B号码，有人打A的号码时，B号码会响铃，但此时是不收费的，只有B号码接听后才开始收费，接通后打电话的人和A号码都是要收费的。3、打电话的人收费标准是按正常拨打A时的费用收取，A号码的收费标准一般是按正常时A拨打B时话费收取。</t>
  </si>
  <si>
    <t>淘宝官换机是真的吗</t>
  </si>
  <si>
    <t>不好说，就算有真的，肯定也是真假混卖。</t>
  </si>
  <si>
    <t>潘阳死了吗</t>
  </si>
  <si>
    <t>经过调查，这其实是一场恶作剧！</t>
  </si>
  <si>
    <t>悟空理财可靠吗</t>
  </si>
  <si>
    <t>收益高，对应的风险一定大。建议谨慎投资。</t>
  </si>
  <si>
    <t>驱蚊草可以放在卧室吗</t>
  </si>
  <si>
    <t>可以，但是病人和老人的房间不能放。</t>
  </si>
  <si>
    <t>如果家人有过敏体质或不喜欢这种味道的话就不要放在卧室里，如果不讨厌这种味道的话可以放在卧室。</t>
  </si>
  <si>
    <t>房子没住要交物业费吗</t>
  </si>
  <si>
    <t>要缴纳物业服务费。</t>
  </si>
  <si>
    <t>函授本科有用吗</t>
  </si>
  <si>
    <t>从学历文凭认可度来说，普通高等教育五大学历教育是国家教育部最为正规且用人单位最为认可的学历教育；高等教育自学考试本科或专科学历文凭，学历证书获得最难，继续教育中认可度最高；成人高等教育认可度比自考次之。</t>
  </si>
  <si>
    <t>中企动力销售好做吗</t>
  </si>
  <si>
    <t>中企动力是电销公司，主营产品是网站，而且有区域保护，营口的公司只能开发附近的地区，会有出差；压力大，赚的也多。</t>
  </si>
  <si>
    <t>固定资产提前报废需要到税局备案吗</t>
  </si>
  <si>
    <t>需要办理固定资产损失专项申报，办理完专项申报后，才可以在税前扣除。</t>
  </si>
  <si>
    <t>不需要到税务机关备案。</t>
  </si>
  <si>
    <t>社保中间停止几个月有没有影响</t>
  </si>
  <si>
    <t>没有停交作废一说的，社保系统会自动合并计算年限的。</t>
  </si>
  <si>
    <t>1、这种情况主要是针对医疗保险。2、停止三个月以内，没什么影响。3、如果停止三个月以上，由企业重新购买，次月就可以享受；由个人重新购买，需要连续缴费三个月后，即第四个月才可以享受。</t>
  </si>
  <si>
    <t>在职证明可以随便开吗</t>
  </si>
  <si>
    <t>当然不可以了。</t>
  </si>
  <si>
    <t>当然不可以咯。这个还是得经过老板的同意吧，而且看是什么人了，如果他倒回来告你公司没发工资之类的，那不就要出事了。所以还是要经过领导的同意。不然不要开。</t>
  </si>
  <si>
    <t>蚂蚁花呗可以分期还款吗</t>
  </si>
  <si>
    <t>用蚂蚁花呗支付的钱可以分期还款。</t>
  </si>
  <si>
    <t>身份证复印件可以办信用卡吗</t>
  </si>
  <si>
    <t>休产假有工资吗</t>
  </si>
  <si>
    <t>女职工产假期间，享受生育津贴。工资是劳动报酬，女职工产假期间不提供劳动，不享有工资，享受劳动保险待遇。根据国务院《女职工劳动保护特别规定》第八条和各地规定，女职工产假期间，停发工资，改发生育津贴。1、参加了生育保险的，由生育保险经济支付按所在单位上年度职工月平均工资支付。生育津贴低于女职工生育期工资的，由所在单位补足差额；高于本人工资的，所在单位不得截留。2、没有参加生育保险的，由所在单位按产假前正常出勤工资标准支付。</t>
  </si>
  <si>
    <t>撒贝宁离开央视了吗</t>
  </si>
  <si>
    <t>没有离职央视。</t>
  </si>
  <si>
    <t>离职了。</t>
  </si>
  <si>
    <t>改host有风险吗</t>
  </si>
  <si>
    <t>hosts 就是手动建立一个 IP 与域名网址间的对应关系。而修改hosts文件 这种行为有无危险性，要看建立的对应关系来确定。如果是可信任的 IP 对应修改，则没什么大的危险，但如果是一些恶意的，就比较危险了。比如 IP 对应的是个木马网站，那么你每次访问都会自动引导至这个站点，可想而知，危险有多大。</t>
  </si>
  <si>
    <t>iphone6升级ios10卡吗</t>
  </si>
  <si>
    <t>不卡，甚至动画效果加速了。</t>
  </si>
  <si>
    <t>真的卡到死。</t>
  </si>
  <si>
    <t>全民所有制企业是国有企业吗</t>
  </si>
  <si>
    <t>全民所有制企业又称为国有企业，但广义的国有企业还包括国家控股的股份有限公司、有限责任公司和国有独资公司，全民所有制企业只是国有企业的一种。</t>
  </si>
  <si>
    <t>网站公安备案有必要吗</t>
  </si>
  <si>
    <t>如果网站的服务器不是国内的，可以不备案，如果是国内的，就要备案，但是也不用到公安局备案，只要把有关资料准备好，在那个备案系统网站上备案就可以了。</t>
  </si>
  <si>
    <t>网站的服务对象为中国网民，都需要到公安机关进行备案。</t>
  </si>
  <si>
    <t>是的，使用国内主机首先要进行ICP网站备案，通过后再去申请公安网备。</t>
  </si>
  <si>
    <t>周独夫死了吗</t>
  </si>
  <si>
    <t>周独夫很可能是跟天海一样的方法被杀死的，那就是找个他信任的人，背后捅他刀子。</t>
  </si>
  <si>
    <t>欢乐颂小明是安迪的亲弟弟吗</t>
  </si>
  <si>
    <t>是，但是同母异父，是安迪的母亲疯了之后被人强奸后有的孩子，但是小明的疯应该是遗传自他父亲，因为小说中他父亲也是一个智障。</t>
  </si>
  <si>
    <t>小明是安迪的亲弟弟但不是魏国强的孩子。</t>
  </si>
  <si>
    <t>买个人的二手车能贷款吗</t>
  </si>
  <si>
    <t>二手车可以贷款。一般来说三年利率9.5，手续费3%，还需要交押金3%，还需1000元公正抵押金。</t>
  </si>
  <si>
    <t>阴阳师安卓和ios互通吗</t>
  </si>
  <si>
    <t>轩辕剑7不出了吗</t>
  </si>
  <si>
    <t>目前没有消息说要出。</t>
  </si>
  <si>
    <t>吃米饭会胖吗</t>
  </si>
  <si>
    <t>米饭主要成分是淀粉，消化分解为糖类物质，而糖类过多会转化成脂肪，吃完米饭后不运动会使得体内产生的糖类过多而转化成脂肪变胖。运动是关键。</t>
  </si>
  <si>
    <t>房贷利率上调 之前贷款的有影响吗</t>
  </si>
  <si>
    <t>乌珠军马贴是骗局吗</t>
  </si>
  <si>
    <t>不是，真的有效。</t>
  </si>
  <si>
    <t>有效果，但不治根。</t>
  </si>
  <si>
    <t>nt检查有必要做吗</t>
  </si>
  <si>
    <t>颈项透明层检查目的是为了在妊娠较早阶段诊断染色体疾病和发现多种原因造成的胎儿异常，研究发现，在怀孕11-14周期间，如果胎儿是唐氏儿或是心脏发育不好的话颈项透明层会增厚。颈项透明层增厚与胎儿染色体核型、胎儿先天性心脏病以及其他结构畸形有关，颈项透明层越厚，胎儿异常的概率越大。所以说NT检查是必须做的。</t>
  </si>
  <si>
    <t>NT还是很有必要做的，毕竟准确率还是比较高的。</t>
  </si>
  <si>
    <t>上古卷轴5好玩吗</t>
  </si>
  <si>
    <t>paperright查重可靠吗</t>
  </si>
  <si>
    <t>它是属于自主检测的，还是可以放心检测的。论文查重全程自助操作，报告立等即出，可以自行删除，全程无任何工作人员干预。后台采用RSA安全加密技术，论文安全有保障。</t>
  </si>
  <si>
    <t>paperright主要检测网络资源数据库大，现在查重的人不是太多很快，秒出安全！一般高校查重用知网的系统，本科是pmlc，研究生是5.1或者tmlc2，可以直接到图书馆查重，也可以到一些自助查重网站，全程自助安全。</t>
  </si>
  <si>
    <t>sneakerhead海外旗舰店是正的吗</t>
  </si>
  <si>
    <t>sneakerhead海外旗舰店卖的大部分是假货，海外那个是正品。</t>
  </si>
  <si>
    <t>是正的。</t>
  </si>
  <si>
    <t>audience 可数吗</t>
  </si>
  <si>
    <t>audience：称作集体名词，当单形集体名词被看作一个整体时，具有单数概念；被看作若干个个体时，具有复数概念。</t>
  </si>
  <si>
    <t>paperyy 查重会泄露吗</t>
  </si>
  <si>
    <t>这个不好说，不过在“学术不端网”上可以完全自助检测，全程自己操作，不需要传文件，安全也准确。并且是知网查重。</t>
  </si>
  <si>
    <t>会的，有人以前偷盗论文被别人告发了，老板还在保释中。</t>
  </si>
  <si>
    <t>可得眼镜网是正品吗</t>
  </si>
  <si>
    <t>红米4玩王者荣耀卡吗</t>
  </si>
  <si>
    <t>全高特效，fps正常都是在30，反正不卡，12点电量90开始玩到16点半电量还有43，高特效，手机音量开的最大，手机也不发热，等于玩游戏4个半小时去了50的电。由此可见，红米4玩王者荣耀一点都不卡，如果有卡的现象的话，可能是后台占用内存过多，试着删减一点应用，或者调低一点游戏配置。</t>
  </si>
  <si>
    <t>红米4的骁龙625玩王者荣耀会卡吗，应该不会的。</t>
  </si>
  <si>
    <t>乌珠军马贴真有效果吗</t>
  </si>
  <si>
    <t>美国买的iphone7在国内能用吗</t>
  </si>
  <si>
    <t>可以用。在美国买苹果手机有两种方式，一，美国本地使用的合约机。二，苹果专卖店的裸机。前者是美国本地合约公司签约的机型，只限于美国本通讯公司网络使用，因为价格便宜于专卖店，故此控制客户不能跳槽到其他通讯公司。当然拿回中国更不能使用，除非在合约期满后再花50美金让公司解锁。后者是苹果专卖店销售的裸机，市场价出售，可以在世界各国使用，到中国当然没问题。</t>
  </si>
  <si>
    <t>有锁版不能用要买卡贴，无锁版直接用。</t>
  </si>
  <si>
    <t>微软雅黑可以商用吗</t>
  </si>
  <si>
    <t>以商业发布为目的的微软雅黑版权，仍由北大方正保留。</t>
  </si>
  <si>
    <t>快递单号录入员兼职是真的吗</t>
  </si>
  <si>
    <t>石家庄长兴医院可信吗</t>
  </si>
  <si>
    <t>不错，他们的医生比较注重疗效。</t>
  </si>
  <si>
    <t>真的有用。</t>
  </si>
  <si>
    <t>蔚领怎么样值得买吗</t>
  </si>
  <si>
    <t>大众蔚领是一款跨界旅行轿车，喜欢驾车旅游的人非常适合买这一款车。大众蔚领集轿车的舒适操控性、旅行车的大空间和SUV的通过性于一身，全景天窗、Cross大包围、行李架，出门旅行时不但可以提供宽阔的置物空间和宽广的视野，而且无论面对何种恶劣的路况都能轻松应对。后排空间很宽裕，乘坐非常舒适，并且配备12伏电源，方便使用车载电器。此外大众蔚领在动力和安全性方面也具有强大的优势。内部动力系统采用“黄金动力组合”，行驶更平顺、更节能，能很大程度的减小油耗。在安全性上，大众蔚领配备了多项主动安全装备和被动安全装备。智能电子防盗系统、燃爆式三点安全带、全方位6安全气囊等能充分保障驾驶人和乘客的安全。总体来说，如果爱旅行、爱运动，这款车还是很值得买的。</t>
  </si>
  <si>
    <t>大便不成型是肠癌吗</t>
  </si>
  <si>
    <t>大便不成形有多种原因，去医院做个检查，最简单就是先做一个癌胚抗原，看看高否，再定。</t>
  </si>
  <si>
    <t>多是结肠炎，但也会进一步癌变。</t>
  </si>
  <si>
    <t>不见得一定是直肠癌，这种病老年人比较容易得。</t>
  </si>
  <si>
    <t>新车刹车盘生锈正常吗</t>
  </si>
  <si>
    <t>很正常。</t>
  </si>
  <si>
    <t>北川老县城还敢住人吗</t>
  </si>
  <si>
    <t>没有人在里面住的。</t>
  </si>
  <si>
    <t>电棍违法吗</t>
  </si>
  <si>
    <t>非法携带枪支、弹药或者弩、匕首等国家规定的管制器具的，处五日以下拘留，可以并处五百元以下罚款；情节较轻的，处警告或者二百元以下罚款。非法携带枪支、弹药或者弩、匕首等国家规定的管制器具进入公共场所或者公共交通工具的，处五日以上十日以下拘留，可以并处五百元以下罚款。电棍目前立法上存在脱节和空白，并没有相关的法条规定。所以看是哪种电棍了，就好像刀具也分水果刀和管制刀具的。安检一般都不行，除非是查的很不严格的。对方先动手，要看他使用的工具和对你造成的伤害是怎样的，比如他使用拳头袭击你，而你使用电棍电晕他，很明显就超出了正当防卫的范围。</t>
  </si>
  <si>
    <t>不违法，而是违规。现在国家对着掩耳盗铃，只要你不干违法的事就没事。就像陕西夜跑女教师她要有防身电贵和辣椒水喷雾就不会出现这样的悲剧。</t>
  </si>
  <si>
    <t>硬囊膜受压能恢复吗</t>
  </si>
  <si>
    <t>恢复时间需要看您的压迫程度决定的。如果只是轻微不适的话，平时多注意可以慢慢的恢复。如果是因为腰椎间盘突出等不适导致的压迫硬膜囊、椎管狭窄的话，可以利用椎间孔镜技术做治疗，恢复期一般在一到三个月。</t>
  </si>
  <si>
    <t>理论上来讲膨出是较突出轻微,此症主要是腰肌紧张，椎间盘受挤压力量过重所致。用正骨、按摩法解除腰肌紧张即可治愈。在一般的情况下经过二至四周可慢慢恢复。</t>
  </si>
  <si>
    <t>水树奈奈结婚了吗</t>
  </si>
  <si>
    <t>火车可以带白酒吗</t>
  </si>
  <si>
    <t>可以的，只是有相关限制。铁路总公司关于携带白酒的规定如下：乘坐火车的旅客不能携带散装白酒乘车，旅客只能携带封闭好的瓶装白酒，并且携带的数量上限为六瓶装的一箱，但是白酒的度数如果高于50度，旅客只能携带两瓶乘车。</t>
  </si>
  <si>
    <t>白酒一般可携带2公斤。携带白酒坐火车需注意：白酒要原包装和自用，用塑料油壶或者饮料瓶装的散装白酒很容易挤破、致燃，安检处的警方会以易燃易爆品没收处理。</t>
  </si>
  <si>
    <t>生姜治脱发有用吗</t>
  </si>
  <si>
    <t>生姜擦头皮最多一天一次，不要过于频繁了，毕竟生姜也是极具刺激性的作料，太过频繁，过犹不及。2最好是每天洗完头发再使用生姜去擦头皮，擦到头皮感觉热热的就行了，不要粗蛮地去使劲儿，这样会破坏毛囊的。3脱发不是很严重的，可以两天一次，有一点间隔也是不会太影响生发和防止脱发效果的。</t>
  </si>
  <si>
    <t>有用。在中医方面认为，生姜能够有效的治疗脱发的情况。</t>
  </si>
  <si>
    <t>父亲把房子过户给孩子要交税吗</t>
  </si>
  <si>
    <t>因是直系亲属，两种方式供你选择：第一种免税，第二种交税，如下：一、若是子女以后不卖的话，建议走分家析产的程序，写一份分家协议书（或到房管部门要一份），让父母所有家人签字同意析产到子女名下，只需交纳手续费（每平6元和工本费80元）~~但以后出售时需要交纳20%所得税~二、若子女以后卖的话，建议现在走买卖过户程序，父母是卖方，子女是买方。</t>
  </si>
  <si>
    <t>房产过户的方式有：买卖、赠与和继承这三种方式。继承过户费用最低，主要涉及公证费，不过要在遗产人死后才可以进行产权过户。直系亲属赠与过户主要有契税+公证费，总费用低于正常买卖过户费用。受赠人转让受赠房屋价格明显偏低且无正当理由的，税务机关可以依据该房屋的市场评估价格或其他合理方式确定的价格核定其转让收入。财产转让所得适用比例税率，税率为百分之二十。买卖过户涉及费用以该房产满两年和未满两年两种情况计算：第一种，房产满两年，营业税是免征的，同时个税也免征，需要缴纳契税和产权转移登记费;第二种，房产未满两年，需要缴纳营业税和个税，同时缴纳契税和产权转移登记费。三种方法都可以成功完成过户，只是税费有所差异，继承过户是最省钱的，赠与过户有买卖全，只是再次买卖会有比较高的税费，所以直接以买卖形式过户更加实用。</t>
  </si>
  <si>
    <t>极客修修手机靠谱吗</t>
  </si>
  <si>
    <t>是正宗的，全部都是原厂零配件。</t>
  </si>
  <si>
    <t>极客修修手机挺好的。预约过服务，也比较的方便，直接微信下单就可以了。</t>
  </si>
  <si>
    <t>一路向西2到底有没有</t>
  </si>
  <si>
    <t>不会有《泰西》的。</t>
  </si>
  <si>
    <t>没有，网上的都是假的。</t>
  </si>
  <si>
    <t>潮尚优品能赚钱吗</t>
  </si>
  <si>
    <t>潮尚优品的出现为广大投资者带来了很多的创业项目，成为了消费者中最具分量的快消品，到现在，潮尚优品的休闲百货已经遍布了中国个大城市，为消费者带来了全新的体验。此品牌集齐了生活百货。时尚饰品、季节潮品等十大系列的产品，将快速便携带进了千家万户，只要来过潮尚优品休闲百货的消费者都会对它竖起把拇指，点头称赞，所以潮尚优品是很赚钱的。</t>
  </si>
  <si>
    <t>先天性心脏病遗传吗</t>
  </si>
  <si>
    <t>先天性的心脏病虽然有遗传性，但是可以通过日常良好的生活习惯和正成的作息时间去调节。由于是遗传病的原因他只存在潜在性但是并不一定发作。只要学会调理日常生活就可以尽量避免。</t>
  </si>
  <si>
    <t>先心病相关的因素有多个，而经统计上一代为先心病对下一代的遗传影响，大约可使下代的先心病患病率达到10%。</t>
  </si>
  <si>
    <t>表白不回复就是拒绝吗</t>
  </si>
  <si>
    <t>但也许你们不合适，也许她更喜欢的人，人家其实还想和你做普通朋友，所以没办法回，怎么说都不合适，只要表白了意味着做不了普通朋友了，要么亲近，要么疏远。先再等等吧，最好别想太多了，那样同意了是个惊喜，不同意也别那么难过了，别灰心哈，每个人都要经历的，这是在成长。</t>
  </si>
  <si>
    <t>马可波罗卫浴是假的吗</t>
  </si>
  <si>
    <t>企业会计制度废止了吗</t>
  </si>
  <si>
    <t>已废止。</t>
  </si>
  <si>
    <t>七色玲珑石值得做吗</t>
  </si>
  <si>
    <t>梦幻西游的七色玲珑石任务是单人任务，30级以上的玩家就能玩，经验奖励很多，宝宝升级很快。同时，每做完一次任务，都会给一块石头。石头可以合成碎片，在积攒到一定数量之后，可以找NPC兑换奖励。</t>
  </si>
  <si>
    <t>七色玲珑石是仅次于师门的奖励最好的个人任务，对任务熟悉之后30环所需时间在40到50分钟之间，奖励很不错，后来开福袋还能得物品奖励，符石、卷轴、宝石之类的，怪物战斗不难。</t>
  </si>
  <si>
    <t>全友家具甲醛超标吗</t>
  </si>
  <si>
    <t>如果真的通过了环保认证，那应该就是不会超标的，但绝对不是0甲醛。</t>
  </si>
  <si>
    <t>严重超标。</t>
  </si>
  <si>
    <t>查勘定损员是好工作吗</t>
  </si>
  <si>
    <t>这个工作很好。</t>
  </si>
  <si>
    <t>显示器dcr对眼睛好吗</t>
  </si>
  <si>
    <t>电器之类的都会对眼睛一定会有影响，只能说减少对眼睛的伤害。更保护眼睛。</t>
  </si>
  <si>
    <t>DCR是动态对比度的意思，一般以xxx：1来表示，一般xxx数值越大，在播放运动画面时的效果越好，对眼睛的保护当然越好。</t>
  </si>
  <si>
    <t>河野麻奈有没有av</t>
  </si>
  <si>
    <t>女生腿毛会自己脱落吗</t>
  </si>
  <si>
    <t>以后可能会掉。</t>
  </si>
  <si>
    <t>灵飞经完结了吗</t>
  </si>
  <si>
    <t>没完结，只出了六卷，第六卷水月镜花。</t>
  </si>
  <si>
    <t>大张伟结婚了吗</t>
  </si>
  <si>
    <t>云骑士系统可靠吗</t>
  </si>
  <si>
    <t>吃玉米能减肥吗</t>
  </si>
  <si>
    <t>玉米是减肥的食物。</t>
  </si>
  <si>
    <t>hashset线程安全吗</t>
  </si>
  <si>
    <t>有赞微商城可靠吗</t>
  </si>
  <si>
    <t>可靠，现在主流的微商城就这几个，有赞做的很不错。</t>
  </si>
  <si>
    <t>真没感觉到多好。</t>
  </si>
  <si>
    <t>忍者龙剑传有没有pc版</t>
  </si>
  <si>
    <t>正统忍龙没有PC版。</t>
  </si>
  <si>
    <t>大额存单有风险吗</t>
  </si>
  <si>
    <t>存款最可靠的就是银行。</t>
  </si>
  <si>
    <t>钉子户可以强拆吗</t>
  </si>
  <si>
    <t>不足5%可强拆。</t>
  </si>
  <si>
    <t>(一)对于违法建筑物、构筑物和设施县级以上地方人民政府责成有关部门或者乡、镇人民政府可以依法组织强拆;(二)对于作出国有土地上房屋征收补偿决定的市、县级人民政府，经人民法院裁定准予组织强拆;(三)依据《行政强制法》第三十四条“行政机关依法作出行政决定后，当事人在行政机关决定的期限内不履行义务的，具有行政强制执行权的行政机关依照本章规定强制执行。(四)对于违法建筑物、构筑物和设施、在非法占用的土地上新建的建筑物和其他设施、已作出征收补偿决定国有土地上的房屋经过司法诉讼，已产生法律效力的裁判文书，有管辖权的人民法院可以依法组织强拆。</t>
  </si>
  <si>
    <t>对无理取闹者可以采取强制措施。</t>
  </si>
  <si>
    <t>王者荣耀黄金会掉白银吗</t>
  </si>
  <si>
    <t>输了会掉段，还有每次赛季清空。</t>
  </si>
  <si>
    <t>闲鱼二手手机靠谱吗</t>
  </si>
  <si>
    <t>我在闲鱼买过几部手机，我的经验可以告诉你。可以看他卖出去的东西和收到的评价，芝麻积分也可以参考，大部分还是挺诚信的，走闲鱼正规程序交易就没问题。</t>
  </si>
  <si>
    <t>基本不靠谱，骗子多。</t>
  </si>
  <si>
    <t>地瓜发芽了还能吃吗</t>
  </si>
  <si>
    <t>红薯也叫番薯，北方人称为地瓜。发芽了还能吃，但长芽后的红薯营养流失，而且口感也不好。</t>
  </si>
  <si>
    <t>红薯发芽后禁生食。</t>
  </si>
  <si>
    <t>票乎上卖的票靠谱吗</t>
  </si>
  <si>
    <t>票乎是个人的转票平台，所有信息均为真实用户发布。</t>
  </si>
  <si>
    <t>跑胡子作弊器是真的吗</t>
  </si>
  <si>
    <t>这都是骗子，大家不要上当了。</t>
  </si>
  <si>
    <t>孕期皮肤变好是女孩吗</t>
  </si>
  <si>
    <t>不是的，二者没有直接关系。</t>
  </si>
  <si>
    <t>已生锈的铁锅能养好吗</t>
  </si>
  <si>
    <t>能，将铁锅刷干净后，坐到小火上烧干，然后最好用猪油将整个锅内都刷一遍，然后关火，让油闷两天就好了。</t>
  </si>
  <si>
    <t>可以，把锈层拿砂纸擦掉，再拿肥猪肉开锅。使用完锅小火烧干锅面水份，铁锅使用完后拿点食用油擦表面。</t>
  </si>
  <si>
    <t>癫痫可以治愈吗</t>
  </si>
  <si>
    <t>癫痫病是可以临床治愈的。</t>
  </si>
  <si>
    <t>癫痫是慢性反复发作性短暂脑功能失调综合征。以脑神经元异常放电引起反复痫性发作为特征。癫痫的发病诱因有很多种，不同的发病诱因治疗的方案也不一样。治疗讲究对症治疗，具体的治疗方案需要结合每个患者的详细情况，来选择对的治疗方案，才会有明显效果。盲目用药，用药不对症的话，还会加重患者的病情。</t>
  </si>
  <si>
    <t>一、到正规医院进行治疗、二、找对病因进行针对性治疗，三、做好日常防护工作。只要癫痫患者能做到这三点，到正规医院进行治疗、找对病因进行针对性治疗、做好日常防护工作，那么治愈癫痫病就指日可待了，一定要做好疾病的预防，让疾病无机会可乘。</t>
  </si>
  <si>
    <t>switch值得买吗</t>
  </si>
  <si>
    <t>早买早享受。</t>
  </si>
  <si>
    <t>买与不买的争执在很多领域都会看到，对于 Switch 这台主机而言。如果预算足够、不在乎奸商炒价、并且又很想体验一下《塞尔达荒野之息》这款满分神作的话，那么不要犹豫，买了绝对不后悔。而如果预算有限、想等待主机价格平稳之后再入手，那也无需在尚未体验到这款主机之前就妄下定论，可以等价格能够接受的时候再入手也不迟。</t>
  </si>
  <si>
    <t>堆金网安全吗</t>
  </si>
  <si>
    <t>投了两年，感觉还不错，同行业比利率算是高的了，只是没有银行存管，所以资金不敢全下在这。</t>
  </si>
  <si>
    <t>堆金网还不错，有国际背景，有风险保证金1000万，平台上的标也相对比较正常的收益。</t>
  </si>
  <si>
    <t>这个堆金网不可靠，宣传觉得好，实际是骗钱网。</t>
  </si>
  <si>
    <t>dnf斗神之吼秘药和装备冲突吗</t>
  </si>
  <si>
    <t>药剂伤害跟装备不冲突。</t>
  </si>
  <si>
    <t>stan的故事是真的吗</t>
  </si>
  <si>
    <t>名字可能是虚构的，故事是真的，CCTV的人物有一期是专门说eminem的上面提到过。</t>
  </si>
  <si>
    <t>个人pos机安全吗</t>
  </si>
  <si>
    <t>这个要看是什么品牌，找大品牌一般会比较安全。</t>
  </si>
  <si>
    <t>这个要看机子的最终来源，还是从正规的地方比较好。</t>
  </si>
  <si>
    <t>杜近芳是孟小冬生的吗</t>
  </si>
  <si>
    <t>外传就是。</t>
  </si>
  <si>
    <t>淘宝订购的服务可以退款吗</t>
  </si>
  <si>
    <t>充值到软件服务订购账户的钱款，只要还在账户中，没有用于订购服务产品是可以申请退款的，可以拨打淘宝客服热线0571-88157858处理。</t>
  </si>
  <si>
    <t>首先进入"我的服务"—第三方服务，点击“该软件服务含有子项目，点击展开”，然后就点关闭就行了。</t>
  </si>
  <si>
    <t>过期奶粉能喝吗</t>
  </si>
  <si>
    <t>首先通过感官进行判断，如果感官判断没有问题的话，牛奶还是可以喝的。</t>
  </si>
  <si>
    <t>建议是最好不要喝过期的奶粉。</t>
  </si>
  <si>
    <t>建议过期的奶粉不要吃，以免引发胃肠道疾病。</t>
  </si>
  <si>
    <t>车牌可以过户吗</t>
  </si>
  <si>
    <t>不行的，车牌除了黄牌可以过户，拍卖牌照或者拥有牌照时间超过3年可以保留以外，车辆过户都需变更车牌，而保留的车牌只能保留给原牌照持有人，而且只能给他名下的新车上牌。</t>
  </si>
  <si>
    <t>规定是车牌不允许买卖，也不能办理过户。车主在使用车牌满3年后，可以在过户车辆时候申请保留车牌半年，车主可以在六个月内买新车申请使用之前的车牌号。原车主使用之前车牌不满3年，或原车主不想要这个车牌，过户完毕车辆，车管所会收走车牌。</t>
  </si>
  <si>
    <t>确实是不允许过户的，也就是说，买车的人如果没有购车指标（也就是号牌），那他买的车就上不了牌照。如果买车的人有指标，那就可以过户了，但过户后手里就会剩余一个购车指标（也就是号牌），如果不再购车上北京牌照，那么这个号牌及购车指标将在6个月后作废。如果保留车牌与车一起出售，那就肯定是不能过户了，方法只能是私下签订协议，这个协议是存在风险的，假如买车的人出现重大交通事故，赔偿不起或逃逸，即使有合同，也免不了责任，因为法律只认定车辆行驶证上的名字为所有人，附属协议无效。</t>
  </si>
  <si>
    <t>魔力宝贝还能玩吗</t>
  </si>
  <si>
    <t>斗鱼可以和其他鱼混养吗</t>
  </si>
  <si>
    <t>建议是不要混养。无论是国斗还是展斗，其原生环境都是静水幽暗的小水体，比如稻田、湿地。混养往往会用较大的水族箱、过滤、灯，斗鱼毕竟只是一种小鱼，再好斗也没有多大战斗力，在食物链中是弱者。所以大环境会让斗鱼很紧张，不利于出状态。而且斗鱼的斗性来源于其领地意识，混养的鱼多了、杂了，就分不出地盘了，自然也就硬不起来了。单养的斗鱼，才容易出拉丝、尾展。很多人混养的斗鱼，也说“斗鱼根本不咬别的鱼”。不咬归不咬，可是他也没有状态，拖着大尾巴到处晃悠，绝不是养殖者想要的表现。实在想混养，可以造个国斗的生态缸（展斗不能混），多水草、多躲避，数量适当。</t>
  </si>
  <si>
    <t>不可以混养，因为毕竟它是斗鱼，会撕咬其他鱼类。和其他鱼混养没发现什么问题，只要不是若干条斗鱼养在一起就行了。其实现在买回来的斗鱼（用胶袋早已独立包装好的那种）都已没什么生气，大概是被困得太久的缘故吧。和比较大点的，像马甲等反而会被咬伤。更不用说慈鲷科的鱼。</t>
  </si>
  <si>
    <t>慢性结膜炎能根治吗</t>
  </si>
  <si>
    <t>慢性结膜炎之所以难以根治,主要的原因是一些刺激因素往往未能及时消除,所以除了点眼药水和热敷治疗之外,应设法改善环境,尽量减少接触刺激源,对必须在有较多烟尘或其他刺激性因素等存在的特殊环境里工作的人,配戴有罩的风镜是预防慢性结膜炎的较好方法.另外,注意消除不良卫生习惯,保持充足的睡眠,戒烟限酒,避免化妆品,洗发液等刺激对于预防慢性结膜炎也很重要.实践证明,只要病因明确,治疗和保养得当,多数慢性结膜炎是能治愈的.</t>
  </si>
  <si>
    <t>建议排除干眼症和屈光不正这两种可能性。同时在日常工作生活中，避免熬夜、用眼过度疲劳，减少看电脑或电视的时间。根治的说法不确切，只能说临床治愈。</t>
  </si>
  <si>
    <t>慢性结膜炎是可以治好的。虽然慢性结膜炎治疗相对比较麻烦，但如果能积极正规治疗，是可以治愈的。由于结膜炎的类型很多，有细菌性、病毒性、过敏性、沙眼等等。治疗药物也不一样，建议：1、到医院眼科进行结膜刮片或分泌物涂片检查，明确结膜炎的具体性质和病因，针对病因有针对性用药。2、注意眼部卫生，勤洗手，不要用手揉眼。</t>
  </si>
  <si>
    <t>肺栓塞能治愈吗</t>
  </si>
  <si>
    <t>幻想神域好玩吗</t>
  </si>
  <si>
    <t>斧子神域，页游水平。</t>
  </si>
  <si>
    <t>前期好玩大概是1-55级的样子，往上就开始出现差距了，最让人蛋疼的是装备。</t>
  </si>
  <si>
    <t>这是一款还算过得去的游戏，可以入手一玩。</t>
  </si>
  <si>
    <t>长期戴防蓝光眼镜好吗</t>
  </si>
  <si>
    <t>防蓝光眼镜是功能眼镜，不建议长时间佩戴。</t>
  </si>
  <si>
    <t>不推荐普通人长时间使用蓝光眼镜。这种眼镜也会影响到人对蓝紫色物体的辨色能力。因此来说，最好在玩手机或者电脑的时候佩戴，日常生活中并不需要。</t>
  </si>
  <si>
    <t>夏天喝红茶好吗</t>
  </si>
  <si>
    <t>多喝点红茶也是有益无害的。</t>
  </si>
  <si>
    <t>中国人在卡拉奇安全吗</t>
  </si>
  <si>
    <t>要去卡拉奇。注意安全。街上是很乱的。有枪铺，枪支也很泛滥。</t>
  </si>
  <si>
    <t>是否安全主要取决于日常生活的范围及个人对风险的承受程度，卡拉奇整体而言是一个比较混乱的城市，但如果日常注意一点，其实很多问题都可以避免，至少在Clifton和DHA等两个外国人集中的区域生活还是很稳定的。</t>
  </si>
  <si>
    <t>单位集资房能过户吗</t>
  </si>
  <si>
    <t>集资房，个人没有全部产权，一部分属于单位，所属土地是集体性质，无法办理过户。</t>
  </si>
  <si>
    <t>事业单位取得划拨土地，并向相关部门进行报批更改用地性质为“住宅”，才可办理房产证。一般情况下这种房子属于企业红利，员工只需缴纳一定的金额（远低于市场价格）即可对产权进行买断，并进行房产备案。这种房子可以进行正常社会交易及过户。</t>
  </si>
  <si>
    <t>竞业协议有约束力吗</t>
  </si>
  <si>
    <t>签了竞业协议，原公司要补偿你这2年不能做原工种的钱，但是赔的很少；如果你不和原公司协商好，原公司把你告上法庭，你是要赔钱给公司的。</t>
  </si>
  <si>
    <t>离婚的女人能娶吗</t>
  </si>
  <si>
    <t>当然可以娶了。</t>
  </si>
  <si>
    <t>吃炖鸡蛋能喝奶粉吗</t>
  </si>
  <si>
    <t>牛奶可以和鸡蛋一起煮着吃。</t>
  </si>
  <si>
    <t>其实这个现在也没有很正确的定论，很多人都认为可以，但是还是不要用牛奶冲鸡蛋，鸡蛋只有在熟透后吃，才能达到即保证营养又符合卫生要求。</t>
  </si>
  <si>
    <t>2017年一级建造师教材出来了吗</t>
  </si>
  <si>
    <t>一级建造师2017年最新教材还没有出，预计在5、6月份才会出来。</t>
  </si>
  <si>
    <t>雅邦口红十块钱能用吗</t>
  </si>
  <si>
    <t>蛮好用的，不是三无在药监局有备案，应该可以放心用。这个品牌属于老品牌了,性价比很高的,东西很全,香水、洗涤、护肤、彩妆,什么都有,质量也都很不错。</t>
  </si>
  <si>
    <t>佐丹力159是骗局吗</t>
  </si>
  <si>
    <t>惠州巽寮湾好玩吗</t>
  </si>
  <si>
    <t>没什么好玩的，最好玩的是塞车，进出一条路，现在多一条新路在建，没全通，从东莞凤岗去一个半小时，总的加起来玩的有四小时。</t>
  </si>
  <si>
    <t>惠州巽寮湾好玩，风景好，环境好，去的最多。</t>
  </si>
  <si>
    <t>储蓄卡能转账到信用卡吗</t>
  </si>
  <si>
    <t>越南好玩吗</t>
  </si>
  <si>
    <t>越南南部是很美的，五颜六色瘦瘦高高的房子，无敌的海景和细腻的沙滩，尤其是越南的姑娘很多都是细腰丰臀，尤其是腿修长而笔直，还有汤汁鲜美的牛肉PHO超级好吃。芽庄作为一个开发比较早的旅游城市本身没有很多的景点，除了四岛游、珍珠岛、泥浆浴、芽庄大教堂 、 婆那加占婆塔 。</t>
  </si>
  <si>
    <t>蜂蜜放冰箱后凝固是否正常</t>
  </si>
  <si>
    <t>蜂蜜结晶这是一种自然物理变化，所以不需要担心蜂蜜有问题。</t>
  </si>
  <si>
    <t>汽车三个月必须首保吗</t>
  </si>
  <si>
    <t>有关系，首保的重点是机械磨合。这只是与行驶里程、路况等有关系，时间延长3个月没有影响。</t>
  </si>
  <si>
    <t>一定要去，这是新车首保的硬性规定。</t>
  </si>
  <si>
    <t>政宗君的复仇漫画完结了吗</t>
  </si>
  <si>
    <t>漫画《政宗君的复仇》将于周二出版的杂志2017年2月刊上完结。</t>
  </si>
  <si>
    <t>暂时没有</t>
  </si>
  <si>
    <t>枇杷仔能种吗?</t>
  </si>
  <si>
    <t>买回来吃剩的枇杷籽能种，但结出来的果不一样。</t>
  </si>
  <si>
    <t>futurenet是传销吗</t>
  </si>
  <si>
    <t>叶问真的很厉害吗</t>
  </si>
  <si>
    <t>真正的武术家。</t>
  </si>
  <si>
    <t>王者荣耀扁鹊值得买吗</t>
  </si>
  <si>
    <t>扁鹊玩法就是尽可能的提高自己的输出、保护自己不死，价格不会太贵，想要入手的话也是可以的。</t>
  </si>
  <si>
    <t>还是可以买一个的，可以说是一个很有用的人物，在团战中的作用也是非常的大。</t>
  </si>
  <si>
    <t>快递能寄烟吗</t>
  </si>
  <si>
    <t>屈原结婚了吗</t>
  </si>
  <si>
    <t>和昭碧霞成亲，两人还生下个孩子。</t>
  </si>
  <si>
    <t>微信上的皇帝油可信吗</t>
  </si>
  <si>
    <t>微信上卖的很多都是假货，建议去当地发药店或者正规的网上药店咨询购买，假药对人体是有伤害的，所以还是要重视。</t>
  </si>
  <si>
    <t>脚趾甲长到肉能自愈吗</t>
  </si>
  <si>
    <t>用指甲刀把长在肉里的指甲剪出来，就能痊愈。</t>
  </si>
  <si>
    <t>耳机进水了还能用吗</t>
  </si>
  <si>
    <t>进水后的耳机虽然可以使用，但是声音会变质的。</t>
  </si>
  <si>
    <t>云集微店要发展下线吗</t>
  </si>
  <si>
    <t>如果要走团队创业型，就需要下线。</t>
  </si>
  <si>
    <t>水凝膜会腐蚀屏幕吗</t>
  </si>
  <si>
    <t>贴的不好就会弄进屏幕里。</t>
  </si>
  <si>
    <t>张翰古力娜扎分手了吗</t>
  </si>
  <si>
    <t>古力娜扎和张翰已经分手</t>
  </si>
  <si>
    <t>苹果手机关机了还能定位吗</t>
  </si>
  <si>
    <t>1利用iphone手机来操作查找iphone在iphone上打开App Store先下载软件“查找我的iphone”并安装。下载完成后在iphone的桌面上打开“查找iphone”的图标；2打开后会显示登录界面，在登录界面输入你的Apple ID、密码后进行登录“查找我的iphone”软件（注意：如果iCloud帐户尚未关联Apple ID将无法进行登录，所以要先到设置选项中的“iCloud”激活iCloud帐户再进行操作）；利用网页登录iCloud来操作查找iphone。3以上的“查找我的iphone”软件登录后就可以了，现在我来说一下如何使用iCloud来操作查找我的iphone的方法。1.首先用电脑打开iCloud官网并用Apple ID登录iCloud帐户；4登录成功后可以看到iCloud界面中左下角有个“查找我的iphone”的图标，点击打开该图标并再次输入Apple ID密码以使用“查找我的iphone”功能5然后在登录成功后在界面顶部选择好你的iphone设备，如果你iphone的定位没有打开的则看不到iphone在哪里，只有在定位打开了就能看到你的iphone在哪里。</t>
  </si>
  <si>
    <t>1、手机关机是不可以查看iPhone手机定位的。2、iPhone手机定位是建立在手机开机连接网络，以及开启定位服务才可以的。3、点击设置——隐私——定位服务——查找我的iPhone。4、然后手机开机连接网络，就可以登陆到iCloud官方网站，使用AppleID账号登录，进入到查找我的iPhone，就可以定位手机所在的位置。5、手机关机以及关闭网络，只能定位手机最后一次使用网络所在的位置。</t>
  </si>
  <si>
    <t>不可以，只有手机联网以后查找iPhone才能定位。</t>
  </si>
  <si>
    <t>向往的生活有第二季吗</t>
  </si>
  <si>
    <t>有的，下一季是渔夫篇，在浙江的渔村拍摄。</t>
  </si>
  <si>
    <t>支付宝可以买彩票吗</t>
  </si>
  <si>
    <t>国家体育总局联合发布禁止互联网进行彩票售卖,故目前互联网上暂时无法购买彩票。</t>
  </si>
  <si>
    <t>可以买彩票。</t>
  </si>
  <si>
    <t>户口迁出需要本人吗</t>
  </si>
  <si>
    <t>户口迁移中涉三个环节，其中前两个环节即办理准迁和迁移证手续时可以不需要本人前往别人代办，但最终一个环节即持迁移证入户环节最好本人前往办理。</t>
  </si>
  <si>
    <t>被大人咬了一口要打疫苗吗?</t>
  </si>
  <si>
    <t>被人咬一般不会感染什么病的，注意伤口及时消毒清洗，避免伤口发炎就可以了。</t>
  </si>
  <si>
    <t>建议营养均衡，多喝水，忌食辛辣刺激食物，打破伤风针，狂犬疫苗。</t>
  </si>
  <si>
    <t>贪玩蓝月能赚钱吗</t>
  </si>
  <si>
    <t>贪玩蓝月是传奇类的游戏，里面常见的无非就是打 BOSS 掉装备的玩法，掉落极品装备，就可以用来卖钱，这样就能赚不少元宝。</t>
  </si>
  <si>
    <t>飞机上手机必须关机吗</t>
  </si>
  <si>
    <t>使用中的手机会干扰飞机的通讯、导航、操纵系统。飞机在整个飞行过程中，飞行已利用机载无线电导航设备与地面导航台保持实时联系，控制飞行航线。在能见度低的情况下，需要启用仪表着陆系统进行降落，也就是利用跑道上的盲降台向飞机发射电磁波信号，以确定跑道位置。而手机不仅在拨打或接听过程中会发射电磁波信号，在待机状态下也在不停地和地面基站联系。在它的搜索过程中，虽然每次发射信号的时间很短，但具有很强的连续性。所以手机发出的电磁波就会对飞机的导航系统造成干扰。</t>
  </si>
  <si>
    <t>可以不关机，把手机调到飞航模式，手机就没有信号了，但是还可以使用，当然不能打电话、发短信、上网等。如果没有此功能，一定要关机。</t>
  </si>
  <si>
    <t>手机信号有可能干扰航空仪表，所以建议别抱有侥幸，安全第一。还是起用飞行模式或关机比较好。</t>
  </si>
  <si>
    <t>flac转mp3会影响音质吗</t>
  </si>
  <si>
    <t>证券从业资格考试难吗</t>
  </si>
  <si>
    <t>具体要看科目。证券市场基本法律法规、金融市场基础知识 都是最基础的，好好看书，听听视频，半个月一个月就能通过。保荐代表人胜任能力考试类似于之前的承销与发行，也是常说的投行业务， 内容比较多，涉及公司法、证券法，需要大量的背记，书是几门中最厚的，学习时间一个月-2个月，通过率也是最低的。</t>
  </si>
  <si>
    <t>好考。</t>
  </si>
  <si>
    <t>小红书自营有假货吗</t>
  </si>
  <si>
    <t>卖假货这个事儿，已经成为行业潜规则了。</t>
  </si>
  <si>
    <t>中康体检网是真的吗</t>
  </si>
  <si>
    <t>平台还是挺靠谱的，目前应算是体检预约垂直行业最大的平台，不管是从入驻医院的数量，还是每天的预约数量。</t>
  </si>
  <si>
    <t>中康体检网上预约平台目前已开通的城市有上百个，体检预约方便省钱是他们的主要核心服务。</t>
  </si>
  <si>
    <t>农村养老保险和企业员工办的社保有冲突吗</t>
  </si>
  <si>
    <t>公司现在有买社保，不需要购买新农保，两种有冲突。</t>
  </si>
  <si>
    <t>新加坡签证好办吗</t>
  </si>
  <si>
    <t>看是什么签证。旅游签很容易，一般都能给2年多次往返。</t>
  </si>
  <si>
    <t>1、任何签证都有拒签的可能性，2、只要资料齐全完善，一般不会拒签，3、新加坡旅游签证并不难办，4、只需准备护照原件，两张两寸白底彩照、身份证正反面复印件、户口本复印件、公司在职证明即可。5、一般签出35天多次的，有效期35天，停留期由新加坡海关根据你的行程护照资料定，一般会给   7--14天的停留期。6、如果资料好，不排除签出两年多次的，不过一般是限于北京签发地的护照。7、一般3-5个工作日即可出签。</t>
  </si>
  <si>
    <t>刘诗诗怀孕了吗</t>
  </si>
  <si>
    <t>传出刘诗诗怀孕了消息，证明吴奇隆要当爸爸了，心情很是激动，他甚至还在微博上说要生一堆宝宝，把粉丝们都激动坏了，看来刘诗诗怀孕已经成为事实了。近日吴奇隆终于松口，太太刘诗诗已经怀孕数月。</t>
  </si>
  <si>
    <t>亚航安全吗</t>
  </si>
  <si>
    <t>新生儿能用硅胶的奶瓶吗</t>
  </si>
  <si>
    <t>可以啊，只要不是塑料的，硅胶的玻璃的都行。</t>
  </si>
  <si>
    <t>新生儿可以使用硅胶奶瓶。1、材料安全无毒；2、手感、耐热和防潮性能好；3、耐用实惠；4、便于携带。</t>
  </si>
  <si>
    <t>微众银行是不是骗局</t>
  </si>
  <si>
    <t>不是骗人的，这个是真的。</t>
  </si>
  <si>
    <t>google home中国能用吗</t>
  </si>
  <si>
    <t>可以，需要连接vpn。</t>
  </si>
  <si>
    <t>国内是登入不上这个网站的，要上去的话就必须要有工具才可以正常使用的，设置了VPN，把IP换成美国或是香港的才可以。</t>
  </si>
  <si>
    <t>目前不可以，需要翻墙才能使用。</t>
  </si>
  <si>
    <t>iphone7的耳机6能用吗</t>
  </si>
  <si>
    <t>带状疱疹会传染吗</t>
  </si>
  <si>
    <t>带状疱疹一般不会被传染。</t>
  </si>
  <si>
    <t>过去的观点认为，带状疱疹是不传染的。但是，近年来国内外临床观察发现，带状疱疹还是具有一定传染性的，尤其是与带状疱疹患者有过密切接触的婴儿、孕妇、免疫力低下人群和从来没有出过水痘的人及没有接种过水痘疫苗的人有被传染的可能。</t>
  </si>
  <si>
    <t>飞猪订机票靠谱吗</t>
  </si>
  <si>
    <t>可靠的。</t>
  </si>
  <si>
    <t>姑获鸟皮肤还会出吗</t>
  </si>
  <si>
    <t>可以肯定的是阴阳师姑获鸟皮肤还是会出的。</t>
  </si>
  <si>
    <t>天下贷安全吗</t>
  </si>
  <si>
    <t>平台是真的，不过通过率不高。</t>
  </si>
  <si>
    <t>结膜炎传染吗</t>
  </si>
  <si>
    <t>结膜炎的种类很多，普通的结膜炎传染性较低，而急性出血性结膜炎传染性较强。是由于病毒感染所引起的。</t>
  </si>
  <si>
    <t>结膜炎是一种传染性眼病，其传染主要是通过接触传播。</t>
  </si>
  <si>
    <t>无独有偶是贬义词吗</t>
  </si>
  <si>
    <t>是，多用于贬义词。</t>
  </si>
  <si>
    <t>蚕茧抽丝后蚕蛹会死吗</t>
  </si>
  <si>
    <t>如果将蚕蛹外面的丝状物去掉后，不伤害里面的蚕蛹，那么里面的蚕蛹是不会死的。</t>
  </si>
  <si>
    <t>容维证券是不是诈骗</t>
  </si>
  <si>
    <t>黑龙江省容维证券数据化程序有限公司是一家标准的骗子公司</t>
  </si>
  <si>
    <t>珂语祛痘是真的吗</t>
  </si>
  <si>
    <t>没有反复，也不会刺激皮肤。</t>
  </si>
  <si>
    <t>祛痘的话还行，就是去痘印的时候效果有点慢。</t>
  </si>
  <si>
    <t>迅雷会员出租没了吗</t>
  </si>
  <si>
    <t>不允许出租那是迅雷公司自己的规定。</t>
  </si>
  <si>
    <t>微信群可以设置管理员吗</t>
  </si>
  <si>
    <t>打开群聊点击右上角，打开管理界面，修改群资料，邀请人员等。打开群管理功能，点击群主管理权转让，转让群主。转让完成。点击转让后，提示选择确定，完成群主管理权的转让即可。</t>
  </si>
  <si>
    <t>目前版本下（版本6.25），微信群主无法选择设置管理员，管理员为群成员列表中的第一位。微信群主更换，现有规则是微信群主（群成员列表中的第一位）退出微信群聊后，最新显示在群成员列表中的第一位的自动升级为群主，拥有群管理员权限。 微信目前不支持微信群转让，群主无法将微信群转让给更换给其他人；群成员也无法要求更换群管理。 曾有安卓曾有内测版本流出，内测版出现了“微信群转让功能”，群主退出前，可以将群管理员指定为群里的特定人，以便更好的履行群管理员责任。微信群转让功能”什么时间上线，是否会上限这项功能，只能等到微信版本更迭。</t>
  </si>
  <si>
    <t>幽门螺旋杆菌传染吗</t>
  </si>
  <si>
    <t>幽门螺杆菌可以通过人与人的密切接触而传播。</t>
  </si>
  <si>
    <t>幽门螺杆菌会通过共用餐具及共同进食相互传染。</t>
  </si>
  <si>
    <t>是胃肠的一种细菌，可能会传染，最好考虑侵入性检查才准确。</t>
  </si>
  <si>
    <t>淘宝卖家提现要手续费吗</t>
  </si>
  <si>
    <t>10月12号开始实行的提现收费只针对个人用户，卖家支付宝提现不需要手续费的。</t>
  </si>
  <si>
    <t>信用卡到期后是不是自动注销</t>
  </si>
  <si>
    <t>如果招商银行信用卡到期，没有更换新卡，旧卡是自动作废的，作废相当于注销了。</t>
  </si>
  <si>
    <t>旧卡是不会自动自动注销的，过期后的信用卡是不能正常使用的。</t>
  </si>
  <si>
    <t>政协有实权吗</t>
  </si>
  <si>
    <t>实权是相对概念，从国家治理角度来看，政协主席真没什么实权，甚至于政协都不属于国家机关，换个角度来说，能左右中国政治大局的只有1号，其他（含总理）都说不上实权，充其量是1号的重要助手而已。如果按咱们老百姓所认为的实权，那兼任常委的全国政协主席，绝对是权势熏天，说一不二，凌驾于法律之上。只要他开口，没有办不成的事，中直机关，地方大员，谁敢不给他面子。他想让谁升官就升官，想让谁下马谁就得下马。</t>
  </si>
  <si>
    <t>这个职位相当有权力。如果是副的就不怎么样。不过无论是正级还是副级，这些人都是有殷实的政治背景的。不少人家里以前肯定有大人物出现。京官在权力上永远要比地方官强百倍。</t>
  </si>
  <si>
    <t>有权。负责全国中国共产党政治工作会议等重要工作。</t>
  </si>
  <si>
    <t>车位有产权证吗</t>
  </si>
  <si>
    <t>一、对于属于人防工程的规划车位、车库的产权归属，无论《物权法》还是《人民防空法》均没有明确规定，各地执行政策不一，开发商不得出售、附赠。按照《物权法》和《人民防空法》立法中“谁投资、谁受益”的原则，只能在不妨碍防空功能和满足业主需要的前提下供业主使用，并可按约定收取一定的费用。二、对于属于非人防工程的规划车位、车库的产权归属，有明确的法律依据，《物权法》第74条第2款规定：“建筑区划内，规划用于停放汽车的车位、车库的归属，由当事人通过出售、附赠或者出租等方式约定”。因此，建筑区划内规划车位、车库的产权归开发商，房地产开发商在取得相关的规划许可，按规划许可进行开发建设后，即可以按程序取得产权，可以进行出售、附赠或出租。三、对于占用业主共有的道路或者其它场地用于停放汽车的车位，《物权法》第74条第3款规定：“占用业主共有的道路或者其它场地用于停放汽车的车位，属于业主共有”。因此，房地产开发商无权对其进行出售或出租。</t>
  </si>
  <si>
    <t>发动机渗油问题大吗</t>
  </si>
  <si>
    <t>首先要严格的和发动机漏油区分开，这属两个概念，发动机漏油是属于一种故障现象。而发动机渗油，是随着发动机的使用，由于机油的渗透能力极强，一般情况下，它都会从油封渗透出一点点，这是一种普遍现象，大可不必担心，并不是出现了故障。无论是哪一种原因造成的渗油，都非发动机故障，都不会对车况造成大的影响，只要在以后的使用过程中，随时留意机油液位有没有产生大的变化即可。</t>
  </si>
  <si>
    <t>如果是轻微渗油，或其中包含油气的话，不会对发动机有太大的影响。建议可以继续使用观察一下。渗漏油、阴漏油只要看在哪个部位就怀疑哪个部位，一般是在接缝处最多。有的只要自己动手紧一下相关的螺丝就行。如果长期渗油，建议去专业的修理店检修，虽然这个渗油不会影响发动机整车运行，但会消耗润滑系统的机油（渗的肯定是机油），使发动机润滑系统的机油越来越少，长期下去使润滑系统效果变差，最终影响发动机的使用寿命。</t>
  </si>
  <si>
    <t>返利网怎么返利可信吗</t>
  </si>
  <si>
    <t>所谓的返利网是采用购物返现金的形式聚集大量网购会员，会员从这里去淘宝等网上商城购物，订单完成后（无退货），返利网作为该商城的合作伙伴，可从该商城得到一定比例的销售佣金。返利网再把佣金的绝大部分返还给会员，这就是现金返利的来源，一点也不影响会员本来能享受到的任何优惠。</t>
  </si>
  <si>
    <t>返利网站盈利，主要是靠提成，商家给推广费，是返利网站介绍的，假入给百分之十的回扣，然后返利网站留百分之二，那百分之八给顾客，就是这样。现在由于返利不好做了，很多网站就开始搞噱头，例如最高返百分之八十，其实估计就只有一个商品返利百分之八十，其他返利很少。现在很多返利网站，说是返多少诱骗会员去买东西，到时候根本不返利或者返很少。到时候不返利也不是商家的问题，没法追究商家，想追究网站的责任，又没地去举报。还是不要相信现在的返利网站了，现在竞争激烈，商家基本都自己把价钱降下来了，不太会有返利的空间。</t>
  </si>
  <si>
    <t>mac双系统毁电脑吗</t>
  </si>
  <si>
    <t>双系统，玩游戏什么的都很正常的，应该没啥劣势。</t>
  </si>
  <si>
    <t>王者荣耀可以赠送英雄吗</t>
  </si>
  <si>
    <t>败血症好治吗</t>
  </si>
  <si>
    <t>在选择适当的抗生素后大多能治愈。</t>
  </si>
  <si>
    <t>败血症是很难治好的，建议结合中草药治疗，不过中医全国各都有，用药不对症也是会耽误病情的，选择好的治疗方案很重要的。</t>
  </si>
  <si>
    <t>2心新店开直通车有用吗</t>
  </si>
  <si>
    <t>淘宝直通车的效果和店铺信誉是不是两心或者几个钻没有直接关系。直通车的效果跟关键词的质量得分和出价有直接关系，还有直通车的转化率，</t>
  </si>
  <si>
    <t>闲鱼能退货吗</t>
  </si>
  <si>
    <t>可以退货，但要和卖家商议，给出明确理由。</t>
  </si>
  <si>
    <t>闲鱼这个东西完全没保障。</t>
  </si>
  <si>
    <t>掌悦理财可靠吗</t>
  </si>
  <si>
    <t>掌悦理财是财富管理平台，国资背景平台，是真的。</t>
  </si>
  <si>
    <t>这些平台风险较大，不参与为上。</t>
  </si>
  <si>
    <t>江清和毛主席有孩子吗</t>
  </si>
  <si>
    <t>有，叫李讷。</t>
  </si>
  <si>
    <t>没有，两人只是政治夫妻。</t>
  </si>
  <si>
    <t>快递可以寄烟吗</t>
  </si>
  <si>
    <t>国内快递目前除了部分地区的顺丰不接烟以外，申通、圆通、韵达、包括邮政EMS、E邮宝等等，这些普通快递，都是可以发烟的。但是数量有限制，一般一个包裹一次最多发3条，有的地方是两条。</t>
  </si>
  <si>
    <t>公司买房可以贷款吗</t>
  </si>
  <si>
    <t>可以的，只要您是公司的法人代表就可以向银行申请商业贷款。</t>
  </si>
  <si>
    <t>经纪人工资高吗</t>
  </si>
  <si>
    <t>艺人个人的经纪人是按活动收提成的，经纪人给艺人找到活动，就从艺人这次的活动报酬中收取一定比例的提成，作为自己的收入，这个比例是事先谈好的，公开透明的，双方明知的。如果经人没有给艺人找到活动，就没有收入。</t>
  </si>
  <si>
    <t>工资很高。</t>
  </si>
  <si>
    <t>工资取决于明星。</t>
  </si>
  <si>
    <t>apache license 2.0 可以商用吗</t>
  </si>
  <si>
    <t>不能直接使用，要获得授权。</t>
  </si>
  <si>
    <t>荔枝可以放冰箱吗</t>
  </si>
  <si>
    <t>可以。但是最好放在保鲜区，不要放在冷冻区，会冰坏掉的。</t>
  </si>
  <si>
    <t>荔枝能放冰箱保鲜，但最好还是尽快食用。</t>
  </si>
  <si>
    <t>闲来麻将有作弊器吗</t>
  </si>
  <si>
    <t>深圳村委统建楼能买吗</t>
  </si>
  <si>
    <t>切勿买。</t>
  </si>
  <si>
    <t>道奇挑战者中国有卖吗</t>
  </si>
  <si>
    <t>天津港保税区有卖的，REDLINE版本，60左右。</t>
  </si>
  <si>
    <t>物联网是传销吗</t>
  </si>
  <si>
    <t>杏上火吗</t>
  </si>
  <si>
    <t>1.杏是常见水果之一，营养极为丰富，内含较多的糖、蛋白质以及钙、磷等矿物质，另含维生素A原、维生素C和B族维生素等。2.杏性温热，适合代谢速度慢、贫血、四肢冰凉的虚寒体质之人食用；3.患有受风、肺结核、痰咳、浮肿等病症者，经常食用杏大有裨益；人食杏果、杏仁后，经过消化分解，所产生的氢氰酸和苯甲醛两种物质，都能起到防癌、抗癌、治癌的作用，长吃还可延年益寿；4.杏仁可以止咳平喘、润肠通便，常吃有美容护肤的作用。杏子可制成杏脯，杏酱等；5.杏仁主要用来榨油，也可制成食品。温馨提示：实热体质的人多食杏容易发热，会加重口干舌燥、便秘等上火症状。杏的种仁，即杏仁，有甜、苦之分，其中苦杏仁有毒，成人吃40-60粒，小孩吃10-20粒，就有中毒的危险，需要用凉水浸泡后才能食用，如将杏仁制成杏仁茶，既好吃，又安全。</t>
  </si>
  <si>
    <t>会的因为杏子属于温热类水果 所谓温热水果，指的是热量密度高、糖分高的水果。吃下去后，肝脏的葡萄糖磷酸化的反应加速、肝糖合成增加、胰岛素与升糠泪素比例上升、脂肪酸合成提高，三酸甘油脂合成也提高，肝脏充满了待送出的油脂和糖，就容易上火，身体能量增加，就比较“热”。</t>
  </si>
  <si>
    <t>败火。杏仁为蔷薇科植物杏或山杏的种子，是我国卫生部颁布的第一批“既是药品又是食品”的中药材之一,要了解杏仁的作用首先要弄清楚杏仁的基本特性，杏仁英文名Bitter Apricot Seed ，为蔷薇科植物,味苦, 性温, 有毒．入肺、大肠经．功能: 祛痰止咳、平喘、润肠．主治: 外感咳嗽、喘满、喉痹、肠燥便秘．内服: 煎汤, 3～10g；或入丸、散．外用: 捣敷，主要含苦杏仁甙、脂肪油、苦杏仁酶、苦杏仁甙酶、樱叶酶、雌酮、α-雌二醇、链甾醇等,其主要作用为降气止咳平喘，润肠通便用于咳嗽气喘、胸满痰多、血虚津枯、肠燥便秘。</t>
  </si>
  <si>
    <t>跑步能减肚子吗</t>
  </si>
  <si>
    <t>跑步是可以没错，但是效果很小。</t>
  </si>
  <si>
    <t>可以减肥但是腹部的肥肉是随全身一起减的不可能只减局部。</t>
  </si>
  <si>
    <t>韩信白龙吟值得买吗</t>
  </si>
  <si>
    <t>值得购买，他是所有皮肤中最帅的，而且攻击敌方的时候招式是一条龙，特别的酷炫。</t>
  </si>
  <si>
    <t>北辰医院能检查男科吗</t>
  </si>
  <si>
    <t>冰醋酸药店有卖吗</t>
  </si>
  <si>
    <t>这一般是有卖的，建议去当地大药房看看，具体建议在临床医生的指导下使用。</t>
  </si>
  <si>
    <t>可以去当地正规大药房,或者医药批发公司都可以购买到的。建议你可以去医院西药房看看， 那里一般会有售的。</t>
  </si>
  <si>
    <t>油耳朵就一定有狐臭吗</t>
  </si>
  <si>
    <t>不一定。油耳只是外耳道皮肤的大汗腺分泌过度造成的，使耳垢表现为黄色柔软稀薄或粘稠的油脂状物，有狐臭的人比较常见而已。其它外耳道、中耳疾病也可以出现这种分泌物。但若有狐臭家族史，年龄较小就出现油性耳垢，且可排除耳道的其它器质性病变，则需警惕有发生狐臭的可能，必须及早进行预防。</t>
  </si>
  <si>
    <t>油耳朵只是腋臭的一种临床的表现而已，但是如果一个人有油耳朵，但是不一定就有狐臭。</t>
  </si>
  <si>
    <t>学吉他难吗</t>
  </si>
  <si>
    <t>吉他并不难学，主要靠毅力，如果把吉他当成一种爱好，持之以恒是会学好的。</t>
  </si>
  <si>
    <t>口腔白斑一定会癌变吗</t>
  </si>
  <si>
    <t>如果白斑柔软光滑，手指触感不明显，尚无大的妨碍，即无癌变的可能。如果颜色变白，表面变粗糙，一旦出现皲裂溃疡等现象时，则揭示有癌变可能，一般50-70岁的中老年人口腔粘膜白斑最易癌变。</t>
  </si>
  <si>
    <t>白斑的癌变率并不高，只有百分之几。</t>
  </si>
  <si>
    <t>口腔白斑病情发展缓慢，常数年或十数年不变，也有癌变的可能，癌变率约占3-5%。</t>
  </si>
  <si>
    <t>psv3.65能破解吗</t>
  </si>
  <si>
    <t>唯一破解办法，换主板。</t>
  </si>
  <si>
    <t>向华强敢动解放军吗</t>
  </si>
  <si>
    <t>除非他疯了。</t>
  </si>
  <si>
    <t>绿叶日用品是传销吗</t>
  </si>
  <si>
    <t>干将莫邪值得买吗</t>
  </si>
  <si>
    <t>干将莫邪的一技能是将人击飞，既可以达到控制人的效果，也能够在危机的时候进行自保。二技能和三技能是一样的技能，不过就是左右弧度不一样，这个技能比较的考验你的预判了，对于新手来说是不太适合的，小编发现贴脸放绝对中，就是你可能会死。大招就是一条直线还是比较容易命中的，并且能够提供视野。</t>
  </si>
  <si>
    <t>将莫邪现在的点券价格是打折后的388点券（原价588点券），金币价格是13888金币，和露娜、貂蝉等一个价格。我个人觉得干将莫邪不是一个完美的英雄，但是反正他也没卖18888，如果他卖18888的话，我就不推荐；但是他定价13888，就还可以买。</t>
  </si>
  <si>
    <t>灭蚊器有用吗</t>
  </si>
  <si>
    <t>灭蚊器狭义上来说一般指光触媒灭蚊器。光触媒灭蚊器采用物理方式灭蚊，是以成为目前市面上最为环保的灭蚊工具。可有效灭蚊。</t>
  </si>
  <si>
    <t>成都有专治甲亢的医院吗?</t>
  </si>
  <si>
    <t>四一六医院。</t>
  </si>
  <si>
    <t>成都中科甲状腺病医院。</t>
  </si>
  <si>
    <t>chaturbate有没有app</t>
  </si>
  <si>
    <t>百度搜索（4gjsq）配置一个就可以用的。</t>
  </si>
  <si>
    <t>没有，这方面国内控制还是比较严格的。不然chaturbate就可以直接访问了。</t>
  </si>
  <si>
    <t>白灵裹脚了吗</t>
  </si>
  <si>
    <t>裹脚了。</t>
  </si>
  <si>
    <t>万能钥匙有第二部吗</t>
  </si>
  <si>
    <t>有第二部，不过和第一部完全没有关系。</t>
  </si>
  <si>
    <t>外地车能进北京二环吗</t>
  </si>
  <si>
    <t>进二环不限，只要有进京证，但是二环主路不行，除了晚10时-次日6时。</t>
  </si>
  <si>
    <t>1、二环主路禁行，辅路没限制。 要是进二环，从辅路进。2、 错开禁行时间（早六点前，晚10点后），二环主路可以通行。</t>
  </si>
  <si>
    <t>黑子的篮球:last game中国上映吗</t>
  </si>
  <si>
    <t>不上映，只能用百度云看。</t>
  </si>
  <si>
    <t>微粒贷靠谱吗</t>
  </si>
  <si>
    <t>“微粒贷”是腾讯旗下产品，是一款互联网小额信贷产品，个人贷款总额度在500元～20万元之间，单笔最高可借4万元，贷款利率低于一般信用卡利率。是可靠的。</t>
  </si>
  <si>
    <t>微粒贷是腾讯旗下的产品，这是真的，但所谓的强开都是假的。</t>
  </si>
  <si>
    <t>紧急避孕药影响月经</t>
  </si>
  <si>
    <t>由于避孕药的代谢很快,吃紧急避孕药原则上对女性没有很大的伤害,但是可能会引起月经不调、月经后延等问题。</t>
  </si>
  <si>
    <t>凡客倒闭了吗</t>
  </si>
  <si>
    <t>至于说凡客什么时候倒闭，可能需要大家等一等，可能需要等很多年。</t>
  </si>
  <si>
    <t>择天记陈长生是真龙血脉吗</t>
  </si>
  <si>
    <t>是陈氏皇族血脉，血液中含有无数圣光。</t>
  </si>
  <si>
    <t>陈长生有没有真龙血脉还真说不准。</t>
  </si>
  <si>
    <t>应该是的。</t>
  </si>
  <si>
    <t>中国主席的保镖带枪吗</t>
  </si>
  <si>
    <t>让带枪，但是得向对方国家报备，比如美总统访华，随行的美国总统座驾和安保人员以及武器会提前一周以上先到达，备案登记做准备工作。</t>
  </si>
  <si>
    <t>有赞微小店是骗局吗</t>
  </si>
  <si>
    <t>每年要收几千的加盟费，如果有人说免费就可能是骗局。</t>
  </si>
  <si>
    <t>阿甲科技招聘是真的吗</t>
  </si>
  <si>
    <t>粽子快递会坏吗</t>
  </si>
  <si>
    <t>自家包的，当天新鲜煮好的，一般1到2天问题不大。</t>
  </si>
  <si>
    <t>不会坏，只要煮了足够的时间，在邮递的时候告诉快递公司人是食品，他们会冷藏的。</t>
  </si>
  <si>
    <t>天气热，熟的会变质的。</t>
  </si>
  <si>
    <t>牙齿裂了一定要拔吗</t>
  </si>
  <si>
    <t>判断劈裂牙是否必须拔除，必须要有牙片，有时还需要照CT，以确定患牙劈裂的深浅，是否可以保留部分牙齿等等，还有，上下牙的保留条件也有所不同。如果患牙不能保留的话，恢复咀嚼功能只有镶牙。目前，口腔科镶牙的方法不外乎三种1、活动义齿。也就是人们常说的带钩子 能拿得下来，可以取下来刷牙的假牙。2、固定义齿。这就是烤瓷牙，我们形象的称之为烤瓷桥，是桥就需要有桥墩，缺失牙前后的牙齿就充当了桥墩的角色，谓之基牙。这些基牙需要磨小才能适应牙冠的黏合。对于基牙都是好牙的前提下，磨小了实在可惜，也有以后发展为牙髓炎的可能。这样应运而生了3、种植牙。</t>
  </si>
  <si>
    <t>不要轻易拔牙，x光片没有看到明显根折影像，一般经过根管治疗疼痛就能够消失，然后可以考虑牙冠修复。</t>
  </si>
  <si>
    <t>陈海死了吗</t>
  </si>
  <si>
    <t>陈海虽然昏迷不醒但是还是活下来了。</t>
  </si>
  <si>
    <t>失信被执行人会坐牢吗</t>
  </si>
  <si>
    <t>被执行人具有履行能力而不履行生效法律文书确定的义务，并具有下列情形之一的，人民法院应当将其纳入失信被执行人名单，依法对其进行信用惩戒。</t>
  </si>
  <si>
    <t>脚心发热可以吃人参吗?</t>
  </si>
  <si>
    <t>很适合。</t>
  </si>
  <si>
    <t>不适合使用人参。</t>
  </si>
  <si>
    <t>坚果pro好用吗</t>
  </si>
  <si>
    <t>作为一款中低端机，坚果Pro整体表现良好。网友一直抱怨坚果Pro手感非常差和咯手，严重牺牲了实用的代价。</t>
  </si>
  <si>
    <t>儿童散光会自愈吗</t>
  </si>
  <si>
    <t>要看度数，度数较大不可能自愈，只有很少低度散光可能自愈。散光是指两条子午线屈光度不同而产生的屈光不正；一般情况下来说，如果没有眼部如角膜、晶状体额外受伤，散光一般是先天性的，矫正散光的方法就是医学验光，然后配镜。</t>
  </si>
  <si>
    <t>碧芙源效果好吗</t>
  </si>
  <si>
    <t>效果还不错。</t>
  </si>
  <si>
    <t>中微半导体上市了吗</t>
  </si>
  <si>
    <t>最乐观的估计，如果中微决定在创业板上市，最早将于2018年递交上市申请，按目前的IPO速度，最终上市也是很快的事。</t>
  </si>
  <si>
    <t>黑糖姜茶月经期能喝吗</t>
  </si>
  <si>
    <t>生理期时要喝滚烫的红枣黑糖姜茶，如有痛经，除平时坚持饮用外，可在经期开始前3天连续饮用直至经期结束，可有效缓解痛经。如感觉血量过大，建议饮用至经期第三天，然后待经期彻底结束再继续饮用。生理期正常者在此期间可不喝，其余时间，每天坚持喝即可。</t>
  </si>
  <si>
    <t>可以的，姜和黑糖都是温性的，没问题，例假期间是应该喝的。</t>
  </si>
  <si>
    <t>如果可以的话就不要吃是煮最好的，因为经期的时候在已经是在排毒了，红糖是补气血的而你喝的是红糖加姜的。姜会让月经血流的不干净的，最好是经期干净的时候喝。</t>
  </si>
  <si>
    <t>2017建筑行业该跳槽吗</t>
  </si>
  <si>
    <t>该。</t>
  </si>
  <si>
    <t>打码赚钱是真的吗</t>
  </si>
  <si>
    <t>打码赚钱从模式上来讲是完全没有问题的，因为整个流程很清楚：兼职的人通过打码赚钱获得收入，而给支付佣金的平台（或企业）也完成了他们的注册需求，典型的双赢模式。</t>
  </si>
  <si>
    <t>有真的当然也有假的，也有很多假冒的打码网站，要交费才能提款就是假的。</t>
  </si>
  <si>
    <t>是真的，但是赚的很少的。就是下载个打码软件，按照出来的验证码输入，正确就有钱的。打的码就是平时注册登陆时的验证码。打码就是编辑验证码。</t>
  </si>
  <si>
    <t>鬼女红叶值得培养吗</t>
  </si>
  <si>
    <t>SR 式神中非常不错的群体攻击，尤其暴击是非常厉害的，在刷怪和练式神的时候都非常有用。虽然有很多比它强大的 SSR 式神，但是 SSR 式神技能强化真的比较困难，所以选择 SR 式神也是非常不错的选择。一定要练。</t>
  </si>
  <si>
    <t>鬼女红叶的定位是群体输出，其技能特点是普攻和大招的 AOE 都有几率给对手挂上红枫娃娃，但由于娃娃爆炸触发条件太过苛刻且伤害也不高，使得鬼女难以跻身一线输出的行列。不过其大招 AOE 伤害配合破势效果还是相当可观的（至少在副本中是这样），因此抽不到姑获鸟、茨木的新手们，可以先用鬼女过度，毕竟鬼女刷图效率还是可以的。</t>
  </si>
  <si>
    <t>游戏中期可以玩玩。觉醒后 a 攻击。后期面板攻击太低一般般，不如小黑。</t>
  </si>
  <si>
    <t>刘威葳前夫是张嘉译吗</t>
  </si>
  <si>
    <t>闲鱼靠谱吗</t>
  </si>
  <si>
    <t>这取决于买家，有些买家不墨迹不砍价不喊包邮收到货秒确认，有些买家就超级奇葩。</t>
  </si>
  <si>
    <t>不敢保证。</t>
  </si>
  <si>
    <t>dnf攻击时伤害和对敌人伤害冲突吗</t>
  </si>
  <si>
    <t>对敌人伤害增加是属于黄字伤害，黄字伤害冲突太多了。</t>
  </si>
  <si>
    <t>北京科蓝是外包吗</t>
  </si>
  <si>
    <t>对银行外包。</t>
  </si>
  <si>
    <t>一个外包公司（尽管公司否认，但确实是）。</t>
  </si>
  <si>
    <t>白噪音对婴儿有害吗</t>
  </si>
  <si>
    <t>长期利用白噪音来安抚孩子哭闹会非常不利于宝宝正常的心理成长和安全感的建立，等到孩子稍微长大一些这个方法就不管用了。比较建议的是父母自己哼唱一些曲子来进行胎教让宝宝在不安的时候能够快速的安静下来而且还比较有意义。</t>
  </si>
  <si>
    <t>白噪音在哪方面可以发挥它的声音治疗功效呢？对于新生儿的父母来说，利用白噪音来停止婴儿的哭泣是一个很有效的声音治疗方法。例如，新生儿刚刚离开妈妈的子宫，来到一个陌生的环境，这对他们来说是需要一个适应过程的，而我们生活环境中一些陌生的声音对它们来说有时会另他们感到不安，以及烦躁。他们更喜欢子宫里的嘈杂声，而白噪音与他们熟悉的这种声音有着类似之处。因此，在很多孩子感到不安的时候，听到这种声音都会安静下来。特别是对那些患有新生儿疝气的孩子，他们经常会因为身体的不适以及对环境的不适应而莫名其妙的大声哭闹。</t>
  </si>
  <si>
    <t>用棉签掏耳朵好吗</t>
  </si>
  <si>
    <t>不要过度深入，时间不要太长，一般来说没什么大问题。</t>
  </si>
  <si>
    <t>经常用棉签来掏耳朵并不是一个好的方法，而且还有可能对耳朵造成伤害。</t>
  </si>
  <si>
    <t>狗狗细小能治好吗</t>
  </si>
  <si>
    <t>细小现在的治愈率很高的主要就是坚持禁食禁水然后，没力气也是正常的毕竟不吃不喝但是医生会给葡萄糖狗狗不会难受再说现在狗狗应该是没有食欲的我家的现在第5天不拉不吐都没精神但是慢慢会好转，注意家里要消毒找医生要专门的药水坚持在家里每天几遍的喷洒记得要打消炎药单抗免疫球蛋白这几样是不能少的要问医生用了什么药回来上网查查心中有数保暖也是重要的别没治好细小还感冒就麻烦了。最重要的就是给自己和狗狗信心鼓励他陪着他让他有求生的欲望。</t>
  </si>
  <si>
    <t>小米手环2 心率准吗</t>
  </si>
  <si>
    <t>相当准确。</t>
  </si>
  <si>
    <t>不用手机开启运动模式的话，单次测量是瞬时心率，静止不动的情况下大概要5～10秒才能读数，如果是运动状态，比如跑步，那么测量将变得十分困难，基本测不到，带松带紧没多大改善。</t>
  </si>
  <si>
    <t>慈元阁的东西是真的吗</t>
  </si>
  <si>
    <t>应该是个商店， 最好去实体店看一下。</t>
  </si>
  <si>
    <t>感冒可以吃鸡蛋吗</t>
  </si>
  <si>
    <t>专家认为，感冒是可以吃鸡蛋，说不能吃是不科学的，但是感冒不能吃鸡蛋也有他隐含的道理。感冒不能吃鸡蛋，实际上指的是感冒后伴有发烧的人是不能吃鸡蛋的。</t>
  </si>
  <si>
    <t>感冒了吃鸡蛋会导致身体内热量过高、烧上加烧是一种误会，人在进食后体温都会略有升高。</t>
  </si>
  <si>
    <t>风热感冒可以吃鸡蛋。</t>
  </si>
  <si>
    <t>普京上好声音是真的吗</t>
  </si>
  <si>
    <t>普京参加好声音只是网友的恶搞之作。</t>
  </si>
  <si>
    <t>假的，编辑出来的。</t>
  </si>
  <si>
    <t>空调送风耗电吗</t>
  </si>
  <si>
    <t>不费电的。</t>
  </si>
  <si>
    <t>空调送风模式是很省电的，一般一小时都不会用得到0.1度电。</t>
  </si>
  <si>
    <t>白颠疯会传染吗</t>
  </si>
  <si>
    <t>白癜风不是由于病原体而发病，所以不具备传染特性。</t>
  </si>
  <si>
    <t>塑料做大米是真的吗</t>
  </si>
  <si>
    <t>谣言。</t>
  </si>
  <si>
    <t>csgo要钱吗</t>
  </si>
  <si>
    <t>1、对于在国际服已经购买过游戏的玩家，国服是不需要二次购买的，只需要用 steam 帐号绑定完美帐号即可在公测后获得游戏资格。2、对于新玩家来说，在测试阶段，只要你获得了激活码，即可免费游玩 csgo。在公测之后尚未购买的玩家则需要购买游戏才能进入国服。</t>
  </si>
  <si>
    <t>CSGO 是一个买断式的游戏，需要在 steam 平台上购买，14.99美元美国节假可打折。</t>
  </si>
  <si>
    <t>苹果手机恢复出厂设置后数据还能恢复吗</t>
  </si>
  <si>
    <t>若没有备份，不能恢复；若有备份可以恢复。</t>
  </si>
  <si>
    <t>可以。恢复出厂设置，原来删除的文件又回来了，原因：程序删除后，是在data\app里面生成了一个文件 ，用来记录被卸载的程序。其原来挂载的dloadapp文件夹里的程序依然存在。在恢复出厂设置之后， 这个文件就会被删除 系统就认为没有卸载什么程序。所以原来程又全都回来了。</t>
  </si>
  <si>
    <t>索菲亚衣柜799有猫腻吗</t>
  </si>
  <si>
    <t>有猫腻。一、背板只有5mm厚，这么薄怎么做衣柜。         二、乱收费，同样的木板，收费却不同，美其名曰一个套餐价一个不是套餐价。三、安装乱七八糟，安装的衣柜不在同一水平线上，后装修师傅问有没有吊水平线，结果根本就没看到吊水平线，结果装的柜子斜的。四、套餐标配不公开，这样奸商就这块板子不在套餐内，那块板子不在套餐内，最后你要多出好多板子钱，反正算总价每次都不同。</t>
  </si>
  <si>
    <t>天涯明月刀不花钱能玩吗</t>
  </si>
  <si>
    <t>快拨网络电话是骗局吗</t>
  </si>
  <si>
    <t>应该不是。可以试试4g 通网络电话。</t>
  </si>
  <si>
    <t>口交会不会艾滋</t>
  </si>
  <si>
    <t>有感染艾滋病的可能。一般艾滋病的传播途径为性接触，母婴传播，血液制品。口交也有传播艾滋病和性病的可能。因为一方难免有牙龈炎、口腔溃疡等口腔常见病；另一方的外生殖器又难免在口交时被对方的牙齿划伤。</t>
  </si>
  <si>
    <t>艾滋病病毒感染者的精液或阴道分泌物中有大量的病毒，通过肛门性交，阴道性交，就会传播病毒。口交传播的机率比较小，除非健康一方口腔内有伤口，或者破裂的地方，艾滋病病毒就可能通过血液或者精液传染。</t>
  </si>
  <si>
    <t>一般情况下口交是不会传染艾滋病病毒（HIV）的。但是如果其中一方是HIV携带者，那么他（她）的生殖器分泌物、精液中都会含有艾滋病病毒，而一旦口交方有口腔溃疡、牙龈出血或口腔内出现创口等情况时，HIV病毒会通过溃疡创口进入血液循环系统构成传播。</t>
  </si>
  <si>
    <t>信用卡还款日当天还款算逾期吗</t>
  </si>
  <si>
    <t>还款日晚上24点之前都不算逾期。</t>
  </si>
  <si>
    <t>美版iphone7 国内可以用吗</t>
  </si>
  <si>
    <t>(1) iPhone7美版Att版，tmobile版。运营商定制机默认是有锁的，但是目前也存在全价无锁机型，据说在美国苹果直营店购买的全价机为无锁机，回国后把自带的运营商卡拔出，用国内的卡激活即可使用，据说在美国苹果官网购买的tmobile版的全价机也是无锁机，不过即使是无锁版本也不是全网通的，会对国内的一下网络频段进行屏蔽，不建议购买。(2) iPhone7美版V版。V版确认是无锁的机型，唯一的不好之处也是不是全网通的版本，会对国内的一下网络频段进行屏蔽。(3) iPhone7美版S版。无锁全网通，支持移动4g/3g/2g，联通4g/3g/2g，电信4g/3g/2g，插卡即用，可任意升级，建议机友们购买此版本。</t>
  </si>
  <si>
    <t>空腹能吃榴莲吗</t>
  </si>
  <si>
    <t>要是一定要在空腹的时候吃点榴莲，可以是可以的，但首先要保证肠胃健康，承受得起榴莲的刺激，而且最好是不要吃得太多，最好是先喝一杯水，这样就可以稀释榴莲的刺激性。</t>
  </si>
  <si>
    <t>白茯苓粉能嫩肤吗</t>
  </si>
  <si>
    <t>白茯苓美白美容效果尽人皆知。</t>
  </si>
  <si>
    <t>造影后真的容易怀孕吗</t>
  </si>
  <si>
    <t>造影只是检查你的输卵管是否通畅，不是治疗，输卵管积水表示你输卵管有炎症，最好得先消炎治疗。</t>
  </si>
  <si>
    <t>天龙八部手游费钱吗</t>
  </si>
  <si>
    <t>玩游戏不就是玩个娱乐吗，不花钱还有些挑战性，天龙还可以吧，没有花钱玩到最后也不比VIP差，玩个高兴就好了。</t>
  </si>
  <si>
    <t>第三石投资是真的吗</t>
  </si>
  <si>
    <t>优洁士有毒吗</t>
  </si>
  <si>
    <t>没有毒。</t>
  </si>
  <si>
    <t>汽车防晒垫有用吗</t>
  </si>
  <si>
    <t>雅培小安素能长期喝吗</t>
  </si>
  <si>
    <t>雅培小安素是全营养配方粉，可以代替普通奶粉，也可以和普通奶粉一起喝，宝宝可以吃到10岁，而且小安素可以增强宝宝的抵抗力，减少患病的几率，坚持90天，临床验证有效。雅培小安素是专为一岁以上的偏食宝宝所设计的特殊营养食品，比一般成长奶粉更完整均衡。经研究证实，确实能帮助偏食宝宝追赶成长，及维持健康。并不适合一般食用， 须经过医师或营养师指导使用。</t>
  </si>
  <si>
    <t>雅培金zhuang装小安素(适合1-7岁挑食偏食宝宝)是美国儿科医生推荐的小儿营养补充重点品牌，特别为挑食偏食、胃口差及需要补足全营养的宝宝准备，吸收全方位营养长高长壮看得见! 雅培金zhuang装小安素适用挑食偏食，胃口小的宝宝，偏矮偏瘦的宝宝，容易感冒生病的宝宝食用。小安素能给不爱吃饭胃口小的宝宝补足每日所需要的营养，还有益生菌、益生元，可以促进肠道健康。</t>
  </si>
  <si>
    <t>可以吃，它主要针对营养不良的孩子，如瘦弱、吃饭差、生病期间，正常儿童也可以吃，超重儿就免了吧，我儿子小的时候就吃过，好像是一天一到两次，按两顿奶量吃记不太清了，它主要是蛋白质含量高，希望对你有帮助，不知医生怎样让你吃，都两三年了实在记不清了，不过吃多了没事，我还听过雅培作的讲座呢。</t>
  </si>
  <si>
    <t>朝天鼻矫正价格贵吗</t>
  </si>
  <si>
    <t>1、朝天鼻矫正手术价格和患者自身情况有关，医生都是根据患者的实际情况来制定最适合的手术的，所以患者自身的身体情况对歪鼻矫正手术的价格存在着很大的影响。患者只有到医院进行具体的检查之后才能知道手术价格。2、朝天鼻矫正手术价格和手术方式有关，术之前一定要对整个手术的过程做一个详细的了解。其实朝天鼻矫正手术并不是很复杂，只需要在鼻孔内做一个内切口就可以了。但是由于每个人的情况都是不一样的，在手术方式上自然是存在着差别的，这点事需要求美者注意的，不能人云亦云，别人的情况和你的情况是不同的。3、朝天鼻矫正手术价格和手术地区有关，每个城市的消费水平是不同的，东部地区的消费水平肯定比西部地区的消费水平高，在手术价格上自然也要高点。</t>
  </si>
  <si>
    <t>沈阳麟龙公司靠谱吗</t>
  </si>
  <si>
    <t>病理切片癌症会误诊吗</t>
  </si>
  <si>
    <t>病理结果基本上是不会出现误诊情况的，不过如果发现检测结果与病情症状，其他供测结果相差太多，可以跟医生交流下，一般这类情况极少出现。</t>
  </si>
  <si>
    <t>从医疗事故技术鉴定的角度，对病理医师的要求最严，也是这个道理。工作量、学术水平，不应当构成“误诊”的理由。</t>
  </si>
  <si>
    <t>ipad和iphone可以用一个id吗</t>
  </si>
  <si>
    <t>iPad与手机上是可以搜索共用同一个Apple ID的。</t>
  </si>
  <si>
    <t>所有的苹果产品都可以共用ID。</t>
  </si>
  <si>
    <t>朝鲜现状2017还穷吗</t>
  </si>
  <si>
    <t>生活现状依然不容乐观。</t>
  </si>
  <si>
    <t>现在朝鲜的情况基本上可以参考中国和苏联关系恶化中国被美国苏联两大阵营边缘化以后的情况，但朝鲜应该比中国当时的情况要好一点，毕竟七八十年代以前的朝鲜可不穷啊，90年代之前就达到了百分之70的城市化率了，许多产品基本上可以自给自足。</t>
  </si>
  <si>
    <t>朝鲜人民的生活状况还是可以的。</t>
  </si>
  <si>
    <t>vpn用的是自己的流量吗</t>
  </si>
  <si>
    <t>vpn 用的是自己的流量。</t>
  </si>
  <si>
    <t>这只是在公用网上开辟一个虚拟的私人网络，是对自己的网络加密而已，当然不能免流量。</t>
  </si>
  <si>
    <t>吃两片三唑仑能摸醒吗</t>
  </si>
  <si>
    <t>公益一类会取消编制吗</t>
  </si>
  <si>
    <t>痛风能彻底治好吗</t>
  </si>
  <si>
    <t>痛风是全身慢性代谢性疾病,因体内嘌呤代谢异常,血中的嘌呤代谢产物,尿酸含量增高所致.痛风一旦发生就无法治愈,所以要注意预防。</t>
  </si>
  <si>
    <t>痛风能不能治好是根据患者病情到达了哪个程度来说的，一般初期痛风治好还是可以的，可以采用饮食控制，改善日常生活不良习惯，在医嘱下服用以下必要的药物可以达到治愈的目的，中期痛风治疗方法，除了以上外，主要采用药物控制痛风病情来维持，亦可以采用一些必要的手术疗法，痛风达到后晚期，已经形成痛风石，药物治疗作用已经不是很大，只能采用一些必要的手段消除痛风石，来达到缓解痛风的作用，建议手术诊治。</t>
  </si>
  <si>
    <t>首都师范大学是211吗</t>
  </si>
  <si>
    <t>不是211。</t>
  </si>
  <si>
    <t>成都博爱医院好不好</t>
  </si>
  <si>
    <t>医院挺不错的，来医院都不用担心找不着地方，全程都有医生指导就医，感觉很舒服。</t>
  </si>
  <si>
    <t>博爱医院的环境和服务态度，你只有来这里看过病的都知道这是一个有爱的医院，很多喷子专门是黑医院的，有句话是你现在做的总有一天别人也会这样对你。所以我觉得，很多病人从这里走向康复，是极好的。所以我自己认为博爱医院是一个挺好的医院，从服务态度和环境和医生的技术来讲都是好的。</t>
  </si>
  <si>
    <t>成都博爱医院是一所集医疗、预防、保健、康复为一体的现代化综合性医院，是省市区医保定点医院，四川省扶贫基金会指定医疗机构，成都泌尿外科医院，是蓉城深受广大群众喜欢的医院。</t>
  </si>
  <si>
    <t>阴阳师海坊主好用吗</t>
  </si>
  <si>
    <t>1、易入手，队伍比鬼使黑好组，翻车率低，一下午就能肝好多只，技能几天就能刷满。2、下限高，由于治疗的特质，1拖4打难度高于目前水平的副本时，虽然慢了点，但基本不会翻车。3、组队兼容性高，大大降低了无奶队伍的翻车率，伤害总能打出来。4、有个性，用的人少，偶尔组个队队友还挺稀罕，鱼塘斗鸡的时候对手不知道打海坊主，被一个海浪推的高潮迭起。5、可以单刷狩猎战，记得带一堆1级咸鱼让他们上来就死，不然海坊主容易奶别人导致自己被a死。</t>
  </si>
  <si>
    <t>海房主才是真正的第一奶，奶量惊人，如果说小草是攻击性奶，海房主就是输出型奶，缺点是3费速度不卡好经常没费用。</t>
  </si>
  <si>
    <t>海坊主觉醒后打多少回多少血很op，包括针女的伤害也能回血。所以说属性尽可能堆暴击带针女，也就是咕咕鸟的御魂它也适用。技能虽然说明是给最少的回血，但是大招3段伤害，会3次依次给最少的回血，所以说奶量也不会溢出。</t>
  </si>
  <si>
    <t>直通车开了就不能停吗</t>
  </si>
  <si>
    <t>是可以停的，但是停下来展现转化率都会有所下降。</t>
  </si>
  <si>
    <t>间断对直通车的权重是有影响的，最好不要间断，要是真的间断，时间也不要超过两天，不然质量得分是会下滑的。</t>
  </si>
  <si>
    <t>百邦苹果售后可信吗</t>
  </si>
  <si>
    <t>百邦是苹果的授权点，有一定保障，但是毕竟是外包，怎么做是苹果管不到的，所以总得来说，看人品。遇到诚信的还好，不诚信的，就跟卖场维修点一个性质。</t>
  </si>
  <si>
    <t>百邦很坑人。</t>
  </si>
  <si>
    <t>百邦还是挺正规的。</t>
  </si>
  <si>
    <t>阴茎弯曲正常吗?</t>
  </si>
  <si>
    <t>如果阴茎勃起时向前弯曲的角度不大于40度；向后、向左、向右弯曲的角度不大于30度，属于正常范围，如果向前弯曲的角度大于40度；向两侧的弯曲角度大于30度，可能会影响性生活。可以考虑手术治疗。</t>
  </si>
  <si>
    <t>考虑是属于是个体差异的情况，很多人的阴茎都有不同程度的弯曲，但有些疾患也可引起男子阴茎弯曲最常见疾病是尿道下裂、阴茎硬结症等。很可能是由于有炎症或者是别的的毛病引起的，这种情况会影响性生活，需要治疗，必要时到医院检查，明确诊断。</t>
  </si>
  <si>
    <t>s7振兴之铠取消了吗</t>
  </si>
  <si>
    <t>是的，取消了。</t>
  </si>
  <si>
    <t>新增【逐日之弓，【破魔刀】改动装备振兴之铠没了10%的技能冷却，增强了法术防御。</t>
  </si>
  <si>
    <t>红豆角直播可以卖淘宝的商品吗</t>
  </si>
  <si>
    <t>不在经营范围内可以开票吗</t>
  </si>
  <si>
    <t>不可以：开具发票的范围与发票使用的范围是一致的。</t>
  </si>
  <si>
    <t>根据《增值税暂行条例》第一条规定，在中华人民共和国境内销售货物或者提供加工、修理修配劳务以及进口货物的单位和个人，为增值税的纳税人，应当依照本条例缴纳增值税。另外，根据《发票管理办法实施细则》规定，单位和个人在开具发票时，必须做到按号码顺序填开，填写项目齐全，内容真实，字迹清楚，全部联次一次复写、打印，内容完全一致，并在发票联和抵扣联加盖单位财务印章或者发票专用章。</t>
  </si>
  <si>
    <t>参考文献一定要引用吗</t>
  </si>
  <si>
    <t>期刊论文中没有引用的论文不必在参考文献里列出。毕业论文可列可不列。凡是和自己论文方法和方向相近、相关的近几年论文都应该引用，并且尽量引用所投期刊的论文。</t>
  </si>
  <si>
    <t>对于论文的参考文献一般情况下主要是由这几个方面的事项规定：文末所写的参考文献均应在文中直接引用。正文中没有直接引用但研究过程中参考的不必写上并编号；同时所引用的参考文献最好是原话，也可转述及归纳等等。</t>
  </si>
  <si>
    <t>一定要引用，这是对原文作者的尊重。</t>
  </si>
  <si>
    <t>棋牌作弊器是真的吗</t>
  </si>
  <si>
    <t>在网上打牌 ，陆陆续续输了十大几万的样子。他们表面上是游戏和银商分开且没有关系，其实根本就是一人所为或者说是一个团队在做。之前自己一直输钱，大牌被吃认为是运气倒霉的原因，电脑都砸了两个，原来是让设定好的程序给骗了。</t>
  </si>
  <si>
    <t>胃蛋白酶2偏高是癌症吗</t>
  </si>
  <si>
    <t>引起胃蛋白的原因有多种。这个目前还不能断定是癌。</t>
  </si>
  <si>
    <t>嘉善2020年归上海吗</t>
  </si>
  <si>
    <t>舒尔佳有减肥成功的吗</t>
  </si>
  <si>
    <t>舒尔佳吃了，绝大多数患者都会排油，没有看见排油并不是不排油，而是油以很小滴分布于粪便中一起排出，是不影响药效的。减肥平台期是正常的人体生理保护机制。当为了减肥而减少摄取热量一段时间后，身体就会产生适应现象，将所摄取的食物热量尽量的吸收并作最有效的利用。在减肥平台期内加大运动的强度和密度可以提高人体的新陈代谢率，令热量的消耗提高，减低人体保护功能对热量下降的适应性，可以有效缩短“停滞期”的时间。</t>
  </si>
  <si>
    <t>还是锻炼吧，这些东西没太大效果，弄不好还反弹。</t>
  </si>
  <si>
    <t>言承旭还在等林志玲吗</t>
  </si>
  <si>
    <t>2017年3月，言承旭承认了新爱，新女友叫张熙恩。</t>
  </si>
  <si>
    <t>平安信用卡加油88折有条件限制吗</t>
  </si>
  <si>
    <t>如果持卡人名下车辆的车险是在平安保险公司做的，且没有发生过出险，每个月消费满2000有效积分后，在平安指定加油站加油就可以享受88折优惠了。</t>
  </si>
  <si>
    <t>人人中彩票是正规的吗?</t>
  </si>
  <si>
    <t>假的，都已经被被查了。</t>
  </si>
  <si>
    <t>借呗可以提前还款吗</t>
  </si>
  <si>
    <t>打开支付宝，点击“我的”蚂蚁借呗怎样提前还款找到“蚂蚁借呗” ，点击进入蚂蚁借呗怎样提前还款点击右上角的“还款”蚂蚁借呗怎样提前还款点击右上角的“贷款记录”，选择你需要提前还款选项，进入还款页面。蚂蚁借呗怎样提前还款点击“提前还款”蚂蚁借呗怎样提前还款输入还款金额，会出现手续费，利息，服务费及还款总额。点击“确认还款”。这样就还好了。蚂蚁借呗怎样提前还款。</t>
  </si>
  <si>
    <t>朴树有孩子吗</t>
  </si>
  <si>
    <t>一个微信号可以两个手机同时上么</t>
  </si>
  <si>
    <t>水垢多的水能喝吗</t>
  </si>
  <si>
    <t>自然界的水大多加热后都会产生该类物质，严格的讲单纯是水垢对人体是有危害，但是绝对是属于人体能够接受的，不会造成什么具体的伤害。但长时间结下的水垢其中包含许多沉淀物，并伴有烧水容器内所产生的微量金属元素，包括铅锌砷等重金属，是对人体有害的。</t>
  </si>
  <si>
    <t>水垢中还存在大量的重金属，医疗实践证明，长期摄入会引起人体的重金属中毒，甚至会引起人体器官的癌变。</t>
  </si>
  <si>
    <t>唐筛临界风险 有必要做无创吗</t>
  </si>
  <si>
    <t>红豆薏米粥能天天喝吗</t>
  </si>
  <si>
    <t>喝薏米红豆粥好处多，但也不能天天喝，中医认为喝可以，但是要适量，最好是适度的喝，效果才更好。</t>
  </si>
  <si>
    <t>心理追凶好看吗</t>
  </si>
  <si>
    <t>不是很好看。</t>
  </si>
  <si>
    <t>地藏盾吃暴击吗</t>
  </si>
  <si>
    <t>除了晴明盾，其他的盾都吃暴击。</t>
  </si>
  <si>
    <t>吃</t>
  </si>
  <si>
    <t>非恶意逾期证明 对贷款有用吗</t>
  </si>
  <si>
    <t>即使借款人能出具非恶意逾期证明，贷款银行也是会结合逾期情况、借款人还款能力等综合评审。不同银行对其他银行出具的非恶意逾期证明的认可程度不同。</t>
  </si>
  <si>
    <t>蓝色大海的传说好看吗</t>
  </si>
  <si>
    <t>剧情没冲突平淡得像白开水，特效五毛，李敏镐跟全智贤没西皮感，只靠全姐姐的脸跟李敏镐的大长腿。</t>
  </si>
  <si>
    <t>红霉素软膏祛痘吗</t>
  </si>
  <si>
    <t>不可以祛痘，红霉素软膏属于抗生素类，主要是起到消炎作用的，并不能够根治脸上的痘痘。 而且红霉素软膏本身是比较油的，不适合祛痘。</t>
  </si>
  <si>
    <t>红霉素只能抗一般炎症,不可以祛痘。</t>
  </si>
  <si>
    <t>每天敷面膜好吗</t>
  </si>
  <si>
    <t>每天都敷面膜对皮肤不好。每天使用面膜只会让皮肤越来越敏感，越来越脆弱，甚至引起红肿，降低皮肤的抵抗力。</t>
  </si>
  <si>
    <t>发烧会烧坏脑子吗</t>
  </si>
  <si>
    <t>发热40°以内不会烧坏脑子，除非病毒细菌引起脑子发炎，出现脑膜炎，脑炎。</t>
  </si>
  <si>
    <t>实际上，大多数出现发烧的患儿只是普通的感染。普通感染引起的发烧，体温很少超过40 ，且持续时间并不长，这类发烧并不会造成脑细胞损坏，导致烧坏脑子。</t>
  </si>
  <si>
    <t>发烧本身不会对脑子造成损伤。</t>
  </si>
  <si>
    <t>信用卡不开卡收年费吗</t>
  </si>
  <si>
    <t>工商银行的信用卡未启用，工行不收取年费。</t>
  </si>
  <si>
    <t>一般不开卡不收年费。</t>
  </si>
  <si>
    <t>威古氏是低端品牌吗</t>
  </si>
  <si>
    <t>曹璐在韩国人气高吗</t>
  </si>
  <si>
    <t>前一阵子蛮高的，说她直爽可爱综艺感强，但是南海事件曹璐在INS上表过态之后，韩国网友就不太喜欢她了，但是最近综艺貌似又开始找她上了，有回春的迹象。</t>
  </si>
  <si>
    <t>新加坡psb中国人多吗</t>
  </si>
  <si>
    <t>新加坡卡莱斯学生公寓一共有两幢房子，里面住的多数以中国人和亚洲学生为主。</t>
  </si>
  <si>
    <t>川崎病会留后遗症吗</t>
  </si>
  <si>
    <t>大多数川崎病的患者完全治愈之后是没有后遗症的，但是也不排除一小部分的川崎病患者会有后遗症的发生。</t>
  </si>
  <si>
    <t>如果没有引起心脏血管的并发症，川崎病多不会有后遗症。</t>
  </si>
  <si>
    <t>教宗是红袍吗</t>
  </si>
  <si>
    <t>择天记红袍肯定就是教宗。</t>
  </si>
  <si>
    <t>淘票票可以退票吗</t>
  </si>
  <si>
    <t>淘票票是可以退票的，不过目前部分影院已经开通过线上退票功能，还有部分影院没有开通线上退票功能。</t>
  </si>
  <si>
    <t>dha吃多了有副作用吗</t>
  </si>
  <si>
    <t>服用常规剂量不会有副作用。</t>
  </si>
  <si>
    <t>dha吃多了有副作用。过多的摄入有造成肥胖的危险性。</t>
  </si>
  <si>
    <t>失信人员老婆可受影响</t>
  </si>
  <si>
    <t>夫妻双方有一人进入失信名单，另一方也会有影响的，比如银行贷款，子女上学等。</t>
  </si>
  <si>
    <t>会有影响的，最直接的就是买房贷款，子女就学等问题。还是尽快履行了，在进行信用修复，针对一些真诚告别失信行为的单位和个人，希望获得重新得到社会信任的机会，对失信行为进行改正，未至科技公信力平台提供信用修复申请功能，失信单位或企业，通过上传代理人身份证、企业组织机构代码证等身份信息，并填写信用修复信息申请表，可以发起信用修复申请。</t>
  </si>
  <si>
    <t>樱桃是热性的吗</t>
  </si>
  <si>
    <t>贴片晶振有方向吗</t>
  </si>
  <si>
    <t>有源晶振印字上面会标注脚位方向.一般左下角有一个点。</t>
  </si>
  <si>
    <t>有个点标记的为1脚位，按逆时针（管脚向下）分别为2、3、4脚位。通常的用法：一脚悬空，二脚接地，三脚接输出，四脚接电压。有字正面，从有点的那一脚，逆时针 依次是：NC、GND、CLKOUT、VCC。</t>
  </si>
  <si>
    <t>一般情况下无源晶振的一般没方向，这种晶振只有2个引脚，3个引脚(一个接地)。</t>
  </si>
  <si>
    <t>泡茶第一遍要倒掉吗</t>
  </si>
  <si>
    <t>一般是倒掉的；当然有些人不大讲究，不洗茶直接泡茶喝也行，没有太大的影响。</t>
  </si>
  <si>
    <t>腾讯大王卡用qq浏览器免流量吗</t>
  </si>
  <si>
    <t>在联通3G/4G网络下，qq浏览器内由第三方提供的网页会消耗套外流量，例如手机新闻网、百度、搜狗、爱奇艺视频、酷狗音乐、携程、京东等非腾讯业务；只有使用腾讯系应用才能免流量，使用非腾讯软件会消耗套外流量。</t>
  </si>
  <si>
    <t>在qq浏览器中使用是不能享受全网免流的，但是在登陆腾讯视频等腾讯应用后还是可以免流的，浏览器中出现的其他网页如广告内容不计入免流。</t>
  </si>
  <si>
    <t>麦点商城是传销吗</t>
  </si>
  <si>
    <t>是，麦点商城靠传销赚钱。</t>
  </si>
  <si>
    <t>变相的传销。</t>
  </si>
  <si>
    <t>fff团真的烧死人吗</t>
  </si>
  <si>
    <t>首先，FFF团的出处为“笨蛋测验召唤兽”动漫，他们诅咒异性恋，烧死情侣，只不过是动漫里的一个笑点罢了，不必当真，只不过现实生活里的人拿这个吐槽自己单身罢了。大胆的和自己的妹子出去玩吧，没什么的。</t>
  </si>
  <si>
    <t>没听说，可能是传言吧。</t>
  </si>
  <si>
    <t>结婚送酒具好吗</t>
  </si>
  <si>
    <t>看他平时喜欢什么或者他特别想要什么，假如他喜欢吃糖你送一颗糖他都会开心，礼物最重要的是他喜欢。</t>
  </si>
  <si>
    <t>不好。容易让人误会，有歧义。</t>
  </si>
  <si>
    <t>上海迪斯尼可以带吃的进去吗</t>
  </si>
  <si>
    <t>罐装婴儿食品、包装完好的果汁、水等饮料及包装完好的食物都可以带进乐园，但游客在家制作的食品是不能入园，因为自制食品有一定的安全隐患。</t>
  </si>
  <si>
    <t>哈尔滨有正规白癜风医院吗</t>
  </si>
  <si>
    <t>网上申请的信用卡一定要到网点才能激活吗</t>
  </si>
  <si>
    <t>需到此银行任一网点柜台办理激活。</t>
  </si>
  <si>
    <t>异地存款要手续费吗</t>
  </si>
  <si>
    <t>要的，具体收费标准各银行可能会有所差别。</t>
  </si>
  <si>
    <t>爱出汗是肾虚吗</t>
  </si>
  <si>
    <t>不一定，要看情况。</t>
  </si>
  <si>
    <t>刺客信条凯南有特效吗</t>
  </si>
  <si>
    <t>没有，只是外观有点变化。</t>
  </si>
  <si>
    <t>跑1000米喝红牛有用吗</t>
  </si>
  <si>
    <t>会有一定的作用因为红牛含有：1、牛磺酸。2、赖氨酸。3、咖啡因。4、肌醇。5、维生素PP。6、维生素B6。7、维生素B12。红牛功能饮料科学地把上述各种功效成分融入产品之中，这些成分相互配合，协同作用，能够促进人体新陈代谢，吸收与分解糖分，迅速补充大量的能量物质，并调节神经系统功能，从而取得提神醒脑、补充体力、抗疲劳的卓越功效。因此，人在生理性疲劳之时，体内能量物质缺乏，能量代谢不足或存在障碍，饮用红牛饮料，充分补充能量，可以快速消除疲劳，振奋精神，提高工作效率与生活质量。</t>
  </si>
  <si>
    <t>跑前半个小时喝一罐红牛，感觉特别有用，红牛能补充体力还能提高我们的注意力和反应力。</t>
  </si>
  <si>
    <t>这种碳素性功能饮料只能起到暂时调解神经，放松的作用，一般跑之前半个小时喝，就那种金装就可以。</t>
  </si>
  <si>
    <t>植发有害吗</t>
  </si>
  <si>
    <t>植发术是一项头皮外科手术，不涉及重要组织器官，采用表皮的局部麻醉，没有太大的危害，但是植发不好的话会影响美观、皮肤感染。</t>
  </si>
  <si>
    <t>植发毕竟不是自然生长的毛发，存在一定的危害。</t>
  </si>
  <si>
    <t>喷雾可以托运吗</t>
  </si>
  <si>
    <t>喷雾器属于危险品，既不能随身携带，也不能托运。</t>
  </si>
  <si>
    <t>可以的，不含酒精成分就可以了。</t>
  </si>
  <si>
    <t>北京赛车合法吗</t>
  </si>
  <si>
    <t>涉嫌危险驾驶罪。</t>
  </si>
  <si>
    <t>是合法的。</t>
  </si>
  <si>
    <t>program files能删除吗</t>
  </si>
  <si>
    <t>Program Files 是程序文件，就是说Windows 操作系统，当然也包括其它的操作系统各种软件默认安装到的目录，位于C盘分区（"C:\Program Files"，"%ProgramFiles%"）；但也可根据用户的需要自定义到别的分区；建议不要随意删除。因为是安装的软件存放的地方；把它删除了，对应的软件就启动不了。</t>
  </si>
  <si>
    <t>榴莲能放冰箱吗</t>
  </si>
  <si>
    <t>能放冰箱。</t>
  </si>
  <si>
    <t>刘芊含老公是杨志刚吗</t>
  </si>
  <si>
    <t>暴怒野兽吃磨损吗</t>
  </si>
  <si>
    <t>这皮肤不是很吃磨损。</t>
  </si>
  <si>
    <t>国外禁止喝反渗透水吗</t>
  </si>
  <si>
    <t>没有这个说法。</t>
  </si>
  <si>
    <t>红字发票可以作废吗</t>
  </si>
  <si>
    <t>微软雅黑有版权吗</t>
  </si>
  <si>
    <t>微软雅黑的版权分为两个部分，在Windows系统的内嵌使用，包括屏幕输出和个人使用为目的的打印，这部分微软已经向方正支付了版权授权费用，所有正版Windows用户均可放心使用。但是以商业发布为目的的微软雅黑版权，仍由北大方正保留。</t>
  </si>
  <si>
    <t>微软雅黑字体是有版权的。</t>
  </si>
  <si>
    <t>论文引用查重算吗</t>
  </si>
  <si>
    <t>要看索引的字数以及你们学校的规定。索引的字数不要太多，最好不要大段大段的引用，而且也得看你们学校的规定，有的学校查重的时候只看抄袭率，有时你引用自己的也算抄袭，的确很无奈。有的学校查重的时候会看你引文的出处，如果有出处，那么就不算了。所以最关键的还是要看学校会“怎么办”。当然，你最后查重用的是知网而不是万方，所以万方就算查重是0%也没有什么权威性，因为二者的差距还是比较大的，所以我建议你用知网CNKI去查重，这样比较保险。更重要的是，知网查重时很少会根据你的参考文献而去排除你抄袭的引文，也就是说，所引用的文字，在知网上还是算重复率的，所以要么少引用，要么把引用的加以修改。</t>
  </si>
  <si>
    <t>学校查重系统参考文献引用的也算重复率的，总文字复制比包括抄袭和引用的。不能过度引用。引用也需要修改掉。查重可以直接到图书馆进行，也可以到一些自助查重网站，全程自助安全。</t>
  </si>
  <si>
    <t>毕业论文检测时，引用内容不会算重合率的，引用内容是算引用率。</t>
  </si>
  <si>
    <t>ps可以打开pdf文件吗</t>
  </si>
  <si>
    <t>能。双击ps图标，运行photoshop，在photoshop中点击左上角的打开。然后选择打开，找到要打开的pdf文档。</t>
  </si>
  <si>
    <t>安眠药吃5片能叫醒吗</t>
  </si>
  <si>
    <t>成都做人流贵吗</t>
  </si>
  <si>
    <t>人流价格不能一概而论主，要是根据不同地区、不同医院的收费标准和不同的怀孕周期及人流方式所定。</t>
  </si>
  <si>
    <t>玉田县是唐山最穷的吗</t>
  </si>
  <si>
    <t>是最穷。</t>
  </si>
  <si>
    <t>死后能找到阴间亲人吗</t>
  </si>
  <si>
    <t>当然不会的。</t>
  </si>
  <si>
    <t>ios10.3可以越狱吗</t>
  </si>
  <si>
    <t>不能越狱。</t>
  </si>
  <si>
    <t>桥本氏甲状腺炎严重吗</t>
  </si>
  <si>
    <t>不会引发生命危险。</t>
  </si>
  <si>
    <t>如果患有桥本氏甲状腺炎的患者没有抓住治疗的最佳时机的话，就有可能会导致病情不断恶化，对患者的身体伤害也会越来越大。</t>
  </si>
  <si>
    <t>不会死的。</t>
  </si>
  <si>
    <t>狗死了会回来看主人吗</t>
  </si>
  <si>
    <t>那是不可能的。</t>
  </si>
  <si>
    <t>狗死如粪土，再不会回来。</t>
  </si>
  <si>
    <t>菠萝头能种出菠萝吗</t>
  </si>
  <si>
    <t>微信视频能美颜吗</t>
  </si>
  <si>
    <t>微信在视频的时候确实是没有美颜的功能的。</t>
  </si>
  <si>
    <t>夜华的手臂恢复了吗</t>
  </si>
  <si>
    <t>小说里好像说折颜给他做了个手臂，要经过几千年还是几万年才能恢复如初。</t>
  </si>
  <si>
    <t>他的右胳膊没有痊愈，折颜说养个千万年总能好的。</t>
  </si>
  <si>
    <t>房东不退押金报警有用吗</t>
  </si>
  <si>
    <t>可以报警，让警察调解，但这是和房东的纠纷，建议先协商，实在不行，数额巨大，可以报欺诈。</t>
  </si>
  <si>
    <t>这是属于租赁合同纠纷，报警没有用，警察不能介入民事纠纷；房东违约的话，当然可以报警。</t>
  </si>
  <si>
    <t>安神补脑液治失眠吗</t>
  </si>
  <si>
    <t>本药可生精补髓，，强脑安神。用于肾精不足、乏力、健忘、失眠。</t>
  </si>
  <si>
    <t>安神补脑液适用于轻度失眠人群。</t>
  </si>
  <si>
    <t>闯黄灯扣分吗</t>
  </si>
  <si>
    <t>根据《道路交通安全法实施条例》中国的相关规定：“黄灯亮时，已经越过停止线的车辆可以通行。”所以如果在黄灯结束前过了停止线的，是不会算违章的，不会被扣分。</t>
  </si>
  <si>
    <t>一般不扣分，但是看运气成分，如果运气不好被照上就要扣分了。</t>
  </si>
  <si>
    <t>37岁生二胎是否太晚</t>
  </si>
  <si>
    <t>35岁以上的女性，受孕机会明显低于年轻人群。</t>
  </si>
  <si>
    <t>xp系统有64位的吗</t>
  </si>
  <si>
    <t>XP没有64位的。</t>
  </si>
  <si>
    <t>杨振宁能满足翁帆吗</t>
  </si>
  <si>
    <t>这个也不好说，说不定在美国吃得好营养很好，现在还可以一晚俩次毕竟人家是教授懂得多，各种方式都懂得。</t>
  </si>
  <si>
    <t>咳嗽能喝咖啡吗</t>
  </si>
  <si>
    <t>咳嗽期间患者最好不要喝咖啡。咖啡对于人体的中枢神经系统是伤害比较大的，咳嗽患者饮用咖啡会对于病情有一定的影响。此外，咖啡还会影响人的心率、脉搏和血压，起着一种兴奋剂作用且具有一定的毒性，如过量摄入，又会给人体的生理功能如神经活动、血液循环、消化系统等造成障碍。</t>
  </si>
  <si>
    <t>咖啡对治疗咳嗽没有影响，是完全可以喝。因为咖啡里面含有咖啡因，它会使人的精神振奋，会起到激励的作用。</t>
  </si>
  <si>
    <t>咳嗽不可以喝咖啡，喝咖啡会带走人体的水分，导致消化道和呼吸道水分丢失，刺激喉咙发干发痒容易加重咳嗽，建议在感冒期间或者咳嗽时不要喝咖啡，可以喝白开水或者鲜榨的蔬果汁，如果觉得喉咙较干火舌嗓子痛可以泡点罗汉果。</t>
  </si>
  <si>
    <t>霸道和普拉多是一款车吗</t>
  </si>
  <si>
    <t>丰田霸道和普拉多是同一款车。</t>
  </si>
  <si>
    <t>上海大世界有好玩吗</t>
  </si>
  <si>
    <t>哈哈镜、百米连廊、大舞台3D展示。</t>
  </si>
  <si>
    <t>睿德二元期权可靠吗</t>
  </si>
  <si>
    <t>坑人。</t>
  </si>
  <si>
    <t>糖尿病可以吃粽子吗</t>
  </si>
  <si>
    <t>生活大爆炸第十季是最终季吗</t>
  </si>
  <si>
    <t>鹦鹉好养吗</t>
  </si>
  <si>
    <t>普通鹦鹉很好养，至于贵重一些的，就要慎重考虑。</t>
  </si>
  <si>
    <t>虎皮是不错的鹦鹉，脾气算温和的，亲不亲近人这个的看怎么养，鸟市的基本都怕人，喂一段时间能好些，还的看主人有没有内耐心，个人手上随便玩的大部分是从小养的。</t>
  </si>
  <si>
    <t>那要看是什么鹦鹉的，比如说虎皮鹦鹉，就没问题，百分百好养，如果像金太阳，就要有时间多陪它玩，至少1小时，老人比较适合，又很小，可以活15年，养起来比较麻烦一点，如果是金刚鹦鹉等高智商大鹦鹉的话，还是最麻烦，毕竟是很聪明的，但是会很有趣，像灰鹦鹉，可以教它说话，可以说除了混种金刚和紫蓝、小蓝，它可以算是最聪明又便宜的，基本1w就是可以买到最好的了，土豪的话，果断去巴西，像鹦鹉谷那的农民搞一只紫蓝，可以说这是最好的，它可以自己搞事情，学名是紫蓝金刚鹦鹉，500w到手一只母的，900w到手公的。如果是初级话，就可以从牡丹开始，基本100。</t>
  </si>
  <si>
    <t>玫瑰插枝能活吗</t>
  </si>
  <si>
    <t>玫瑰是有扦插的繁殖法。</t>
  </si>
  <si>
    <t>玫瑰估计不能。</t>
  </si>
  <si>
    <t>没有港澳通行证能去香港吗</t>
  </si>
  <si>
    <t>可以用护照前往香港，但是有一定的限制，中国公民持护照前往香港的，只有达到以下条件才可以。1、持有效护照；2、护照上有第三国的有效签证；3、有从香港出发前往第三国的有效机票、船票；满足以上三点就可以持护照、机票在香港逗留7天。</t>
  </si>
  <si>
    <t>去不了的，内地居民到香港和澳门，需要先办理港澳通行证。</t>
  </si>
  <si>
    <t>128g固态硬盘够用吗</t>
  </si>
  <si>
    <t>当然不够用。</t>
  </si>
  <si>
    <t>128g固态足够用。</t>
  </si>
  <si>
    <t>28G固态硬盘做系统盘、仅为安装系统与应用程序只用，大小完全足够。</t>
  </si>
  <si>
    <t>psv可以玩psp游戏吗</t>
  </si>
  <si>
    <t>能玩，PSV的屏幕比PSP大，分辨率也比他高，所以玩起来画质更加感人。能玩破解的游戏，因为能破解PSP模式，但是现在暂时不行，没漏洞游戏。说下大概的方法吧:1、等网上高手发布漏洞游戏名字；2、需要去psn买一个正版的漏洞游戏；3、然后等他发布工具，照着工具来就能破PSP模式。但是破了PSP模式后，你需要一直自ban（断网），并且不能升级系统，如果想玩的psv游戏比较新，需要更新的系统，也是没办法的，也就是你psv就只能当psp用了。</t>
  </si>
  <si>
    <t>可以,有两种方式。第一种是破解系统,把系统刷为psp系统就可以玩。第2种,在psn商店里有卖正版psp游戏,购买可玩。</t>
  </si>
  <si>
    <t>理论上可以，但是缺不行，因为你得去买psp的正版卡才能玩，但是买不到那东西，psp都是破解的。</t>
  </si>
  <si>
    <t>京东云平台事业部好吗</t>
  </si>
  <si>
    <t>京东云平台项目经理面试感觉比较不靠谱，特别不当回事。</t>
  </si>
  <si>
    <t>996的待遇，累。</t>
  </si>
  <si>
    <t>土豆发青去掉皮能吃吗</t>
  </si>
  <si>
    <t>不能吃。土豆皮发绿往往是土豆发芽的征兆，由于土豆皮发芽会产生大量的毒素，特别是龙葵素等物质往往容易造成食物中毒。</t>
  </si>
  <si>
    <t>土豆的绿色是叶绿素的着色，本身是没有毒害的，但是它反映了土豆中茄碱量的升高。茄碱是一种有毒物质，0.2～0.5克茄碱足以使一个成年人丧命。</t>
  </si>
  <si>
    <t>土豆放时间长了，会发青发绿，如果不太严重，就把发青的地方多扔掉一些，其它地方的可以吃；如果发青发绿严重，最好别吃了，已经变质了，对身体不好。</t>
  </si>
  <si>
    <t>手机号码不用了要注销吗</t>
  </si>
  <si>
    <t>如果是拿身份证办理的，请务必去注销一下。不注销必然产生欠费，欠费到一定程度，号码就会停机，然后身份证进黑名单。至于这个号码，停机过几个月还会拿出来用。目前几个ISP的黑名单都是省内通用，但是不排除将来全国通用。提示：进了黑名单，以后就不能用这个身份证办业务了，必须把欠费交清，才能继续办业务。欠费可能会很高，因为会有滞纳金。</t>
  </si>
  <si>
    <t>华夏人寿保险可靠吗</t>
  </si>
  <si>
    <t>银行搞的保险，都是为银行和保险公司服务的，利息低的一笔到期了，能拿回本金就不错了，不要想着收益了。</t>
  </si>
  <si>
    <t>保险公司都是可靠的，保险产品也都是靠谱的，让人觉得保险不靠谱主要是业务员在保险推销过程中只谈优点不谈缺点，导致有些人买过之后觉得自己上当受骗了，建议买保险一定要看清合同条款再购买。</t>
  </si>
  <si>
    <t>保险是不会骗人的，有保险公司和保监会的担保，买保险首要看清保单，不要听信业务员的购买。</t>
  </si>
  <si>
    <t>黑苹果可以在线升级吗</t>
  </si>
  <si>
    <t>可以直接在线升级 不同的系统在不同的分区 重装也没有影响 把引导重建一下就行了</t>
  </si>
  <si>
    <t>四叶草引导的一般可以完美直接升级，变色龙的话升级后需要重新安装部分驱动，如果只是升级软件的话可以在Appstore中直接升级的。</t>
  </si>
  <si>
    <t>去相关网站下载macossierra的dmg文件。</t>
  </si>
  <si>
    <t>苏打饼干对胃好吗</t>
  </si>
  <si>
    <t>苏打饼干中含有碳酸氢钠，可以平衡人体酸碱度，起到中和胃酸的作用。对于胃酸分泌旺盛者分泌过多产生不适症状时，吃苏打饼干可能能帮助缓解症状；在不能按时吃饭时，可以吃上两块苏打饼干来缓解饥饿，防止胃酸伤害。</t>
  </si>
  <si>
    <t>“饼干加餐”可以减轻下一餐给胃带来的负担，避免胃部过度扩张；另一方面，苏打饼干是碱性食品，它能跟酸发生离子反应，中和胃内过多的胃酸，避免了饥饿时的疼痛。如果条件允许，可以再配上一杯牛奶或蜂蜜红茶，它们都具有调和及收敛酸分泌过多的作用。</t>
  </si>
  <si>
    <t>顶楼好不好</t>
  </si>
  <si>
    <t>实话实说好处不少缺点明显。</t>
  </si>
  <si>
    <t>顶楼有利有弊。</t>
  </si>
  <si>
    <t>滇缅公路现在还用吗</t>
  </si>
  <si>
    <t>用。</t>
  </si>
  <si>
    <t>gta5win10能玩吗</t>
  </si>
  <si>
    <t>根本没法玩。</t>
  </si>
  <si>
    <t>Win10系统是可以运行侠盗猎车手5的。不过Win10.32位系统不可以玩，需要安装Win10.64位系统才可以。</t>
  </si>
  <si>
    <t>王者荣耀可以在电脑上玩吗</t>
  </si>
  <si>
    <t>下载腾讯的游戏平台，账号进行登录，找到手游电脑版看，点击游戏进行下载，直接在平台中点击试玩，注意窗口右下角的键位提示。</t>
  </si>
  <si>
    <t>想在电脑上运行王者荣耀需要玩家们下载一个运行游戏的平台，这里小编给大家推荐腾讯自己的游戏平台-腾讯游戏平台，简称TGP，平台安装成功之后，点开手游电脑版，在里面找到王者荣耀，下载安装游戏，成功之后点击开始运行，更新完毕之后就可以运行游戏了。</t>
  </si>
  <si>
    <t>首先下载TGP(腾讯游戏平台)接着在平台安装成功之后，点开手游电脑版，在里面找到王者荣耀，下载安装游戏，成功之后点击开始运行，更新完毕之后就可以运行游戏了。</t>
  </si>
  <si>
    <t>松鼠是保护动物吗</t>
  </si>
  <si>
    <t>不是，百度百科上说只有岩松鼠和侧纹岩松鼠2种是中国特有动物（但没说是国家保护动物）。</t>
  </si>
  <si>
    <t>不同种类的松鼠在许多省市都是地方性保护野生动物，其中巨松鼠是国家二级保护动物。</t>
  </si>
  <si>
    <t>养一只球蟒会判刑吗</t>
  </si>
  <si>
    <t>还没有人被判刑。</t>
  </si>
  <si>
    <t>不属于违法。</t>
  </si>
  <si>
    <t>贵州一名喜爱“异宠”的在校大学生罗某，通过网络聊天软件联系买家卖家，利用快递作为运输工具，贩卖一种国外物种——“球蟒”。9月30日，贵阳中院公开对此案宣判终审判决，以非法收购、出售珍贵、濒危野生动物罪，判处罗某有期徒刑2年，缓刑2年，并处罚金5000元。</t>
  </si>
  <si>
    <t>iphone6有32g吗</t>
  </si>
  <si>
    <t>巴林这个国家有钱吗</t>
  </si>
  <si>
    <t>巴林主要收入来自于银行业，旅游业以及石油产业。巴林王国（The Kingdom of Bahrain），简称巴林。巴林，西亚国家，位于亚洲西部，为波斯湾西南部的岛国，邻近卡塔尔和沙特阿拉伯之间，属热带沙漠气候，石油为国家经济的支柱。阿拉伯人约占60%，75~80%的居民住在城市里。伊斯兰教为国教，绝大多数居民信奉伊斯兰教什叶派，国内普遍实行一日5次的礼拜及其他宗教仪式。阿拉伯语为官方语言。巴林原为英国殖民地。1971年8月15日宣布独立，首都麦纳麦（Manama）。巴林，在阿拉伯语中意为“两股水源，两个海”。1933年发现石油，巴林BH Bahrain成为海湾地区最早开采石油的国家，海湾地区银行和金融中心。</t>
  </si>
  <si>
    <t>石油产业是巴林的经济命脉，不过它并不是世界最富裕的十个国家之一。</t>
  </si>
  <si>
    <t>人均GDP超过了10000万美元，符合发达国家的一般定义。和综合国力关系不大，新加坡也是发达国家，综合国力其实也很低。</t>
  </si>
  <si>
    <t>aj拖鞋能不能碰水</t>
  </si>
  <si>
    <t>碰水没问题。</t>
  </si>
  <si>
    <t>王者荣耀能用手柄玩吗</t>
  </si>
  <si>
    <t>确保手柄与手机连接正常。</t>
  </si>
  <si>
    <t>王者荣耀这款游戏是支持游戏手柄的，但是前提是需要满足以下硬件和软件要求。</t>
  </si>
  <si>
    <t>315曝光食饵多通宝了吗</t>
  </si>
  <si>
    <t>曝光了。</t>
  </si>
  <si>
    <t>孕妇可以吃葡萄吗</t>
  </si>
  <si>
    <t>孕妇吃葡萄可以起到滋阴补血、强健筋骨、通利小便，还能补充人体所需的葡萄糖、果糖、维生素、氨基酸以及钾、钙、磷、铁等多种矿物质。另外，葡萄对孕妇还有安胎之效。</t>
  </si>
  <si>
    <t>可以，但不能多吃，葡萄糖粉高，吃多容易导致肥胖。</t>
  </si>
  <si>
    <t>市场监督管理局好不好</t>
  </si>
  <si>
    <t>根据《国务院办公厅关于调整省级以下工商质监行政管理体制加强食品安全监管有关问题的通知》，设立市（县）场监督管理局，为主管全市（县）工商行政管理、质量技术监督、市场价格监督检查的市政府工作部门。直接的说就是权力相当大的一个部门，当然相对责任也更加重大。</t>
  </si>
  <si>
    <t>悦美网可信吗</t>
  </si>
  <si>
    <t>这些平台类网站就和美团、大众点评是一样的，只提供一个信息。评论什么的千万不能信，那些长篇大论基本都是刷出来的。就比如大众点评上那些吃顿饭还写1000多字的评论，那得有多闲啊。</t>
  </si>
  <si>
    <t>不好说，假货应该是有。</t>
  </si>
  <si>
    <t>缓蚀阻垢剂是危险品吗</t>
  </si>
  <si>
    <t>还算不上危化品,属于一般化学品。</t>
  </si>
  <si>
    <t>搜狗海淘靠谱吗</t>
  </si>
  <si>
    <t>还可以，是官网发货的。</t>
  </si>
  <si>
    <t>物流时间长，有包裹失踪损坏风险。</t>
  </si>
  <si>
    <t>姜汉娜朋友2有露吗</t>
  </si>
  <si>
    <t>露点了。</t>
  </si>
  <si>
    <t>不会游泳可以浮潜吗</t>
  </si>
  <si>
    <t>正常来说是可以的，但是注意，一定要学习下再去浮潜，还有救生衣一定要穿。</t>
  </si>
  <si>
    <t>超级淘 返利是真的吗</t>
  </si>
  <si>
    <t>开了两个星期超级淘了，提现两元马上到账。</t>
  </si>
  <si>
    <t>超级淘返利是真实存在的。</t>
  </si>
  <si>
    <t>通过返利网的超级返下单（淘宝单），确认收货后发现无返利数据，于是根据其“去申请平安保险理赔 100%赔付”进行提交审核，返利网回复称“未通过返利网下单，因此不能赔。</t>
  </si>
  <si>
    <t>糠酸莫米松是激素吗</t>
  </si>
  <si>
    <t>属于激素类的外用药。</t>
  </si>
  <si>
    <t>吃三唑仑醒后有记忆吗</t>
  </si>
  <si>
    <t>三唑仑是镇静安眠药，不会消除记忆的。</t>
  </si>
  <si>
    <t>租房合同到期没有续签是不是继续有效</t>
  </si>
  <si>
    <t>合同到期后没有续签，合同的内容继续有效适用，只是租赁期限不确定。出租人按照合同约定处理符合法律规定。</t>
  </si>
  <si>
    <t>依据《中华人民共和国合同法》232条、当事人对于租期没有约定或者约定不明确的，依照本法第61条仍然不能确定的，视为不定期租赁，当事人可以随时解除合同。但是出租人应当在解除合同之前的合理期限内通知承租人236条、租赁合同履行期限届满，承租人继续使用租赁物，出租人未提出异议的，原租赁合同继续有效，但转为不定期租赁综上所述，你与出租人订立的租赁合同到期后，你继续使用租赁物 也就是房屋，出租人未提出异议的，原租赁合同继续有效。但是转为不定期租赁，当事人可以随时解除租赁合同但是出租人应当在解除合同之前的合理期限内通知承租人。</t>
  </si>
  <si>
    <t>房屋租赁合同到期不续签的，视为合同关系解除。如果你继续交房租，出租人接受的，视为继续履行，但是是无固定期限合同，可以随时解除。所以建议你重新签订租赁合同。</t>
  </si>
  <si>
    <t>c windows winsxs可以删除吗</t>
  </si>
  <si>
    <t>不能删。</t>
  </si>
  <si>
    <t>C:\Windows\winsxs文件夹非系统必须文件夹，可以删除。</t>
  </si>
  <si>
    <t>每天喝咖啡好吗</t>
  </si>
  <si>
    <t>不好，任何东西过量都不好。1、饮用超过平常所习惯饮用量的咖啡，就会产生类似食用相同剂量的兴奋剂，会造成神经过敏。2、如果长期且大量喝咖啡，容易造成骨质流失，对骨量的保存会有不利的影响，对于妇女来说，可能会增加骨质疏松的威胁。</t>
  </si>
  <si>
    <t>2017苏迪曼杯有男单吗</t>
  </si>
  <si>
    <t>蓝颜知己可以拥抱吗</t>
  </si>
  <si>
    <t>蓝颜知已，就是老公与男朋友之下，在其他男性朋友之上的男人，会在你被伤害的时候给你一个拥抱。</t>
  </si>
  <si>
    <t>天猫超市的东西靠谱吗</t>
  </si>
  <si>
    <t>靠谱的，自己可以买一样商品体验一下。</t>
  </si>
  <si>
    <t>天猫超市配送都是从你最近的站点超市选购。</t>
  </si>
  <si>
    <t>郑州恒大山水城能买吗</t>
  </si>
  <si>
    <t>听说是精装修，什么都不错。在荥阳这边，陇海高架下站口，还算便利。但是周边设施不健全，未来趋势应该不错，比较时候50岁靠后或者养老用，坐等升值短期应该不行。</t>
  </si>
  <si>
    <t>乔任梁走了徐璐伤心吗</t>
  </si>
  <si>
    <t>不伤心吧。</t>
  </si>
  <si>
    <t>伤心吧。</t>
  </si>
  <si>
    <t>麦饭石不粘锅有毒吗</t>
  </si>
  <si>
    <t>其实麦饭石本身是一种药石，所以，作为不粘锅的涂层一般是不会产生毒性的，但是，如果在平时使用不粘锅的时候，使用不当则可能会导致麦饭石脱落问题，所以，建议在使用麦饭石不粘锅的时候尽可能选择木制的铲子来跟不粘锅搭配使用。</t>
  </si>
  <si>
    <t>i7 4710mq属于高性能吗</t>
  </si>
  <si>
    <t>Core i7性能处于中上水平。</t>
  </si>
  <si>
    <t>i7处理器中i7 4710MQ的性能目前来测试，只能算是中等了，算不上顶级。</t>
  </si>
  <si>
    <t>店铺售假扣2分 排名还能上来吗</t>
  </si>
  <si>
    <t>一定要补充流量，维持之前的销量，否则一旦下去就很难上来了。</t>
  </si>
  <si>
    <t>博伊卡的功夫是真的吗</t>
  </si>
  <si>
    <t>苹果手机cpu坏了是不是就废了</t>
  </si>
  <si>
    <t>cpu 坏了，不代表废了，举例来说 CPU 的暂存，CPU 的开焊等情况，但不代表是废了。</t>
  </si>
  <si>
    <t>是可以修的。</t>
  </si>
  <si>
    <t>cpu 是集成度最高的硬件，挂了就没有修复可能。</t>
  </si>
  <si>
    <t>阴阳师邮箱账号可以修改吗</t>
  </si>
  <si>
    <t>邮箱一旦绑定，正常途径基本是只能更换无法解除。但是可以通过账号申诉来解除所有绑定，只不过申诉成功后还得绑定才行。先验证手机，然后通过了就可以修改邮箱了。登录的时候就一个邮箱账号和密码，需要给重新设置邮箱密码吧，增加个手机密保或者网易将军令。</t>
  </si>
  <si>
    <t>iphone7防水吗</t>
  </si>
  <si>
    <t>百度网盘能用迅雷下载吗</t>
  </si>
  <si>
    <t>首先把别人分享的大文件保存到自己的百度网盘。保存后把【com/】后面的改成wap，然后【转到】打开改地址的网址。前提是你已经保存并且登陆了你的网盘里面。找到你刚才保存的文件，点开它，并下载。开始下载后取消任务，复制下载地址， 在迅雷里面新建任务，把复制的链接地址粘贴进去，开始下载。</t>
  </si>
  <si>
    <t>把浏览器的网址里的disk 换成wap，就可以了，最好用火狐浏览器。</t>
  </si>
  <si>
    <t>点分享，创建公开连接，然后是下载页的连接，这是不是直接的下载址不能加到迅雷里。要先打开那个页面，然后是文件的信息，点下载，不能点鼠标右键。百度网盘必须用默认下载器下载，你需要把迅雷设为默认下载器。</t>
  </si>
  <si>
    <t>宫外孕试纸能测出吗</t>
  </si>
  <si>
    <t>它只能测出是否怀孕，并不能测出宫外孕。至于宫外孕来说，现在最好的诊断方法就是通过B超来进行检查。早孕试纸只能确定是否怀孕，但是不能确定怀孕的种类，也就是说不能判断出是宫内孕还是宫外孕。</t>
  </si>
  <si>
    <t>用试纸测试只能明确是否怀孕却不能明确是否是宫外孕。宫外孕也称异位妊娠，是主宫腔外妊娠，如宫颈妊娠，输卵管妊娠，卵巢妊娠，腹膜妊娠，盆腔妊娠等。均为异位妊娠，如果确诊即需要马上采取治疗措施，否则有可能发生生命危险。一般情况下，如果胚胎发育到一定的程度是能够在盆腔彩超下查到妊娠结构和位置的。但是有些早期的妊娠，胚胎还很小，则不容易被发现，同时可能还需要进行深一步绒毛组织的检查诊断。一部分宫外孕早期，HCG升高不明显，容易被忽视，被误诊。宫外妊娠的位置不同，所表现出来的腹痛不适程度也不相同，一般情况下输卵管妊娠和卵巢妊娠，腹痛症状出现较早，较明显。明确为宫外孕，根据个人的情况，考虑可通过药物、传统手术、微创腹腔镜下取胚术等方法治疗。</t>
  </si>
  <si>
    <t>用试纸测试只能明确是否怀孕却不能明确是否是宫外孕。宫外孕也称异位妊娠，是主宫腔外妊娠，如宫颈妊娠，输卵管妊娠，卵巢妊娠，腹膜妊娠，盆腔妊娠等。均为异位妊娠，如果确诊即需要马上采取治疗措施，否则有可能发生生命危险。</t>
  </si>
  <si>
    <t>水母能吃吗</t>
  </si>
  <si>
    <t>海蜇就是水母，可以吃。</t>
  </si>
  <si>
    <t>北京交通大学是985吗</t>
  </si>
  <si>
    <t>贷款未还清的房子可以卖吗</t>
  </si>
  <si>
    <t>未还清贷款的房子还处于抵押状态，是不能上市交易的，但是，在现实中，可以通过一些方法来实现。方法一：转按揭。方法二：用买方的首付款缴清剩余贷款。方法三：利用银行贷款来缴清剩余贷款。</t>
  </si>
  <si>
    <t>要看有没有产权证，没有的话只能变更购房合同，以退房再次销售的方式来解决。这种情况要开发商配合，也需要银行同意。</t>
  </si>
  <si>
    <t>机要局是很差的单位吗</t>
  </si>
  <si>
    <t>党和国家重要信息传播与保护的重要部门，是政府的从属机关。如：省委机要局是中央办公厅的直属机构，省委办公厅指导工作的厅正处级单位。</t>
  </si>
  <si>
    <t>机要局，个人没有前途。</t>
  </si>
  <si>
    <t>不发工资打12333有用吗</t>
  </si>
  <si>
    <t>有用。拖欠工资、不发工资、克扣工资可以打12333电话投诉，该电话是人力资源和社会保障局的电话。</t>
  </si>
  <si>
    <t>星际争霸2好玩吗</t>
  </si>
  <si>
    <t>侯宝林师傅是马三立吗</t>
  </si>
  <si>
    <t>马三立是侯宝林的师叔。</t>
  </si>
  <si>
    <t>2年免息贷款买车划算吗</t>
  </si>
  <si>
    <t>借贷者不仅要考虑这些业务是否使用，还要考虑综合其附带的条件所支付的资金，是否超过了一般的贷款方式，从而才能知道免息贷款是否划算。</t>
  </si>
  <si>
    <t>蚂蚁花呗上征信吗</t>
  </si>
  <si>
    <t>不上征信的，花呗只是征信的银行系统还有你支付宝的使用情况。</t>
  </si>
  <si>
    <t>非典型鳞状细胞是癌吗</t>
  </si>
  <si>
    <t>这个不是癌症的。</t>
  </si>
  <si>
    <t>宫颈非典型鳞状细胞不能明确意义（ASCUS）。ASCUS 中80%是炎症。20%患者为宫颈癌前病变，其中70%以上为 CIN1，仅5%-20%的患者是CIN2/3，浸润癌的概率更低(占 ASCUS 的0.1%-0.2%)。发现 ASC-US，首先建议做补充的 HPV 测定和阴道镜。癌前病变不是都会变成癌症，特别是子宫颈的 CIN I,CIN2 绝大部分在1年内可治愈或自愈。</t>
  </si>
  <si>
    <t>不是，但有可能发展为癌。</t>
  </si>
  <si>
    <t>59能打过德国虎式吗</t>
  </si>
  <si>
    <t>一师一优课必须转码吗</t>
  </si>
  <si>
    <t>可以提交，只是不会显示视频，直到转码完视频才会显示出来。</t>
  </si>
  <si>
    <t>论文查重包括书籍吗</t>
  </si>
  <si>
    <t>看以前的人有没有标明已经引用。</t>
  </si>
  <si>
    <t>烫了头发第二天能洗吗</t>
  </si>
  <si>
    <t>在做完烫发之后为了保持最佳效果，一般在烫发之后的第三天左右，才洗头并且部分发型需要再次定型，并且做好烫发护理，及时给烫后的秀发给予一定的营养成分。</t>
  </si>
  <si>
    <t>烫发后第二天就洗头发，这样定型效果不是很好，要过两三天才可以。</t>
  </si>
  <si>
    <t>个人公众号可以升级为企业公众号吗?</t>
  </si>
  <si>
    <t>不可以，只能重新申请的，因为一个邮箱只能申请一种类型的公众账号：订阅号、服务号或者企业号。</t>
  </si>
  <si>
    <t>合同到期不续签需要提前通知吗</t>
  </si>
  <si>
    <t>劳动法和劳动合同法都没有规定劳动合同到期，用人单位必须提前通知是否续签，所以如果劳动合同中没有约定单位必须提前通知，或者地方性劳动法规规定单位必须提前通知，那么单位就不需要提前通知。</t>
  </si>
  <si>
    <t>摔跤吧 爸爸好看吗</t>
  </si>
  <si>
    <t>橄榄油能炒菜吗</t>
  </si>
  <si>
    <t>初榨橄榄油非常适合拿来做中餐的凉拌菜和西餐的低温烹调。但前面提到橄榄油有很高的油酸含量，理论上也可以拿来炒菜。只是因为高温加热（超过120℃）以后，初榨橄榄油中的抗氧化物质等会被破坏；而且因为它的纯度不够高，容易发烟；另外特殊香气也会被破坏。所以，一般不用初榨橄榄油来炒菜。</t>
  </si>
  <si>
    <t>很多人认为橄榄油只是用来凉拌菜肴，这是个误区。其实，用橄榄油来煎、炒、烹、煮都是可以的。 橄榄油的烟点较低，一般在200℃度左右，做饭时油锅不能温度太高，容易破坏油的组织结构，从而影响营养价值。 友情提醒，使用橄榄油炒菜，不需要预热或者呛锅，只要放平时用油量的1/3就行了，因为它遇热会膨胀，油香味更易于浸到饭菜当中，菜炒熟之时，橄榄油的总体积量相当于生油时的两倍多，所以，从这个方面讲，吃橄榄油可以减少脂肪摄入量，而饭菜香味却丝毫不减。 此外，用橄榄油炒蔬菜效果很好，它不会破坏蔬菜的原味，也不会导致蔬菜变色。而且，用橄榄油来烹制海鲜，味道浓郁芳香，没有腥味儿和油腻感，堪称色香味俱全。</t>
  </si>
  <si>
    <t>精炼橄榄油适合炒菜；压榨橄榄油适合凉拌或者是菜炒好要出锅时淋上。</t>
  </si>
  <si>
    <t>小米mix好用吗</t>
  </si>
  <si>
    <t>从外形看，太大了，6寸是人拿的么，而且屏幕那么大，怎么看电视，还有新技术质量肯定很差，用不久就坏了。也没有双摄像头。</t>
  </si>
  <si>
    <t>车船税有发票吗</t>
  </si>
  <si>
    <t>龙城大药房有假货吗</t>
  </si>
  <si>
    <t>香港不大可能卖假货，一旦被发现会被罚得倾家荡产，没必要为这点钱冒险。</t>
  </si>
  <si>
    <t>绝地求生要vpn吗</t>
  </si>
  <si>
    <t>不用VPN。</t>
  </si>
  <si>
    <t>看网速，好的话不需要。</t>
  </si>
  <si>
    <t>只要配置高，网络也好，应该是不需要的。</t>
  </si>
  <si>
    <t>北京集体户口可以买房吗</t>
  </si>
  <si>
    <t>只要是北京市的集体户口就可以买房,但是在北京的大学生是不可以买房的,因为在北京的大学属于临时性集体户口。</t>
  </si>
  <si>
    <t>北京的集体户口的不能买房子。</t>
  </si>
  <si>
    <t>北京集体户口可以买房(房山区,集体户口除外)。</t>
  </si>
  <si>
    <t>口袋记账的理财安全吗</t>
  </si>
  <si>
    <t>安全，产品是和宜信合作的，安全可以保障。</t>
  </si>
  <si>
    <t>口袋记账的挑选的合作平台。一家是宜信，一家是玖富钱包，也就是做悟空理财的那家公司。两家平台在业内都算规模比较大，成立时间也都超过10年了。相对于一些收益过高，资质和规模都不大的平台来说，口袋记账挑的这两个合作方，还是比较可靠的。</t>
  </si>
  <si>
    <t>秘密储备对腐蚀药水有效吗</t>
  </si>
  <si>
    <t>麻烦家族好看吗</t>
  </si>
  <si>
    <t>蒲公英根可以长期喝吗</t>
  </si>
  <si>
    <t>不宜长期服用，以免损伤阳气。</t>
  </si>
  <si>
    <t>驱蚊草有用吗</t>
  </si>
  <si>
    <t>有，但效果是微乎其微的。</t>
  </si>
  <si>
    <t>手机边充电边玩会损害电池吗</t>
  </si>
  <si>
    <t>边充边玩是会损伤电池的，也有给人带来危险的隐患。1、手机电池是锂电池，虽然是可以随用随充，但是充电电流要均衡，而且不能用太大电流，否则影响电池寿命，边充边玩会让手机充电电流很不稳定，而且电流大，发热高，会严重影响手机电池的寿命。2、手机电池大多是2000mah以上的，2000mah以上的锂电池出现起火和爆炸的风险比2000mah以下的容量的锂电池的机率要大得多，而边充边玩会让电池发热剧增，会提高这种风险。</t>
  </si>
  <si>
    <t>6．有很多用户常常在充电时还把手机开着，其实这样会很容易伤害手机寿命的，因为在充电的过程中，手机的电路板会发热，此时如果有外来电话时，可能会产生瞬间回流电流，对手机内部的零件造成损坏。 7．电池的寿命决定于反复充放电次数，所以应尽量避免电池有余电时充电，这样会缩短电池的寿命。手机关机时间超过7天时，应先将手机电池完全放电，充足电后再使用。 8．手机电池都存在自放电，不用时镍氢电池每天会按剩余容量的1％左右放电，锂电池每天会按0．2％~0．3％放电。在给电池充电时，尽量使用专用插座，不要将充电器与电视机等家电共用插座。 9．尽管手机在网络覆盖区域之内，但在手机关机充电时，手机已经无法接受和拨打电话了。此时，可以使用手机的未通转移功能，将手机转移到身边的固定电话上，以防止来电丢失，这种方法对于手机不在网络覆盖区域内或者信号微弱而暂时无法接通时也适用。</t>
  </si>
  <si>
    <t>会导致电池过热  会影响电池寿命以下是苹果手机电池充电的一些小知识：1、第一次充电，提示充满即可，另外最好是提示满了，再继续充个15分钟最好，不必充过长时间；2、尽量将电量用到低于20%后再充，这样可以减少充电次数，提升电池寿命，另外尽量充满后就断电，不要过于长时间充电；3、充电必须使用苹果自带充电器，不要使用其他产品的充电器。4、充电最后使用USB充电，这样对锂电池保养更好；5、电量低于20%之后开始充电，充到完全充满，就是完全循环充电；减少循环次数就是要尽量低于20%才开始充电，最后大家也可以每月做一次周期性充电，比如将手机用电至自动关机后，再充电至满即可，这个间隔时间最好别太短。</t>
  </si>
  <si>
    <t>懒懒淘客助手免费吗</t>
  </si>
  <si>
    <t>使用邀请码注册可以获得三个月免费使用（个人注册只有3天）。</t>
  </si>
  <si>
    <t>北京大学医学部很烂吗</t>
  </si>
  <si>
    <t>北医确实环境不算好，但在改善，要说和校本部的氛围差很远，那也没办法，一个医学院，又是以研究为主，会产生那种人文气氛才奇怪了。教学科研水平，学生就业情况，这些北医并不差。北医的校园环境安静，整洁，相对比较封闭的环境，长学制的学习，感觉就像是世外桃源，在北京很少能找到这样的环境，学校有很多的活动，又有很好的学习氛围，这里有很好的老师很好的同学，还有很好的校园环境，这才是一个学校真正重要的东西。</t>
  </si>
  <si>
    <t>京大学医学部优点: 教室的环境还可以，不少科目的课程大多都是预防医学类的，教师教授的水平高，学方法也不错；学校外商户很丰富，多数都是大众店，塔院、朗秋园附近小店巨多，非常适合学生群体消费，北京大学医学部位于学院桥的东南，面积不算大，附近还有北京大学第三医院、第六医院等等，学术氛围比较浓厚。缺点：校园很小，以前叫北京医学部，后来和北大合并了，就改成了北京大学医学部，校园不是很大，设施还算齐全，食堂不多，就那么一个可以选择，不过毕竟还是在四环以里，显得学校稍微旧了一些，基础设施不是很先进。医学部的学习氛围是属于严谨辛苦的，并且老师管得很松，医学部通宵不断电，网费很便宜。师资这点不用说，老师大部分很nice，而且很喜欢有自己观点的学生，对自身发展还是很不错的，实习的医院资源三甲医院有十所左右，医院的老师对待自己的学生也很好。</t>
  </si>
  <si>
    <t>基金从业资格考试难吗</t>
  </si>
  <si>
    <t>对于金融专业人士来讲不是很难考</t>
  </si>
  <si>
    <t>亚马逊是正品吗</t>
  </si>
  <si>
    <t>毫无意义在第三方是购买到过假货的，和在淘宝一样，粗制滥造，极为明显的山寨和高仿。比如说买到的唇膏，包装，印刷，瓶盖细节都和正品没有区别，但是膏体的味道，质地，滋润程度就是不一样。还有洗面奶上标签的字体很粗很黑，甚至模糊。</t>
  </si>
  <si>
    <t>红字发票需要认证吗</t>
  </si>
  <si>
    <t>一般纳税人企业取得的红字增值税专用发票不需要认证。</t>
  </si>
  <si>
    <t>支付宝可以交违章罚款吗</t>
  </si>
  <si>
    <t>支付宝钱包可以查交通违章和代办交通违章。</t>
  </si>
  <si>
    <t>登录支付宝后，在“生活助手”门类里选择“交通罚款代办”业务。</t>
  </si>
  <si>
    <t>随着支付宝的城市服务功能越来越完善，现在部分城市的支付宝可以开展交通违法缴款了。</t>
  </si>
  <si>
    <t>银壶烧水好吗</t>
  </si>
  <si>
    <t>关于“银壶烧水对身体有害”之说，就如同国内出现的“问题奶粉”道理一样。正规的银壶用一手银手工打造，纯度能保证，而且纯银能杀死600中细菌，净化水质效果显著。只是市场的银壶多用回收的二手银，再用机器批量制造，价格低，不排除会出现重金属情况。</t>
  </si>
  <si>
    <t>1、银壶煮水时所释放出的银离子钠离子能为人的身体起消毒的效果。有极少量的银会以银离子的方式溶解在水中。银离子能灭菌，每升水中只要富含一千亿分之二克的银离子，就足以使大多数细菌逝世。2、银壶煮水，能使水质变软变薄，古人谓之“若绢水”就是说水质柔薄爽滑犹如丝绢。别的，本身洁净无味，并且热化学性质安稳，不易锈，不会让茶汤感染异味。银的热传导性在所有的金属中是最杰出的，它可以敏捷发出血管的热量，因而可以有用预防多种心血管疾病。</t>
  </si>
  <si>
    <t>银壶是由纯银制作而成。大家都知道，银的色泽是比较高贵的，而且导热性能、导电性能都比较强。其热传导性在所有的金属中是最为突出的，能够迅速散发血管的热量，能迅速均衡人体的热量，对减少人体局部热量的聚集，预防肥胖等各种疾病有卓越的疗效。而其高导电性能，有助于人体内的生物电荷和电磁、静电压平衡，减少有害电荷和电磁辐射对人体的伤害。利用其导电、导热功能快速疏通人体血脉和生物电路，迅速减轻局部疼痛，治疗人体电、热集中区的各种疾病。</t>
  </si>
  <si>
    <t>清华大学研究生好考吗</t>
  </si>
  <si>
    <t>好考不好考，其实不好说，关键是考生水平如何？你能耐哪都好考，你孬种哪都不好考。</t>
  </si>
  <si>
    <t>不好考。但是这个有个体差异性，有些人学习好，不难，有些人却难死了。你这样问没什么用的。</t>
  </si>
  <si>
    <t>俗话说：难着不会、会者不难，不论是考清华的研究生，还是考其他学校的研究生，关键还是看自身的能力和水平。</t>
  </si>
  <si>
    <t>印尼签证是免签么</t>
  </si>
  <si>
    <t>根据印度尼西亚驻华大使馆官方今年6月发布的公告，我国普通护照持有者前往印尼旅游，在雅加达和其他几个指定口岸入境印尼，是免签证的，不需要办理落地签。</t>
  </si>
  <si>
    <t>享受停留为期30天的免签待遇，不得延长或变更为其他签证。</t>
  </si>
  <si>
    <t>美丽芭蕾天鹅臂有用吗</t>
  </si>
  <si>
    <t>有用，做了两周了，觉得胳膊真的细了！ 还有美丽芭蕾大腿部分腰部部分，也有用！ 瘦了五六斤了！</t>
  </si>
  <si>
    <t>有用，觉得脖子好像长了，因为脖子细了所以看上去长长了。</t>
  </si>
  <si>
    <t>胃窦炎伴糜烂严重吗</t>
  </si>
  <si>
    <t>慢性浅表性胃炎伴糜烂挺严重的，比如会导致胃穿孔。</t>
  </si>
  <si>
    <t>严不严重，主要是根据患者的症状来进行判断的，这种疾病在不同的时期会出现的症状都有一定差别，然而晚期的时候症状会来得比较严重一些。</t>
  </si>
  <si>
    <t>胃窦炎伴糜烂是比较严重的疾病，需要尽早的接受治疗。</t>
  </si>
  <si>
    <t>王者荣耀手机和电脑不是互通的吗</t>
  </si>
  <si>
    <t>王者荣耀的电脑版就是用模拟器在电脑上玩王者荣耀，数据是和手机版互通的。</t>
  </si>
  <si>
    <t>安卓系统电脑版的王者荣耀和安卓手机是一样的，目前电脑版的王者荣耀是没有 IOS 版的，只有安卓版。所以如果要是苹果手机的话就只能用手机玩，没有电脑版。</t>
  </si>
  <si>
    <t>天猫商家旺旺账户的子账户收费吗?</t>
  </si>
  <si>
    <t>天猫商家旺旺账户的子账户是不收费的，免费的，一般这都是买家和卖家沟通的聊天工具，所以是不收费的，免费开放的。</t>
  </si>
  <si>
    <t>一般不收费，需要特殊功能的收费账户个数超过6个开始收费。</t>
  </si>
  <si>
    <t>伯勒斯国际是传销吗</t>
  </si>
  <si>
    <t>标准的传销公司，入门费200元，发展下线提成，不发展下线所有的提成都是空谈！发展成金字塔形状！如果发展的人能继续发展下去就能赚到钱！</t>
  </si>
  <si>
    <t>冬瓜荷叶茶有副作用吗</t>
  </si>
  <si>
    <t>一般来说是不建议长期喝冬瓜荷叶茶的，虽然冬瓜荷叶茶有消脂减肥，清肝败火的功效，但是冬瓜和荷叶两种都是凉性的药材，如果长期饮用或者是大量饮用的话，就对身体会产生一些危害了，这个大家要懂得。2.经期最好不要喝冬瓜荷叶茶，女生经期本来就体寒，应该吃些温补的食物。喝多不仅伤胃，也会引起痛经哦。</t>
  </si>
  <si>
    <t>喝冬瓜荷叶茶可以通过健脾利湿的方法改善便秘，水肿等症状。可以帮助减肥，去油解腻等，但脾胃虚弱的患者，这么喝的话，容易引起腹泻。</t>
  </si>
  <si>
    <t>奥莱购是正品吗</t>
  </si>
  <si>
    <t>奥莱购的东西不错的，质量没什么问题，是正品。</t>
  </si>
  <si>
    <t>蓝牙音箱可以连接台式电脑吗</t>
  </si>
  <si>
    <t>1、把蓝牙音箱接收器插在主机的USB插口（最好插在后面）。2、按说明进行驱动安装（现在一般都会自动安装驱动，通知区会有提示）。3、等驱动安装完成打开蓝牙音箱电源，会自动搜索配对。</t>
  </si>
  <si>
    <t>可以的。1、蓝牙是一种无线通讯技术，只要是电脑，就肯定是可以用的。2、但台式机，一般没有内置蓝牙模块，所以需要单独购买。像下图这样的蓝牙模块，免驱动，价格非常便宜，用蓝牙音响是没问题的。3、连接的时候，先将蓝牙音响打开，一般会自动进入待搜索模式，然后用台式机的蓝牙功能添加设备，搜索音响，配对即可使用。</t>
  </si>
  <si>
    <t>每天跑步伤膝盖吗</t>
  </si>
  <si>
    <t>只要掌握了正确的跑步姿势、适当热身，量力而跑就不会损伤膝盖。</t>
  </si>
  <si>
    <t>长时间的慢跑对膝盖肯定会有损伤的。</t>
  </si>
  <si>
    <t>长期跑步和膝盖损伤没有直接关系。但是跑步过程中确实有可能会让膝盖受伤。</t>
  </si>
  <si>
    <t>公蚊子吸血吗</t>
  </si>
  <si>
    <t>雄蚊子的口针退化，它的下颚短小细弱，不能蛰入人的皮肤，所以雄蚊子一般是不能吸血的。</t>
  </si>
  <si>
    <t>lol莲花之令刀妹稀有吗</t>
  </si>
  <si>
    <t>不稀有。</t>
  </si>
  <si>
    <t>电锅炉费电吗</t>
  </si>
  <si>
    <t>要看电锅炉的功率是多少千瓦的。如果是20千瓦的，那么一小时就耗电20度。</t>
  </si>
  <si>
    <t>面包虫人可以吃吗</t>
  </si>
  <si>
    <t>可以食用。</t>
  </si>
  <si>
    <t>肩袖炎可以自愈吗</t>
  </si>
  <si>
    <t>imei码可以告诉别人吗</t>
  </si>
  <si>
    <t>建议不要告诉他人。</t>
  </si>
  <si>
    <t>桑叶能降血糖吗</t>
  </si>
  <si>
    <t>小家联行租房子靠谱吗</t>
  </si>
  <si>
    <t>体育中考喝红牛有用吗</t>
  </si>
  <si>
    <t>红牛主要是咖啡因刺激神经，在精神上会更兴奋，在比赛提前20-30分钟喝效果最好。</t>
  </si>
  <si>
    <t>20分钟到半小时。红牛主要是咖啡因刺激神经，在精神上会更兴奋，提前20-30分钟喝是要等咖啡因的吸收，而且运动前喝过多液体会让胃增加负担，搞不好会从胃里溢出，导致胃酸烧伤食道。所以至少要提前20分钟，但是太久的话，咖啡因的效果就会浪费一些。</t>
  </si>
  <si>
    <t>萌店靠谱吗</t>
  </si>
  <si>
    <t>这个还是比较可靠的。微盟萌店在自己的生态体系中，有三方构成。一方为商家，他们根据拥有的授权不同，可以在微盟萌店的平台上，设置自己的店铺（旗舰店、专卖店、专营店），并支付萌店包括保证金在内的一系列费用，一方为服务商，这部分构成非常杂，其实就是帮微盟萌店BD商家的经营实体。他们根据拉拢商家上萌店开店，获得提成和未来的销售分成。而第三方则是分销网友，在萌店的平台上被成为萌主。它们的业务有两个，一个是负责帮助商家代销商品，另一个发展自己的下线，美其名曰“合伙人”，一旦商家的商品被成功卖出，萌主及其合伙人都能获得收益。</t>
  </si>
  <si>
    <t>作业帮能在电脑上用吗</t>
  </si>
  <si>
    <t>蚊香对人有害吗</t>
  </si>
  <si>
    <t>好的蚊香对身体无影响,劣质的当然会对身体有害。</t>
  </si>
  <si>
    <t>蚊香燃烧的烟里面是含有很多有害物质的，长期使用蚊香可能导致哮喘等肺部疾病。</t>
  </si>
  <si>
    <t>长期使用对人体有伤害。</t>
  </si>
  <si>
    <t>车厘子孕妇能吃吗</t>
  </si>
  <si>
    <t>可以吃，但不宜多吃。</t>
  </si>
  <si>
    <t>青灯行值得培养吗</t>
  </si>
  <si>
    <t>不值得，其实比小鹿还差。</t>
  </si>
  <si>
    <t>青行灯的输出能力还很不错的。</t>
  </si>
  <si>
    <t>印度免费医疗是真的吗</t>
  </si>
  <si>
    <t>当然真的。</t>
  </si>
  <si>
    <t>2017驾照会加科目五吗</t>
  </si>
  <si>
    <t>预计新的考试项目将在今年内正式推行。这条消息是这样说的：“2017年将增加科目五考试(高速公路安全驾驶操作)。”</t>
  </si>
  <si>
    <t>没听说要加科目，前期所传属谣言，相关部门已出声辟谣。</t>
  </si>
  <si>
    <t>蚂蚁hr 可靠吗?</t>
  </si>
  <si>
    <t>即有分期上征信吗</t>
  </si>
  <si>
    <t>暂时不影响征信。</t>
  </si>
  <si>
    <t>演员李琦还活着吗</t>
  </si>
  <si>
    <t>演员李琦只是遭遇了车祸，但是没有受伤。车祸中去世的是另有其人。</t>
  </si>
  <si>
    <t>已经去世很久了。</t>
  </si>
  <si>
    <t>向华强敢动马云吗</t>
  </si>
  <si>
    <t>暗杀说不定可以。</t>
  </si>
  <si>
    <t>小辣椒手机是不是杂牌</t>
  </si>
  <si>
    <t>也没什么杂牌吧，人家又不贴牌，跟小米这类一样的，不过比小米还早。</t>
  </si>
  <si>
    <t>1、应该是属于杂牌因为品牌不是特别出名；2、这是一个新兴的品牌；3、虽然不是大品牌，但起码不是杂牌机，更不是山寨。</t>
  </si>
  <si>
    <t>不是，是北斗手机。</t>
  </si>
  <si>
    <t>李白老婆是王昭君吗</t>
  </si>
  <si>
    <t>dvd rw可以刻录cd吗</t>
  </si>
  <si>
    <t>能刻录。DVD光驱可以兼容CD，而CD光驱不可以兼容DVD。兼容只能高级兼容低级，不可以低级兼容高级。DVD-RW的全称为DVD-ReWritable（可重写式DVD），不过业界为了将其与DVD+RW区分，定义为 Re-recordable DVD（可重记录型DVD）。DVD-RW标准是由Pioneer（先锋）公司于1998年提出的，并得到了DVD论坛的大力支持，其成员包括苹果，日立，NEC，三星和松下等厂商，并于2000年中完成1.1版本的正式标准。DVD-RW产品最初定位于消费类电子产品，主要提供类似VHS录像带的功能，可为消费者记录高品质多媒体视频信息。然而随着技术发展，DVD-RW的功能也慢慢扩充到了计算机领域。</t>
  </si>
  <si>
    <t>DVD-R 或 DVD+R，跟DVD—RW（或DVD+RW）的区别是：前者（无W者）为刻录光盘，后者（有W者）为可擦写刻录光盘。它们用来刻录 CD 内容保存是完全可以的。但是，刻在 DVD 光盘上面的内容不可能用 VCD 视频机或 CD 机来播放的，只能作为数据保存。如果是数据就无所谓，如果是音乐，以后需要欣赏，还得转换刻录成标准 CD 光盘才行的。</t>
  </si>
  <si>
    <t>dvd-rw的意思是可擦写光盘。顾名思义，可以支持dvd-rw可擦写光盘的，刻了再擦，擦了再刻，当然也支持普通的dvd-R一次性写入光盘。dvd一般采用的是CD-R光盘，可以刻录CD。CD-RW/DVD光驱是指带有DVD读取功能的CD刻录机，既具有DVD光驱的读取DVD的功能，又具有CD刻录机刻录CD的功能，又称 COMBO 光驱。</t>
  </si>
  <si>
    <t>王者荣耀加速器有用吗</t>
  </si>
  <si>
    <t>可以有效防止由于WiFi网络波动引发的卡顿、掉线。</t>
  </si>
  <si>
    <t>微信公众号功能介绍可以修改吗</t>
  </si>
  <si>
    <t>登陆公众号后，点击左边的“公众号设置”；在右边就能看到‘介绍&amp;apos;了，那个’修改‘按钮很明显；注意看上图画框的内容，之前公众号介绍都是一个月内只能修改一次的，现在改成“一个月内功能介绍只能申请修改5次”；点击’修改‘后进入下面页面，填上想要修改的内容最后确认即可。</t>
  </si>
  <si>
    <t>更改功能介绍信息，需要进入设置→公众号设置→账户详情→介绍。一个月内功能介绍只能申请修改5次。</t>
  </si>
  <si>
    <t>广播体操能减肥吗</t>
  </si>
  <si>
    <t>经常做广播体操可以可以提高心肺功能，促进血液循环，使氧气能充足地供应身体各部分，从而增强各器官的功能，还可以培养人正确的身体姿势，使肌肉发达、体格强健、形态优美。但是广播体操的时间一般只有几分钟，这样的运动量对于减肥效果不大。一般中等强度（如慢跑）的运动要持续30分钟以上才有好的减肥效果。</t>
  </si>
  <si>
    <t>世界上有外星人吗</t>
  </si>
  <si>
    <t>宇宙里有外星人。</t>
  </si>
  <si>
    <t>毕业论文参考文献查重吗</t>
  </si>
  <si>
    <t>14楼的房子你会买吗?</t>
  </si>
  <si>
    <t>总的来说买14层还不错，高度适宜，又避开了扬尘区。</t>
  </si>
  <si>
    <t>没结婚房产证可以写2人名字吗</t>
  </si>
  <si>
    <t>可以，房屋产权可以很多人共有，但只是有一个人持产权证，其它人持共有权证。</t>
  </si>
  <si>
    <t>可以，但不能贷款，但款仅限于夫妻关系共同贷款购房。</t>
  </si>
  <si>
    <t>可以写两个人的名字。房产证里面没有做限制人数，百分之百的房产权分配给登记人数给占百分之多少自行分配。拥有产权人必须全部到场签字。</t>
  </si>
  <si>
    <t>dnf耀之荣光套装好吗</t>
  </si>
  <si>
    <t>有时间可以做一套，戒指超越阿瑞斯，项链全属强也是很好的，手镯几乎是最强手镯了。</t>
  </si>
  <si>
    <t>金界国际是传销吗</t>
  </si>
  <si>
    <t>陈晓旭是林黛玉转世吗</t>
  </si>
  <si>
    <t>陈晓旭是央视版电视剧《红楼梦》中林黛玉的扮演者，曾名噪一时。</t>
  </si>
  <si>
    <t>孕妇能喝菊花茶吗</t>
  </si>
  <si>
    <t>孕妇喝菊花茶可以起到清火明目的作用，所以孕妇可以适当喝点菊花茶。</t>
  </si>
  <si>
    <t>黎明杀机要vpn吗</t>
  </si>
  <si>
    <t>一般情况下不需要vpn，直连就可以玩。</t>
  </si>
  <si>
    <t>国内玩，网速可以的话（指的是城市），不需要挂VPN。国外玩，下载区域在CHINA以外的地方，建议挂VPN。</t>
  </si>
  <si>
    <t>广州德家是传销吗</t>
  </si>
  <si>
    <t>今日头条上市了吗</t>
  </si>
  <si>
    <t>正在融资为上市做准备。</t>
  </si>
  <si>
    <t>山东赛特直销靠谱吗</t>
  </si>
  <si>
    <t>山东赛特不太靠谱的。</t>
  </si>
  <si>
    <t>万表网都是正品吗</t>
  </si>
  <si>
    <t>膀胱肿瘤严重吗</t>
  </si>
  <si>
    <t>膀胱癌属于恶性肿瘤，是泌尿系统最常见的。要看达到了哪个阶段，早期的话治愈率比较高，到了中晚期就麻烦了。</t>
  </si>
  <si>
    <t>开户富途牛牛有危险吗</t>
  </si>
  <si>
    <t>没有什么风险。</t>
  </si>
  <si>
    <t>建议不要。</t>
  </si>
  <si>
    <t>苏垦农发上市了吗</t>
  </si>
  <si>
    <t>2017-05-15（周一）。</t>
  </si>
  <si>
    <t>烧开的水还能再烧吗</t>
  </si>
  <si>
    <t>开水中，含有一定量的亚硝酸盐，如反复烧开，水中的亚硝酸盐就会增高。亚硝酸盐是一种强烈的血液毒，它大量地进入人体后，能将血红蛋白中的二价铁氧化成三价铁，使血液失去携氧功能，导致人体缺氧窒息。亚硝酸盐还有另一种危险的潜在毒性，它在胃内可与胺类物质化合成亚硝胺，亚硝胺是一种强致癌物质。所以，第二次烧开的水不宜喝。</t>
  </si>
  <si>
    <t>天地和装修是骗局吗?</t>
  </si>
  <si>
    <t>天地和家装公司是彻头彻尾的大骗子1、一套内面积95平方米的房子被天地和公司算成了112平方，其打广告时并没有说要把外墙面积算进去；2、打广告说1398元／平方的豪装，结果是不包抬吊顶、不包抬造型、不包括墙布、墙纸、甚至连门套和窗套都不包括；3、到现场去选定的风格仅仅只是家俱而矣，一旦要按照选定风格造型其加价严重得很；4、美其名曰：赠送20000元的八大家电全是市场上的淘汰产品，一旦不要，仅仅只给减几千元钱；5、装饰仅仅只是简装，其硬要给自己冠上名为豪装；6、外墙涂料如有损坏，项目经理要求自己找物业公司拿漆来恢复；7、一套95平米的房子大包括任何一件家电结果实为接尽20万，而且还装得不沦不类；8、天地和公司老板在电视上打广告纯属挂羊头卖狗肉，是彻头彻尾的欺诈和误导。</t>
  </si>
  <si>
    <t>拉卡拉贷款是坑人的吗</t>
  </si>
  <si>
    <t>据了解拉卡拉有这一块儿的业务，不属于骗人。</t>
  </si>
  <si>
    <t>好像是骗人的。</t>
  </si>
  <si>
    <t>西安中际医院可靠吗</t>
  </si>
  <si>
    <t>西安中际医院骗子医院，咨询说几百元能治好结果花了5千多坑人。</t>
  </si>
  <si>
    <t>朋友圈能发gif吗</t>
  </si>
  <si>
    <t>不支持~能传上去,但是上去以后是不动的。</t>
  </si>
  <si>
    <t>小儿推拿有用吗</t>
  </si>
  <si>
    <t>推拿只能起到辅助作用。</t>
  </si>
  <si>
    <t>小儿推拿是中医的一种传统疗法，在儿科中应用比较广泛。它通过一些特定的手法作用于患儿体表的特定部位，以调整机体的生理和病理状态。</t>
  </si>
  <si>
    <t>大姨妈来了喝红糖水吗</t>
  </si>
  <si>
    <t>月经期间喝红糖水是非常好的保养方法。</t>
  </si>
  <si>
    <t>红糖的铁含量不足瘦肉等动物性食物的十分之一，并且铁的吸收率极低，补铁效果并不好。因此红糖水对于缓解痛经作用并不大。</t>
  </si>
  <si>
    <t>lol警用试作体k9稀有吗</t>
  </si>
  <si>
    <t>一般LOL的生日礼物会经常出，抽奖也是。</t>
  </si>
  <si>
    <t>电影院有摄像头吗</t>
  </si>
  <si>
    <t>电影院在每个角落都设置了360度无死角的红外线夜视摄像头。</t>
  </si>
  <si>
    <t>电影院放映厅内的标准配置不配置摄像头。</t>
  </si>
  <si>
    <t>禽流感江苏多吗</t>
  </si>
  <si>
    <t>2016年12月起，安徽、上海、江苏及浙江多地陆续发生H7N9禽流感疫。江苏省疾控中心官微12月29日发布提醒，入冬以来江苏省人感染禽流感疫情有明显上升趋势，冬春季是H7N9禽流感高发季节。</t>
  </si>
  <si>
    <t>今年疫情的高发地点散在长三角和珠三角地区。截至目前的公开报道，江苏省感染发病人数最多，达124人，其中35人死亡。</t>
  </si>
  <si>
    <t>1月7日，江苏省卫生计生委公布了2015年12月疫情，消失了一段时间的H7N9禽流感果然再次卷土重来，12月，江苏出现了两例H7N9禽流感患者。去年一整年，江苏出现了17位感染者，死亡者超过了一半，以老年人为主。</t>
  </si>
  <si>
    <t>中国卖家能入驻souq吗</t>
  </si>
  <si>
    <t>发芽的番薯可以吃吗</t>
  </si>
  <si>
    <t>地瓜即使发芽只要把芽摘掉还是可以吃，是没有毒的。</t>
  </si>
  <si>
    <t>中银保险车险靠谱吗</t>
  </si>
  <si>
    <t>中银车险还行。</t>
  </si>
  <si>
    <t>脾虚可以喝凉茶吗</t>
  </si>
  <si>
    <t>脾虚的痘痘患者不应该喝太多的凉茶。</t>
  </si>
  <si>
    <t>脾胃虚弱的人不宜喝凉茶：可能苦寒败胃。</t>
  </si>
  <si>
    <t>多肉要浇水吗</t>
  </si>
  <si>
    <t>要浇水。</t>
  </si>
  <si>
    <t>防蓝光眼镜有用吗</t>
  </si>
  <si>
    <t>现在很流行的防蓝光眼镜声称可以保护眼睛，但现在还没有得到医学研究证实，过滤蓝光的眼镜可以降低患眼睛黄斑病变的机会，而且戴上防蓝光眼镜后，会因阻隔了蓝光而使看到的颜色光暗度及色准有偏差。</t>
  </si>
  <si>
    <t>防蓝光眼镜是有用的！优质的防蓝光眼镜只阻隔有害蓝光通过有益蓝光。</t>
  </si>
  <si>
    <t>防蓝光是保护眼镜，主要针对面对用电脑，手机，以及灯光比较多的地方使用还是很实用的，可以保护蓝光对眼镜的损害。</t>
  </si>
  <si>
    <t>视神经萎缩能治吗</t>
  </si>
  <si>
    <t>只要有少量的神经细胞在损伤的结构中存活，其功能的恢复就有可能。</t>
  </si>
  <si>
    <t>男士可以穿女士内裤吗</t>
  </si>
  <si>
    <t>当然可以，不过尺码要合适，要选布料弹性大的，质量好的穿上去不勒而且贴身，感觉非常轻松就像没穿一样。如果达到这个标准就说明这款内裤适合男生穿。</t>
  </si>
  <si>
    <t>脾气虚能吃胡椒吗</t>
  </si>
  <si>
    <t>少量可以开胃，多吃无益。</t>
  </si>
  <si>
    <t>少量吃应该没有什么问题。</t>
  </si>
  <si>
    <t>吊顶不留窗帘盒好看吗</t>
  </si>
  <si>
    <t>最好要装上窗帘盒。装上窗帘盒，可以使整扇窗户看起来显得有立体感、美观、大方；最主要的是可以隐藏窗帘上方的布头、窗帘跑道、以及挂钩等等不是很美观的物件，让窗帘真正成为一扇协调柔和、如波似浪的室内画。选择不装的话，有很大可能会后悔的。</t>
  </si>
  <si>
    <t>不装好些，窗帘盒太笨重，也落伍了。</t>
  </si>
  <si>
    <t>会员宝pos机是一清机吗</t>
  </si>
  <si>
    <t>正规银联认证一清机。</t>
  </si>
  <si>
    <t>电话车险理赔麻烦吗</t>
  </si>
  <si>
    <t>电话车险理赔一般是比较方便的。</t>
  </si>
  <si>
    <t>路由器时间长了会影响网速吗</t>
  </si>
  <si>
    <t>排卵试纸强阳转弱阳是不是已经排卵了</t>
  </si>
  <si>
    <t>排卵纸测到强阳转弱阳说明正在排卵。</t>
  </si>
  <si>
    <t>测试结果从强阳性转成弱阳性，表明已经排卵。</t>
  </si>
  <si>
    <t>排卵试纸显示从强阳转弱时，24小时内必定排卵。</t>
  </si>
  <si>
    <t>酷市场是不是酷安网</t>
  </si>
  <si>
    <t>劲家庄是何家劲的吗</t>
  </si>
  <si>
    <t>劲家庄微商是明星何家劲做的。</t>
  </si>
  <si>
    <t>投资了公寓会卖不掉吗</t>
  </si>
  <si>
    <t>看地理位置和供求关系，地理位置好，供小于求，投资没问题，若是相反。</t>
  </si>
  <si>
    <t>陪标违法吗</t>
  </si>
  <si>
    <t>涉嫌《串通投标罪》，这个属于刑事犯罪。</t>
  </si>
  <si>
    <t>我来贷会打电话给你家人和公司吗</t>
  </si>
  <si>
    <t>由于我来贷有贷前审核，借款人有可能会收到我来贷的电话。</t>
  </si>
  <si>
    <t>外屏碎了不换有影响吗</t>
  </si>
  <si>
    <t>手机外屏碎裂，但是触控与显示均正常，这种情况是由于手机触控层与显示层并没有损坏的话对使用没有影响，就是不美观。</t>
  </si>
  <si>
    <t>伴郎要给红包吗</t>
  </si>
  <si>
    <t>伴郎是要给红包的，伴郎给新人的红包，也就是礼钱。不过一般地方的习俗，如果是伴郎，新人还应给伴郎一份红包，一般也就200块钱吧。有的不给钱给领带或衬衣，给伴娘一套红色内衣。每个地方风俗不一样，这要看当地的习俗。</t>
  </si>
  <si>
    <t>要给红包的，你给新人是你给新人的，就是礼钱。每个地方风俗不一样的。伴郎其实也没什么事，跟着新郎拿拿东西什么的，敬酒的话帮新人端酒，没什么具体要做的。</t>
  </si>
  <si>
    <t>李一男 进监狱了吗</t>
  </si>
  <si>
    <t>进去了，判刑两年半。</t>
  </si>
  <si>
    <t>结核病能彻底治愈吗</t>
  </si>
  <si>
    <t>肺结核在解放前就叫肺痨，得了就是死亡。解放后，因为发明了很多抗肺结核的药物，所以，只要你是：规律、足量、联合用药、经过6-12个月的治疗，是完全可以治疗好的。千万不可没症状了就不吃药了，就会复发的。</t>
  </si>
  <si>
    <t>肺结核是可以自愈的，多是由于机体免疫力低下引起的结核菌感染。</t>
  </si>
  <si>
    <t>神盾局特工有第五季吗</t>
  </si>
  <si>
    <t>《神盾局特工第五季》是漫威与ABC电视台合作的真人剧情、动作、科幻类型剧集，已确认被ABC电视台续订，[1]  将于2018年首播。</t>
  </si>
  <si>
    <t>孕妇能吃凉皮吗</t>
  </si>
  <si>
    <t>实际上孕妇是可以吃凉皮的，但是最好不要多吃，因为凉皮也是属于生冷食物的一种，不利于肠胃的健康。</t>
  </si>
  <si>
    <t>孕妇只能少量使用凉皮。</t>
  </si>
  <si>
    <t>微信可以买彩票吗</t>
  </si>
  <si>
    <t>1.首先我们在手机上打开微信客户端，并进行登录。2.成功登录后，先点击右上角的（三）点，然后选择（我的钱包）。3.进入我的钱包后，点击（彩票）按钮。4.进入彩票大厅后选择你想要买的彩票品种，目前微信支持在线购买的彩票品种还不是很多。5.进入双色球选号面页后，可以（手动选号），或者点击（随机一注）然后点击（下一步）。6.接着在订单面页就（立即付款）。7.在支付面页输入你的微信钱包的（支付密码）即可完成彩票购买。8.购买后返回可以在（我的彩票）中查看彩票购买记录。9.等到双色球彩票开奖时间到了账号，可以点击（开奖查询）就能查看近期的所有开奖号码。10.购彩新手如有不明白的地方，可以参考微信的（购彩常见问题）里面有说明，中奖后如何领奖和奖金的派发与提现等。。相关解答。</t>
  </si>
  <si>
    <t>第一，首先打开“微信”，在微信右上角的三点中点击进去，然后选择进去“我的银行卡”。第二，在“我的银行卡”中，点击进入“彩票”，在彩票中我们可以看到“双色球”、“福彩3D”、“竞彩足球”、“广东11选5”这4个选项，以“竞彩足球”为例，点击进去。第三，在比赛的赛事中，至少选择两场比赛的结果，然后点击下一步，然后选择投的倍数，点击立即付款。第四，在确认交易中点击“立即交易”，然后输入支付密码就可以成功的购买彩票了。</t>
  </si>
  <si>
    <t>可以买，步骤：打开微信，进入我的银行卡-选择彩票-选择想买的彩票种类。</t>
  </si>
  <si>
    <t>沈阳国学神经内科中医研究院好不好</t>
  </si>
  <si>
    <t>光良结婚了吗</t>
  </si>
  <si>
    <t>光良意外的首次承受已有女友。问到女朋友是谁时，光良腼腆的拒绝透露姓名，但满脸洋溢幸福的称自己女友很单纯。</t>
  </si>
  <si>
    <t>光良没有结婚，但可能有女友，他比较相信缘分，而且光良是信仰天主教，提倡从一而终，所以他会非常慎重。</t>
  </si>
  <si>
    <t>明星没结婚很正常，他们也是普通人，肯定也是没遇到合适的，最起码要相爱才行。</t>
  </si>
  <si>
    <t>鱼鳞皮肤病能治好吗</t>
  </si>
  <si>
    <t>由于鱼鳞病的根源在基因，属遗传性疾病，目前尚不可能根治。也不可能通过治疗来改变遗传的基因，很多治疗方法都只能控制病情却不能清除病灶，所以目前临床上很多鱼鳞病治疗的方法都只能控制鱼鳞病病情，却不能彻底治愈疾病，而且也不能控制鱼鳞病的复发。因此，鱼鳞病尚不能完全能根除治愈。</t>
  </si>
  <si>
    <t>资产评估师好考吗</t>
  </si>
  <si>
    <t>不是很难。</t>
  </si>
  <si>
    <t>京东预计送达时间准吗</t>
  </si>
  <si>
    <t>平时很准，基本提前收到。</t>
  </si>
  <si>
    <t>京东自营商品送货时间基本都挺准的。</t>
  </si>
  <si>
    <t>都挺准的。</t>
  </si>
  <si>
    <t>北方大地讲的是伊利吗</t>
  </si>
  <si>
    <t>不是，不代表任何人和企业。就是讲述蒙古人的创业史。</t>
  </si>
  <si>
    <t>富氢水杯真的很有效吗</t>
  </si>
  <si>
    <t>氢水重建内环境平衡，启动和激发机体自我修复机制，实现功能恢复，最终完全康复。慢性病康复后不会因为停止饮用而反弹。建议长期饮用，全面保健，预防疾病。</t>
  </si>
  <si>
    <t>富氢水14天可以非常有效地治疗恶性黑色素瘤。</t>
  </si>
  <si>
    <t>八字不合可以化解吗</t>
  </si>
  <si>
    <t>teamviewer可以控制手机吗</t>
  </si>
  <si>
    <t>答案是可以 ，安装TEAMVIEWER QS在安卓手机上，部分机型可以用。</t>
  </si>
  <si>
    <t>Teamviewer不可以控制手机。</t>
  </si>
  <si>
    <t>脂蛋白a高可以降下来吗</t>
  </si>
  <si>
    <t>建议低盐低脂低胆固醇饮食，适当锻炼，脂蛋白会慢慢降下去的。</t>
  </si>
  <si>
    <t>战狼2彭于晏演了吗</t>
  </si>
  <si>
    <t>加入了。</t>
  </si>
  <si>
    <t>led大灯需要透镜吗</t>
  </si>
  <si>
    <t>led汽车大灯要配透镜，达到聚光的效果。</t>
  </si>
  <si>
    <t>酸奶对胃有好处吗</t>
  </si>
  <si>
    <t>酸奶里含有乳酸菌，可以帮助消化，对肠胃有保健作用。</t>
  </si>
  <si>
    <t>歼25鬼鸟存在吗</t>
  </si>
  <si>
    <t>不存在，想象的。</t>
  </si>
  <si>
    <t>男友身高160丢人吗</t>
  </si>
  <si>
    <t>很矮了，不过自己喜欢就好。</t>
  </si>
  <si>
    <t>如果对方是真心的就没有问题。</t>
  </si>
  <si>
    <t>矮没什么。</t>
  </si>
  <si>
    <t>网易有钱 安全吗</t>
  </si>
  <si>
    <t>资金基本还是安全的，退一万步讲，真因为使用这个软件导致资金被盗了，确定是应用导致的话网易和保险公司都会赔偿你。</t>
  </si>
  <si>
    <t>在资产安全上，有网易保驾护航，算是比较值得信赖。</t>
  </si>
  <si>
    <t>前列腺高潮是真的吗</t>
  </si>
  <si>
    <t>前列腺高潮是比较难达到的，一般通过前列腺按摩可以感受到。通常有前列腺按摩器或者专业医生对您进行按摩，主要是治疗前列腺炎症状，一般只要不过度用力是无害的。</t>
  </si>
  <si>
    <t>手撕发票还能用吗</t>
  </si>
  <si>
    <t>关于机打发票和手撕发票到底有什么区别及对消费者有什么影响的问题，前沿新闻记者咨询了天津国税局工作人员，工作人员表示，“增值税发票分为普 通发票和专用发票，专用发票一般是企业对企业的行为，这需要提供税号。普通消费者如果只是留作证明或者用来报销，开具增值税普通发票就可以，不需要提供税 号。”至于机打增值税普通发票和手撕定额发票的区别，工作人员说：“定额发票和增值税普通发票都属于国税的普通发票，票种不一样，税务机关给该商户核的哪一种发票，他就用的哪一种。”</t>
  </si>
  <si>
    <t>wbin airbook值得买吗</t>
  </si>
  <si>
    <t>如果你需要一台高颜值的超级本，并且必须是Windows系统，Wbin Airbook绝对值得你考虑。</t>
  </si>
  <si>
    <t>凑合着可以买。</t>
  </si>
  <si>
    <t>倒挂能长高吗</t>
  </si>
  <si>
    <t>倒挂是不能让孩子长高的，但是对于倒挂的话，建议最好是不要让孩子去尝试，这样倒挂着孩子会感觉很难受，甚至还会出现呕吐反胃的现象，大家在让孩子长高的时候就应当给孩子多吃一些营养品，让孩子加强锻炼。</t>
  </si>
  <si>
    <t>倒挂运动只是帮助身体拉伸，不能真正帮助长高。长高是需要补充31种生长需要的营养，同时配合运动睡眠进行来帮助生长发育长高。也是唯一有效长高的方法。</t>
  </si>
  <si>
    <t>桃胶孕妇可以吃吗</t>
  </si>
  <si>
    <t>家里有蜘蛛要不要打死</t>
  </si>
  <si>
    <t>看情况，不建议除掉。</t>
  </si>
  <si>
    <t>不用，赶走就可以了。</t>
  </si>
  <si>
    <t>车门防撞条有用吗</t>
  </si>
  <si>
    <t>汽车安装防撞条有用。</t>
  </si>
  <si>
    <t>冷风扇制冷效果好吗</t>
  </si>
  <si>
    <t>冷风扇的效果不如空调强，只能在局部范围有效果，大范围就毫无作用了。</t>
  </si>
  <si>
    <t>天津滨海新区限购吗</t>
  </si>
  <si>
    <t>限购不包含滨海新区。</t>
  </si>
  <si>
    <t>将滨海新区以外的区域纳入限购范围。</t>
  </si>
  <si>
    <t>限购区域不含滨海新区。</t>
  </si>
  <si>
    <t>发出去的红包能撤回吗</t>
  </si>
  <si>
    <t>速派好不好</t>
  </si>
  <si>
    <t>弹个车是骗局吗</t>
  </si>
  <si>
    <t>弹个车既然有薛之谦代言，还有马云爸爸的支付宝撑着，还是挺靠谱的。</t>
  </si>
  <si>
    <t>阿拉德大陆回不去了吗</t>
  </si>
  <si>
    <t>回不去了，改版了。</t>
  </si>
  <si>
    <t>探探上有直接约的吗</t>
  </si>
  <si>
    <t>有直接的。</t>
  </si>
  <si>
    <t>三体电影还会上映吗</t>
  </si>
  <si>
    <t>可能会不了了之。</t>
  </si>
  <si>
    <t>《三体》面临无限期推迟。影片的发行制作商上海游族影业遭遇人事变动，组织架构面临巨大调整，导致《三体》团队解散，“影片监制、出品方游族CEO孔二狗已离职，特效团队被更换，导演张番番拍摄的素材被废弃。最快也得等到明年上映。</t>
  </si>
  <si>
    <t>月经期体重会比平时重吗</t>
  </si>
  <si>
    <t>一般是会的。</t>
  </si>
  <si>
    <t>信托基金可以追回吗</t>
  </si>
  <si>
    <t>按照信托法规定，违反法律、法规和社会公共利益的信托行为，以及以非法财产设立的信托无效；信托根据合同或遗嘱设立时，如果合同或遗嘱无效，则信托相应不能设立；信托设立无效或被撤销，则不产生信托财产隔离和转移的法律效果，也因此不具备信托财产的独立性。</t>
  </si>
  <si>
    <t>洛基英语是否是骗局</t>
  </si>
  <si>
    <t>不是，但收费很高。</t>
  </si>
  <si>
    <t>洛基就是不断忽悠交钱，交了钱不学了，哪怕一节课都没上过也根本不会退。</t>
  </si>
  <si>
    <t>捐赠是否确认收入</t>
  </si>
  <si>
    <t>根据《中华人民共和国增值税暂行条例实施细则》第四条规定，将自产、委托加工或者购进的货物无偿赠送其他单位或者个人应视为视同销售货物。根据会计准则，捐赠自产货物不作销售处理，不确认为收入。</t>
  </si>
  <si>
    <t>蛇床子可以泡水喝吗</t>
  </si>
  <si>
    <t>是可以泡水喝的，但是要控制量，不能喝多。</t>
  </si>
  <si>
    <t>丰达凯莱是传销吗</t>
  </si>
  <si>
    <t>不是，只是一个比较好的理财平台。</t>
  </si>
  <si>
    <t>高泽文家境很有钱吗</t>
  </si>
  <si>
    <t>有钱 。 他家住别墅，他爹送那个农村的走时候还送了金佛。 送高泽文去加拿大一月30万 。</t>
  </si>
  <si>
    <t>移动硬盘坏了能修吗</t>
  </si>
  <si>
    <t>移动硬盘坏了只要查明原因，能修好。</t>
  </si>
  <si>
    <t>喝茶会得肾结石吗</t>
  </si>
  <si>
    <t>喝茶能引起肾结石。</t>
  </si>
  <si>
    <t>王者荣耀王者段位不打会掉吗</t>
  </si>
  <si>
    <t>小米盒子可以看电视直播吗</t>
  </si>
  <si>
    <t>小米盒子可以看电视直播的，不过得用U盘装个第三方直播软件。</t>
  </si>
  <si>
    <t>白癜风早期能治愈吗</t>
  </si>
  <si>
    <t>李玲玉离婚了吗</t>
  </si>
  <si>
    <t>离婚了。</t>
  </si>
  <si>
    <t>1688一件代发能赚钱吗</t>
  </si>
  <si>
    <t>不能，1688上面的货源不好又贵。</t>
  </si>
  <si>
    <t>支付宝注销后手机号还可以注册吗</t>
  </si>
  <si>
    <t>如果支付宝账户是用手机号注册的，且该手机账户已经注销成功，可以重新用注销成功后的手机号注册支付宝账户。</t>
  </si>
  <si>
    <t>夏天泡脚好吗</t>
  </si>
  <si>
    <t>中医认为泡脚是调理身体的有益养生方式，中医保健理论讲“一年四季沐足：春天洗脚，开阳固脱；夏天洗脚，暑理可祛；秋天洗脚，肺润肠濡；冬天洗脚，丹田湿灼”。所以说，泡脚是一年四季都适宜的。常言说得好,“富人吃补药，穷人泡泡脚。”医学典籍中也有记载：“人之有脚，犹似树之有根，树枯根先竭，人老脚先衰。”足部保健是我国传统医学宝库中一种优秀的理疗保健方法。</t>
  </si>
  <si>
    <t>夏季湿气正当令，人的五脏六腑中属脾最怕湿，湿气阻滞在脾胃中，就会出现没有胃口、爱犯困、没精神等表现。而夏天泡脚，正有助于祛除暑湿，让人精神振奋，增进食欲，促进睡眠。</t>
  </si>
  <si>
    <t>很多人以为冬季才能泡脚，其实夏天也应泡脚，夏季暑多夹湿，易出现没胃口、爱犯困、没精神等表现。而用温水泡脚有助于祛除暑湿，促进睡眠。</t>
  </si>
  <si>
    <t>暂缓就业算应届生吗</t>
  </si>
  <si>
    <t>暂缓就业之后，在择业期内是属于应届生的。</t>
  </si>
  <si>
    <t>判缓刑是否开除公职</t>
  </si>
  <si>
    <t>国家行政机关工作人员（包括事业单位工作人员和专业技术人员）被人民法院判处刑罚宣告缓刑的，其职务自然撤销，安排不叙职务的临时工作。</t>
  </si>
  <si>
    <t>一般情况下被判刑是会开除公职的。</t>
  </si>
  <si>
    <t>三七与晚上盗汗有关系吗</t>
  </si>
  <si>
    <t>有些人群服用三七、丹参、当归等这类与血有关的药物后会出现汗出过度的表现。</t>
  </si>
  <si>
    <t>中公协议班退费靠谱吗</t>
  </si>
  <si>
    <t>桃子与西瓜不能一起吃吗</t>
  </si>
  <si>
    <t>两种食物都比较容易让人拉肚子，最好不要同时吃。</t>
  </si>
  <si>
    <t>可以，网上的说法是吓唬人的。</t>
  </si>
  <si>
    <t>就业创业证和就业失业证一样吗</t>
  </si>
  <si>
    <t>进一步规范和优化就业失业登记，自6月1日起将把《就业失业登记证》更名为《就业创业证》，推进实行网上或掌上就业失业登记。</t>
  </si>
  <si>
    <t>“就业失业登记证”字样变更为“就业创业证”）。各地已发放的《就业失业登记证》继续有效，不再统一更换。</t>
  </si>
  <si>
    <t>不一样，虽然都是劳动局发放，一个是为别人打工，一个是自己创业解决就业问题，不一样的政策和鼓励措施。</t>
  </si>
  <si>
    <t>长智齿一定要拔吗</t>
  </si>
  <si>
    <t>当智齿阻生或者生长方向不正时，经常会顶坏前面的第二磨牙或者引起智齿冠周炎，从而引起肿痛、口臭等症状。这种情况，一般是消炎后，拔除智齿。如果智齿位置及方向长得正，可以考虑保留，即使有牙龈覆盖，也可以行牙龈切除术后保留牙齿。</t>
  </si>
  <si>
    <t>拔除智齿的情况：智齿有蛀牙的情况、智齿与其他牙齿排列过紧、智齿生长的时候疼痛、智齿无法清洁。</t>
  </si>
  <si>
    <t>个人可以炒外汇吗</t>
  </si>
  <si>
    <t>阴阳师100暴击一定爆吗</t>
  </si>
  <si>
    <t>一定。</t>
  </si>
  <si>
    <t>薄荷草能驱蚊吗</t>
  </si>
  <si>
    <t>薄荷中含薄荷油、薄荷醇、薄荷酮，薄荷油、薄荷醇、薄荷酮易发散，一定程度上能驱走蚊子包括苍蝇。在医药上广泛用于驱风、防腐、消炎、镇痛、止痒、健胃等。</t>
  </si>
  <si>
    <t>并不是性苦的植物都能驱蚊。薄荷虽然有驱蚊作用，但效果比较差，蚊子只是不喜欢近植株附近罢了。</t>
  </si>
  <si>
    <t>心理咨询师有一级吗</t>
  </si>
  <si>
    <t>刘宪华是不是傻</t>
  </si>
  <si>
    <t>刘宪华谦卑态度有点呆萌而已。</t>
  </si>
  <si>
    <t>背后盖帽犯规吗</t>
  </si>
  <si>
    <t>背后盖帽如果没有打手或是其他侵人接触就不算犯规。侵人犯规是队员犯规，含有与对方队员非法的接触，无论活球或是死球，队员不得通过他的手，以及不得将其身体弯曲成“反常的”姿势（超出他的圆柱体）来拉、阻挡、推撞、绊，阻止对方队员行进；也不得放纵任何粗野或猛烈的动作。</t>
  </si>
  <si>
    <t>味全果汁真的无添加吗</t>
  </si>
  <si>
    <t>当然没有添加。</t>
  </si>
  <si>
    <t>长沙房价2018会大涨吗</t>
  </si>
  <si>
    <t>2018年春夏之后，就差不多会被“消化”了，而且土地供应的限制，再加上城市化进程的推进，房价到时可能还会大幅上涨，甚至连泡沫大的一线城市也还有翻一番的空间。</t>
  </si>
  <si>
    <t>360安全卫士与360杀毒要同时安装吗</t>
  </si>
  <si>
    <t>360安全卫士是绝对有必要装的，,他和360杀毒配合起来是非常好用的。</t>
  </si>
  <si>
    <t>这个360安全卫士和360杀毒可以在一起使用的，360杀毒的杀毒能力非常不错，而360安全卫士拥有的查杀木马、清理插件、修复漏洞、电脑体检等多种功能的实用效果都非常好，在一起可以有效的保护你电脑的安全。</t>
  </si>
  <si>
    <t>死后一小时火化会疼吗</t>
  </si>
  <si>
    <t>人死后24小时（最好48小时）不能动，如果你在这段时间内火化他，他肯定痛苦异常。</t>
  </si>
  <si>
    <t>刚死就火化会有感觉。</t>
  </si>
  <si>
    <t>人死了肉体是没知觉。</t>
  </si>
  <si>
    <t>朱拉隆功大学很烂吗</t>
  </si>
  <si>
    <t>虽然泰国的科研水平不怎么样，但是朱拉隆功大学绝对是好大学，因该是泰国唯一一所知名的学校。</t>
  </si>
  <si>
    <t>泰国最好的公立大学。</t>
  </si>
  <si>
    <t>游戏实名认证安全吗</t>
  </si>
  <si>
    <t>理论上来说是安全的。</t>
  </si>
  <si>
    <t>很安全。</t>
  </si>
  <si>
    <t>加拿大签证好办吗</t>
  </si>
  <si>
    <t>作为发达国家，加拿大可以说是世界上最难签的国度了。</t>
  </si>
  <si>
    <t>耳石症能自愈吗</t>
  </si>
  <si>
    <t>这个很难说，是有很多自愈的。但是也有长期不能自愈的。</t>
  </si>
  <si>
    <t>可以自愈。</t>
  </si>
  <si>
    <t>有被成创教育骗的吗</t>
  </si>
  <si>
    <t>运动瘦腿是先粗后瘦吗</t>
  </si>
  <si>
    <t>运动后腿粗是暂时水肿，坚持下去就会瘦了。</t>
  </si>
  <si>
    <t>thinkpad t460很差吗</t>
  </si>
  <si>
    <t>ThinkPad的T系列，主打高稳定性。初次之外，可以说性价比不高。下记人员适合购买。①适合软件开发人员，并且有轻微游戏需求。②适合环境比较复杂的，比如经常带着笔记本挤地铁或公交。③适合预算略微充足的，毕竟它有点贵。</t>
  </si>
  <si>
    <t>bjd娃娃不养它可以吗</t>
  </si>
  <si>
    <t>可以倒是可以，但是不养他的话，可能过不了多长时间就黄了，不好看了。</t>
  </si>
  <si>
    <t>硅谷高科招聘靠谱吗</t>
  </si>
  <si>
    <t>肯定是真的，那么大的公司，公司好几个同事都是从硅谷高科那些实训过。</t>
  </si>
  <si>
    <t>肯定是靠谱的，迟到旷课都不行，管的很严。还有专门负责就业的老师。就业无压力。</t>
  </si>
  <si>
    <t>紫菜是塑料做的</t>
  </si>
  <si>
    <t>水晶猎龙者是限定吗</t>
  </si>
  <si>
    <t>巧克力囊肿能不能怀孕</t>
  </si>
  <si>
    <t>巧克力囊肿很容易导致不孕。</t>
  </si>
  <si>
    <t>可以怀孕。</t>
  </si>
  <si>
    <t>基努里维斯在美国红吗</t>
  </si>
  <si>
    <t>还是有一定的影响力的。前几天刚在Yahoo里有关多伦多国际电影节他的新电影《太极侠》评价还是不错的，不过自从黑客帝国之后他开始沉醉于动作片，所以方向比较单一，影响力大不如前，不过还是在美国和全球都拥有一大群忠实粉丝。</t>
  </si>
  <si>
    <t>颠峰的基努，红可能不及小李,但单论帅.完全就是俊美型的完美结合,说是欧美第一也不为过。</t>
  </si>
  <si>
    <t>交警执法需要出示执法证吗</t>
  </si>
  <si>
    <t>交警执法时只要穿着制式服装，佩戴人民警察标志的可以不出示证件。</t>
  </si>
  <si>
    <t>当事人可以要求，在人民警察穿着警服的时候可以不主动出示警察证（过去叫警官证），但如果当事人要求，必须要出示 。</t>
  </si>
  <si>
    <t>七大罪第二季出了吗</t>
  </si>
  <si>
    <t>出了，第二季叫：七大罪圣战的预兆，2016年8月28日开始每周日更新。</t>
  </si>
  <si>
    <t>kotlin能取代java吗</t>
  </si>
  <si>
    <t>短时间内在安卓开发领域Kotlin还没法完全取代java，但是以后就不好说了。</t>
  </si>
  <si>
    <t>在Android开发上，可能要取代了。</t>
  </si>
  <si>
    <t>2017贵阳数博会放假吗</t>
  </si>
  <si>
    <t>牛背山封山了吗</t>
  </si>
  <si>
    <t>四川牛背山2016年封山改造。</t>
  </si>
  <si>
    <t>樱桃打药吗</t>
  </si>
  <si>
    <t>打的。</t>
  </si>
  <si>
    <t>惠惠购物助手靠谱吗</t>
  </si>
  <si>
    <t>2017iphone6还值得买吗</t>
  </si>
  <si>
    <t>6根本不值得买，内存小是硬伤。</t>
  </si>
  <si>
    <t>手机6g内存有必要吗</t>
  </si>
  <si>
    <t>内存容量4G足够使用了，6G内存意义不大。</t>
  </si>
  <si>
    <t>6g内存手机当然有必要。</t>
  </si>
  <si>
    <t>如果需要后台同时运行十几个比较大的程序，那还是有用的。</t>
  </si>
  <si>
    <t>最低工资标准是否包含社保</t>
  </si>
  <si>
    <t>最低工资标准是指当地的最低工资，不包括用人单位缴纳的社保，但是包含个人应该缴纳的社保部分，所以劳动者所得工资，应该是加上个人缴纳的社保款大于当地的最低工资标准就是符合法律法规了。</t>
  </si>
  <si>
    <t>扣除社保外实际到手的工资。</t>
  </si>
  <si>
    <t>以上以下包括本数吗</t>
  </si>
  <si>
    <t>法律条文上的“以上”、“以下”都包括本数。</t>
  </si>
  <si>
    <t>中国队长是漫威的吗</t>
  </si>
  <si>
    <t>那个是漫威的实习画师自己原创搞出来的雷人玩意，和漫威宇宙没关系。漫威确实有中国队长，不过不叫这个名字，叫 the Star，已战死。</t>
  </si>
  <si>
    <t>京东实名认证有必要吗</t>
  </si>
  <si>
    <t>一个身份证就一个京东账户，现在实名不能修改或解绑实名了，谨慎实名。</t>
  </si>
  <si>
    <t>黑号没必要。</t>
  </si>
  <si>
    <t>乌镇联票第二天能用吗</t>
  </si>
  <si>
    <t>只是当天有效。</t>
  </si>
  <si>
    <t>如果住在西栅，只要不出去，都可以用的。</t>
  </si>
  <si>
    <t>天才少女在中国上映吗</t>
  </si>
  <si>
    <t>这部片已经上映，但是是在美国上映。</t>
  </si>
  <si>
    <t>目前该片已在国内过审，并于昨日(2日)独家登陆爱奇艺，实现“北美院线准同步”。</t>
  </si>
  <si>
    <t>腹肌贴片有用吗</t>
  </si>
  <si>
    <t>看见腹肌得皮下脂肪少才行，一块腹肌贴怎么可能把皮下脂肪变少，想见到腹肌只有减脂才可以，而不是靠投机取巧的办法。</t>
  </si>
  <si>
    <t>看什么目的，那是放松肌肉的，不能长肌肉或者减肥。</t>
  </si>
  <si>
    <t>完全没有用。就像练腹肌并不能减肚子一样。</t>
  </si>
  <si>
    <t>被生锈的钉子扎了会得破伤风吗</t>
  </si>
  <si>
    <t>易感染破伤风。</t>
  </si>
  <si>
    <t>会不会得破伤风有两个条件：伤口有没有感染破伤风梭菌；伤口适不适合芽孢萌发，能不能产生毒素，和铁钉没关系，和铁锈更没有直接联系。</t>
  </si>
  <si>
    <t>破伤风杆菌多生长在泥土及铁锈中，所以如果伤口较深沾染泥土或被铁锈类铁器扎伤时，均应注射破伤风抗毒素，如果伤口不深，只要做好适当的清创，不必注射破伤风抗毒素，用些消毒药水如红药水外擦一下就可以了。</t>
  </si>
  <si>
    <t>泰国电源插座和中国一样吗</t>
  </si>
  <si>
    <t>火车上可以带白酒吗</t>
  </si>
  <si>
    <t>散装白酒不可以，但封存完好的瓶装酒可以。数量不能超过一箱。一般是一箱六瓶。</t>
  </si>
  <si>
    <t>水柔姐冯丽有老公吗</t>
  </si>
  <si>
    <t>单身离异。</t>
  </si>
  <si>
    <t>baby回归跑男了吗</t>
  </si>
  <si>
    <t>在《奔跑吧》录制完的第八期，我们的新晋“奶妈”Angelababy终于回归兄弟团。最近得到的消息是五月份将要录制最新的一期。</t>
  </si>
  <si>
    <t>剑灵win10能玩吗</t>
  </si>
  <si>
    <t>可以直接玩。</t>
  </si>
  <si>
    <t>上海旅烨是培训机构吗</t>
  </si>
  <si>
    <t>这家公司是以培训机构差不多的方式来做运营的。</t>
  </si>
  <si>
    <t>上海旅烨网络科技有限公司就是个骗子公司。</t>
  </si>
  <si>
    <t>笔记本电脑能带上飞机吗</t>
  </si>
  <si>
    <t>坐飞机可以带笔记本电脑。</t>
  </si>
  <si>
    <t>如果笔记本电脑为自用且锂离子电池的额定能量值不得超过100wh是可以带上飞机的（如果另行有通知或公告除外）。根据“民航明传电报【2011】1888号《关于加强旅客行李中锂电池安全航空运输管理的通知》”规定：国际民航组织《危险物品安全航空运输技术细则》（2011-2012版）规定旅客或机组成员为个人自用内含锂或锂离子电池芯或电池的便携式电子装置（手表、计算器、照相机、手机、手提电脑、便携式摄像机等）应作为手提行李携带登机，并且锂金属电池的锂含量不得超过2克，锂离子电池的额定能量值不得超过100wh（瓦特小时）。超过100wh但不超过160wh的，经航空公司批准后可以装在交运行李或手提行李中的设备上。超过160wh的锂电池严禁携带。一般来讲笔记本电脑的锂电池能量为30-100wh，旅客将装有锂电池的电脑托运并无单个备用电池，符合托运规定。</t>
  </si>
  <si>
    <t>可以带。但是注意，在飞机起飞和降落时，注意不要开机。</t>
  </si>
  <si>
    <t>fcf五福挣钱是真的吗</t>
  </si>
  <si>
    <t>是真的，但是这些东西都很不靠谱的。</t>
  </si>
  <si>
    <t>u帮忙可以重装系统吗</t>
  </si>
  <si>
    <t>电风扇叶片越多越好吗</t>
  </si>
  <si>
    <t>风力大小与叶片多少无关。</t>
  </si>
  <si>
    <t>电风扇的扇叶越多，其送风效果就越好。</t>
  </si>
  <si>
    <t>风扇并不是扇叶片数量越多越好的。一般说来，叶片数量较少的容易产生较大的风压，但运转噪音也较大；而叶片数量较多的则恰好相反。</t>
  </si>
  <si>
    <t>空调一年没用可以直接开吗</t>
  </si>
  <si>
    <t>金条上征信吗</t>
  </si>
  <si>
    <t>现在不上。</t>
  </si>
  <si>
    <t>白银会掉到黄铜吗</t>
  </si>
  <si>
    <t>连续一个星期不玩胜点就开始往下掉。</t>
  </si>
  <si>
    <t>会掉。</t>
  </si>
  <si>
    <t>粽子能用微波炉加热吗</t>
  </si>
  <si>
    <t>可以，按大小来分,大的120秒小的90秒就可以。</t>
  </si>
  <si>
    <t>paperfree查重准吗</t>
  </si>
  <si>
    <t>Paper比知网要严谨一点。</t>
  </si>
  <si>
    <t>微信买涨买跌是骗局吗</t>
  </si>
  <si>
    <t>风险与收益并存，平台是正规的问题不大。关键还是看个人如何操作。</t>
  </si>
  <si>
    <t>win7之家的系统安全吗</t>
  </si>
  <si>
    <t>好多都是经过别人修改过的，安全性不好保证的。建议不要用这些下载到的系统，最好用 windows 原版的安装光盘来安装系统。</t>
  </si>
  <si>
    <t>很安全，担心的话，把下好的系统用杀毒软件扫描再用就可以了。</t>
  </si>
  <si>
    <t>身份证号泄露有危险吗</t>
  </si>
  <si>
    <t>一般情况下，不会造成损失。</t>
  </si>
  <si>
    <t>非常危险。</t>
  </si>
  <si>
    <t>翻墙看国外网站违法吗</t>
  </si>
  <si>
    <t>《计算机信息网络国际互联网安全保护管理办法》第五条规定，任何单位和个人不得利用国际互联网制作、复制、查阅和传播下列信息：(一)煽动抗拒、破坏宪法和法律、行政法规实施的；(二)煽动颠覆国家政权， 推翻社会主义制度的；(三)煽动分裂国家、破坏国家统一的；(四)煽动民族仇恨、民族歧视，破坏民族团结的；(五)捏造或者歪曲事实，散布谣言，扰乱社会 秩序的；(六)宣扬封建迷信、淫秽、色情、赌博、暴力、凶杀、恐怖、教唆犯罪的；(七)公然侮辱他人或者捏造事实诽谤他人的；(八)损害国家机关信誉的；(九)其他违反宪法和法律、行政法规的。第二十条规定：违反法律、行政法规，有本办法第五条、第六条所列行为之一的，由公安机关给予警告，有违法所得的，没收违法所得，对个人可以并处五千元以下的罚款，对单位可以并处一万五千元以下的罚款，所以说“翻墙”浏览国外网站很有可能违法了《计算机信息网络国际互联网安全保护管理办法》规定，那是要追究法律责任的。</t>
  </si>
  <si>
    <t>如果只是看看，没有其他不良企图，不算违法。</t>
  </si>
  <si>
    <t>一般不是，但是如果翻进不该翻的地方就说不定了，比如监狱、国家安全机关。</t>
  </si>
  <si>
    <t>战地1好玩吗</t>
  </si>
  <si>
    <t>战地1单机剧情模式有了很大的变化，虽然EA讲故事的能力有待提高，但是已经有了很大的革新，除去了又臭又长的剧情，改为了一个一个的小故事，又为了民族的，有为朋友的，又自私的，有无谓的，很生动，而死后的墓志铭有体现了当时一战的残酷性，很值得一玩。不过还想没有听说过战地1还有破解版，你最好买个正版的玩，好像现在战地1正在打折，而且最近橘子和psn都有活动，你可以去看看。（提示：如果战地1是个大餐，那么单人剧情模式就是个饭后甜点，如果你只想玩单机的话，我劝你不要入手这方面。</t>
  </si>
  <si>
    <t>戒色吧是不是邪教</t>
  </si>
  <si>
    <t>不是邪教，但是他们说的话大多数是没有科学依据的。现代科学并没有任何资料或者充分的证据说明手淫是有害的。你可以阅读《孤独的性:手淫文化史》，这是一本纯学术性质的书，很厚，而且读起来挺枯燥的。作者考究了人类对手淫的认识过程，考究了手淫是从什么时候起被认为是有害的等等。</t>
  </si>
  <si>
    <t>不是邪教。只能说是他们弘扬戒色，是他们的选择。至于加入和相信与否是自己的事情了。</t>
  </si>
  <si>
    <t>花呀商城是真的吗</t>
  </si>
  <si>
    <t>网易云有听歌识曲吗</t>
  </si>
  <si>
    <t>点击右上角的“菜单栏”，选择“听歌识曲”。</t>
  </si>
  <si>
    <t>在搜索框里。</t>
  </si>
  <si>
    <t>信用卡可以还花呗吗</t>
  </si>
  <si>
    <t>梭梭树编号能找到树吗</t>
  </si>
  <si>
    <t>只能说可以找到具体的区域，但是不能明确到是哪一棵树。</t>
  </si>
  <si>
    <t>薄荷能水培吗</t>
  </si>
  <si>
    <t>首先看一下土培的薄荷，剪下一些稍微粗的枝条，清理掉下边的叶子。接下来准备一瓶清水。把处理好的薄荷枝条插瓶子里，要保证所有枝条都能浸到水。耐心的等待，4--5天后，枝条的底部就会生出根来，还有很多小嫩芽，同时下边的叶子会枯掉，摘掉这些枯叶。接下来就很好打理了，一周左右换一次水，放在有阳光的地方，薄荷就会慢慢长高。</t>
  </si>
  <si>
    <t>从薄荷枝的下面剪杆，最好带截(就是长叶子的地方)因为通常根最先是从那个地方发出来的。剪出来的枝可以直接插入装水的瓶子里，尽量选择瓶口大的，因为有些薄荷长势好的话会从下面继续发芽，瓶口小的话，一个瓶里插一两枝就好。</t>
  </si>
  <si>
    <t>把土培的 摘心的 叶子剪掉后用来水培。开始水培后，放阴凉，通风的位置，静等发根，发出根系后，继续等。 看到最下面一层的叶子开始长黑斑的时候，迅速取出来。把玻璃瓶的水倒掉，把水培的薄荷的入水中的茎剪得比根系短。薄荷在玻璃瓶中悬空，让根系一半入水，另外一半悬空。切记不要让茎再碰到水，水加到根系的一半就可以了。然后就是看它茁壮成长吧。</t>
  </si>
  <si>
    <t>包茎要割吗</t>
  </si>
  <si>
    <t>包茎因为包皮开口狭窄，导致勃起时龟头不能外露，不仅影响性生活，更会因为内部积存分泌物和细菌，会导致炎症，长期如此甚至会造成阴茎癌。所以必须手术治疗。</t>
  </si>
  <si>
    <t>包茎不一定就需要割。要看你性爱后的舒服度，没有异常就不需要动手术。</t>
  </si>
  <si>
    <t>心心向善是不是个骗局</t>
  </si>
  <si>
    <t>心心向善并不是骗局的哦</t>
  </si>
  <si>
    <t>大小尺寸与商品描述不符对店铺影响么</t>
  </si>
  <si>
    <t>影响很大。</t>
  </si>
  <si>
    <t>买家在交易中申请退款操作选择的退款原因，只是针对于该笔交易选择退款的理由，对于卖家店铺没有直接影响。</t>
  </si>
  <si>
    <t>i5能配a卡吗</t>
  </si>
  <si>
    <t>英特尔的i5可以配AMD的显卡。</t>
  </si>
  <si>
    <t>完全可以，显卡和CPU不冲突，就是A卡的功率比N卡略高，注意电源是否够。</t>
  </si>
  <si>
    <t>可以安装的，一般来说i5建议搭配R9270X到R9280X这个级别的显卡，不会有瓶颈。</t>
  </si>
  <si>
    <t>男人阳萎可不可以治好</t>
  </si>
  <si>
    <t>一般是能治好的。</t>
  </si>
  <si>
    <t>武汉集体户口可以买房吗</t>
  </si>
  <si>
    <t>集体户口买房需要有武汉身份证。</t>
  </si>
  <si>
    <t>武汉集体户口可以买。</t>
  </si>
  <si>
    <t>可以买房，但办社区公共户需要单位提供公司所在地的派出所信息，去相应派出所办理。</t>
  </si>
  <si>
    <t>交通银行信用卡取现要手续费吗</t>
  </si>
  <si>
    <t>交通银行信用卡取现手续费计算方法：透支利率日息：万分之五，取现手续费： 收取交易金额的1%，最低每笔人民币10元。</t>
  </si>
  <si>
    <t>远程教育文凭可以考研吗</t>
  </si>
  <si>
    <t>是的，网络教育文凭可以考研。</t>
  </si>
  <si>
    <t>黄豆皮有营养吗</t>
  </si>
  <si>
    <t>　黄豆皮(soybean hulls)虽含极高的纤维素，但含有极高量的消化能相当於来自谷物。当采用高草粮饲料时，使用黄豆皮可消除酸中毒的危险性，及降低淀粉所引发的消化不良。於饲养试验显示，当於肉牛或泌乳牛供饲高草粮时，使用黄豆皮或谷物的价值相等。</t>
  </si>
  <si>
    <t>顺丰双十一快吗</t>
  </si>
  <si>
    <t>11顺丰快递较平时慢些也是正常之事，一般来说，双11顺丰快递一周内都能到货，偏远地区要久些</t>
  </si>
  <si>
    <t>房子有贷款能加名字吗</t>
  </si>
  <si>
    <t>有贷款房产证加名字配偶、子女、父母名字 1、先去银行办理抵押手续变更(需征得贷款银行同意)。2、除了前面说的110元手续费外。如果贷款是公积金的，需要另外加100元；如果是组合贷款(公积金贷款+商业贷款)，需要加200元费用。</t>
  </si>
  <si>
    <t>初一可以谈恋爱吗</t>
  </si>
  <si>
    <t>不建议这个阶段的同学再过深的涉足感情问题，更多的精力应该用在学习上。</t>
  </si>
  <si>
    <t>可能影响学习，也会形成早恋早离</t>
  </si>
  <si>
    <t>恋爱会影响初中生履行责任,他们的责任是学习,以及身心健康的成长,如果谈恋爱会耽误学习,一旦失恋会对心理造成伤害,影响初中生对爱情观的树立.</t>
  </si>
  <si>
    <t>跟着心里走，只是要记得，爱情是盲目的，在你恋爱期间不要忘了学业</t>
  </si>
  <si>
    <t>蜂蜜有保质期吗</t>
  </si>
  <si>
    <t>蜂蜜无保质期，这个前提是蜂蜜必须足够的纯。</t>
  </si>
  <si>
    <t xml:space="preserve"> 无</t>
  </si>
  <si>
    <t>木耳能生吃吗</t>
  </si>
  <si>
    <t>木耳作为一种价值高、味道好的食用菌类食物，会被广泛运用到各类菜式中。有些食物生吃可以达到最佳效果，但是木耳千万不能生吃，因为新鲜的木耳是有毒的，生吃是容易导致人体中毒。</t>
  </si>
  <si>
    <t>脑梗是不是损伤的神经系统</t>
  </si>
  <si>
    <t xml:space="preserve">脑梗塞是由于脑动脉粥样硬化，血管内膜损伤使脑动脉管腔狭窄，进而因多种因素使局部血栓形成，使动脉狭窄加重或完全闭塞，导致脑组织缺血、缺氧、坏死，引起神经功能障碍的一种脑血管病。  </t>
  </si>
  <si>
    <t>雷霆扫毒有第二部吗</t>
  </si>
  <si>
    <t>有,雷霆的大结局收视率最高是38，TVB觉得收视率高所以拍第二部。</t>
  </si>
  <si>
    <t>lol季前赛算成绩吗</t>
  </si>
  <si>
    <t>季前赛打牌为赛的目的动机大多数都是为了增加隐藏分，好让下个赛季10场定级赛后能有更高的段位。下赛季定级赛机制： 你上个赛季的段位分（基础分）+季前赛隐藏分的一半+10场定级赛分数获得的分数=定级赛完成后的分数（段位），从上边公式可知，你打的季前赛可以为下赛季积累（或减少分数）</t>
  </si>
  <si>
    <t>骨折病人能吃海参吗</t>
  </si>
  <si>
    <t>骨折的患者是可以食用海参的，在食用海参的时候会对自己的身体有着促进的作用，那么海参当中具有一定的促进生长发育的表现，，海参当中含有着丰富的精氨酸和赖氨酸，是人体成长发育过程当中非常需要的物质。2 海参能够直接地参与到我们的人体发育当中，对于患有骨折的患者来说经常的去食用海参能够对伤口的愈合起到一定的保健作用。，所以我们骨折的患者可以多吃一些海参是有很大的帮助的。3 对于骨折的患者来说，我们在治疗的时候主要是将他的受伤肢体能够最大限度的恢复，所以在骨折的治疗当中主要是复位和固定以及功能锻炼这3项比较重要，那么在饮食当中的调理也是占有一定的作用的。</t>
  </si>
  <si>
    <t>日不落是翻唱吗</t>
  </si>
  <si>
    <t>日不落 翻唱冰河时代的 sunshine in the rain。</t>
  </si>
  <si>
    <t>《日不落》翻版自瑞典组合Bodies Without Organs（空壳乐队）演唱的 “《Sunshine in the Rain》中文为：《雨中的阳光》” 这首歌。</t>
  </si>
  <si>
    <t>移动号码欠费后成空号,能补回来吗</t>
  </si>
  <si>
    <t>1、您需要确定该号码是由您身份证办理的（实名登记过），否则，无法补回该号码。2、您需要确认该号码在欠费3个月以内。3、带上您的有效证件到指定营业厅办理“复机手续”补回该号码。</t>
  </si>
  <si>
    <t>三一重工是不是军工股</t>
  </si>
  <si>
    <t>是的，属于军工股。</t>
  </si>
  <si>
    <t>不是，三一重工属于一带一路概念的 不属于军工股</t>
  </si>
  <si>
    <t xml:space="preserve">该股属于工程机械行业，专用设备，企业规模较为领先。财务状况差。产品趋向多元化，较同行业来说，盈利能力较强。主营业务：工程机械的研发、制造、销售 </t>
  </si>
  <si>
    <t>可以在交易页面的行情页面查看个股的基本情况。</t>
  </si>
  <si>
    <t>台湾有免费wifi吗</t>
  </si>
  <si>
    <t>即日起，在台湾7-11的wifi(简称7wifi)直接用新浪微博的帐号登入就可以免费上网!</t>
  </si>
  <si>
    <t>lol段位级别会掉吗</t>
  </si>
  <si>
    <t>新排位中玩家是会降级的，刚晋级的玩家5局的保护，如果连输5局以上的话就会掉级。如果胜点掉到0再继续连输的话，也是会掉级的。</t>
  </si>
  <si>
    <t>网上裸聊违法吗</t>
  </si>
  <si>
    <t>如果在一个私密的空间和一个人内进行裸聊，裸聊的同时没有传播淫秽、色情信息，这属于自由处分自己的权利，并不违法。如果和多人同时进行裸聊，并伴随有色情、淫秽信息，这就属于违法行为了。</t>
  </si>
  <si>
    <t>加拿大房子贵吗</t>
  </si>
  <si>
    <t>加拿大房子太贵</t>
  </si>
  <si>
    <t>带套口活会传染性病吗</t>
  </si>
  <si>
    <t>确实如你所述，那么被感染的几率微乎其微，但是尽管这样相对安全，但最好今后不要再冒此风险。</t>
  </si>
  <si>
    <t>梦想生意是传销吗</t>
  </si>
  <si>
    <t>是变相传销。一般人很难做成功。</t>
  </si>
  <si>
    <t>暖气渗水会自己锈住吗</t>
  </si>
  <si>
    <t>不会的。如果家里用的是铜铝复合型的暖气片，防腐蚀效果就很差，水只会让暖气片越来越锈，越来越薄，漏水越严重。如果是铸铁暖气片的话，问题就不会这么大了，铸铁暖气片最大优点就是耐腐蚀。</t>
  </si>
  <si>
    <t>处女比较瘦做爱会疼吗</t>
  </si>
  <si>
    <t>这个问题没有统一答案。看配合情况和默契程度，以及性交前的沟通和准备</t>
  </si>
  <si>
    <t>借条上债务人的名字和签字人的名字不一样有法律效力吗</t>
  </si>
  <si>
    <t>借条只有借款人签字不可以，这样不具有法律效力。</t>
  </si>
  <si>
    <t>感冒能吃鱼吗</t>
  </si>
  <si>
    <t>您好，说感冒不能吃鱼，是指感冒有发烧时，最好不要吃鱼，因为鱼是蛋白质食物，蛋白质食物在消化吸收过程中，因为食物的动力学作用会产热，因而会助发烧</t>
  </si>
  <si>
    <t>京东评价能修改吗</t>
  </si>
  <si>
    <t>由于晒单和评价体现了用户对此商品的真实看法，对其他用户起到了一个重要的参考作用，同时也是为了保证京东新老用户的公平、公正性，所以无法对晒单或者是评价进行修改。</t>
  </si>
  <si>
    <t>股票配股是利好吗</t>
  </si>
  <si>
    <t>配股从来都是利好散户的，相当于给散户一个买原始股的机会</t>
  </si>
  <si>
    <t>股票配股是利好</t>
  </si>
  <si>
    <t>百丽鞋偏大还是偏小</t>
  </si>
  <si>
    <t>个人觉得，百丽的鞋码是有一点偏大的，但因为每家工厂的标准有会有误差，所以也是正常的。</t>
  </si>
  <si>
    <t>百丽鞋子的鞋号没有什么偏差，它的鞋号都是采用中国标准码，但个别因款型不同所造成的偏差该公司会在其产品说明中写明的哦。</t>
  </si>
  <si>
    <t>长在面包树上的女人维栋死了吗</t>
  </si>
  <si>
    <t>朋友们的祷告最终还是没有留住两人，维栋永远地停止了呼吸，而光蕙则陷入永久的昏迷中，不知何时才会醒来。</t>
  </si>
  <si>
    <t>中国知网下载要钱吗</t>
  </si>
  <si>
    <t>在中国知网里下载论文下不了,要花钱,</t>
  </si>
  <si>
    <t>流产后不孕能治好吗</t>
  </si>
  <si>
    <t>可以啊，您的怀孕生育能力依然存在！那次流引产后，宫腔内是否有粘连？是否规则？是否适宜胚胎着床？输卵管是否通畅？有无免疫性相关因素？等等许多问题都需要考虑的。怀孕是一项系统工程，与男方、女方以及双方之间的多种因素相关，建议您去正规医院专业科室做系统检测治疗。这样可以少走弯路，以便早日怀孕！</t>
  </si>
  <si>
    <t>远红外减肥腰带有用吗</t>
  </si>
  <si>
    <t>有用</t>
  </si>
  <si>
    <t>没什么用</t>
  </si>
  <si>
    <t>c2证好考吗</t>
  </si>
  <si>
    <t>C2驾驶证是最容易通过的驾照考试。</t>
  </si>
  <si>
    <t>toto卫浴好吗</t>
  </si>
  <si>
    <t>TOTO主要是注重陶瓷的智洁技术的研究，所以TOTO的陶瓷远比科勒的好，还有就是TOTO的马桶因为本身有着智洁陶瓷，再加上加粗的加大的喷射口，让TOTO的马桶冲水效果远比其他牌子的好。搜索而TOTO的缺点就是在五金上。基本上TOTO的龙头花洒都很一般，和科勒的比起来，科勒的龙头 花洒要好很多。TOTO龙头的含铜量大概只有40%而且还是青铜。如果是想要好一点的龙头，这里还是推荐选择高仪（GROHE）的龙头，高仪是一家只做五金的厂家，目前是保持德国进口。含铜量是全球最高的60%的黄铜。而且从手感各方面都不错。</t>
  </si>
  <si>
    <t>白带白细胞3个加没有不舒服要治吗</t>
  </si>
  <si>
    <t>如果报告单上只有三个加号，没有显示检测出霉菌或者滴虫之类的，就是普通的炎症。意见建议：普通的阴道炎是很容易治疗的，只要用阴道的洗液或者栓剂就可以了，平时应注意增强机体免疫力，防止复发。</t>
  </si>
  <si>
    <t>胸小能穿比基尼吗</t>
  </si>
  <si>
    <t>平胸可以穿比基尼吗?答案是当然可以!</t>
  </si>
  <si>
    <t>同沙水库可以钓鱼吗</t>
  </si>
  <si>
    <t>可以钓鱼但可能要被罚款</t>
  </si>
  <si>
    <t>淘宝认qq聊天记录吗</t>
  </si>
  <si>
    <t xml:space="preserve">不可以做为淘宝凭证，腾讯与淘宝网是两个不同的公司。 </t>
  </si>
  <si>
    <t>微信公众平台名称可以重复吗</t>
  </si>
  <si>
    <t>新注册帐号将不得与已有账号同名，同时申请认证的帐号也要求“命名唯一”原则</t>
  </si>
  <si>
    <t>试管婴儿要做唐氏筛查吗</t>
  </si>
  <si>
    <t>唐氏筛查一定要做，尽管有许多多准妈妈对唐氏筛查提出质疑，尽管唐筛结果不能十分准确地判断宝宝是否愚型，但毕竟这是判断胎宝宝是否愚型的最经济、简便，对胎儿无损伤的检测方法，如果查出的结果可疑，可以进一步作羊膜穿刺检查。</t>
  </si>
  <si>
    <t>中级改分是真的吗</t>
  </si>
  <si>
    <t>不可靠，谨防上当，本人做教育的，期中理解不少这种骗子，其实有其他渠道的，改分不可靠，试卷封卷后，换省改卷，交叉阅卷，上传成绩，不可能有机会，任何人都不知道那几个省份互换，都是封卷后交叉，望采纳</t>
  </si>
  <si>
    <t>四海镖需要镖旗吗</t>
  </si>
  <si>
    <t>四海镖不需要镖旗，只需要在对应的盟会就可以了。</t>
  </si>
  <si>
    <t>美国直邮会被税吗</t>
  </si>
  <si>
    <t>直邮都要预扣税款，走DHL据说必税。</t>
  </si>
  <si>
    <t>鱼和香蕉能一起吃吗</t>
  </si>
  <si>
    <t>香蕉不能和鱼一起食用，两者融合会产生反应，会生成难以消化的物质，对人体有害。但是如果食用了鱼之后，隔一段时间是可以吃香蕉的，最好隔一个小时再食用香蕉。如果吃了大量的香蕉之后，再吃许多鱼就会对人体造成生命危险。</t>
  </si>
  <si>
    <t xml:space="preserve"> 香蕉当中含有鞣酸，可能会与鱼中的钙结合，形成一种难以消化的东西，虽然量不大，但对身体有一定影响。同食的话可能会引起轻微的消化不良或者呕吐腹泻现象，不建议孕妇同食。可以分开间隔食用。</t>
  </si>
  <si>
    <t>公共英语三级相当于大学英语四级吗</t>
  </si>
  <si>
    <t>　这五个级别的考试标准建立在同一能力量表上，相互间既有明显的区别又有内在的联系。有关该项考试各个级别的设计标准可参见教育部考试中心编写的《全国公共英语等级考试(PETS)考试大纲》。所以，公共英语三级相当于大学英语四级;公共英语四级相当于大学英语六级。</t>
  </si>
  <si>
    <t>神经性头疼能根治吗</t>
  </si>
  <si>
    <t xml:space="preserve"> 神经性头疼是可以治愈的，最好的方法是电针灸和物理治疗，如神经肌肉电刺激治疗，经络导平治疗等，神经肌肉渐进性放松训练有效，可以使用放松训练CD，口服中药方剂效果良好。加强心理调整，消除顾虑，改善睡眠，多运动是放松的好办法。</t>
  </si>
  <si>
    <t>非4s店买车靠谱吗</t>
  </si>
  <si>
    <t>市面上，这种二级经销商往往以某某汽车销售公司命名，一般所指的二级经销商是非官方指定或授权的、具有合法经营资格的汽车综合经销商。相对于某个汽车品牌4S店，二级经销商往往可以出售多个品牌车型。还有部分二级经销商其实就是4S店的分店，由于厂家对4S店管理比较严格，部分厂家在车价方面对4S店的约束力较大，使一些4S店不敢随意降价销售。而4S店为了拉动销量，会自己经营一些品牌销售店或者和一些二级经销商合作。</t>
  </si>
  <si>
    <t>小孩拔牙疼吗</t>
  </si>
  <si>
    <t>问题分析：无论是大人还是小孩，拔牙当然会痛了，但是如果牙齿已经松动，相连的不是太多的话，拔掉的时候会好一点。意见建议：换牙是人的正常生理现象，建议不要随便干预，在换牙的时间多让孩子尽量少吃糖，以及硬度大的食物，可以补充一些钙剂，促进牙齿的发育</t>
  </si>
  <si>
    <t>南海属于中国吗</t>
  </si>
  <si>
    <t>当地时间2015年6月4日，菲律宾马尼拉，菲律宾抗议者在中国领事馆前集会，打出“中国南海不属于中国”等横幅。南海不是中国的领海。领海的概念是指沿海国主权管辖下与其海岸或内水相邻的一定宽度的海域，是国家领土的组成部分。中国的领海有12海里，相当于往海里延伸出去20km左右，其余都不能算是领海。中国对南沙群岛及其附近海域拥有无可争辩的主权。</t>
  </si>
  <si>
    <t>黄金挑战绝版了吗</t>
  </si>
  <si>
    <t>黄金挑战绝版了，瞬间感觉全世界都在针对我。。。</t>
  </si>
  <si>
    <t>地板有毒吗</t>
  </si>
  <si>
    <t>PVC地板是主要原料是聚乙烯塑料，聚乙烯塑料是环保无毒的可再生资源，在生产过程中所有添加是成分都是完全无毒无放射性的，不含任何重金属其环保性是无需担忧的，是真正的，环保绿色地板。实木复合地板用实木材质粘接而成，结果压实粘接而成，使用较少的胶黏剂。复合地板采用木粉和胶成型的基体材料，表面有耐磨层、装饰层，平衡层等，使用胶黏剂最多。但是对于人体的毒害，只要是正规厂家的合格产品，应该都是在合格范围内的。相对来说是木地板最安全，实木复合地板次之，复合地板最差。</t>
  </si>
  <si>
    <t>百合酸吗</t>
  </si>
  <si>
    <t>百合本身就有酸性的，如果放置时间长了，酸性味还会增大，但不影响疗效。</t>
  </si>
  <si>
    <t>正品百合是没有酸味的，应略有甜味；颜色偏黄正常。</t>
  </si>
  <si>
    <t>百合有两种，一种是菜百合，一种是药用的百合。药用的百合煮熟后可能会有酸味。或者是您买的百合被硫磺漂白过的，会有很大酸味。</t>
  </si>
  <si>
    <t>qq支持linux吗</t>
  </si>
  <si>
    <t>支持倒是支持，但是建议使用webQQ，不必专门使用QQ for Linux。</t>
  </si>
  <si>
    <t>乖离的4星卡有用吗</t>
  </si>
  <si>
    <t>首先，名声卡，是有推荐的，你百度下就可以知道你那个职业的名声卡，名声卡只做一张90声望就可以了低星不等于没用，满星4星也许其他本不行，但是克制属性的本，就是好卡，我记得丘有几张低星但是风属性的卡，打冰龙超弩就非常有用</t>
  </si>
  <si>
    <t>日本奥特莱斯便宜吗</t>
  </si>
  <si>
    <t>今天刚到日本就去了奥特莱斯，感觉东西好便宜！想购物的欲望完全停不下来啊！</t>
  </si>
  <si>
    <t>小孩吃醋好吗</t>
  </si>
  <si>
    <t>宝宝1岁以上可以吃添加在食物中的醋。医学专家认为，让婴幼儿适当“吃醋”能提高胃肠自卫能力，大量杀灭病菌；胃口变好，食欲增强；保护维生素C，促使孩子精力旺盛；对各种营养进行全方位的吸收和利用。</t>
  </si>
  <si>
    <t>海南兴隆好玩吗</t>
  </si>
  <si>
    <t>有挺多风景名胜的。</t>
  </si>
  <si>
    <t>唯品会有运费险吗</t>
  </si>
  <si>
    <t>有的，只有在退货才有保险运费赔付的</t>
  </si>
  <si>
    <t>唯品会上买东西没有运费险，听别人说退货先是自己垫付10元邮费，退货成功后返10元唯品币(不是自己的现金)，支付的钱返回到唯品钱包(注意又不是现金),这样的话，也就没有什么问题，如果日后还在唯品会上买东西也没什么问题</t>
  </si>
  <si>
    <t>阳朔世外桃源好玩吗</t>
  </si>
  <si>
    <t>景色很不错，不愧是桂林山水，另外还有田园风光，又融合了少数民族风情和文化，很有看点，也有趣味性。适合摄影写生，也适合家庭亲子，游玩观赏美景的同时还能学到东西。性价比高</t>
  </si>
  <si>
    <t>世外桃源实际上是一个人造景区，无法和天然的十里画廊相提并论；</t>
  </si>
  <si>
    <t>赛尔号会倒闭吗</t>
  </si>
  <si>
    <t xml:space="preserve"> 不会，赛尔号不会倒闭</t>
  </si>
  <si>
    <t>吃蔓越莓胶囊对肾有负担吗</t>
  </si>
  <si>
    <t>吃蔓越莓胶囊对肾没有负担</t>
  </si>
  <si>
    <t>可以吃 但是要适量  是先天性的还是后期的</t>
  </si>
  <si>
    <t>买蔓越莓吃 一般来说不会影响肾囊肿的，肾囊肿是一种累及肾脏的发育异常的疾病。对饮食没什么影响的。</t>
  </si>
  <si>
    <t>uniwalker拉杆箱好吗</t>
  </si>
  <si>
    <t>uniwalker拉杆箱是一个为时尚渡假而生的旅行精品。它带给人们的不仅仅是方便， 还有时尚的外观，艳丽明亮的色彩，自由时尚的生活态度，追求品味品质的个人诉求。让你在拥有UNIWALKER的旅途更加绚烂多彩，更让如彩虹般美好的心情一直持续蔓延。</t>
  </si>
  <si>
    <t>鸭子通人性吗</t>
  </si>
  <si>
    <t>会的，动物也是很聪明的，他们有自己的思维方式。</t>
  </si>
  <si>
    <t>爱因斯坦很聪明吗</t>
  </si>
  <si>
    <t>爱因斯坦为什么会变得那么聪明？原因就在于别人送到专利局的各种发明专利文件！普通的专利局工作人员，即使是对科学知识有兴趣，也只是弄懂了各种发明专利的原理也就算了。但爱因斯坦以常人不同，他想弄清楚发明人为什么能发明这些东西？他们是怎样找到灵感的？每当收到专利文件，只看前面的部分，把自己当成发明人，重复发明人的研究。只有想了很久，仍然想不明白，才会继续看专利文件，得到提示后继续研究。他把发明当着作业来做，几年下来几乎没有什么发明，可以难得到爱因斯坦。【原理及图纸，不包括制造工艺】这样一颗超级的大脑就诞生了！但爱因斯坦没有自己的实验室，也没有资金，不可能成为像爱迪生那样的发明家。他的面前只有一张办公桌，和各种科学刊物书籍，只能从事理论工作的研究。</t>
  </si>
  <si>
    <t>影流人多吗</t>
  </si>
  <si>
    <t>朋友就在影流玩过一段时间，据他反应——不但人少，服务器也不稳定，卡机掉线是常事。</t>
  </si>
  <si>
    <t>存折可以转账吗</t>
  </si>
  <si>
    <t>目前活期存折有两种，一种可以用作转账，一种是不可以的，你先看一下你的存折是哪种；可以转账的在盖章的封皮上有：结算户字样；而普通的那种储蓄类的存折是不能用作转账结算的；如果你拥有结算类存折的话，转账时可以不带折子的，只要有该折子的完整正确的账号，就可以把钱打进去的；异地转账的话会收取一定的手续费的（汇款时单向收取）</t>
  </si>
  <si>
    <t>得了痔疮肚子会胀气吗</t>
  </si>
  <si>
    <t>一般不会，对于痔疮，保持大便质软通畅，主要是少食辛辣刺激之品，少饮酒，少吃干果，保平时可以采取温盐水、中药或者高锰酸钾坐浴的方式，坐浴目的是促进肛门局部的血液循环，可起到消炎、止痛、清洁的作用。</t>
  </si>
  <si>
    <t>剑网三唐门厉害吗</t>
  </si>
  <si>
    <t>唐门算目前副本最受欢迎的DPS职业，因为高秒伤。</t>
  </si>
  <si>
    <t>梨水可以天天喝吗</t>
  </si>
  <si>
    <t>不建议每天喝冰糖雪梨水，有可能会引起拉肚子，胃肠道功能紊乱，消化不良反应，建议您最好是偶尔喝点，平时多喝点白开水为宜</t>
  </si>
  <si>
    <t>睡前喝酸牛奶好吗</t>
  </si>
  <si>
    <t xml:space="preserve">在晚上喝酸奶好处更多一些。因为从补钙的角度来看，由于夜间人体不再摄入含钙食物，然而钙的代谢却仍在睡眠中悄然进行，因此，睡前食用适量富含钙质的乳品很有必要。 晚上喝牛奶，不但有助于睡眠，而且有助于人体对其营养成份的吸收。营养专家们认为，牛奶最好在傍晚或临睡之前半小时饮用 </t>
  </si>
  <si>
    <t>睡前喝酸奶不好</t>
  </si>
  <si>
    <t>孕妇可以用橄榄油擦肚子吗</t>
  </si>
  <si>
    <t>可以的,对胎儿没有什么影响的，不过最好是用天然的特级初榨橄榄油.它不仅对孕妇有好处,对孩子也很有益处.</t>
  </si>
  <si>
    <t>张予曦被甄别了吗</t>
  </si>
  <si>
    <t>没有，她自己走的。</t>
  </si>
  <si>
    <t>楚楚街的东西好吗</t>
  </si>
  <si>
    <t>看你要买什么了，我认为有些东西还是不错的，就像很多9.9的活动一样，都是一种促销而已，如果刚好碰上你需要买的，那就很值，如果不需要的就因为便宜买了买回去再好也觉得浪费</t>
  </si>
  <si>
    <t>大家不要上楚楚街买东西，太不靠谱了。</t>
  </si>
  <si>
    <t>淘宝介入对店铺有影响吗</t>
  </si>
  <si>
    <t>会增加纠纷退款率。退款纠纷率：近28天内，客服介入退款（售中+售后）笔数/支付宝总成交笔数。纠纷退款率对商品搜索、直通车以及营销活动有影响。</t>
  </si>
  <si>
    <t>白带拉丝同房会怀孕吗</t>
  </si>
  <si>
    <t xml:space="preserve"> 不过具体会不会怀孕还要看运气的，排卵期只是有怀孕的可能性，并不是说一定会怀孕</t>
  </si>
  <si>
    <t>绝命毒师死了吗</t>
  </si>
  <si>
    <t>绝命毒师汉克怎么死的</t>
  </si>
  <si>
    <t>开放性结局，死与不死由观众自行决定。</t>
  </si>
  <si>
    <t>iphone5s有128g的吗</t>
  </si>
  <si>
    <t>兔子拉软便会死吗</t>
  </si>
  <si>
    <t>那就是拉稀了，会死的！绝对别喂水和菜，那样会更厉害！</t>
  </si>
  <si>
    <t>拉一点软便没事，给她乳酶生调节肠胃，多吃干草。</t>
  </si>
  <si>
    <t>华为上市了吗?</t>
  </si>
  <si>
    <t>没有上市</t>
  </si>
  <si>
    <t>紫锥菊儿童能吃吗</t>
  </si>
  <si>
    <t>自然之宝紫锥菊提取物胶囊是天然、绿色，对身体无害。药的成分，对身体伤害比较大，所以建议家长们还是应当为孩子整个身体机能考虑，少吃药，吃天然成分的东西。</t>
  </si>
  <si>
    <t>英国药品和医疗产品管理中心（MHRA）警告，父母不宜给12岁以下儿童使用紫锥菊（常用作治疗咳嗽与感冒），因其具有导致“严重”过敏的风险。</t>
  </si>
  <si>
    <t>最终解释权归本公司所有违反广告法吗</t>
  </si>
  <si>
    <t>违反了《合同违法行为监督处理办法》第十一条第（四）项规定，“经营者与消费者采用格式条款订立合同的，经营者不得在格式条款中排除消费者解释格式条款的权利”</t>
  </si>
  <si>
    <t>年审能提前吗</t>
  </si>
  <si>
    <t>机动车在年审日前的3个月，都可接受检测申请年审。最好提前两个月或1个多月，别等到距离年检到期只剩不几天才想起受检。</t>
  </si>
  <si>
    <t>社区大学好吗</t>
  </si>
  <si>
    <t>你好！社区大学的优势：一是录取要求不高，尤其是语言这一块，托福60左右就有部分社区可以直录；二是部分社区大学高二结束，高三没开始就接受申请，无需读完完整的高中三年；三是性价比高，每年总费用15万人民币左右；四是读完两年社区就可以拿到副学士学位，直接毕业或者转入四年制大学读大三大四，只要GPA和语言成绩达标，可以选择转入排名靠前的大学，毕业时还是哪本科学士学位，没有影响，选择比较灵活；所以不能独立地说社区好还是不好，要看是否适合自己。</t>
  </si>
  <si>
    <t>还房贷是自动扣款吗</t>
  </si>
  <si>
    <t>房贷是每月自动从银行卡上扣的。扣款详细：1：需要开一个这个银行的银行卡，申请贷款时把这个银行卡账号告诉银行，银行会绑定成还款账户。2：银行会每月自动就从该账户里面扣款。3：需要保证该银行卡里面有足够的钱可扣款。</t>
  </si>
  <si>
    <t>防腐剂有味道吗</t>
  </si>
  <si>
    <t>辣的，生涩的</t>
  </si>
  <si>
    <t>客厅能挂婚纱照吗</t>
  </si>
  <si>
    <t>婚纱照挂客厅是很好的。</t>
  </si>
  <si>
    <t>速录可以自学吗</t>
  </si>
  <si>
    <t>有人认为学习速录只要根据教材就可以学成，这句话对也不对。速录是一门专业性比较强的学科，要想把速录学成、学好、学透，那就必须进行一个系统的学习。为什么又说它对呢？因为老话说的好：师傅领进门，修行看个人。</t>
  </si>
  <si>
    <t>三星i939d能用4g卡吗</t>
  </si>
  <si>
    <t>，三星I939D是一款电信3G双网双待手机</t>
  </si>
  <si>
    <t>鹿晗喝酒吗</t>
  </si>
  <si>
    <t>没有，鹿晗好像不会喝酒。</t>
  </si>
  <si>
    <t>鹿晗因恐高一直很少坐飞机，有次为了去国外录制奔跑吧，不得不坐飞机出行，有人说为了鹿晗为了克服飞行恐惧还喝酒了。</t>
  </si>
  <si>
    <t>感冒可以喝黄酒吗</t>
  </si>
  <si>
    <t>感冒本身就是病毒上呼吸道感染导致的疾病，在发病期间饮用含有酒精的饮品会导致身体的免疫力进一步下降，容易出现继发的细菌感染，导致病情进一步加重，所以感冒期间是不建议喝黄酒的。</t>
  </si>
  <si>
    <t>蒋介石和宋美龄有孩子吗</t>
  </si>
  <si>
    <t>长智齿会有口臭吗</t>
  </si>
  <si>
    <t>一般智齿横着长的话，会和智齿前面那颗大牙之间存在牙刷够不到的间隙，如果位置低的话，更会出现一个袋装结构，在里面积存食物残渣和细菌，细菌分解食物残渣会产生臭味，刷牙漱口不能彻底解决问题，只是暂时让气味变淡</t>
  </si>
  <si>
    <t>烈火战神好玩吗</t>
  </si>
  <si>
    <t>玩过热血传奇应该会喜欢这个游戏的。</t>
  </si>
  <si>
    <t>这是一款仿传奇的网页游戏，对喜欢PK的玩家来说是不错的选择 。</t>
  </si>
  <si>
    <t>京东能送到农村吗</t>
  </si>
  <si>
    <t>经开通京东农村电商服务的地区的村庄，在京东购物是可以送到农村家里的</t>
  </si>
  <si>
    <t>这个要分什么东西了，因为它有很多仓库，有的发邮局，有的发快递</t>
  </si>
  <si>
    <t>独立日有第二部吗</t>
  </si>
  <si>
    <t>惠州属于深圳吗</t>
  </si>
  <si>
    <t>不属于，惠州市位于中国广东省东南部，珠江三角洲东端。惠州市东部与广东省河源市、汕尾市交界，南部与南海大亚湾相邻，与香港隔海相望，西部与广东省深圳市、东莞市、广州市接壤，北部与广东省韶关市毗邻。</t>
  </si>
  <si>
    <t>中国经济统计数据可信吗</t>
  </si>
  <si>
    <t>如今，中国官方经济数据不可信已是许多人普遍接受的共识。但香港科技大学经济学教授霍尔兹认为，中国官方的名义GDP依然可信，只是采用的GDP平减指数有问题，东京一桥大学经济学教授伍晓鹰则认为，中国的官方数据存在根本缺陷。</t>
  </si>
  <si>
    <t>怀孕三个月以后可以同房吗</t>
  </si>
  <si>
    <t>怀孕后前三个月不宜同房，因为容易导致流产,后三个月也不宜同房，因为容易导致提早生产，期间几个月可以适当的同房，不过要注意动作不要太大，尽量避免对胎儿的影响，以后注意就可以了。</t>
  </si>
  <si>
    <t>宜家可以送货吗</t>
  </si>
  <si>
    <t>宜家不仅可以送到门口，更能将家具搬到用户指定的房间内。</t>
  </si>
  <si>
    <t>燕郊的房子能买吗</t>
  </si>
  <si>
    <t>此时燕郊的房子不是想买就能买的。</t>
  </si>
  <si>
    <t>孕妇能吃鸽子么</t>
  </si>
  <si>
    <t>你好，孕妇当然是可以吃鸽子肉的，鸽子肉里面还有很多的胶原蛋白可以促进蛋白的吸收，促进神经肌肉等各系统的发育。有的人说吃兔子肉可以引起兔唇，这个是没有科学道理的。</t>
  </si>
  <si>
    <t>ipad我的照片流删除了会对照片有影响吗</t>
  </si>
  <si>
    <t>照片流会另外占用空间，但是照片流本身并不是照片，是因为对照片的另外使用等造成的空间占用，所以当手机空间变小时，可以将照片流删除，并不会影响原文件</t>
  </si>
  <si>
    <t>报关员资格证有用吗</t>
  </si>
  <si>
    <t>海关报关员是外贸企业对外办理业务时最重要的职位，也是企业最紧缺，最受重视，拥有高薪，能有无限发展空间，倍受青睐的黄金职业！！</t>
  </si>
  <si>
    <t>我去年就拿了这个号称最难拿的证书 可以在武汉呆了一年了也没用上 在广州也去了2个月 感觉 如果你英语不好就别考这个了 真的是没什么用</t>
  </si>
  <si>
    <t>女上位app能下载了吗</t>
  </si>
  <si>
    <t>网易女上位app是一款网易推出的全新神秘社交神器。该软件主张用女性主导的交友方式跟她交朋友，让女生们发起邀约，男生要竭尽所能展示自己的魅力来吸引她们，欢迎下载体验！</t>
  </si>
  <si>
    <t>孕妇可以坐飞机吗</t>
  </si>
  <si>
    <t>不同的孕期也有所区别：即使孕妇健康，大多数妇产科医生也不赞成孕妇在孕早期和孕晚期乘机，因为这些时期的孕妇及胎儿对外界环境因素的改变非常敏感。孕早期（头3个月），是早孕反应（如恶心、呕吐、食欲不振等）最重的时期，也是胎儿器官形成的关键时期。胎儿的生长发育还不稳定，容易发生流产；孕中期（怀孕14周到怀孕27周）是孕妇坐飞机出行的最佳时段。在这个阶段，孕吐的现象已经过去，孕妇正值精力旺盛之时，而且流产的风险比较低。孕晚期（后3个月），旅途中的意外有可能诱发子宫收缩、早产、胎盘早期剥离等严重并发症。孕妇在飞机上长时间不活动，加上增大的子宫压迫血管影响血液回流，易导致血栓形成。如果在孕早期有先兆流产情况，孕晚期又合并高血压、蛋白尿、水肿、糖尿病等，乘飞机出行更易增加危险性。孕妇在飞机上不慎摔倒或碰撞，也会增加母体或胎儿发生意外的可能。</t>
  </si>
  <si>
    <t>养老保险可以取出来么</t>
  </si>
  <si>
    <t>专家表示，养老保险一般不能取出。根据相关文件规定，以下三种人员养老保险可以一次性返还个人账户：1、达到法定退休年龄交费不满15年的，也不符合按个体劳动者办法继续交纳养老保险条件，或本人不愿继续交纳养老保险费的；2、出国定居满一年以上的；3、在职死亡的。如果交费时间已够15年，可以领退休金，但计算退休金标准从停止交费年度开始计算，如果交费时间不够15年，领取了个人部分，将来就不能领取退休金。如果退休前死亡（男60，女50岁），亲属只能领取个人帐户部分，再不能领取养老金，退休后死亡，即使只有一个月，领了一个月的养老金，就再不能领取个人部分。</t>
  </si>
  <si>
    <t>公积金可以取吗</t>
  </si>
  <si>
    <t>符合下列情形之一，并能按规定提供合法、有效证明的职工，可申请提取个人住房公积金账户内的存储余额：（一）购买、建造、翻建、大修自住住房的；（二）达到国家法定离退休年龄，或已正式办理了离退休手续的；（三）完全丧失劳动能力，并与所在单位终止劳动关系的；（四）出境定居的；（五）偿还购买自住住房贷款本息的； （六）支付自住房屋房租超出家庭月工资收入15%以上部分的；（七）正在享受城镇居民最低生活保障待遇的；（八）本人、配偶及其直系亲属因重大疾病造成家庭生活严重困难的；（九）遇到突发事件，造成家庭生活严重困难的；（十）连续失业两年以上，家庭人均月收入低于本地区最低工资收入，家庭生活严重困难的；（十一）职工在职去世，有继承人或受遗赠人领取的；（十二）职工为农业户口或非本市户口并与所在单位终止劳动关系的。</t>
  </si>
  <si>
    <t>邮政可以送货上门吗</t>
  </si>
  <si>
    <t xml:space="preserve">无 </t>
  </si>
  <si>
    <t>1.普通包裹要自己到邮局取2.也可叫邮递员送货上门，不过要另外多加4元的费用。3.国内邮政快递包裹。单号是KA开头的，是不会送货上门的一般是送给包裹单，然后自己到邮政营业厅自己去取，要带上自己的身份证，如果是别人带领的话也要带上收件人身份证和带领人的身份证才能领到，一般包裹的话最快也要7天慢的话要1个月，所以如果是很急的东西的话建议走EMS邮政快递。</t>
  </si>
  <si>
    <t>离婚影响公务员政审吗</t>
  </si>
  <si>
    <t>原则言行的；有流氓、偷窃等不良行为，道德品质不好的；有犯罪嫌疑尚未查清的；直系血亲或对本人有较大影响的旁系血亲在境外、国外从事危害我国国家安全活动，本人与其划不清界限的；直系血亲中或对本人有较大影响的旁系血亲中有被判处死刑或者正在服刑的；为了保证录用考核工作顺利进行，各地根据需要可成立临</t>
  </si>
  <si>
    <t>阿胶小孩可以吃吗?</t>
  </si>
  <si>
    <t>小孩子完全可以吃阿胶</t>
  </si>
  <si>
    <t>科鲁兹有车身稳定系统吗</t>
  </si>
  <si>
    <t>科鲁兹当然有车身稳定系统啊！</t>
  </si>
  <si>
    <t>小月喜欢九爷吗</t>
  </si>
  <si>
    <t>小月对爱情是忠贞不渝的，她不会背叛无忌，我想即使小卫如历史中所说，英年早逝，莘月也不会和九爷在一起。 这辈子，她可以为救九爷付出生命，却注定要辜负九爷的爱，唯有将这份感情埋在心底.</t>
  </si>
  <si>
    <t>夏天用热车吗</t>
  </si>
  <si>
    <t>所谓的热车是让润滑油工作起来，它热的不单只是发动机，还有其他汽车机构。所以，夏天即使再炎热，也要适当地对汽车进行热车。冬季的预热时间要比夏季长一些。</t>
  </si>
  <si>
    <t>咏春真的厉害吗</t>
  </si>
  <si>
    <t>咏春拳是一种实战性非常强的武术！咏春拳的特点是永远走中线，追求最短的直线距离，防守体系非常严密，讲究连消带打，防守的同时也要反击，一沾手就连绵不断、进步迫击，直到把对手打倒为止。咏春拳的攻击手段以日字冲拳和标指为主，非常简洁但极其有效，其中日字冲拳享有“世界最快的拳”的美称，</t>
  </si>
  <si>
    <t>美国退税吗</t>
  </si>
  <si>
    <t>可以的。在美国买东西回国后退税如下：在美国购买物品的时候一般都会有购物小票，在回国的时候可以拿着小票以及自己的证件去窗口办理退税的手续，办理好之后一般2-3月的时间税就能被退下来，一般证件有机票、护照以及签证等。</t>
  </si>
  <si>
    <t>　美国有五个州购物免消费税，包括阿拉斯加州丶德拉瓦州丶蒙大拿州丶新罕布什尔州丶俄勒冈州。德克萨斯州和路易斯安那州，外国游客购买商品可以得到退还消费税。</t>
  </si>
  <si>
    <t>划拨土地是否可以转让</t>
  </si>
  <si>
    <t>土地使用权划拨对象和划拨用途具有特定性，建设项目均具有公益性和非营利性，因此，作为划拨土地使用权人，不得擅自改变批准的土地用途，更不能允许将无偿或者低偿取得的土地使用权，直接进入房地产开发市场，或通过转让谋取经济利益。</t>
  </si>
  <si>
    <t>面膜机好不好</t>
  </si>
  <si>
    <t>足够安全，很方便。</t>
  </si>
  <si>
    <t>银行收硬币吗</t>
  </si>
  <si>
    <t>银行都回收硬币的，但是只按1:1的比价回收硬币，而且数目太大的话有些银行会加收点钞费。</t>
  </si>
  <si>
    <t>尼坤宋茜在一起过吗</t>
  </si>
  <si>
    <t>尼坤宋茜没有在一起过。</t>
  </si>
  <si>
    <t>iphone6电信能用吗</t>
  </si>
  <si>
    <t>如果是全网通的就可以，电信，移动，联通的都可以使用！如果是移动定制版的只能用移动的，别的用不了。电信，联通的也是一样的~</t>
  </si>
  <si>
    <t>举报贩毒有奖励吗</t>
  </si>
  <si>
    <t>一般是有奖励的，具体看各地公-安机-关的奖励规定</t>
  </si>
  <si>
    <t>西柚商城加盟是真是假</t>
  </si>
  <si>
    <t>杭州尤曼西柚商城是骗子公司，很不靠谱。</t>
  </si>
  <si>
    <t>东方航空儿童可以买成人票吗</t>
  </si>
  <si>
    <t xml:space="preserve">由于现在机票市场的竞争很多成人旅客的折扣低于儿童票的五折,所以很多航空公司是允许儿童购买成人票乘机的,而南航一般允许儿童在享受成人低于五折的折扣同时,也允许儿童享受儿童身份带来的免机场建设费和燃油税减半的优惠,与此相同的还有海航和部分其他航空公司,但有些航空公司就只允许两种优惠只享受一种,即要么儿童与成人完全同价享受低折扣且交成人标准交税钱,要么就买儿童五折票免机建燃油减半 </t>
  </si>
  <si>
    <t>胃不好能吃大枣吗</t>
  </si>
  <si>
    <t>肠胃不好是可以适当吃些大枣的</t>
  </si>
  <si>
    <t>剑网三丐帮好玩吗</t>
  </si>
  <si>
    <t>虽然丐帮是最新出的职业，但是，并没有像以往的新出门派一样受到热捧。</t>
  </si>
  <si>
    <t>天猫国际直邮要交税吗</t>
  </si>
  <si>
    <t xml:space="preserve"> 海外直邮是商家收到订单后，直接从海外通过快递发货，清关，入境的消费形式。速度相对要慢一些，费用可能也会更高，但是商品的种类会比较多，很多国外的商品都可以买到。天猫国际属于跨境电商，所以这两类都是使用行邮清关的模式。税金低于50是免征哦，购物的时候，注意下这个可以做到合理避税，魔速达的回答希望能帮到你。</t>
  </si>
  <si>
    <t>乙肝可以办理健康证吗</t>
  </si>
  <si>
    <t>肝功能正常的话，即使是乙肝携带者，也可以办健康证的</t>
  </si>
  <si>
    <t>阿里云可以做论坛吗</t>
  </si>
  <si>
    <t>点背的话你流量大了他会封你的网站，一般情况下不会，个人的你做成博客也行嘛，为何非得做成论坛</t>
  </si>
  <si>
    <t>连着三天做爱第四天吃紧急避孕药可以吗</t>
  </si>
  <si>
    <t>紧急避孕药在同房后72小时内服用有效</t>
  </si>
  <si>
    <t>速腾有没有防撞钢梁</t>
  </si>
  <si>
    <t>是有的，而且很厚道地做了双层防撞梁。两端经过吸能盒与车身纵梁相连，中间还有一块薄的钢板支撑。</t>
  </si>
  <si>
    <t>要退货用不用点确认收货</t>
  </si>
  <si>
    <t>退货前不要先确认收货，以免不必要的损失。</t>
  </si>
  <si>
    <t>苹果关机充电会自动开机么</t>
  </si>
  <si>
    <t>1、苹果4S手机关机后，充电时就会自动开机的，这是手机的自带功能。2、苹果的手机，在每次没电后自动关机时，连接上手机数据线充电，在手机电量达到4%时就会自动关机。3、如果在充电时不想关机，可以开启手机的飞行模式或者重新关机后再充电。</t>
  </si>
  <si>
    <t>伟哥能不能吃</t>
  </si>
  <si>
    <t>可以的，但是不能长时间吃的</t>
  </si>
  <si>
    <t>街边老人药水祛痣好不好</t>
  </si>
  <si>
    <t>般祛痣的药水和药膏里面都含某种腐蚀性的强酸，这种强酸可以将痣腐蚀掉，也就是我们常说的化学剥脱方法。这种方法很早之前医院就淘汰了，因为这种点痣方法中药水的浓度很关键，如何配比以及用量等完全凭个人经验，如果使用者不能很好掌握药水浓度，就容易损伤皮肤，甚至可能导致毁容。</t>
  </si>
  <si>
    <t>poco还能用吗</t>
  </si>
  <si>
    <t>poco依然可以用的</t>
  </si>
  <si>
    <t>冬季可以装修吗</t>
  </si>
  <si>
    <t>不是的。冬天装修只要注意用材是可以的</t>
  </si>
  <si>
    <t>背古文观止有用吗</t>
  </si>
  <si>
    <t>《古文观止》是语文教育的“高原训练”，经过高原训练的学子对白话文自会游刃有余。</t>
  </si>
  <si>
    <t>背诵《古文观止》是一件得不偿失的愚笨做法</t>
  </si>
  <si>
    <t>社保真的有用吗</t>
  </si>
  <si>
    <t>买社保真的有用，但要坚持最少买满15年。</t>
  </si>
  <si>
    <t>小孩睡前喝奶粉好吗</t>
  </si>
  <si>
    <t>牛奶最好在傍晚或者临睡前半小时让孩子服用，如果睡觉以前给孩子喝牛奶。是能够促进孩子的身高发育，增加孩子抵抗力的。</t>
  </si>
  <si>
    <t>刷单骗钱警察会管吗</t>
  </si>
  <si>
    <t>刷单骗钱警察不会管，金额合同，院起诉。金额报案，追能性。被骗个几百万事闹大了也许会抓</t>
  </si>
  <si>
    <t>用模拟第三方身份网络销售现货白银投资是否违法?</t>
  </si>
  <si>
    <t>违法行为</t>
  </si>
  <si>
    <t>荣耀7双4g耗电大吗</t>
  </si>
  <si>
    <t>我也觉得太耗电了，信号也没有好好的</t>
  </si>
  <si>
    <t>肾炎能治好么</t>
  </si>
  <si>
    <t>目前为止还没有特别有效的治疗手段，能够彻底的治愈肾炎</t>
  </si>
  <si>
    <t>结合中西医的治疗会事半功倍。慢性肾炎能治好，患者要保持良好的心态，多到户外呼吸新鲜空气</t>
  </si>
  <si>
    <t>樊京辉是被斩首吗</t>
  </si>
  <si>
    <t>被IS斩首的中国人质</t>
  </si>
  <si>
    <t>樊京辉被"伊斯兰国"杀害</t>
  </si>
  <si>
    <t>一号仓转运澳洲好用吗</t>
  </si>
  <si>
    <t>欧洲转运公司大把的奶粉保税渠道不用，非要用一号仓这个？</t>
  </si>
  <si>
    <t>在美国留学的台湾学生也要服兵役吗</t>
  </si>
  <si>
    <t>不行，只是办理缓征</t>
  </si>
  <si>
    <t>大皇帝于禁好用吗</t>
  </si>
  <si>
    <t>于禁牛逼是必须的，他可以把你军府坐穿，没有人出其右</t>
  </si>
  <si>
    <t>没用的将，于神只是调侃</t>
  </si>
  <si>
    <t>陷阵有保养时，于禁还可以。</t>
  </si>
  <si>
    <t>蜘蛛有听觉吗</t>
  </si>
  <si>
    <t>蜘蛛没有听觉,只有靠触觉捕猎.蜘蛛脚上有刚毛,有触觉,发出声音时有空气震动,它可以感觉得到,这不是听觉,是触觉.</t>
  </si>
  <si>
    <t>孕妇能喝白萝卜汤吗</t>
  </si>
  <si>
    <t xml:space="preserve">  你说的情况当然可以吃的，这个没有问题</t>
  </si>
  <si>
    <t xml:space="preserve">  您好，最好不要喝，容易造成流产，孕妇的饮食应多样化，可供给鸡蛋、动物肝、动物血、瘦肉、大豆制品、乳类、大枣、莲子、新鲜水果和蔬菜。</t>
  </si>
  <si>
    <t>对方关机 能找到他位置吗</t>
  </si>
  <si>
    <t>关机了就不能查到位置的，只能查到没有关机之前的位置，关机了就无法定位，肯定查不到位置</t>
  </si>
  <si>
    <t>开车看手机要扣分吗?</t>
  </si>
  <si>
    <t>按照《道路交通安全法》规定，“对机动车驾驶员行驶途中拨打接听手持电话、观看电视等妨碍安全驾驶的行为，可处以20元以上200 元以下罚款，并扣机动车驾驶人2分的处罚。”</t>
  </si>
  <si>
    <t>皮蛋可以带上飞机吗</t>
  </si>
  <si>
    <t>皮蛋可以直接带上飞机</t>
  </si>
  <si>
    <t>一般情况下，如果是国内航班，皮蛋是可以带上飞机的，如果是国际航班，最好咨询当地航班携带物品规定，有些国家是禁止携带蛋类食品入镜的。</t>
  </si>
  <si>
    <t>苗龙集团是真的吗</t>
  </si>
  <si>
    <t>重庆市苗龙原生态农业股份有限公司（以下简称苗龙公司）成立于2012年5月， 于2015年6月10日在上海股权交易中心挂牌成功上市</t>
  </si>
  <si>
    <t>小叶紫檀牛毛纹多好还是少好</t>
  </si>
  <si>
    <t xml:space="preserve"> 小叶紫檀 牛毛纹 越稠密、越细密 越好</t>
  </si>
  <si>
    <t>从小叶紫檀牛毛纹形态来说的话，小叶紫檀的牛毛纹并不是越多越好，如果瘿纹比较多就不好看。s纹本身就比较多，再多的话也就没以前那么有魅力了。小叶紫檀最好看的是牛毛纹细小又稠密，不过这也不是绝对，还是需要看小叶紫檀的料子来决定的。</t>
  </si>
  <si>
    <t>固定资产折旧可以年底提吗</t>
  </si>
  <si>
    <t>可以的，需要在年底结转</t>
  </si>
  <si>
    <t>感冒可以吃葱吗</t>
  </si>
  <si>
    <t>是可以吃大葱的，因为大葱是预防感冒的常用食品。</t>
  </si>
  <si>
    <t>增驾之前扣的分,会叠加在新的实习期吗</t>
  </si>
  <si>
    <t>持有大型客车、牵引车、城市公交车、中型客车、大型货车驾驶证的驾驶人在一年实习期内记6分以上但未达到12分的，实习期限延长一年。在延长的实习期内再次记6分以上但未达到12分的，注销其实习的准驾车型驾驶资格。</t>
  </si>
  <si>
    <t>极速到账有手续费吗</t>
  </si>
  <si>
    <t>极速到账服务，是阿里巴巴为您提供的全新交易方式。目前不收取任何手续费。</t>
  </si>
  <si>
    <t>奶和鸡蛋能一起吃吗</t>
  </si>
  <si>
    <t>牛奶和鸡蛋可以一起吃吗，答案是肯定的。</t>
  </si>
  <si>
    <t>牛奶中含乳糖,乳糖是半乳糖与葡萄糖的二聚体,其中半乳糖就是其营养所在.鸡蛋含有很多蛋白质,分解为氨基酸,氨基酸的吸收耗能（小肠壁上的主动运输）.此时,血液中可利用的葡萄糖较少,半乳糖就会被氧化供能.鸡蛋里的某种蛋白会和牛奶里的某中营养成分相互反应,是营养价值下降,所以不宜同食.</t>
  </si>
  <si>
    <t>鸡蛋里的某种蛋白会和牛奶里的某中营养成分相互反应，使营养价值下降，所以不宜同食。</t>
  </si>
  <si>
    <t>硝呋太尔制霉素好吗</t>
  </si>
  <si>
    <t>用过一个疗程还可以的</t>
  </si>
  <si>
    <t>孕囊形状看男女准吗</t>
  </si>
  <si>
    <t>准妈妈们的孕囊看上去形状有所区别与胎儿性别没有关系。一般发育较好的孕囊是圆扁形的，但是有时孕囊会随宫腔的形状而变长。孕囊的形状由其张力和含羊水量决定的，会自行改变形状。这样，怀孕天数不同，看到的孕囊也可能不一样。另外，每次B超探头的方向不同，从不同的角度看，孕囊的形状也是不一样的。所以，从孕囊形状看生男生女也是不靠谱的。</t>
  </si>
  <si>
    <t>河北公务员好考吗</t>
  </si>
  <si>
    <t>不好考</t>
  </si>
  <si>
    <t>储蓄罐里存3万理财安全吗</t>
  </si>
  <si>
    <t>储蓄罐里存3万理财不安全</t>
  </si>
  <si>
    <t>自助餐小孩子要钱吗</t>
  </si>
  <si>
    <t>每家的收费标准也不一样。</t>
  </si>
  <si>
    <t>跳绳可以天天跳吗</t>
  </si>
  <si>
    <t>跳绳花样繁多，可简可繁，随时可做，一学就会，特别适宜在气温较低的季节作为健身运动，而且对女性尤为适宜。每天坚持跳绳能减肥，而且效果挺明显的。从运动量来说，持续跳绳10分钟，与慢跑30分钟或跳健身舞20分钟相差无几，可谓耗时少、耗能大的有氧运动。每天最好能坚持跳15分钟。</t>
  </si>
  <si>
    <t>慢性浅表性胃炎伴胆汁反流严重吗</t>
  </si>
  <si>
    <t>胆汁返流性胃炎的治疗是有困难的.而且容易反复.目前没有治疗后不复发的药.只能是治疗好后，要好好保养，防止反复发作.比如治疗好后，大量饮酒、吸烟、吃对胃有刺激的食品药品.仍然会有胃炎的反复.同时不要大量用制酸剂，防止引起萎缩性胃炎.中药治疗效果不错。</t>
  </si>
  <si>
    <t>火车票团体票可以退吗</t>
  </si>
  <si>
    <t>集体预订，票能够改签或者退票的仅仅限于学生票，民工团体票不能改签或者退票。</t>
  </si>
  <si>
    <t>营业成本包括税金吗</t>
  </si>
  <si>
    <t>　税务部门所发“企业所得税年度纳税申报表填表说明”中是这样解释的：第二行“营业成本”项目，填报纳税人经营主要业务和其他业务发生的实际成本总额。本项目应根据“主营业务成本”和“其他业务成本”科目的发生额分析填列。  据此，营业税金及附加不属于营业成本的范围。</t>
  </si>
  <si>
    <t>华硕k401l能装win7吗</t>
  </si>
  <si>
    <t>用电脑硬盘安装系统，可以安装WIN7的系统，具体操作如下：1.首先到ghost基地 http://www.ghost008.com/win7/去下载WIN7的操作系统：2.将下载的WIN7的操作系统，解压到D盘，千万不要解压到C盘。3.打开解压后的文件夹，双击“AUTORUN”，在打开的窗口中，点击“安装”.即可4.在出现的窗口中，ghost映像文件路径会自动加入，选择需要还原到的分区，默认是C盘，点击“确定”按钮即可自动安装。</t>
  </si>
  <si>
    <t>三星a7是金属机身吗</t>
  </si>
  <si>
    <t>三星A7手机是金属机身,而且是金属一体机,不能随意开后盖。</t>
  </si>
  <si>
    <t>发现三星A7不是全金属机身，后盖也是塑料的。</t>
  </si>
  <si>
    <t>新浪微博账号可以改吗</t>
  </si>
  <si>
    <t>微博账号已经注册无法修改；</t>
  </si>
  <si>
    <t>网络兼职骗人的吗</t>
  </si>
  <si>
    <t>不要相信 那种垫付的团队 。垫付的和免费的全是骗人的。还有挂机 和打字。</t>
  </si>
  <si>
    <t>一般要自己先付款后给佣金的都是骗人的 真正的刷客是商家自己会买单 我们刷完单子 立即受到收款 根本不用自己代付</t>
  </si>
  <si>
    <t>空气净化器产生臭氧吗</t>
  </si>
  <si>
    <t>并不是所有空气净化器都产生臭氧</t>
  </si>
  <si>
    <t>林森浩究竟应不应该判死刑</t>
  </si>
  <si>
    <t>根据现有的我国法律规定、立法原意和死刑的发展趋势，复旦投毒案被告人林森浩不应该被判处死刑立即执行。</t>
  </si>
  <si>
    <t>飞机能飞出地球吗</t>
  </si>
  <si>
    <t>同房半个月能测出怀孕吗</t>
  </si>
  <si>
    <t>可以，如果你真怀孕的话7-10天便可以测出来的。</t>
  </si>
  <si>
    <t xml:space="preserve"> 不能，即使测出也不会很准确，月经推迟以后再用试纸检测比较准确，一般用晨尿</t>
  </si>
  <si>
    <t>建议月经推迟一周做早孕试纸或HCG检查明确是否怀孕的情况比较准确的，</t>
  </si>
  <si>
    <t>植物大战僵尸全明星好玩吗</t>
  </si>
  <si>
    <t>两个游戏都是由一个坑人公司出的，那就是上宝（上海宝开游戏公司）。</t>
  </si>
  <si>
    <t>宫颈中度炎症严重吗</t>
  </si>
  <si>
    <t>慢性宫颈炎是生殖道炎性疾病，宫颈中度炎症已经十分严重了。</t>
  </si>
  <si>
    <t>沃尔玛购物卡能全国通用吗</t>
  </si>
  <si>
    <t>沃尔玛的卡有全国通用的，也有限超市使用的。</t>
  </si>
  <si>
    <t>lol硬化皮肤有用吗</t>
  </si>
  <si>
    <t>那有毛用，浪费天赋点</t>
  </si>
  <si>
    <t>户口迁了身份证号码会变吗</t>
  </si>
  <si>
    <t>1、身份证号码不会有任何变化；2、法律依据：《居民身份证法》　 第三条　居民身份证登记的项目包括：姓名、性别、民族、出生日期、常住户口所在地住址、公民身份号码、本人相片、指纹信息、证件的有效期和签发机关。　　公民身份号码是每个公民唯一的、终身不变的身份代码，由公安机关按照公民身份号码国家标准编制。</t>
  </si>
  <si>
    <t>两个支付宝账号可以绑定同一个手机号码</t>
  </si>
  <si>
    <t>1、一个手机号是可以绑定两个支付宝的。</t>
  </si>
  <si>
    <t>基金定投会赔钱吗</t>
  </si>
  <si>
    <t>会亏本，定定投是否亏损的因素主要就是基金类型和定投时间</t>
  </si>
  <si>
    <t>体温37度算不算发烧</t>
  </si>
  <si>
    <t xml:space="preserve">  朋友你好 你的体温属于正常范围,不要过于担心.</t>
  </si>
  <si>
    <t>商务局好吗</t>
  </si>
  <si>
    <t>如果是地市级以下的一点前途都没有。理由有：一、没有抓手，仅有的一点审批权如成品油、煤炭、二手车交易、典当业批准权在省级；二、市场经济条件下，国有控股集团（企业）在地市级以下基本没有，都是民营或个体经济，商务局仅起到引导作用，经济支持、行政处罚手段非常有限，较之工商、药监差的太远；三、地方政府对商务重视有限，仅限于造势，没有从人力、经费、商业规划、应有的地位等方面加强；待遇问题没有特别，因为目前是公务员或参公管理，阳光工资，在一个地方同级别、职务或一起工作的都一样，要说有也仅限奖金多少问题，这还看这个单位主要领导是否愿发。地市级以上就好很多，权限分工明细，直接接触上层。</t>
  </si>
  <si>
    <t>车牌能继承吗</t>
  </si>
  <si>
    <t>继承是机动车所有权转移的情形之一。</t>
  </si>
  <si>
    <t>信用卡可以向支付宝充值吗</t>
  </si>
  <si>
    <t>信用卡里的钱可以往支付宝里充钱</t>
  </si>
  <si>
    <t>常春藤和常青藤一样吗</t>
  </si>
  <si>
    <t>不是,常春藤【别名】土鼓藤、钻天风、三角风、爬墙虎、散骨风、枫荷梨藤。常青藤  ● 学名： Hedera nepalensis var.sinensis</t>
  </si>
  <si>
    <t>海氏海诺早早孕准不准</t>
  </si>
  <si>
    <t>准，比大卫的敏感一点</t>
  </si>
  <si>
    <t>柴静是美国间谍吗</t>
  </si>
  <si>
    <t>这是一起与美国有关的某些利益集团及个人利用环境问题，精心策划和操作的事件，目的是在两会前抢占道德制高点，利用民意要挟中央，逼迫中国政府转移资金，从高科技发展和军备转移到环保，阻滞中国在最主要方向的进攻态势。这次事件最大要害就是鼓吹能源市场化私有化！</t>
  </si>
  <si>
    <t>三星i9300可以用电信卡吗</t>
  </si>
  <si>
    <t>三星I9300有三个版本：都只支持移动和联通的网络，不支持电信网络，无法使用电信卡</t>
  </si>
  <si>
    <t>排位选人的时候退了会扣分吗</t>
  </si>
  <si>
    <t>退的那个人会扣分，第一次三分，第二次10分，晋级赛直接算输一把</t>
  </si>
  <si>
    <t>隆力奇网络直销,不会电脑可以做吗?</t>
  </si>
  <si>
    <t>电脑没基础没关系，隆力奇有商学院，老师会手把手的教你，直到你会为止，这是每一位隆力奇家人的责任。</t>
  </si>
  <si>
    <t>护发精油对头发好吗</t>
  </si>
  <si>
    <t>我用免洗精油和发油，觉得效果不错。可以改善发质。但要配合发膜</t>
  </si>
  <si>
    <t>发型师帮你的头发抹精油，只能在表面形成一层比较亮的薄膜，无法改善根本的原因，在短时间看起来是不错的，你要护理自己的头发才能使头发的发质会比较好，最起码没那么枯燥。</t>
  </si>
  <si>
    <t>喀纳斯 十一适合去吗</t>
  </si>
  <si>
    <t>是的，建议十月或是之前去。</t>
  </si>
  <si>
    <t>850evo会掉速吗</t>
  </si>
  <si>
    <t>三星evo系列都是TLC颗粒的，寿命只有MLC的三分之一，如果有部分损坏的坏就会掉速啦。当然这个是个别现象，根据电源的稳定，数据读写的大小都有关系，而且国外有个机构做了固态硬盘长期的使用评测，长期闲置的反而比频繁使用的容易坏。所以这东西，用就好了，坏了换新的。有重要的数据要在传统磁盘、网盘、U盘上多备份。</t>
  </si>
  <si>
    <t>月经前一天同房能受孕</t>
  </si>
  <si>
    <t>好，你所说月经前一天同房射进去一次精子我们认为怀孕的可能性很小</t>
  </si>
  <si>
    <t>但是如果是月经不规律的，还是有可能怀孕的，月经不规律时，安全期是相对的，不是决对的。</t>
  </si>
  <si>
    <t>猪砂是药材吗</t>
  </si>
  <si>
    <t>猪砂其实就是猪的胆结石，没有任何食用价值，也无药用价值，但不影响猪的肉质，也就是说猪肉正常可食用。因为两种物体名称相似，民间偏方中也有猪砂一说。</t>
  </si>
  <si>
    <t>晚上可以做的兼职</t>
  </si>
  <si>
    <t xml:space="preserve">其实可供选择的兼职种类也是非常多的。 当然，我们也有不少人正在做这个兼职，而且也有一部分人用实际行动回答了晚上做什么兼职好这个问题，比如说在网上开一家网店，经营一些自己在行的产品。或者是帮其他的店主做一些产品的推广，佣金的数量也是非常可观的。 </t>
  </si>
  <si>
    <t>天猫的olay是正品吗</t>
  </si>
  <si>
    <t>是，可以到玉兰油官网，下面有电子商城的链接，其中一个就是在天猫的官方旗舰店</t>
  </si>
  <si>
    <t>慎买，看到有人评论那家店卖假货</t>
  </si>
  <si>
    <t>手机戴手机套好吗</t>
  </si>
  <si>
    <t>手机用手机套可以防止手机外部损伤，但不利于手机内部的散热。</t>
  </si>
  <si>
    <t>外地车晚上进入北京可以吗</t>
  </si>
  <si>
    <t>进北京六环内需要办进京证，</t>
  </si>
  <si>
    <t>10点以后可以</t>
  </si>
  <si>
    <t>喝中药不能吃海鲜吗</t>
  </si>
  <si>
    <t>根据病因而定,如果吃的中药，应忌口海鲜那么当然就不可以吃了，不过一般最好慎吃。到医院开中药时一般医生会告诉你的,如果没说自己应该问明。如果是慎用海鲜的中药,却没有禁岂,吃了海鲜一般会出现皮肤过敏症状等.</t>
  </si>
  <si>
    <t>69方寸好玩吗</t>
  </si>
  <si>
    <t>69方寸山，因为方寸山的独有技能，导致方寸山有很多种玩法。封系：5敏，速度快的不行，配合特技，封印技能，可以让对手瞬间瘫痪。卡速封系：2-3敏，速度比输出快，配合小特技，封印技能，控制对手输出。法系：5魔，配合符石组合，可以打出不错的效果，任务可以，PK略有压力。输出：5力，比较另类，配合漫天花雨套装，任务凑合。</t>
  </si>
  <si>
    <t>京东自营全球购奶粉是真的吗</t>
  </si>
  <si>
    <t>京东自营奶粉是便宜，但难保障一定是真品。可以看下商品页是否有全程追溯，比较有保障。如果收到商品上有真知码质量就没问题。</t>
  </si>
  <si>
    <t>奶粉打算送检的，南京市质量监督局咨询的结果是：没有办法判断是否假货，仅能检测是否符合国标，但是只检测未拆封的版本，就是说我手上的三罐问题奶粉都不符合被检测的标准。</t>
  </si>
  <si>
    <t>打了疫苗还会得细小吗</t>
  </si>
  <si>
    <t>照样有可能感染上，细小的潜伏期大概五到七天。</t>
  </si>
  <si>
    <t>牛肉能和栗子一起吃吗</t>
  </si>
  <si>
    <t>板栗和牛肉同吃是可以的。</t>
  </si>
  <si>
    <t>牛肉与栗子不可以一起吃</t>
  </si>
  <si>
    <t>喝柠檬水可以祛斑吗</t>
  </si>
  <si>
    <t>长期喝柠檬水可以达到祛斑的效果</t>
  </si>
  <si>
    <t>大盘还会跌吗</t>
  </si>
  <si>
    <t>中国的股市还不会继续下跌，目前是短线回调，大盘会继续上涨</t>
  </si>
  <si>
    <t>公积金房贷利率随市场变动而变吗</t>
  </si>
  <si>
    <t>公积金贷款利率会随着央行存款准备金率变化而变化</t>
  </si>
  <si>
    <t>微信聊天记录能漫游吗</t>
  </si>
  <si>
    <t>聊天记录是可以漫游的，只不过不是自动漫游的；微信聊天记录是以文件形式保存在手机本地的，如果想要换手机登录微信，需要先把聊天记录备份，然后用手机登录微信之后再恢复即可，不过备份的聊天记录只能保存七天。</t>
  </si>
  <si>
    <t>来月经可以吃洋参吗</t>
  </si>
  <si>
    <t>月经期吃西洋参是可以的。</t>
  </si>
  <si>
    <t>经期最好不要吃西洋参，因为西洋参性寒，味苦微甘，功能补肺阴、清火、生津液。然而，女性经期服用会出现虚寒而导致痛经等不良反应。</t>
  </si>
  <si>
    <t>雪花秀有专柜吗</t>
  </si>
  <si>
    <t>因为雪花秀3月16号才在北京复兴门百盛开设了第一家专柜呢！而且听消息说4月2号又在新光开了第二家专柜。</t>
  </si>
  <si>
    <t>冠心病能喝红茶吗</t>
  </si>
  <si>
    <t xml:space="preserve">喝红茶有助於预防心血管疾病、中风和癌症等致命疾病，一项最新的研究发现，红茶能改善人体的血管功能，对健康有明显助益。 </t>
  </si>
  <si>
    <t>冠心病的病人最好喝白水就好，不要喝咖啡或者茶水这一类饮品。</t>
  </si>
  <si>
    <t>surface3能不能玩lol</t>
  </si>
  <si>
    <t>实测可以玩，但是有延迟一秒，建议关掉自动亮度，要外接键盘，surface原装键盘容易误触</t>
  </si>
  <si>
    <t>3dm下载的gta5能玩吗</t>
  </si>
  <si>
    <t>可以，但你要用3大妈提供的破解补丁覆盖游戏的原文件，按上面的要求操作弄一遍然后才可以玩</t>
  </si>
  <si>
    <t>支付宝能买机票吗</t>
  </si>
  <si>
    <t>基本上大多数网站的机票都可以支付宝购买</t>
  </si>
  <si>
    <t>中外运好不好</t>
  </si>
  <si>
    <t>我是在石家庄中外运工作过,在质押监管部门.在这个部门大都是派遣员工,你不是正式的员工,也没有保障,发展前景很不好</t>
  </si>
  <si>
    <t>喝酒后能泡温泉吗</t>
  </si>
  <si>
    <t>喝完酒之后，血液中含有大量酒精，会使身体流失大量水份，而洗澡同样会让身体损失水份，这样双重作用，有可能让身体严重脱水，一定要慎重对待，切莫酒后洗澡或泡澡。</t>
  </si>
  <si>
    <t>布吉信仪菁华园三期有房出售吗</t>
  </si>
  <si>
    <t>此房业主在我手在买的，已满五年了现在业主在外地发展，已发展的较稳定了，才决定出掉此房，此房户型方正，中间楼层。看花园，房子精装，价格比市场价便宜20万左右。业主前两天从外地回来，此次想卖掉此房，所以房子性价比很高。有考虑的都可以过来看看。</t>
  </si>
  <si>
    <t>慢性肝损伤能治好吗</t>
  </si>
  <si>
    <t xml:space="preserve"> 病理性肝损伤和化学性肝损伤最为常见现在，通过治疗跟药物是可以好的，只要通过保肝药物治疗后，肝功能恢复正常了就没事了。</t>
  </si>
  <si>
    <t>虚幻4免费吗</t>
  </si>
  <si>
    <t>虚幻4引擎宣布免费</t>
  </si>
  <si>
    <t>皇冠小毛病多吗</t>
  </si>
  <si>
    <t>哪个车都有小毛病，可以说没有不坏的车，但是皇冠故障率属于比较低的，比大众奥迪低很多。</t>
  </si>
  <si>
    <t>孕期tsh数值高,真的会影响宝宝吗</t>
  </si>
  <si>
    <t>你好，孕妇促甲状腺激素偏高对胎儿有影响，会影响胎儿智力发育的。</t>
  </si>
  <si>
    <t>12月26号是狂欢夜吗</t>
  </si>
  <si>
    <t>狂欢夜是12月26号，圣诞狂欢夜的由来 每年的12月25日，是基督教徒纪念耶稣诞生的日子，称为圣诞节。</t>
  </si>
  <si>
    <t>12月26号不是狂欢夜，圣诞节和狂欢夜是同一天，都是25日。</t>
  </si>
  <si>
    <t>糖尿病人可以喝普洱茶吗</t>
  </si>
  <si>
    <t>喝普洱茶是对糖尿病有利的。</t>
  </si>
  <si>
    <t>喝豆浆补羊水吗</t>
  </si>
  <si>
    <t>孕妇羊水少的现象，目前要注意多喝点水的，多喝牛奶，豆浆一类的都是可以的，没有问题的。豆浆含有的蛋白质比较丰富怀孕期间每天一杯豆浆的话不仅可以让孕妇的抵抗力更好还可以让宝宝摄取更多的营养</t>
  </si>
  <si>
    <t>哺乳期能吃辣</t>
  </si>
  <si>
    <t>实吃辣对哺乳期妈妈来讲并不是什么特别严重的事情，关键是看个人体质。辣椒性热，对于肠胃不好的妈妈们应尽量不吃，因为其辣味会刺激肠胃，同时容易引起便秘等上火症状若严重者还容易患痔疮。另外辛辣的食物有刺激性，过量食用也有可能会导致奶水减少，增加发热度引起宝宝大便干结。辣椒里含有二氢辣椒素、胡萝卜素、维生素C、P及钙、磷、铁等营养成份，但辣椒性热哺乳期乳妈妈吃得过多容易导致婴儿过敏和炎症，严重时还会发生疮痈感染等。所以为了宝宝的健康妈妈在喂奶期间尽量少吃或不吃!</t>
  </si>
  <si>
    <t>储蓄卡有利息吗</t>
  </si>
  <si>
    <t>借记卡和准贷记卡是有利息的，即使不存定期、活期存款也是有利息的。银行卡贷记卡是没有利息的。</t>
  </si>
  <si>
    <t>黑豆能多吃吗</t>
  </si>
  <si>
    <t>视个人身体状况而定</t>
  </si>
  <si>
    <t>电信3g可以升级4g吗</t>
  </si>
  <si>
    <t>带上机主身份证原件去当地营业厅办理换4G卡</t>
  </si>
  <si>
    <t>头戴式耳机对耳朵伤害大</t>
  </si>
  <si>
    <t>头戴式耳机是对耳朵伤害不大的。</t>
  </si>
  <si>
    <t>网上的阿迪达斯是真的吗</t>
  </si>
  <si>
    <t>其实主要看的是货品的标识，正品的ADIDAS标志是很讲究的。标识也是区别正品和非正品的主要标准之一。现在有很多仿版的东西，不过仿版的也分等级，有A版，B版，C版之分，A版从标识和质量上讲是接近正品的。</t>
  </si>
  <si>
    <t>公司股本是不是注册资本</t>
  </si>
  <si>
    <t>注册资本是企业全体股东认缴出资额的总和</t>
  </si>
  <si>
    <t>来月经能不能吃橘子</t>
  </si>
  <si>
    <t>可以的，橘子营养丰富，含有大量的维生素和微量元素，具有润肺、止咳、化痰、健脾、顺气、止渴的功效。</t>
  </si>
  <si>
    <t>相宜本草含有激素吗</t>
  </si>
  <si>
    <t>据了解，本次抽检的8项卫生指标分别为菌落总数、霉菌和酵母菌总数、粪大肠菌群、金黄色葡萄球菌、铜绿假单胞菌(绿脓杆菌)、铅、汞、砷，以及雌三醇、雌酮、乙烯雌酚、17α-雌二醇、17β-雌二醇、睾丸酮、甲基睾丸酮、黄体酮8种激素含量。其中，微生物指标全部符合标准要求;有毒物质限量指标中，除标称相宜本草的黑茶男士控油泥面膜样品检测出极少量的铅、砷外，其他样品均未检出;所有样品的汞含量实测值均小于每千克0.01毫克，小于每千克1毫克的国家标准。</t>
  </si>
  <si>
    <t>遗产是否属于夫妻共同财产</t>
  </si>
  <si>
    <t>在婚姻期间，夫妻双方或一方所继承或接受遗赠而取得的财产，属双方共同财产</t>
  </si>
  <si>
    <t>羊毛衣起球吗</t>
  </si>
  <si>
    <t>羊毛衫（俗称“毛衣”）起毛起球的根本原因是因为羊毛纤维的鳞片结构（类似鱼鳞），在经常摩擦的时候，鳞片会互相纠缠在一起，时间一长，就会出现起毛，很多突出的毛就会形成球，这就是你的羊毛衫为什么会是胸口、腋下等部位起球最严重的原因（因为这些部位摩擦最多）。 其实，羊毛衫和羊绒衫都会起毛起球，只是有的品牌用的羊毛或是羊绒经过了抗起毛起球处理（也就是把鳞片适当处理），所以起毛起球的现象有所减弱。 另外，羊绒衫你可能经常只会发现起毛，不会看到起球，那是因为羊毛衫的球会自动脱落，这就是你买的羊绒衫穿了一年之后重量会变轻的主要原因了。 对于你买好的羊毛衫来说，没有很好的方法来防止起毛起球，减少摩擦是唯一的途径了。 如果起毛起球了，可以去买那种专用的剔毛器，很便宜的，大概30块一个吧，就可以解决了。 千万别自己去扯毛球，只会导致更多的起毛起球。</t>
  </si>
  <si>
    <t>我妈四十年前买的一件羊毛大衣，纯羊毛的，到现在没有一个球。我爹说，100%羊毛的，就算磨薄磨破了也不可能起球。所以现在只要看到团长or店主说：羊毛都是会起球哒:) 我就呵呵右上角了。</t>
  </si>
  <si>
    <t>在日常生活中，人们有一种偏见，认为羊毛织物只要起球就是质量问题，其实不然，羊毛衫、羊绒衫及其它羊毛混纺产品都存在起球现象。国际羊毛局为解决羊毛衫起球问题，曾经尝试过一系列既复杂、又困难的技术方案，但至今仍未找到完全解决问题的方法。一位国外专家曾经说过“不起球，就不是羊毛”。起球是由织物表面的短纤维被磨擦移动形成，这一移动是由外力磨擦作用引起。当织物局部之间相互磨擦，或在穿着过程中受到比本身粗糙的任何织物的磨擦，都会产生起毛，并再形成球粒。因此，毛衫表面磨擦最剧烈的部分起球为最厉害。通常，一个羊毛小球的重量仅0.15-0.20毫克，它们给予织物一个不理想的外观，但对织物的穿着寿命无太大影响。实际上羊毛衫起球就象鞋底一样，有磨擦就有移损，移损程度和你穿着程度是成正比关系。羊毛的起球和鞋底磨损一样，耐磨性是相对的，而移损是绝对的、肯定的。同样羊毛织物起球是肯定的、起球程度和你个人穿着的程度有一定关系的。所以，消费者在穿着过程中只要尽量减少与粗糙的物体磨擦，肯定就会减轻起球情况。一般来讲，细针产品、细支纱线产品、紧密度产品较不易起球；而粗针产品、粗纱支产品、松结构柔软产品，相对容易起球。综上所述，可能发生的起球属于正常现象，穿着时尽量避免与硬面磨擦并注意护理，这样会大大减轻起球的程度。</t>
  </si>
  <si>
    <t>自动辞职可以领失业金吗</t>
  </si>
  <si>
    <t>自动离职不能领取失业保险金。</t>
  </si>
  <si>
    <t>.cn域名需要备案吗</t>
  </si>
  <si>
    <t>cn域名备案不备案是由服务器所在位置来决定的</t>
  </si>
  <si>
    <t>青岛是东北吗</t>
  </si>
  <si>
    <t>山东省在淮河的北部，青岛隶属山东的一个地级市，所以青岛属于北方城市。</t>
  </si>
  <si>
    <t>孕妇能吃半梅吗</t>
  </si>
  <si>
    <t>怀孕期间还是可以吃半梅，适量的话一般不会影响胎儿健康的。</t>
  </si>
  <si>
    <t>挤完痘痘可以用芦荟胶吗</t>
  </si>
  <si>
    <t>可以用芦荟胶。芦荟胶本身有很好的消炎、杀菌的作用，是百姓经常家里备用的药剂。</t>
  </si>
  <si>
    <t>佳能生产行车记录仪吗</t>
  </si>
  <si>
    <t>佳能厂家不生产“行车记录仪。</t>
  </si>
  <si>
    <t>dnf黄金蜜蜡能封称号吗</t>
  </si>
  <si>
    <t>DNf黄金蜜蜡不可以封称号。</t>
  </si>
  <si>
    <t>穿凉鞋开车扣分吗</t>
  </si>
  <si>
    <t>按照交通法，根据《道路交通安全法》规定，穿拖鞋开车应处以记2分及50元罚款的处罚。司机开车是不能穿拖鞋开车，以免造成危险事故发生。</t>
  </si>
  <si>
    <t>能用别人的银行卡给自己的支付宝充值吗</t>
  </si>
  <si>
    <t>可以使用他人的银行卡对自己的“支付宝账户”充值，这对充值是没有影响</t>
  </si>
  <si>
    <t>zippo可以托运吗</t>
  </si>
  <si>
    <t>其实这个东西 分机场。</t>
  </si>
  <si>
    <t>香港物价高吗</t>
  </si>
  <si>
    <t>香港物价高</t>
  </si>
  <si>
    <t>家用超声刀真的有用吗</t>
  </si>
  <si>
    <t>家用超声刀治疗能够将SMAS筋膜全层精准而均匀的加热，促进胶原收缩，使分子形状发生结构性变化，表现为即刻收缩的稳定形式，即刻看到松弛下垂的皮肤收缩紧致、轮廓上提。</t>
  </si>
  <si>
    <t>飞度是金属漆吗</t>
  </si>
  <si>
    <t>　不是，用的是人造漆的一种，用硝酸纤维素、树脂、颜料、溶剂等制成。</t>
  </si>
  <si>
    <t>长途汽车票能改签吗</t>
  </si>
  <si>
    <t>可以改签，先退票再换票。</t>
  </si>
  <si>
    <t>汽车票不可以改签，想要改签，只有把原来的票先拿去进行退票处理，然后在购买新的汽车票。</t>
  </si>
  <si>
    <t>汽车票只能退票，不能改签。</t>
  </si>
  <si>
    <t>神武有老板键吗</t>
  </si>
  <si>
    <t>神武自带老板键，自己找找。</t>
  </si>
  <si>
    <t>信用网信用卡申请中心是真的吗</t>
  </si>
  <si>
    <t>网上申请信用卡您可以到目标银行网站下载信用卡申请表格，在线提交个人资料及收入证明，部分银行需将各种资产证明及个人资料邮寄至银行信用卡中心。然后等待审批即可。您也可登陆“我爱卡”信用卡门户网站申请信用卡，上面集合了15家商业银行的信用卡信息，不同银行的发卡条件也不一样，如果想提高申卡成功率还是需要仔细了解各银行的发卡条件。#网上可以申请信用卡但是要去官网上申请，信用网这种网站最好不要相信，我见过很多交了钱的信用卡拿来却是假的或者根本没拿到信用卡的。你要是想办信用卡最好去官网上申请。#</t>
  </si>
  <si>
    <t>怀孕柚子能吃吗</t>
  </si>
  <si>
    <t>那首先预怀孕期间吃水果对于孕妇来说是很好的，柚子的话可以促进消化，是一种开胃的东西，</t>
  </si>
  <si>
    <t>把事故车的手续套在另一辆车上,违法吗</t>
  </si>
  <si>
    <t>是违法的，但如果主动与交警部门取得联系不会判刑，如果隐匿不报可能会被判1-3年有期徒刑。</t>
  </si>
  <si>
    <t>理论上是违法的，但是只要你做的好，车架号发动机号弄的到位</t>
  </si>
  <si>
    <t>微信没绑定银行卡可以发红包吗</t>
  </si>
  <si>
    <t>可以。可以使用微信的零钱#微信不绑定银行卡真的可以发红包</t>
  </si>
  <si>
    <t>如果不实名，微信支付功能可能受到限制，也就是说，通过微信收钱、使用零钱发红包等功能可能会受到限制；受限制的用户可以通过实名认证获取更高权限，也可以通过微信上绑定的银行卡完成支付</t>
  </si>
  <si>
    <t>facetime收钱吗</t>
  </si>
  <si>
    <t>用Face Time来打电话是不收取任何费用的</t>
  </si>
  <si>
    <t>继发性肺结核会传染吗</t>
  </si>
  <si>
    <t>肺结核原发或继发性都会传染，近距离接触就可能会传染。</t>
  </si>
  <si>
    <t>百度贴吧能改名么</t>
  </si>
  <si>
    <t>百度贴吧的名字不能更换</t>
  </si>
  <si>
    <t>酸菜鱼里能放豆腐吗</t>
  </si>
  <si>
    <t>能，不过要硬点的，不能太水的豆腐</t>
  </si>
  <si>
    <t>来月经能献血吗</t>
  </si>
  <si>
    <t xml:space="preserve"> 尽量不要献血了。月经期间是不允许献血的，例假会出现不规律和闭经现象的</t>
  </si>
  <si>
    <t>比亚迪宋是新能源车吗</t>
  </si>
  <si>
    <t>比亚迪宋是新能源车</t>
  </si>
  <si>
    <t>丰胸产品有效吗</t>
  </si>
  <si>
    <t>丰胸产品真的有效吗?摩亭能有效激活体内细胞，使其接近青春期状态，加上调节女性内分泌系统，排除体内毒素，如此一来，皮肤就恢复了良好的弹性，光洁亮丽，色斑渐失，皮肤白里透红</t>
  </si>
  <si>
    <t>叫消防队要钱吗</t>
  </si>
  <si>
    <t>打119叫消防员来救火，是免费的。拨打119电话本身不产生通话费用、消防员来灭火均为免费。</t>
  </si>
  <si>
    <t>消防队灭火不需要单位或者个人支付费用。</t>
  </si>
  <si>
    <t>佣金宝可以开通创业板吗</t>
  </si>
  <si>
    <t>新股民，可以先到当地其它券商开立新户，并坚持当天开立创业板资格，等待5天后，创业板资格通过后。再在佣金宝开户，选择一人多户。。开通后，转签创业板即可，对老股民而言，如果原来没有开通创业板，可以先到原券商开通创业板，然后 ，再在佣金宝开户，转签创业板。</t>
  </si>
  <si>
    <t>维生素e软胶囊可以用来擦脸吗</t>
  </si>
  <si>
    <t>维生素E胶囊能擦脸，维生素涂在脸上可以起到滋润并去除痘印的，而且内服加外用可以起到祛斑的效果。</t>
  </si>
  <si>
    <t>炒板栗上火</t>
  </si>
  <si>
    <t>板栗性偏温，如果是炒制的板栗就更是温热，所以吃多了也容易上火。</t>
  </si>
  <si>
    <t>30岁左右高血压人多么?</t>
  </si>
  <si>
    <t>多的。现在的心脑血管疾病已经开始年轻化了，年轻人得这些病已经很正常了。主要是和我们的生活习惯有直接关系，还有就是工作压力，精神压力，情绪，运动等等。</t>
  </si>
  <si>
    <t>山东财经大学转专业容易吗</t>
  </si>
  <si>
    <t>无论是哪个大学 转专业 基本不可能 除非你在校方有很强的关系</t>
  </si>
  <si>
    <t>汗蒸对粉刺有好处吗</t>
  </si>
  <si>
    <t>汗蒸是透过高温使人体毛孔扩张，促进血液循环，排出汗水和积聚在体内的毒素，有美容作用，可使皮肤光滑及帮助减肥</t>
  </si>
  <si>
    <t>脂溢性皮炎能治好吗</t>
  </si>
  <si>
    <t xml:space="preserve"> 平时 用酮康唑 硫磺 这类东西洗头洗脸 买个维生素B6 软膏 抹脸上 就当化妆了 哈哈 偶尔吃吃VB 也别多吃 能好很多 到了三十来岁 自己会好的 这个病是内分泌太旺盛了（青春期） 年纪大了就好#脂溢性皮炎的治疗原则为去脂、消炎、杀菌、止痒。一般根据患者的发病部位和全身状况选择不同药物，如抗组胺药、B族维生素、抗生素、外用激素、抗真菌药等。轻症患者多无需用药，可用脂溢康、润肤剂、御脂净和维生素B6霜等，即可缓解。症状比较重和经常反复的可以配合B族维生素一块调理。另外，在生活中，患者应少吃辛辣、高糖、高脂肪食物，如肥肉,奶油蛋糕,巧克力等,多食蔬菜和水果.要吃富含维生素的食物,尤其是维生素A的食物要适量多吃,猪肝,胡萝卜,蛋黄等,以纠正毛囊皮脂角化异常,防止毛囊堵塞。注意规律生活、睡眠充足、疏解压力。因为皮炎发生在头皮，需选用有消炎去屑作用或含抗真菌成分的洗发水。局部油脂分泌过多者，可在家煮些山楂吃，辅助治疗。。#</t>
  </si>
  <si>
    <t>有没有必要买空气净化器</t>
  </si>
  <si>
    <t>针对不同的污染物，空气净化器的基本原理就是不断地使室内空气循环，并采用某种手段将空气中的污染物吸附在滤网上，再将过滤后的空气排出，循环往复，以达到抵御污染源、净化室内空气的目的。</t>
  </si>
  <si>
    <t>本兮整过容吗</t>
  </si>
  <si>
    <t xml:space="preserve">整过了 鼻子和下巴 眼睛也整了 </t>
  </si>
  <si>
    <t>ipad有必要买键盘吗</t>
  </si>
  <si>
    <t>如果你不是经常打字，或者是不是经常使用键盘的话，只是为了有的时候打字方便，我觉得你可以考虑在键盘套上面的那一款，就是ipad专用的那个键盘！</t>
  </si>
  <si>
    <t>白色貂皮大衣会变黄吗</t>
  </si>
  <si>
    <t>白色的貂皮和其他白色的东西都一样经过一段时间后都会被空气中的物质氧化变黄，这是正常的，出现发黄不是因为脏和洗涤造成的。</t>
  </si>
  <si>
    <t>开出的发票能作废吗</t>
  </si>
  <si>
    <t>根据《增值税专用发票使用规定》（国税发[2006]156号）的规定，开具专用发票后发生销货退回的，如果符合作废条件，则可以在发票全部联次收到后直接作废；如不符合作废条件，则需由购货方向其主管税务机关申请，并由购货方主管税务机关出具加盖主管税务机关印章的《开具红字增值税专用发票通知单》，销货方凭《开具红字增值税专用发票通知单》开具红字专用发票。</t>
  </si>
  <si>
    <t>amd好用吗</t>
  </si>
  <si>
    <t>不是AMD适合游戏玩家，INTEL适合办公用户，而是这样的，在低端，用AMD 和INTEL什么的都无所谓，不管玩游戏还是办公，在中端用来玩游戏的还是AMD好</t>
  </si>
  <si>
    <t>三亚工作好找吗</t>
  </si>
  <si>
    <t>只要你能吃苦那里的工作都好找</t>
  </si>
  <si>
    <t>电脑能玩手机梦幻西游吗</t>
  </si>
  <si>
    <t>电脑版的梦幻不能在手机上玩</t>
  </si>
  <si>
    <t>面梨 绝种了吗</t>
  </si>
  <si>
    <t>衡量机会的最关键因素是市场需求吗</t>
  </si>
  <si>
    <t>一个公司开展营销调研的主要原因之一是为了确定它的市场机会。一旦调研工作结束以后，公司在选择它的目标市场以前，必须仔细地评价每一个机会。因此，公司特别需要衡量与预测每个机会潜在的规模、成长和利润。销售预测在财务上被用来筹集投资和经营上所需的现金；被制造部门用以估算能力和产出水平；被采购部门用以获得正确数量的供应物；被人事部门用以确定所需员工的数量。营销部门对制订这些估计负有责任。如果它们的预测远离指标，公司要么会承受过剩的能力和库存，要么由于存货短缺而使公司丧失赚钱的机会。销售预测的基础是需求预测。所以相关负责人需要仔细地确定市场需求实际上所包含的内容。　　</t>
  </si>
  <si>
    <t>微信转账必须绑定银行卡吗</t>
  </si>
  <si>
    <t>微信转账对方可以不绑定银行卡</t>
  </si>
  <si>
    <t>孕妇能闻消毒水味吗</t>
  </si>
  <si>
    <t>这个对胎儿发育是不会有影响的，放心好了</t>
  </si>
  <si>
    <t>开车可以喝红牛吗</t>
  </si>
  <si>
    <t>一般情况下，开车是可以喝红牛的。红牛中含有咖啡因的物质，可以有效清醒头脑，安脑提神，减少疲惫，开车的时候是可以喝的。</t>
  </si>
  <si>
    <t>石英砂有毒吗</t>
  </si>
  <si>
    <t>无毒</t>
  </si>
  <si>
    <t>中国有原创的综艺节目吗</t>
  </si>
  <si>
    <t>天天向上和快本大本营不知道算不算</t>
  </si>
  <si>
    <t>三星s6有没有指纹解锁</t>
  </si>
  <si>
    <t>S6支持指纹解锁功能</t>
  </si>
  <si>
    <t>痴相公好看吗</t>
  </si>
  <si>
    <t>强推，真的很不错~</t>
  </si>
  <si>
    <t>有没有像战地2一样的游戏</t>
  </si>
  <si>
    <t>又找到一款类似战地2的游戏，有灰机！！！#红色管弦乐队2你试试。。。风格比战地系列还赢，步枪命中身体一枪毙命，手枪1~3枪，冲锋枪如是，机枪1~2枪这种，不过风格和手感和其他fps不太一样，不右键瞄准基本打不中人。。。#推荐大家一个类似战地2的游戏“叛乱2”</t>
  </si>
  <si>
    <t>江苏如优集团可靠吗</t>
  </si>
  <si>
    <t>骗人的，苏州如优和如云是一家，在苏州高新区滨河路狮山大厦附近的青年电子商务创业园里面，本来就是个骗子推销公司。</t>
  </si>
  <si>
    <t>纯靠忽悠留住员工骗取客户。</t>
  </si>
  <si>
    <t>电热水器每天开关好吗</t>
  </si>
  <si>
    <t xml:space="preserve"> 不好，频繁的开关电源是会影响热水器的寿命</t>
  </si>
  <si>
    <t>高铁上能带剪刀吗</t>
  </si>
  <si>
    <t>高铁不可以携带剪刀，是违禁品，铁路总公司关于禁止携带的物品规定如下：（1）国家禁止或限制运输的物品；（2）法律、法规、规章中规定的危险品、弹药和承运人不能判明性质的化工产品；（3）动物及妨碍公共卫生（包括有恶臭等异味）的物品；（4）能够损坏或污染车辆的物品；（5）规格或重量超过规定的物品。</t>
  </si>
  <si>
    <t>两个单眼皮能生出双眼皮吗</t>
  </si>
  <si>
    <t>如果遗传给小孩的两个基因里有一个是显性的，小孩就是双眼皮了。不过，因为基因有发生突变的可能，在很少的可能下，单眼皮夫妻还是可能生出双眼皮子女的</t>
  </si>
  <si>
    <t>范玮琪是试管婴儿吗</t>
  </si>
  <si>
    <t>范范和黑人陈建州结婚三年多了，终于成功生下了双胞胎！罢特，随后就有爆料说他俩是人工受孕，多次向黑人求证，他才终于承认！</t>
  </si>
  <si>
    <t>linux操作系统可以玩游戏吗</t>
  </si>
  <si>
    <t>当然可以，只要你有linux下的游戏就行</t>
  </si>
  <si>
    <t>玻璃杯可以带上飞机么</t>
  </si>
  <si>
    <t>可以带的，不过如果要托运的话，最好在办理托运的时候，告诉柜台人员，托运的行李里面有易碎品，这样他们会在你的行李上挂一个有易碎品的标贴</t>
  </si>
  <si>
    <t>玻璃杯可以随身携带上飞机</t>
  </si>
  <si>
    <t>喝水的玻璃杯可以带着坐飞机</t>
  </si>
  <si>
    <t>动车开车后可以改签吗</t>
  </si>
  <si>
    <t>动车组火车票在开车后2小时内能改签。</t>
  </si>
  <si>
    <t>杜宾会咬主人吗</t>
  </si>
  <si>
    <t>杜宾犬是人类最好的朋友，但有精神压力或恐惧心理时它们还是会咬人，对于杜宾犬咬主人的情况，首先是要及时、严厉训斥它；训斥完后，杜宾犬受到惊吓会安静下来，这时就应该好好夸奖它。</t>
  </si>
  <si>
    <t>不可能，本身就是护卫犬。</t>
  </si>
  <si>
    <t>如果饲养训练正确，任何狗都没有咬主人的可能；反之则会出现咬人的情况。</t>
  </si>
  <si>
    <t>lol明信片是真的吗</t>
  </si>
  <si>
    <t>是真的，一套肯定出皮肤。</t>
  </si>
  <si>
    <t>假的，别信，都是什么经验卡。</t>
  </si>
  <si>
    <t>肾结石会不会复发</t>
  </si>
  <si>
    <t>引起肾结石的病因很多，有遗传性因素、代谢性因素、感染性因素、环境因素、饮食因素、解剖因素、药物因素等等。所以如果平时不注意，即使是在肾结石治疗好之后，如果继续接触这些病因，那么还是会复发的。了解引起自身肾结石的病因后，要注意避免那些病因。约有50%的肾结石患者在10年内会复发，因此结石的预防非常重要。</t>
  </si>
  <si>
    <t>到底要不要矫正牙齿</t>
  </si>
  <si>
    <t>因为不做得话对五官、声音发育有很大的影响。1、排列不齐 咀嚼功能受影响，消化不良。2、龋坏发病率大大提高。3、青春期影响孩子自信。</t>
  </si>
  <si>
    <t>榨汁机需要加水吗</t>
  </si>
  <si>
    <t>一般的水果都要加一点点水(不要加太多），但有一些本身多汁多水的水果（例如：西瓜）就不用加水也可以。</t>
  </si>
  <si>
    <t>股票可转债是利好吗</t>
  </si>
  <si>
    <t>对大股东肯定是好事，有钱才好办事。2、对中小股东是否好事则要区别对待，如能产生良好效益就是好事，否则就是坏事。但一般来说，市场是当利好来理解的。一般都会使股价上涨，上涨是个大概率事件。</t>
  </si>
  <si>
    <t>肤舒止痒膏有激素吗</t>
  </si>
  <si>
    <t>肤舒止痒膏是中草药加辅料药制成，里面不含激素成分</t>
  </si>
  <si>
    <t>乌龟有月经吗</t>
  </si>
  <si>
    <t>乌龟下蛋的，能有子宫么。</t>
  </si>
  <si>
    <t>标书费有发票吗</t>
  </si>
  <si>
    <t>一般给收据，不过要发票也可以，要强烈要求，不然不会给的呢</t>
  </si>
  <si>
    <t>金逸会员卡全国通用吗</t>
  </si>
  <si>
    <t>可以 还可以直接在官网上订票 去影院直接取票看就行了</t>
  </si>
  <si>
    <t>来例假能跑步么</t>
  </si>
  <si>
    <t>生理期是所有女性每个月都会遇到的状况，不少女性担心好朋友来时，月经期间可以跑步吗?其实，重点不在于能不能跑，而是该如何跑。</t>
  </si>
  <si>
    <t>月经期间是可以适度运动的，但是不要过度，以免引起月经紊乱。</t>
  </si>
  <si>
    <t>一般月经期间最好是不做剧烈活动的，以免导致月经量多，引起腹痛的。</t>
  </si>
  <si>
    <t>生理期要避免高强度、大运动量。</t>
  </si>
  <si>
    <t>经期是不易剧烈运动的！</t>
  </si>
  <si>
    <t>感冒了能喝羊汤吗</t>
  </si>
  <si>
    <t>如果感冒了是不能喝羊肉汤的，否则就会加重病情的</t>
  </si>
  <si>
    <t>腾达n4能刷中继吗</t>
  </si>
  <si>
    <t>这个带中继CPU是 bcm5356co，可以刷，不变砖。</t>
  </si>
  <si>
    <t>手机电池鼓起来了还能用吗</t>
  </si>
  <si>
    <t>尽量不要使用了理论是鼓包的电池是有爆炸的危险的而且就算不会爆炸，第一待机时间会变短，第二很容易把后盖撑的变形</t>
  </si>
  <si>
    <t>机场是事业单位吗</t>
  </si>
  <si>
    <t>航空公司属于国企的单位。也是个事业单位。</t>
  </si>
  <si>
    <t>航空公司大部分是国有航空，像海航等小航空公司是私人股份航空。</t>
  </si>
  <si>
    <t>红米手机是小卡吗</t>
  </si>
  <si>
    <t>1、如果红米手机是3G版的，则两个卡槽是支持安装大卡的，直接将普通的SIM卡插入卡槽就可以使用了。2、如果红米手机是4G版的，则两个卡槽只能支持小卡的，普通的SIM卡需要去发卡运营商的营业厅剪卡才能正常插入卡槽使用。</t>
  </si>
  <si>
    <t>冬天能吃鸭子吗</t>
  </si>
  <si>
    <t>冬季吃鸭肉是一种良好的进补方法</t>
  </si>
  <si>
    <t>有海底人吗</t>
  </si>
  <si>
    <t xml:space="preserve">地球上还有另一类神秘的智慧动物海底人， 许多人会认为纯属无稽之谈，然而种种迹象表明，海底也许真的有存在。 </t>
  </si>
  <si>
    <t>江苏东海水晶是真的吗</t>
  </si>
  <si>
    <t>现在的东海已经不是以前的了，以前还有些真货，现在60%都是人造玻璃珠子，让顾客没办法识别，还有，其实东海并且不是特产水晶，很多都是外地过来卖的，只是集中在一起形成了一个商业去而已</t>
  </si>
  <si>
    <t>三星 a5 2016 好不好</t>
  </si>
  <si>
    <t>Galaxy A系列机型主打年轻用户，从三星A5 2016版轻薄精致机身设计风格来看，还是很迎合年轻消费群体的，总外观设计而言，三星A5 2016版整体还是很不错的。</t>
  </si>
  <si>
    <t>bec可以直接考高级</t>
  </si>
  <si>
    <t>可以直接报高级</t>
  </si>
  <si>
    <t>做爱紧张影响勃起吗</t>
  </si>
  <si>
    <t>正常现象.因为阴茎的神经控制不是自主控制的.所以心情紧张时会引起勃起困难.</t>
  </si>
  <si>
    <t>航空母舰会翻船吗</t>
  </si>
  <si>
    <t>就目前来看，还没有航空母舰被飓风/台风吹翻的实例。</t>
  </si>
  <si>
    <t>视图可以修改吗</t>
  </si>
  <si>
    <t>可以在简单视图中执行DML 操作</t>
  </si>
  <si>
    <t>张居正是清官吗</t>
  </si>
  <si>
    <t>不是，他也不清廉，属下的官员贿赂他的财物不计其数。</t>
  </si>
  <si>
    <t>天猫买的耐克是正品吗</t>
  </si>
  <si>
    <t>天猫是一个综合性的购物网站，想要在天猫开店，必须得卖正品，否则给予封店、清退处理。所以对于天猫nike旗舰店是正品吗？网上一部分好友的投票支持是100%正品，且网友们表示，天猫上的旗舰店都是正品，大家可以放心选购！天猫上也有许多大牌，产品丰富，让许多消费者都能买到自己满意的商品。名鞋库PUMA运动旗舰店在天猫也有开店，受到许多消费者的认可！</t>
  </si>
  <si>
    <t>阳痿自己会恢复吗</t>
  </si>
  <si>
    <t>首先要避免性刺激。并多运动，配合中药调理身体。这需要时间恢复。</t>
  </si>
  <si>
    <t>体彩店赚钱吗</t>
  </si>
  <si>
    <t>开彩票店，要位置好，附近购彩的人多，那肯定还是赚钱的，但是要赚的很厉害，也不太实际，可能也就是比打工稍微强一点。</t>
  </si>
  <si>
    <t>事业单位2014年10月以后退休人员涨工资吗</t>
  </si>
  <si>
    <t>事业单位2014年10月以后退休人员涨工资</t>
  </si>
  <si>
    <t>草酸能除锈吗</t>
  </si>
  <si>
    <t>用1％的草酸溶液擦拭衣服上的锈渍处，再用清水漂洗。草酸可以除锈,但有一定毒性.溶于水和酒精,使用时,不要吃或喝就行了.</t>
  </si>
  <si>
    <t>微信红包会不会过期</t>
  </si>
  <si>
    <t>24小时后就会自动退还到微信钱包！</t>
  </si>
  <si>
    <t>大枣核能吃吗</t>
  </si>
  <si>
    <t>能吃的。粉碎枣核能吃。枣核主要养心安神的作用。</t>
  </si>
  <si>
    <t>莲子孕妇可以吃吗</t>
  </si>
  <si>
    <t>孕妇是可以吃莲子的。莲子具有降火的功效，少量服用是孕妈妈很好的补品，特别是孕妇在孕期上火的时候食用;但是莲子属于阴性食物，一次不要吃太多。</t>
  </si>
  <si>
    <t>阴水可以喝吗</t>
  </si>
  <si>
    <t>您好，不卫生的，最好不要吃。　女性的爱液一部分是由子宫颈腺体分泌的，一部分来自阴道壁，还有很少一部分是由子宫内膜腺体和阴道口两旁的大腺体分泌的。里面含有大概20多种微生物，</t>
  </si>
  <si>
    <t>做出来的肠粉又粘又不透明是因为新 蒸屉的问题吗</t>
  </si>
  <si>
    <t>有可能米浆配得太稀，蒸屉预热不够，取出蒸屉时间较长，也就是操作动作有点慢，蒸屉放冷了。</t>
  </si>
  <si>
    <t>当后妈真的好吗</t>
  </si>
  <si>
    <t>不是当后妈不好，而是后妈不好当，问题多多，困难多多</t>
  </si>
  <si>
    <t>外贸公司要交增值税吗</t>
  </si>
  <si>
    <t>若是全出口业务的话基本上不交增值税，出口产品会按退税率退给增值税。若某票出口发生异常情况是不能正常退税的，有可能会按照规定计提销项税或补税，对应发生城建税教育费则附加。每月按销售收入缴纳水利建设基金和印花税，即购销合同，每月代扣个税，每季预缴企业所得税，如果有自有房产，则涉及到房产税和土地使用税。</t>
  </si>
  <si>
    <t>s6能三排吗</t>
  </si>
  <si>
    <t>目前的消息是改变是取消了单双排，现在可以3排4排5排了，就是可以任意人数进行排位。</t>
  </si>
  <si>
    <t>捕鱼达人有没有技巧</t>
  </si>
  <si>
    <t>捕鱼达人高分攻略技巧 百发百中有诀窍: 1,注意随时切换武器  2,不要在一只鱼上纠缠  3,注意面前小鱼拦路  4,根据金币选择场景  5,不单独捕捉大分值鱼</t>
  </si>
  <si>
    <t>照蓝光 安全吗</t>
  </si>
  <si>
    <t>若宝宝黄疸值高到需要照射蓝光而未及时治疗，那么有可能胆红素最终去侵入脑部，造成神经中枢系统损伤，甚至引起和黄疸，这种损伤是不可逆的，轻则造成宝宝发育迟缓，重则引起宝宝脑瘫。由于黄疸引起的宝宝脑瘫不影响宝宝智力，但会影响宝宝的动作，听力和视力！</t>
  </si>
  <si>
    <t>地暖房能做榻榻米吗</t>
  </si>
  <si>
    <t>一：本身榻榻米就有恨好的透气效果，对于取暖效果是没有问题的。二：榻榻米的放置取决于你想做地台还是直接满铺，如果要做地台，地台的上面需要打孔来满足地暖的透热，如果是直接铺在地暖上，一定把水泥面抛光，不让沙粒破坏榻榻米的防潮垫。三：榻榻米是有处理过的稻草交叉叠加成型的，它的使用环境不宜用在潮湿的地方，通风朝阳的地方最好。地暖会产生地气，容易使屋内的榻榻米受潮，只要多做保养是没有问题的，</t>
  </si>
  <si>
    <t>核聚变有污染吗</t>
  </si>
  <si>
    <t>核聚变 反应中也会产生一些具有放射性的同位素，不过这些放射性同位素的半衰期一般都较短。放射性产物可以在较短时间内衰变。所以和裂变反应相比较，聚变的污染要小得多。对环境的长期影响也较小。</t>
  </si>
  <si>
    <t>聚变没有放射性，不产生污染环境的硫、氮氧化物，不释放温室效应气体，聚变堆本身固有安全性，还能再生。</t>
  </si>
  <si>
    <t>苹果笔记本有鼠标吗</t>
  </si>
  <si>
    <t>一般来说可以，但是你要去找和Mac OS X兼容的鼠标</t>
  </si>
  <si>
    <t>激光点痣掉痂后可以洗脸吗</t>
  </si>
  <si>
    <t>激光点痣结痂掉了以后，是可以用洗面奶和护肤品的，因为已经好了，不会再感染了。隔离霜也是可以用的。</t>
  </si>
  <si>
    <t>体校可以考大学吗</t>
  </si>
  <si>
    <t>可以的，体校毕业可以通过以下方法报考大学。如果是高中类（中国的高中教育指初中以后高中阶段的教育，包括：普通高中、职业高中、中等专业学校、技工学校等，均属于中等教育的范畴。）的，可以直接参加高考。　如果是非高中类的，可以用“社会考生”的身份参加高考。同样，可以参加成教，成人继续教育学历有四种主要形式，分别是成人高考（学习形式有脱产，函授，夜大）、高等教育自学考试（自考）、广播电视大学（电大现代远程开放教育）和远程教育（网络教育）。</t>
  </si>
  <si>
    <t>银行卡绑定手机不去银行行吧</t>
  </si>
  <si>
    <t>银行卡绑定手机号，是必须要去银行卡归属地的开卡的银行营业厅，才能绑定手机号的。而且要带上本人身份证和银行卡去</t>
  </si>
  <si>
    <t>审计累吗</t>
  </si>
  <si>
    <t>累，经常要加班。</t>
  </si>
  <si>
    <t>天下3还有人吗</t>
  </si>
  <si>
    <t>现在应该还有十来万人在玩，不如以前的天下2人多</t>
  </si>
  <si>
    <t>超限皮肤是限定吗</t>
  </si>
  <si>
    <t>完全都不是限定</t>
  </si>
  <si>
    <t>结婚当天要穿红色内衣吗</t>
  </si>
  <si>
    <t>结婚并不一定要穿红色内衣</t>
  </si>
  <si>
    <t>结婚要不要穿红色内衣得视情况而定。</t>
  </si>
  <si>
    <t>共产党抗日了么</t>
  </si>
  <si>
    <t>个人觉得会是真的，这是民族大义问题，不能含糊。而且，要取得民众的支持，民主阵容的支持，这是一定要做的事情。但是，当时的力量、军队的装备，是没有实力的，必须借大力于国民党的军队。但同时它还会保存实力，作巧妙的斗争。这也是必须的。就好比，你讨厌和痛恨腐败，你一定会抵制它，但你个人没有这么大的力量，更加不愿意单纯为了抵制腐败，而使自己成为被坏势力打击的目标。</t>
  </si>
  <si>
    <t>知道苹果手机的串号能找到手机吗</t>
  </si>
  <si>
    <t>果丢失的苹果手机开启了”查找我的iPhone"功能，则可以用另一部手机来对丢失的手机进行定位，定位手机用“查找iPhone"软件。</t>
  </si>
  <si>
    <t>依那普利是长效药吗</t>
  </si>
  <si>
    <t>依那普利这种降压药属于长效降压药物，其起效时间长，降压作用缓慢且稳定。</t>
  </si>
  <si>
    <t>人会痛死吗</t>
  </si>
  <si>
    <t>我觉得在疼痛无法忍受的时候,人就会晕过去了,就什么也感觉不到了,这也是身体保护自己的一种方式,很多人完全是死于造成疼痛的伤势或者疾病,而真正死于单纯的疼痛的...</t>
  </si>
  <si>
    <t>一般很少有疼痛导致人丧命，其实不是疼痛导致人丧命，而是引起疼痛的创伤导致人丧命</t>
  </si>
  <si>
    <t>2015年有没有立春</t>
  </si>
  <si>
    <t>2015年立春是哪天#2015年(羊年)：单春 (2015年的立春时间是农历2014年腊月16,2016年的立春时间是农历2015年腊月二十六，所以说2015年是单春，并非原来说的无春寡妇年。)</t>
  </si>
  <si>
    <t>2005年（鸡年）：无春，寡妇年</t>
  </si>
  <si>
    <t>苹果watch好用吗</t>
  </si>
  <si>
    <t>据2105年调研结果显示，苹果智能手表用户满意度达到了97%。</t>
  </si>
  <si>
    <t>苹果的AppleWatch主要设计的概念，就是将所有资讯集中在手中，让你使用AppleWatch就可以处理部份信息，加快沟通，不过在真正使用时，发现并没有想像般好用！</t>
  </si>
  <si>
    <t>蛔虫药吃了会拉出虫子么</t>
  </si>
  <si>
    <t>蛔虫药有的是麻痹虫体的就会拉出虫子；有的打虫药是打碎虫体的就看不到拉出虫体 。</t>
  </si>
  <si>
    <t>克罗心贵吗</t>
  </si>
  <si>
    <t>克罗心和蒂芙尼都是奢侈品</t>
  </si>
  <si>
    <t>火车站凌晨卖票吗</t>
  </si>
  <si>
    <t>车站24小时都是可以买票的，也是可以取票、退票以及改签的。如果您是想在火车站晚上买票就要乘车的，需要您提早到火车站排队买票，不过能不能买到票就要看有没有余票了。如果你不急着乘车出行，可以选择在网上预订火车票，也可以选择电话订票，之后到火车站取票就可以了。网上订票取票时间在购票后发车前。电话取票时间规定：当日12：00前已订车票，需要于第二日12：00前取票;当日12：00后预订的车票，于第二日24：00前取票。火车站晚上卖票一般开的售票窗口相对会少，不过有的车站还备设有自动售票机，旅客也可以通过自动售票机买票。</t>
  </si>
  <si>
    <t>眼袋手术有没有危险</t>
  </si>
  <si>
    <t>一切手术都会有风险的，眼袋手术也不例外</t>
  </si>
  <si>
    <t>孙悟空吃人吗</t>
  </si>
  <si>
    <t>孙悟空吃没吃过人；《西游记》第二七回里孙悟空自己说他吃过人，不过他真没吃过，之所以这么说，是怕师父上当受骗，才编了这么几句话，来吓唬师父。</t>
  </si>
  <si>
    <t>多乐士漆有甲醛吗</t>
  </si>
  <si>
    <t>多少都会有一点的，真正做到不含甲醛的是没有的。</t>
  </si>
  <si>
    <t>尖锐湿疣中药可以治好吗?</t>
  </si>
  <si>
    <t>需要中西药结合治疗处理的，光中药可能效果不理想的</t>
  </si>
  <si>
    <t>j20发动机是国产的么</t>
  </si>
  <si>
    <t>是国产的，叫做涡扇--10{WS10}，又名太行。</t>
  </si>
  <si>
    <t>男的每天都自慰正常吗</t>
  </si>
  <si>
    <t>属于手淫过度，沉迷于自慰，会耽搁了学业和工作，会影响精力和导致神经症状，也会影响阴茎发育。</t>
  </si>
  <si>
    <t>s5总决赛skt有输过吗</t>
  </si>
  <si>
    <t>1把，在S5世界总决赛全程SKT只在最终决赛对阵KOO时在第三局输一把。</t>
  </si>
  <si>
    <t>合同可以用繁体字吗</t>
  </si>
  <si>
    <t>可以用</t>
  </si>
  <si>
    <t>360云盘可以下载电影吗</t>
  </si>
  <si>
    <t>可以。用360浏览器在网页上登录云盘，之后点下载会弹出新建下载的对话框.在这个对话框的左下角可以选择其他的下载方式，比如说是迅雷或者是你电脑上安装的其他下载软件.迅雷是和360有合作关系的.用360浏览器下载他的加速功能就是迅雷提供支持的</t>
  </si>
  <si>
    <t>身份证照片可披头发吗</t>
  </si>
  <si>
    <t>头发要扎起来的</t>
  </si>
  <si>
    <t>阴茎发凉正常吗</t>
  </si>
  <si>
    <t>一般阴茎发凉是属于正常的情况，不需要治疗。平常要注意局部卫生。</t>
  </si>
  <si>
    <t>阴茎冰凉说明血液循环不好，供血不好，说明性欲望很差，若性欲非常旺盛，阴茎经常充血，血是有温度的，起码是36.5度，如果长期的不充血，或者是血瘀积到那里，阴茎肯定发凉，具体可以到医院就诊，以明确病因，及时治疗。</t>
  </si>
  <si>
    <t>血管炎能治吗</t>
  </si>
  <si>
    <t>可以，血管炎是一种自身免疫性疾病引发的血管内皮细胞炎症反应，并不算重病，但疗程比较长，西药没有什么特效的。</t>
  </si>
  <si>
    <t>本田xr-v1.5l够用吗</t>
  </si>
  <si>
    <t>东风本田XR-V这款车质量比较稳定，动力油耗满足日常需求，从配置方面来看，带有ESP与EBD等系统操控配置齐全。安全性方面配有前后防撞钢梁，配有前排侧气囊、气帘与头部气囊。空间比较大，性价比不错。其1.5L的发动机能输出131匹马力，基本够用。</t>
  </si>
  <si>
    <t>做饼干需要发酵吗</t>
  </si>
  <si>
    <t>做饼干需要面粉发酵</t>
  </si>
  <si>
    <t>sd敢达还能玩么</t>
  </si>
  <si>
    <t>停服了不能玩了</t>
  </si>
  <si>
    <t>etc设备通用吗</t>
  </si>
  <si>
    <t>都一样，有的免费，有的收费，</t>
  </si>
  <si>
    <t>ps4可以用u盘看电影吗</t>
  </si>
  <si>
    <t>内部类可以被继承吗</t>
  </si>
  <si>
    <t>每个内部类都能独立地继承自一个（接口的）实现，所以无论外围类是否已经继承了某个（接口的）实现，对于内部类都没有影响。如果没有内部类提供的可以继承多个具体的或抽象的类的能力，一些设计与编程问题就很难解决。从这个角度看，内部类使得多重继承的解决方案变得完整。接口解决了部分问题，而内部类有效地实现了“多重继承”。</t>
  </si>
  <si>
    <t>家里铺地毯好不好</t>
  </si>
  <si>
    <t>家里最好不铺地毯，因为不好清扫，尤其是纯毛的地毯，还容易长一些尘螨、细菌、寄生虫、昆虫。</t>
  </si>
  <si>
    <t>一、卧室地毯的益处1.隔音效果——地毯以其紧密透气的结构，可以吸收及隔绝声波，有良好的隔音效果。2.改善空气质量——地毯表面绒毛可以捕捉，吸附漂浮在空气中的尘埃颗粒，有效改善室内空气质量。3.地毯安全性——地毯是一种软性铺装材料，有别于如大理石.瓷砖等硬性地面铺装材料，不易滑倒磕碰，家里有儿童、老人等的建议铺块毯或满铺毯。4.具美化效果——地毯具有丰富的图案、绚丽的色彩、多样化的造型，能美化您的装饰环境，体现您的个性。5.无毒害——地毯不具有辐射，不散发象甲醛等不利于身体健康的气体，达到各种环保要求。二、卧室地毯的坏处有些质量不好的地毯容易起毛，对家里有过敏性鼻炎或者是有哮喘病患者的家庭来说，就容易引起旧病复发;并且容易滋生有害细菌，危害身体健康。地毯在清洁上，也比较麻烦，所以不是勤快的朋友们来说，不是个明智之选。</t>
  </si>
  <si>
    <t>狗狗可以吃柚子吗</t>
  </si>
  <si>
    <t>狗狗可以吃柚子，没关系的。</t>
  </si>
  <si>
    <t>每只狗狗的身体体质都不一样，因此对事物的接受能力也不一样。有些狗狗可以吃少量的柚子而没有问题，然而一些体质特别的狗狗一旦吃了柚子就可能腹泻。</t>
  </si>
  <si>
    <t>雁荡山冬天好玩吗</t>
  </si>
  <si>
    <t>雁荡山春、夏、秋都比较适合去，但是冬天不好玩哦，这个时候天气会比较冷，水也很少。</t>
  </si>
  <si>
    <t>百度招聘靠谱吗</t>
  </si>
  <si>
    <t>有些还是可信的，毕竟百度的招聘大部分是将各个招聘网站信息筛选显示出来的，不过建议还是到正规的招聘网上找吧！</t>
  </si>
  <si>
    <t>日本安倍想和中国打吗</t>
  </si>
  <si>
    <t>有一半左右都是支持的。日本人对军事不关心，关心的是经济，安倍上台后日本经济变好了。</t>
  </si>
  <si>
    <t>尿酸能喝茶吗</t>
  </si>
  <si>
    <t>尿酸高是因为人体内的尿酸代谢功能出现问题，而导致了体内产生的尿酸不能排泄出来，虽然茶中的咖啡因在人体内会代谢成尿酸，但是由于茶的利尿作用会很快的排出体外而不会在人体内积累。所以尿酸高的患者可以喝茶，但是不能过多，要适量，而且不能喝浓茶。</t>
  </si>
  <si>
    <t>村支书有工资吗</t>
  </si>
  <si>
    <t>对于这方面，国家不会有统一的标准，就是一个省里面，各个县市的差别也很大，一个县里不同的村还会有不同的标准呢。一般村干部的误工酬劳补贴是由村民代表大会商议决定的，如果是属于集体经济薄弱村，有的地方财政会对这些村的村干部有一些补贴，各地也都不一样。</t>
  </si>
  <si>
    <t>诺顿是免费的吗</t>
  </si>
  <si>
    <t>不是,没有免费的杀毒软件</t>
  </si>
  <si>
    <t>上海礼阳刷单是真的吗</t>
  </si>
  <si>
    <t>假的</t>
  </si>
  <si>
    <t>let是情态动词吗</t>
  </si>
  <si>
    <t>是，不可以，情态动词只有can/may/must→have to/need</t>
  </si>
  <si>
    <t>微信联盟红包是真的吗</t>
  </si>
  <si>
    <t>假的你抢多少都取不到，永远不会可以取在那个区域上。</t>
  </si>
  <si>
    <t>玩电脑对精子有影响吗</t>
  </si>
  <si>
    <t>你好，长时间玩电脑不仅对眼睛有很大的伤害，而且辐射会对精子的寿命有很大的影响，所以建议不要长时间玩电脑，建议长时间玩儿电脑会让精子受损，导致受精之后的宝宝有可能会畸形</t>
  </si>
  <si>
    <t>澳美小额贷款是真的吗</t>
  </si>
  <si>
    <t>北京的澳美公司是真实存在的，但该公司只准许在北京市通州区范围内发放贷款，超出上述地域范围业务、基于网络平台办理的业务是骗局，应为骗子冒用正规公司名义行骗。</t>
  </si>
  <si>
    <t>南瓜和鸡蛋可以一起吃吗</t>
  </si>
  <si>
    <t>可以啊，只是鸡蛋一天不能吃太多，鸡蛋不能和牛奶豆浆一起吃</t>
  </si>
  <si>
    <t>手机流量有ip地址吗</t>
  </si>
  <si>
    <t>有的。#手机用流量上网IP地址是一样的吗？#总有一个ip地址 用了我手机流量 该怎么办啊~~</t>
  </si>
  <si>
    <t>重度脂肪肝可以痊愈么</t>
  </si>
  <si>
    <t>重度脂肪肝也能治好，治疗的时间要长些；完全你转的可能性不大，但是可以很好的控制的</t>
  </si>
  <si>
    <t>红枣高血压能吃吗</t>
  </si>
  <si>
    <t>红枣不会影响血压的，高血压患者可以吃红枣。</t>
  </si>
  <si>
    <t>长沙消总脱发专科医院是三甲么</t>
  </si>
  <si>
    <t>长沙市中医院  长沙市中心医院</t>
  </si>
  <si>
    <t>经常用洁尔阴好吗</t>
  </si>
  <si>
    <t xml:space="preserve"> 经常用洁尔阴冲洗阴道，可以预防阴道炎和其他妇科疾病，不会对人体有害的。</t>
  </si>
  <si>
    <t>阴道天然的状态是呈酸性的，可以抑制很多细菌的生长，洗液就会打破这个天然的自净屏障，长期使用是没好处的。</t>
  </si>
  <si>
    <t>如果是没有阴道炎的话，建议你不要用这个冲洗阴道，经常冲洗阴道会导致阴道菌群失调，引起阴道炎的发生。</t>
  </si>
  <si>
    <t>fifa online3 巴特好不好用</t>
  </si>
  <si>
    <t>很好用，手感好，+3直接秒杀任何CDM。</t>
  </si>
  <si>
    <t>小米手环一定要靠近手机来记录运动吗</t>
  </si>
  <si>
    <t>不一定，小米手环在不带手机的情况下也可以记录跑步信息。6Plus有这个功能的，你先下载小米运动软件，然后同步就行了。我就是这样用的</t>
  </si>
  <si>
    <t>中国有没有真正的道士</t>
  </si>
  <si>
    <t>有道教的存在当然会有道士，至于道术当然也是有的，就好像符录中讲述的就是道教特有的一种符号文学，这些符号对精神的影响是有的所以称为术是一点也不过分的</t>
  </si>
  <si>
    <t>小猪有老婆吗</t>
  </si>
  <si>
    <t>有，罗志祥老婆周扬青家境显赫惊人，系富二代</t>
  </si>
  <si>
    <t>荣耀7系统更新好吗</t>
  </si>
  <si>
    <t>可以升级啊，荣耀7现在的EMUI4.0就是基于安卓6.0的系统，可以通过OTA或者去官网下载开发版安装包都能升级的。</t>
  </si>
  <si>
    <t>杭州房价贵吗</t>
  </si>
  <si>
    <t>听说杭州房价不是一般的高</t>
  </si>
  <si>
    <t>子宫肌瘤能吃月见草</t>
  </si>
  <si>
    <t>子宫肌瘤能吃月见草。见草油可转化为类似荷尔蒙的物质，调节激素平衡，滋养卵巢，防止妇科病，消除紧张焦虑、情绪低落、头晕目眩、乳房胀痛、乳腺增生、下腹痛、粉刺暗疮等症状。子宫肌瘤可以适当地吃月见草的。</t>
  </si>
  <si>
    <t>红薯能生吃么</t>
  </si>
  <si>
    <t>可以生吃,红薯纤维含量很高，可以很好在清理肠道。</t>
  </si>
  <si>
    <t>六龙争霸可以交易吗</t>
  </si>
  <si>
    <t>玩家之间想要交易的话那么就得使用拍卖行这个功能。在游戏的过程当中，如果有一些非绑定的，而自己又不需要的物品可以直接用拍卖行进行贩卖，玩家可以点击主界面的拍卖行，然后点击右边的出售，这样玩家就可以选取自己背包里面的物品，然后进行定价就可以直接卖了</t>
  </si>
  <si>
    <t>这样平时自己打到多余的其他职业的优秀装备，可以以较高的价格售出，积累足够的交易钻石后，再去购买自己想要的理想装备。</t>
  </si>
  <si>
    <t>合肥汽车客运南站是南门换乘中心吗</t>
  </si>
  <si>
    <t>是的！同一个地方不同角度的称谓而己！</t>
  </si>
  <si>
    <t>成田机场有药妆店吗</t>
  </si>
  <si>
    <t>实物照片更新中！日本成田免税店及药妆血拼。</t>
  </si>
  <si>
    <t>excel能做卡方检验吗</t>
  </si>
  <si>
    <t>用EXCEL进行卡方检验时，数据的输入方式按实际值和理论值分别输入四个单元格。</t>
  </si>
  <si>
    <t>褪黑素可以长期服用吗</t>
  </si>
  <si>
    <t xml:space="preserve"> 你好。千万不要长期用，因为这种保健品含有褪黑素，褪黑素长期使用可以影响到热你的生殖系统，另外可以让你对它产生依赖型。你可以断续服用，慢慢断掉。希望我的回答对你有用，望采纳。</t>
  </si>
  <si>
    <t>美学的研究对象是审美运动吗</t>
  </si>
  <si>
    <t>是的。美学的研究对象是体现着人与世界的审美关系的一切审美现象或审美活动。也就是说，不是美，而是审美活动，才是美学研究的真正对象。</t>
  </si>
  <si>
    <t>卫龙安全吗</t>
  </si>
  <si>
    <t>安全，因为是正规大厂家生产，放心食用，经过有关部门批准的。</t>
  </si>
  <si>
    <t>2016年7月7日国家食品药品监督管理总局发布《河南省食品药品监督管理局关于2016年第28期食品安全监督抽检情况的通告》，通告称“漯河千盛购物广场有限公司销售的1批次标称漯河市新卫龙食品有限公司生产的大面筋检出脱氢乙酸招标、同时检出不得在其中使用的添加剂糖精钠”。</t>
  </si>
  <si>
    <t>商铺算不算商品房</t>
  </si>
  <si>
    <t>商品房包括普通商品房、住宅、商业、办公、其他，所以商铺也属于商品房的一种，适用于你所说的以上各个法律法规文件。</t>
  </si>
  <si>
    <t>呼吸37度适合孕妇吗</t>
  </si>
  <si>
    <t>纯天然植物发酵，不含有任何化学添加成分，无色素，无防腐剂，无香料，对肌肤不会造成负担。孕妇，哺乳期，敏感肌，都可以使用。</t>
  </si>
  <si>
    <t>呼吸37度孕妇是可以用的。</t>
  </si>
  <si>
    <t>养龙猫赚钱吗</t>
  </si>
  <si>
    <t>市面上，龙猫的价格根据不同的颜色，从800元一只到上万或好几万元一只不等，目前，陈亚妮手头有46只龙猫，最贵的一只是她花3.6万元买的。</t>
  </si>
  <si>
    <t>天天吃羊肉好吗</t>
  </si>
  <si>
    <t>羊肉是温性，对于体虚怕冷的人比较适合，如果不是寒性的体质则不建议天天，偶尔吃点可以。</t>
  </si>
  <si>
    <t>北京华盛医院是公立医院吗</t>
  </si>
  <si>
    <t>不是公立医院，但是不能确定看病好坏，如果有出诊专家的话，还是可以看看病。</t>
  </si>
  <si>
    <t>火车票可以买始发站但是从半路上车吗</t>
  </si>
  <si>
    <t>目前，旅客购买始发站车票，中途站上车，座位票或铺位都会保留，过去是规定2小时什么的，如今这个规定已经取消了。</t>
  </si>
  <si>
    <t>北京有个人玩sm的吗</t>
  </si>
  <si>
    <t xml:space="preserve"> 有的，但是国内这个技术不是很好，不建议在国内做，具体要咨询当事医院</t>
  </si>
  <si>
    <t>住房公积金可以买车</t>
  </si>
  <si>
    <t xml:space="preserve">不行！ 公积金是国家规定的、在职职工（单位）以工资为基数并按比例交纳的住房公共积累基金。具有 强制性、福利性、保障性、互助性的性质。交纳的公积金属职工个人所有，其他任何人无权动用。公积金的主要用途是：用于购买、建造、翻建、大修自住住房，偿还购房贷款本息，补贴房租超出家庭工资收入的房租等。 </t>
  </si>
  <si>
    <t>花田交友靠谱吗</t>
  </si>
  <si>
    <t>花田上的骗子太多了</t>
  </si>
  <si>
    <t>现在还有人玩dota1吗</t>
  </si>
  <si>
    <t>有，qq对战平台和11平台，人很少，晚上一般800-1000来人在线，周末、假日人多点儿</t>
  </si>
  <si>
    <t>musicfx可以删除吗</t>
  </si>
  <si>
    <t>MusicFX是一款Android 2.3.3系统专用的音频控制面板，使得Android音乐播放效果更加丰富和出色，使用不到可以删除，不会影响系统运行。</t>
  </si>
  <si>
    <t>whoo 怀孕能用吗</t>
  </si>
  <si>
    <t>whoo 孕妇最好是不要使用，因为基本是药用配方，这些通过皮肤渗透下去对宝宝不是很好，建议不要使用。</t>
  </si>
  <si>
    <t>pr可以调色吗</t>
  </si>
  <si>
    <t>pr可以调色的。可以在色彩校正里面找，曲线色阶这些都是调色的。</t>
  </si>
  <si>
    <t>中国移动实名登记可以异地办理吗</t>
  </si>
  <si>
    <t>中国移动不支持异地实名认证，必须要去号码所在省份移动营业厅进行实名认证。</t>
  </si>
  <si>
    <t>c1驾驶证在实习期可以扣分吗</t>
  </si>
  <si>
    <t>能，只要违章就会被扣分。</t>
  </si>
  <si>
    <t>富士施乐打印机好吗</t>
  </si>
  <si>
    <t>富士对耗材的要求高，如果用国产粉盒替代会造成载体快速消耗，导致打印机不能正常工作。修起来很麻烦。</t>
  </si>
  <si>
    <t>30岁还能考警察吗</t>
  </si>
  <si>
    <t>公务员考试目前年龄限制一般是在35周岁以下，所以你的年龄也是符合的。</t>
  </si>
  <si>
    <t>三鹿上市了吗</t>
  </si>
  <si>
    <t>不是上市公司</t>
  </si>
  <si>
    <t>鱼泡能吃吗</t>
  </si>
  <si>
    <t>当然可以吃，是鱼鳔，也叫鱼肚，素有“海洋人参”的美誉，以前是贡品，当然可以吃，富含磷、高蛋白，有补肾益精，滋养筋脉，止血，散瘀，消肿的作用。治肾虚滑精，产后风痉，破伤风，吐血，血崩，创伤出血，痔疮。其实连鱼鳞也可以一起吃，在炖鱼的时间，可以将鱼鳔和鱼鳞放在汤中煮，鱼汤会特别鲜美，营养丰富。</t>
  </si>
  <si>
    <t>补办离婚证需要双方都去吗</t>
  </si>
  <si>
    <t>补办离婚证只需要补领一方带本人的身份证、户口本及在婚姻登记机关查询的离婚档案即可。</t>
  </si>
  <si>
    <t>二广高速好不好走</t>
  </si>
  <si>
    <t>二广高速目前刚通车，路面车辆较少，摄像头还未安装</t>
  </si>
  <si>
    <t>二广高速车流量接近饱和 北上尽量走平汝高速</t>
  </si>
  <si>
    <t>建议走走广乐经英德、韶关、乐昌、郴州、衡阳、邵阳、怀化、湘西出湘，基本是全程高速，如果想走广宁的话就不要走蓝山那边，直接走贺州 柳州 河池 贵阳 遵义，这条线和走广乐时间差不多</t>
  </si>
  <si>
    <t>私募基金从业人员可以炒股吗</t>
  </si>
  <si>
    <t>私募基金从业人员股票买卖管理较为严格。在第二十三条中列有不得利用基金财产或者职务之便为本人或投资者以外的人牟取利益，进行利益输送；不得泄露因职务便利获取的未公开信息，利用该信息从事或者明示、暗示他人从事相关的交易活动私募基金从业人员个人买卖股票等规定，这与公募基金从业人员的监管要求是相一致的，因而我们认为在私募基金从业人员买卖股票方面的管理尺度也应当是一致的。</t>
  </si>
  <si>
    <t>莫柔米断食排毒有用吗</t>
  </si>
  <si>
    <t>莫柔米就是醪醋，断食服用会带来较大的副作用。</t>
  </si>
  <si>
    <t>银行卡号有17位的吗</t>
  </si>
  <si>
    <t>账号10010301012177714（17位数字）是农业银行的单位对公账号.#17位账号是存折</t>
  </si>
  <si>
    <t>全世界都没有17位的银行卡号#工行没有17位卡号的银行卡。工行借记卡卡号19位。贷记卡卡号有14位，15位，16位。</t>
  </si>
  <si>
    <t>蜜袋鼯 臭吗</t>
  </si>
  <si>
    <t>臭！！！！！！！！！！！！！！！！</t>
  </si>
  <si>
    <t>有大鸟笼， 蜜袋鼯真心不臭的 除非你给关小仓鼠笼吃喝拉撒都在一起</t>
  </si>
  <si>
    <t>蜜待鼯臭吗？玩家饲养蜜待鼯基本是闻不到味道的，如果说蜜待鼯臭我只能说是它的粑粑有味道，小蜜本身是没有味道的，如果屎跟尿他自己拉在身上记得给他擦干净，不然你会闻到异味。</t>
  </si>
  <si>
    <t>公的蜜袋鼯才会散发出臭味（因为成年后会有领域意识）成年的公的蜜袋鼯会就如狗狗到处撒尿来标记自己的地盘一样，用自身散发出来的分泌物来标记自己的地盘。秃毛是正常的现象。建议样母的蜜袋鼯，母蜜袋鼯没有异味，也不会乱发情。</t>
  </si>
  <si>
    <t>水下可以睁眼吗</t>
  </si>
  <si>
    <t>人在水下是可以睁开眼睛的，就算没有佩戴专业的游泳眼镜也是可以的</t>
  </si>
  <si>
    <t>pm2.5口罩是一次性的吗</t>
  </si>
  <si>
    <t>防护口罩是可以重复使用的，并非用过一次就必须扔掉。只有在个别情况下，担心重复使用口罩会导致疾病传染时（如医院手术室使用），或口罩上的污染物极度危险，担心储存中造成二次污染时（如颗粒物具有放射性），才会规定防护口罩不得重复使用。</t>
  </si>
  <si>
    <t>产后可以吃柚子吗</t>
  </si>
  <si>
    <t>可以。产妇在坐月子期间可以吃适量的水果来补充维生素。</t>
  </si>
  <si>
    <t>ak荣耀好不好</t>
  </si>
  <si>
    <t>AK47荣耀跟其他AK一样，粗犷霸气的外形符合大多数玩家心理的暴力美学，也确实符合老毛子造出来的武器外观标准，AK47荣耀跟别的AK不同的在于它那银亮的涂色，凌然给人一种肃杀而又高冷的感觉，枪前端的狼头装饰也是给它平添了一股霸气，就外观总得来说，应该是没话说的，超赞。</t>
  </si>
  <si>
    <t>做ct 站旁边有辐射吗</t>
  </si>
  <si>
    <t>不可能吧？正常情况下，CT室是不可能让无关人员进去的啊。你是不是在门外面等着？如果是那样的话，一般是没什么事情的，CT室的大门和墙壁都是特制的，可以隔离射线。但如果，真的是你跟别人同时都在CT室，而有人在做CT的话，你还是会受到辐射的。辐射剂量不会很大，不可能超过安全标准，但我觉得这种事情是违反医院规定的啊。</t>
  </si>
  <si>
    <t>早上吃黄瓜好吗</t>
  </si>
  <si>
    <t>生黄瓜有丰富的维生素,对人体有益.但是要分清时间段,早上起来吃是没问题,但是不要空腹吃,如果空腹吃的话,就会腹泻.</t>
  </si>
  <si>
    <t>一般情况下，黄瓜是可以空腹吃的，不会对身体产生不良的影响。黄瓜含有多种维生素、微量元素以及其他营养物质，空腹吃黄瓜对身体是有一定好处的。</t>
  </si>
  <si>
    <t>甲沟炎能用百多邦吗</t>
  </si>
  <si>
    <t>可以外用百多邦药物，</t>
  </si>
  <si>
    <t>百多邦涂抹没有用，可用2%的碘酒涂擦或热水浸泡患指 然后可外敷鱼石脂软膏或三黄散等。</t>
  </si>
  <si>
    <t>没有脓，要消炎，涂点碘伏消毒，可以用百多邦消炎。</t>
  </si>
  <si>
    <t>百多邦作用于菌体内的异亮氨酸tRNA合成酶与异亮氨酸结合点，阻碍氨基酸的合成，同时耗竭了细胞内tRNA，使敏感菌的RNA和蛋白质合成中止，能用于早期甲沟炎的治疗。</t>
  </si>
  <si>
    <t>魔侠传封号吗</t>
  </si>
  <si>
    <t>是的，魔侠传会封号。</t>
  </si>
  <si>
    <t>伊甸园之东好看吗</t>
  </si>
  <si>
    <t>很好看的剧，看完很久出不了戏，最爱阿加西和勺子。</t>
  </si>
  <si>
    <t>有人说《伊甸之东》刚看是好看，到后面越来越差，太牵强，剧本与前面对不上号，自从惠林退出后剧情就像乱了套似的！我是看到52集！ 因为编剧是编排编写，虽然宋承宪在里面很帅，但后面剧情很乱“觉得因为这两个编剧的原因把这部巨星云集的长剧弄得不只是观众糊里糊涂，就连演员都理解不了角色而退出，多可悲啊”。</t>
  </si>
  <si>
    <t>孕妇可以用茱莉蔻吗</t>
  </si>
  <si>
    <t>你好，孕期不要使用美白的 隔离的遮瑕的化妆品，一般的含有铅汞对身体有害。可以使用一些润肤水或者乳液之类的，选择好的正规厂家生产的化妆品为好</t>
  </si>
  <si>
    <t>现在买灵魂守卫还送头像吗</t>
  </si>
  <si>
    <t>会送。我也是活动过了很久买了个。有的。更EZ的未来战士一个道理</t>
  </si>
  <si>
    <t>不送了吧，好象活动结束了</t>
  </si>
  <si>
    <t>剖腹产两次还能顺产吗</t>
  </si>
  <si>
    <t xml:space="preserve"> 你这个情况当然一般也是可以要的呢，不用担心的，也是安全的</t>
  </si>
  <si>
    <t>建议37周后择期剖宫产</t>
  </si>
  <si>
    <t>福清三福龙景好不好</t>
  </si>
  <si>
    <t>里面绿化挺多，关键是比其他地方便宜</t>
  </si>
  <si>
    <t>只能说现在毫无性价比，福清西门一片都在打折中</t>
  </si>
  <si>
    <t>读卡器可以当u盘用吗</t>
  </si>
  <si>
    <t>读卡器插了你要读的卡就相当于U盘了，光一个读卡器的话是不行的~</t>
  </si>
  <si>
    <t>通辽许亚林被查了吗</t>
  </si>
  <si>
    <t>2015年11月3日，据内蒙古自治区纪委消息：内蒙古自治区通辽市人民政府副市长许亚林涉嫌严重违纪，接受组织调查。</t>
  </si>
  <si>
    <t>brooks有假鞋吗</t>
  </si>
  <si>
    <t>Brooks跑鞋的主要产地在中国，部分复古款在越南产，但这并不意味着会像假货卖家所说有很多所谓样品QC鞋或者老鼠货流出。网上很多二三百元的brooks跑鞋多为仿货，其中少量拼鞋可能会有部分材料如帮面等是真的，但核心部件如中底等则是用替代料，初试脚感可能不明显，但长期跑步使用中很容易出问题。比如Brooks跑鞋中底内置的缓震DNA硅胶就是假鞋无法仿制的。而制鞋卖家为了力求达到外观逼真的程度，成本增加自然卖的也并不便宜，建议大家尽量通过海淘或者代购的方式选购正品以获得更好的体验，比如?洛溪体育?或者凌齿龙马拉松?等正品代购店都有较多的男女鞋款可选择。</t>
  </si>
  <si>
    <t>ve可以长期服用吗</t>
  </si>
  <si>
    <t>一般都不建议长期服用.长期服用有可能导致中毒，并影响肝脏功能。</t>
  </si>
  <si>
    <t>人人影视还有吗</t>
  </si>
  <si>
    <t>人人影视被封后大家都在哪里下载美剧的</t>
  </si>
  <si>
    <t>梦幻卖炼妖赚钱吗</t>
  </si>
  <si>
    <t>这个要看你去的人气了，人气比较高的区，那是绝对赚钱啊。</t>
  </si>
  <si>
    <t>弹奏电钢也能练好钢琴技术么</t>
  </si>
  <si>
    <t>尊重所有一切带给我美妙音乐的电子乐器，我爱你们。你们改变了这个世界！</t>
  </si>
  <si>
    <t>胡椒粉会过期吗</t>
  </si>
  <si>
    <t>胡椒粒真空保存已经过了保质期是绝对不可以再次吃的，任何东西在保质期过了以后都是不可以再次服用的，在真空中保存到胡椒粒，在保质期里，如果打开以后你最好还是尽快使用，即使存放在密封的空间里，也不可以放的时间过久，放的过就很有可能就会失效的</t>
  </si>
  <si>
    <t>lol净化可以解引燃吗</t>
  </si>
  <si>
    <t>儿童可以单独坐火车吗</t>
  </si>
  <si>
    <t>儿童不可以自己单独乘坐火车，必须要有随行成人陪同。</t>
  </si>
  <si>
    <t>停在待转区算违规吗</t>
  </si>
  <si>
    <t>不算违章</t>
  </si>
  <si>
    <t>这样属于违章，但是一般不会被拍，拍到了属于“不按规定停车”。罚款100左右，记2分。</t>
  </si>
  <si>
    <t>delistar是得力的吗</t>
  </si>
  <si>
    <t>DELISTAR 是DELI集团注册的一个商标。</t>
  </si>
  <si>
    <t>五谷磨粉机 要煮熟吗</t>
  </si>
  <si>
    <t>五谷磨粉前期不管生熟，只要是干燥的，当粉碎的细度很细的时候，生熟都无所谓，生的也可以直接开水冲着喝了。</t>
  </si>
  <si>
    <t>招商银行信用卡可以在国外刷吗</t>
  </si>
  <si>
    <t>一般情形下，只有双币信用卡和全币种信用卡可以在国外刷卡消费。如果你搞不清楚自己的信用卡是否属于这样的范畴，可以在卡身上寻找“VISA”或者“MASTER”、“JCB”的标识，只要你的信用卡上有这三种标识之一，说明你的信用卡是可以在国外刷卡消费的。</t>
  </si>
  <si>
    <t>北京市儿童医院好吗</t>
  </si>
  <si>
    <t>全国最好的儿童医院——————————————————————  北京儿童医院积极发挥学科龙头作用，领航儿科行业发展。2013年牵头组建北京儿童医院集团，创新“病人不动、医生移动”的模式服务全国患儿，目前集团成员已达15家。医院不仅在国内享有很高的声誉，而且在国际儿科界也有广泛影响，与美国、俄罗斯、加拿大、意大利、澳大利亚、瑞典、德国、法国、日本、新加坡和捷克等国的儿童医疗机构建立了良好的关系和广泛的合作。多年来，为方便病人，北京儿童医院始终坚持24小时接诊病人，同时开设晚间门诊。为继续深入推动公立医院医疗改革，医院积极推进预约挂号工作，优化服务流程，有针对性地解决了群众反映突出的“看病难、住院难”问题，受到国家卫计委的肯定和广大群众的认可。在完成日常医疗工作的同时，医院还承担了国家卫计委、北京市卫生局委派的手足口病防治、问题奶粉筛查、H7N9禽流感疫情筛查、抗震救灾支援、突发公共事件救援等医疗救治任务。多年来，医院以”以病人为中心，全心全意为儿童服务”为宗旨，大力弘扬“公慈勤和”院训精神，树立医德医风品牌，涌现出全国道德模范、“时代楷模”贾立群同志等杰出代表。北京儿童医院坚持公益，始终“关注儿童、关注健康”，成立“扶助贫困儿童就医健康基金会”，组织职工为贫困患儿捐款;组织医疗骨干参加援疆援藏计划、“人才京郊行”、大型义诊活动，为偏远地区和基层单位的儿童送医、送药、送健康;开展免费救治西藏先心病患儿活动;举办血友病、糖尿病、白血病儿童夏令营，让患儿感受到社会的关爱。北京儿童医院先后获得“首都文明单位标兵”、“首都文明服务示范窗口”、“最受欢迎专科医院”、“双十佳人民满意医院”“北京最受欢迎三甲医院”荣誉称号及“首都劳动奖状”、“全国五一劳动奖状”。[</t>
  </si>
  <si>
    <t>过几次北京儿童国医院，总体感觉是：医院规矩多，大夫、护士无论是技术水平还是服务态度都一般，当然也有好的，那要看你运气了。如果不是疑难杂症，建议不要去。</t>
  </si>
  <si>
    <t>多囊肝能转变成肝癌吗</t>
  </si>
  <si>
    <t>一般情况下，肝囊肿不破裂、不出血、不感染、不恶变。但也有少数患者可发生囊内出血，致使囊液呈血性或伴血块。有时可继发感染。大多数肝囊肿并不生长或长期处于“静止”或“小囊肿”状态，而“巨大”或“特大”肝囊肿是相对少见的。</t>
  </si>
  <si>
    <t>爱莱博磁裤有用吗</t>
  </si>
  <si>
    <t>没效果的，不要相信广告， 目前没有什么药物可以达到增大阴茎的效果，唯一安全有效的方法就是手术治疗</t>
  </si>
  <si>
    <t>找警察做老公好吗</t>
  </si>
  <si>
    <t>找警察做老公绝对好，真男人才会做好警察。</t>
  </si>
  <si>
    <t>不好，最惨的妻子就是警察的老婆。</t>
  </si>
  <si>
    <t>孕妇能吃莲藕</t>
  </si>
  <si>
    <t>孕妇可以吃莲藕的</t>
  </si>
  <si>
    <t>大学生可以染发吗</t>
  </si>
  <si>
    <t>可以的，大学很自由，没有太多的限制，没有了高中的约束，也是一个自我展示的地方！只要自己喜欢，就去做吧！</t>
  </si>
  <si>
    <t>macbookair需要关机吗</t>
  </si>
  <si>
    <t>看个人使用习惯，经常用的话合上盖儿就好了。我每天用，经常几周不关，偶尔重启下</t>
  </si>
  <si>
    <t>吃爱乐维还要吃钙片吗</t>
  </si>
  <si>
    <t>爱乐维是多维营养素，含钙不充足的。孕4个月了，的确需要额外的补充钙的</t>
  </si>
  <si>
    <t>33周会入盆吗</t>
  </si>
  <si>
    <t>正常孕期是37~42周，如果在28周~37周生产的话，是属于早产，至于入盆是有征兆的，比如说是阴道流血，见红，规律宫缩等症状，如果这些都没有的话，那么生产是不可能的，但是如果出现了这些征兆，那么生产也是有可能的，这时是需要治疗的，要进行保胎治疗，抑制宫缩等情况，对症处理。</t>
  </si>
  <si>
    <t>不是4g手机可以用4g流量吗</t>
  </si>
  <si>
    <t>4g专属流量包:这种流量包属于4g网络对应的流量，如果不是4g手机那么将无法使用相应的流量套餐。不是4g专属流量包:这种流量包是不区分网络限制的，可以2g网络，3g网络和4g网络通用，这种流量包不是4g手机也可以使用。</t>
  </si>
  <si>
    <t>复方丹参片能长期服用</t>
  </si>
  <si>
    <t xml:space="preserve">  如果你现在这种方法能把血压控制在正常范围，并且没有其他不适，你可以长期服用这个药物。对于复方丹参片来说，它是一个中药，有活血化瘀、软化血管的作用，但是这个药物中冰片含量偏大，对胃肠道刺激也较大，如果您兼有胃炎、胃十二指肠溃疡、食道炎的患者，或属于虚寒体质的患者均不宜选用。另外长期服用复方丹参片可能引起低钾血症，建议用一段时间停一下再继续服用。</t>
  </si>
  <si>
    <t>夜大国家承认吗</t>
  </si>
  <si>
    <t>夜大文凭否受国家认可，是成人高等教育的一种。成人高考属国民教育系列，列入国家招生计划，国家承认学历，参加招生全国统一考试，各省、自治区统一组织录取。考试分高中起点升成教专科（简称高起专）、高中起点升成教本科（简称高起本）和普通专科起点升成教本科（简称成教专升本）三个层次。成人高等教育的授课方式分为脱产、业余及函授三种形式，考生应根据自身的情况来选择适合自己的学习形式。实施成人高等教育的学校主要有成人高校和普通高校设置的继续教育学院等。</t>
  </si>
  <si>
    <t>飞信电话免费吗</t>
  </si>
  <si>
    <t>使用飞信电话功能是免费的，但是该功能仅支持获得了免费通话时长的移动用户，在和沟通版本上使用；若没有获得免费通话时长，则无法使用飞信电话功能。</t>
  </si>
  <si>
    <t>小米手环iphone4能用吗</t>
  </si>
  <si>
    <t>不能用。目前发布的APP版本仅支持iPhone4S,5,5C,5S,6,6Plus苹果机型（机型系统版本IOS7.0及以上系统）</t>
  </si>
  <si>
    <t>奔跑吧兄弟第三季tfboys会来吗</t>
  </si>
  <si>
    <t>不可能了！跑男第三季连S.H.E的Ella都快成主角了，而且三叶草与四叶草之间的代沟宛如天堑，彼此之间都存在天大的隔阂，所以无论是tfboys的四叶草还是S.H.E的三叶草，都不希望tfboys参加跑男第三季的节目。</t>
  </si>
  <si>
    <t>第一次剖腹产 第二次可以顺产吗</t>
  </si>
  <si>
    <t>第一胎部腹产，第二胎能否顺产，要看胎儿的大小，胎位及疤痕子宫的韧性了。</t>
  </si>
  <si>
    <t>黑莓z10能装安卓软件吗</t>
  </si>
  <si>
    <t>将最新的10.2.1版本操作系统安装在黑莓Z10智能手机上，不必进行转换即可直接把Android应用程序装到手机上。其中，Instagram的安装毫无问题，但Gmail、Chrome浏览器等一些谷歌应用程序似乎无法正常工作。</t>
  </si>
  <si>
    <t>牛肉可以和红萝卜一起吃吗</t>
  </si>
  <si>
    <t>完全没有问题的，还是蛮有营养的！</t>
  </si>
  <si>
    <t>iphone4s是不是翻新机</t>
  </si>
  <si>
    <t>可以查看手机的序列号，然后登陆苹果官网即可查看手机的激活日期等信息。</t>
  </si>
  <si>
    <t>特岗考上可以不去吗</t>
  </si>
  <si>
    <t>考上特岗教师，但是不想去，那么你就要写一份放弃特岗教师的声明，主要是看你签合同了没有，如果签了，那么可能要赔偿违约金，如果没有，写一份声明，注明不去的原因。交到招聘单位。如果不写，会有诚信记录的，所以最好是去招聘的单位咨询一下。</t>
  </si>
  <si>
    <t>无线路由器可以一直开着吗</t>
  </si>
  <si>
    <t>建议不使用的时候关闭，因为有辐射。</t>
  </si>
  <si>
    <t>一般情况下路由器可以一周左右断一下电，目的是清除里面的缓存文件。</t>
  </si>
  <si>
    <t>住房公积金能否跨省使用</t>
  </si>
  <si>
    <t>能1、凭相关材料到账户所属单位开具提取证明和提取申请书后到建行支行公积金柜面提款。所需材料如下:(提取后,如果在本市继续正常汇缴公积金,符合现行公积金条例,购买本市自住住房可以申请公积金贷款的。)一、提取申请人及代办人身份证明材料1、提取申请人身份证及社会保障卡原件和复印件。2、代办人身份证、社会保障卡及关系证明原件和复印件(代办人必须是提取人的配偶或直系血亲)。3、提取申请人出具给代办人的书面委托。4、特殊情况需配偶或直系血亲以外的其他人代办的,需提供经公证机关公证的委托书。二、提取原因证明材料购买具有所有权的自住住房●购买商品房、二手房以及公有住房房款已付清的;购房合同(公有住房出售合同)、购房发票(个人购房交款凭证)、所购住房的房地产权证、提取人与购房人的关系证明;</t>
  </si>
  <si>
    <t>酸奶配红糖能减肥吗</t>
  </si>
  <si>
    <t>可以的，但是容易反弹。</t>
  </si>
  <si>
    <t>不能,,酸奶是润肠通便,减肥只能是针对便秘的人,有点使用,红糖,吃多了一样不能减,只会增肥。</t>
  </si>
  <si>
    <t>有用，但是辅助的手段，并不能直接减的，所以想减肥还是要控制饮食以及每天坚持的运动。</t>
  </si>
  <si>
    <t>佛教可以纹身吗</t>
  </si>
  <si>
    <t>干白葡萄酒好喝吗</t>
  </si>
  <si>
    <t>清淡型白葡萄酒7℃左右风味即可达到最佳，因此在夏天喝这冰镇的白葡萄酒，清凉感和口感能够两不耽误</t>
  </si>
  <si>
    <t>银河系漫游指南好看吗</t>
  </si>
  <si>
    <t>银河系漫游指南太好看了</t>
  </si>
  <si>
    <t>书的话堪比神作，其地位就好比是英国版的指环王，不过书有很多部，需要慢慢看，但是这书超级搞笑的，所以看起来很轻松。电影的话，就算了。改编的非常之垃圾。</t>
  </si>
  <si>
    <t>打卡工资5个月可以做贷款吗</t>
  </si>
  <si>
    <t>一般情况，办信用贷是要求至少半年流水才可办理，并且流水不能中断。</t>
  </si>
  <si>
    <t>贷款机构是根据借款人的综合情况，来确定是否放款的。</t>
  </si>
  <si>
    <t>权健火疗能减肥吗</t>
  </si>
  <si>
    <t>火疗减肥可调动全身气血、打通全身经络、活化全身细胞，促进新陈代谢作用，进而达到促进皮下脂肪代谢，使脂肪以能量消耗的形式消耗出去，达到减肥目的。</t>
  </si>
  <si>
    <t>在韩国转机可以在乐天买东西吗</t>
  </si>
  <si>
    <t>可以的，如果你有足够的时间，是没有问题的。免税店的物品都是单独装袋的，海关不会管。不过回程时随身携带的时候不能超过100毫升，其他的托运就行了。</t>
  </si>
  <si>
    <t>飞机属于免签国家，也不在韩国可以过境免签证的国家范围之内，因此如果你要在仁川机场转机时间较长，建议提前办理韩国签证，不然只能在机场，出不去的。</t>
  </si>
  <si>
    <t>如果返程还在仁川机场，可以在乐天网上免税店买了以后在机场提货。</t>
  </si>
  <si>
    <t>霍比特人 好看吗</t>
  </si>
  <si>
    <t>好看，和 指环王的如临大敌不同，霍比特人是一场冒险。</t>
  </si>
  <si>
    <t>宝宝可以吃豆腐吗</t>
  </si>
  <si>
    <t>宝宝8个月的时候就可以吃豆腐了，但是吃的时候不要加调味品。</t>
  </si>
  <si>
    <t>速卖通店名可以改吗</t>
  </si>
  <si>
    <t>登陆自己的速卖通后台；点击“商铺管理”；左侧的“商铺名称”。进去就可以修改了。</t>
  </si>
  <si>
    <t>兔和龙配吗</t>
  </si>
  <si>
    <t>你们是富于合作精神的一对。两个人都非常实际，懂得相互包容，这使你们拥有巩固的婚姻。　　兔先生雄心勃勃、温和而富有智慧，龙太太功于心计，独立并富于主见。兔先生干练并具有良好的举止，能够帮助龙太太在交际过程中打开局面，龙太太以其精明与果断带给兔先生更多的信心和鼓舞。尽管龙太太在家中的权利与地位与日俱增，但兔先生并不为此而感到紧张，因为他知道她最终还是他的人。</t>
  </si>
  <si>
    <t>龙兔是相害的</t>
  </si>
  <si>
    <t>暗黑3 克己 守心 好吗</t>
  </si>
  <si>
    <t>对戒伤害计算方法：150%*150%=225%，这样对比起来，一个不稳定的150%增伤和一对225%增伤数据对比起来哪个更有优势不是显而易见嘛。</t>
  </si>
  <si>
    <t>衬衫里面要穿背心吗</t>
  </si>
  <si>
    <t>无论衬衣透与不透，正式的场合，长袖衬衣里面都要穿白色短袖背心的。</t>
  </si>
  <si>
    <t>福建莆田有真鞋吗</t>
  </si>
  <si>
    <t>那里假鞋挺多 但是也有真鞋子的 。</t>
  </si>
  <si>
    <t>app退款只能退一次吗</t>
  </si>
  <si>
    <t>1个APP号只能退一次，但是可以退订单号金额最高的。</t>
  </si>
  <si>
    <t>倪新威获过吉尼斯世纪记录吗</t>
  </si>
  <si>
    <t>有一块奖牌或证书,再有就是一本年度记录册</t>
  </si>
  <si>
    <t>卵巢囊肿会引起月经不调吗</t>
  </si>
  <si>
    <t>卵巢囊肿是会影响月经的</t>
  </si>
  <si>
    <t>虎扑识货团购是正品吗</t>
  </si>
  <si>
    <t>这个问题让我来回答吧，识货团购现在已经两年有了，我在上面买过不下五次，虎扑上面有很多人拿商品直接去鉴定区的，从来没出过问题，这么说吧，要是敢在团购上卖假货，除非自己生意完全不想做了，团购管理团队目前来看还是很严格的</t>
  </si>
  <si>
    <t>唯品会保真吗</t>
  </si>
  <si>
    <t>真到是真的，但是，是过好几季的，俗称压仓货。</t>
  </si>
  <si>
    <t>挂耳咖啡是黑咖啡吗</t>
  </si>
  <si>
    <t>是的，挂耳包咖啡就是咖啡豆现磨的咖啡粉装进过滤袋里，不加任何东西都叫黑咖啡。</t>
  </si>
  <si>
    <t>朱砂有收藏价值吗</t>
  </si>
  <si>
    <t>没有，朱砂这东西很多的，而且有毒</t>
  </si>
  <si>
    <t>紫砂壶可以烧水吗</t>
  </si>
  <si>
    <t>不可以，如果是纯原矿的紫砂壶，肯定不能直接在火上烧煮，基本上会烧裂。而有些陶器、炻器就可以直接在火上烧煮。</t>
  </si>
  <si>
    <t>胆红素高一定有后遗症吗?</t>
  </si>
  <si>
    <t>胆红素脑病不一定会有后遗症。新生儿黄疸积极治疗会避免脑病，及时发生脑病积极治疗也不会遗留后遗症。</t>
  </si>
  <si>
    <t>极品飞车19出了吗</t>
  </si>
  <si>
    <t>Ghost Games正式宣布，《极品飞车19》PC版延期至2016年春季发售。根据团队的解释，之所以做这个决定是为了要解锁PC版的帧数限制。官方称这次延期将给予他们更充足的时间去开发这项功能</t>
  </si>
  <si>
    <t>每天化妆好吗</t>
  </si>
  <si>
    <t>经常化妆对皮肤是不好的，建议最好尽量少化妆。化妆品毕竟不是食品，它要达到相应效果，必定含有一些对人体有潜在危害的化学物品。即使是一些合格产品，内部的化学品含量未超国家允许标准，但若长期使用，也会有影响。更何况还有不少假冒伪劣产品、过期化妆品，祸害就更大。会出现化妆品皮炎，化妆品中的防腐剂、脱色剂、香料、遮光剂、制汗剂、乳化剂、染发剂和一些重金属物质，均不同程度直接刺激皮肤或引起皮肤的变态反应;部分化妆品中的某些成分还具有光敏性，使用后经日光，紫外线照射引起皮肤光敏反应，产生皮肤红斑或色素沉着。长期使用化妆品还会造成贫血和脱发，通常在一些肥皂和皮肤增白霜中的汞是氯化汞或碘化汞。科学研究表明，不论是有机汞或无机汞，均很容易被正常皮肤吸收。因此，如果每天将增白化妆品应用2-4次，汞的慢性积聚作用就变得不可低估。医学研究表明，汞对局部的毒性作用，可使皮肤内重金属类积聚，有时会引起色素过度沉着和面颈部的接触性皮炎。另外，汞对全身的潜在危害，可使体重下降、倦怠、贫血、脱发、口炎、肾损伤。会造成内分泌紊乱，一些青年女子喜欢用祛炎松之类的软膏代替美容化妆品，结果使其暂时性垂体即肾上腺功能受到抑制，造成内分泌紊乱，给自己带来痛苦。有些女性为了使自己的乳房丰满更具有魅力，长期使用添加有雌激素的“丰乳膏”，结果引发月经不调、色素沉着、黑斑、皮肤变薄和萎缩等不良反应。因此美容与化妆，都不应使用含有激素的化妆品，以避免“激素美容化妆品综合症”发生。因治疗疾病或其他特殊情况必须使用含某种激素成分的美容化妆品时，也应该在医生指导下购买和使用。在使用过程中，如果发生有瘙痒、湿疹、红肿、脓疮、溃疡等过敏症状和现象，应立即停止使用。</t>
  </si>
  <si>
    <t>手自一体的手动档能省油吗</t>
  </si>
  <si>
    <t>理论上平常手动挡车型比自动车型省油，但这是相对相同驾驶技术，同一种车型而言。但使用自动变速器（手自一体变速器属于自动变速器）的手动模式，就不一定能和手动变速器一样省油了。手自一体车型即使您使用手动模式，发动机动力也是通过液力变矩器来传递的，变速器也还是那套自动变速箱，如果技术比较好，手动模式比使用自动模式会省油一些。</t>
  </si>
  <si>
    <t>女人吃蜂蜜好吗</t>
  </si>
  <si>
    <t>女人服用蜂蜜之后不仅能够帮助消化，补充身体所需要的物质，同时还具有非常好的美容作用。</t>
  </si>
  <si>
    <t>陆风x7可以改路虎标吗</t>
  </si>
  <si>
    <t>如果查到的话会扣分，私自改变车辆外观</t>
  </si>
  <si>
    <t>相恋网可信吗</t>
  </si>
  <si>
    <t>相爱网是一个巨大的骗子相亲网#婚恋网站有多么不靠谱，为什么现在还有人上当</t>
  </si>
  <si>
    <t>不是正版win7可以升级win10吗?</t>
  </si>
  <si>
    <t>牙科小诊所会不会传染</t>
  </si>
  <si>
    <t>指导意见：不用的，不用太过担心，只要医生严格使用究竟消毒就好，同时，看下给您使用的注射是否扔掉了，一般问题不大</t>
  </si>
  <si>
    <t>笔记本电脑可以导航吗</t>
  </si>
  <si>
    <t>笔记本只要装上个卫星接受定位模块,再用上地图就可以在车上或者其他地方进行定位导航了</t>
  </si>
  <si>
    <t>分数包括小数吗</t>
  </si>
  <si>
    <t>分数不能包括所有的小数。把分数化为小数的时候，一种情况是，能化成有限小数；另一种情况是，能化成无限循环小数。一个分数，如果不能化为有限小数的话，它一定能化成循环小数。而无限不循环小数，不能用分数表示，是无理数的一种表现形式。所以说，分数不能包括所有的小数。</t>
  </si>
  <si>
    <t>病毒性疱疹能治愈吗</t>
  </si>
  <si>
    <t>可以的，  病毒性疱疹是病毒感染引起的，一般要半个月左右会才会治愈。</t>
  </si>
  <si>
    <t>花千骨 页游 有没有挂</t>
  </si>
  <si>
    <t>糖果花千骨辅助绝对符合你的要求。</t>
  </si>
  <si>
    <t>华山旅游危险吗</t>
  </si>
  <si>
    <t>华山索道看起来还是蛮危险的，你要是有恐高症神马的，不建议爬，看着都脚软了。如果没有恐高症，胆色还不错的话，可以去试试啊，华山日出超有纪念意义的。一些特别陡直的路，可以不用爬，不过就是景色看不全，华山值得一爬。危险之处，都会有安全警戒的，这些大可放心。</t>
  </si>
  <si>
    <t>虾能和火龙果一起吃吗</t>
  </si>
  <si>
    <t>一般情况下，小龙虾和火龙果是不能一起吃的。火龙果里面含有丰富的维生素和果酸等物质，和小龙虾一起吃会容易发生化学反应，不利于身体健康。</t>
  </si>
  <si>
    <t>护臀膏可以擦屁眼吗</t>
  </si>
  <si>
    <t>红豆杉是被子植物吗</t>
  </si>
  <si>
    <t>红豆杉是裸子植物。 裸子植物产生种子繁殖，但种子裸露，并不似被子植物的种子是包藏於果实中。</t>
  </si>
  <si>
    <t>2015北京快递员好做吗?</t>
  </si>
  <si>
    <t>快递员收入差异大，快递员收入有风险 不稳定</t>
  </si>
  <si>
    <t>开心消消乐安卓和苹果系统同步么</t>
  </si>
  <si>
    <t>目前只有安卓平台从（应用宝）下载的使用QQ登录才可和pc版的数据同步，ios版和wp版目前不支持与QQ同步，所以如果你是在安卓平台上的数据，在IOS平台上是没有的，你可以简单的理解为两个平台是两个房间，你在安卓房间存放的东西，在IOS房间里是没有的。</t>
  </si>
  <si>
    <t>精液有些黄,还有的颗粒状的,这情况正常吗</t>
  </si>
  <si>
    <t>正常的精液是灰白色的，精液发黄是典型的前列腺炎症症状</t>
  </si>
  <si>
    <t>网速慢跟路由器有关吗</t>
  </si>
  <si>
    <t>网速取决于从你的电脑到你要访问的目的之间所有的线路、设备有关，包括操作系统，应用软件，网线，交换机，路由器，服务器等等。</t>
  </si>
  <si>
    <t>孕妇可以用84消毒液吗</t>
  </si>
  <si>
    <t>84消毒液只是对皮肤粘膜有刺激性。对怀孕没有影响。</t>
  </si>
  <si>
    <t>孕妇不可以用84消毒液，因为毕竟是孕期，84消毒液味道刺激很大，能不用就尽量不要用的比较好的哦，其实84真的很毒的哦。孕期的时候使用这样是肯定不行的哦。</t>
  </si>
  <si>
    <t>当兽医好吗</t>
  </si>
  <si>
    <t>当兽医要根据个人的爱好，没有肯定的好，也没有肯定的不好，当兽医好不好，所谓的要看天时地利人和</t>
  </si>
  <si>
    <t>路虎是福特的吗</t>
  </si>
  <si>
    <t>现在福特和路虎没有关系，是两个不同的汽车，不同的汽车生产商。路虎汽车曾经是福特公司旗下的品牌现在属于印度塔塔集团，2008年福特把旗下的路虎和捷豹两大品牌出售给印度塔塔集团。</t>
  </si>
  <si>
    <t>安卓手机能连接老款电视机吗</t>
  </si>
  <si>
    <t>只能用数据线连接，播放你手机内存卡里的视频或图片</t>
  </si>
  <si>
    <t>癌胚抗原高一定是癌症吗</t>
  </si>
  <si>
    <t>癌胚抗原虽然是一个肿瘤标志物，但是微量的情况存在于人体属于正常，部分人可能会高一些，但是也没有肿瘤存在</t>
  </si>
  <si>
    <t>由于癌胚抗原的特异性不强，灵敏度不高，在发现癌胚抗原增高的情况下，必须结合影像学及病理检查做出判断。不能仅凭癌胚抗原增高就诊断癌症。</t>
  </si>
  <si>
    <t>癌胚抗原主要在消化系统发生恶性肿瘤时升高，特别是大肠癌。它的正常值是0-5，通常超过10的时候高度怀疑恶性肿瘤。如果发现癌胚抗原升高，建议立即查 粪常规、粪潜血，同时回想近期有没有排便习惯改变。如果粪潜血阳性，建议做结肠镜检查</t>
  </si>
  <si>
    <t>枪侠 好看吗</t>
  </si>
  <si>
    <t>好不好看因人而异</t>
  </si>
  <si>
    <t>月经四天正常吗</t>
  </si>
  <si>
    <t>正常的月经需要有规律性，月经周期是21-35天，月经期是3-7天，月经量是20-60毫升，少于五毫升是月经过少，超过80毫升是月经过多。你月经来三四天是正常的。</t>
  </si>
  <si>
    <t>每天都敷面膜好吗</t>
  </si>
  <si>
    <t>美容专家指出，普通的美白、保湿面膜大概一周敷2~3次即可;药妆类的面膜一周1~2次最佳，这样既保证肌肤健康的同时又能起到最大的靓肤功效。</t>
  </si>
  <si>
    <t>苹果手机安装360有用吗</t>
  </si>
  <si>
    <t>手机安装杀毒防护软件是很有必要的，可有效保护手机安全。</t>
  </si>
  <si>
    <t>港行苹果可以在大陆保修吗</t>
  </si>
  <si>
    <t>港版iPhone手机同样还是可以在内地保修售后的</t>
  </si>
  <si>
    <t>港版(非国行)iPhone用户无法要求苹果实行重新计算保修或者其他三包服务。</t>
  </si>
  <si>
    <t>港行保修必须满足任意两个条件。一是保留正规香港直营店的购物小票。二是出示手机激活日期之前的港澳通行证记录。汗，很多吧友可能不太清楚这一点，买港行记得要小票。</t>
  </si>
  <si>
    <t>刀塔传奇觉醒任务可以扫荡吗</t>
  </si>
  <si>
    <t>在刀塔传奇v3.0.4版本更新后75级以上的玩家可以扫荡三星通关的英雄试炼和时光之穴。这给玩家带来了许多的方面。</t>
  </si>
  <si>
    <t>澳门能用人民币吗</t>
  </si>
  <si>
    <t>如果是旅行的话，澳门是可以收港币的，如果是港澳游，就不必专门换澳门币了。还有，商店一般也收人民币，但是直接用人民币好像还是不太划算的，所以您可以入境后直接到兑换店或者银行兑换，都很方便的。</t>
  </si>
  <si>
    <t>墨鱼的内脏能吃吗</t>
  </si>
  <si>
    <t>胶状物是墨鱼的内脏(雄的精巢，雌的卵巢和缠卵腺)，可以食用，</t>
  </si>
  <si>
    <t>滚筒洗衣机有烘干功能吗</t>
  </si>
  <si>
    <t>烘干洗衣机不好用，衣服出来都皱巴巴的，你可以去某宝买个烘干机，几百块，超级好用，烘小朋友的衣服或者大人的内衣裤袜子都不错，南方雨天时用最好，我的用了4年了还很好，给家人也买了几个。烘干很鸡肋  一般要烘干都是洗完一起 但是烘干是洗的公斤的一半  所以 你就要拿出一部分衣服 分批烘干，而且完全烘干的时间很长 滚筒基本功能洗下来要1小时07  不算加温洗的  烘干4小时还只是一波 很费时。如果经济条件允许，不差这点钱，就买烘干。南方的话也买烘干，因为南方梅雨天气比较多，烘干还是比较好用的。北方的话基本差不了多少。冬天有暖气，夏天可以晒晒太阳的。而且你看的这两款西门子洗衣机都是1200转速以上的，衣服脱水率都比较高，即便没有烘干功能，干的也挺快的</t>
  </si>
  <si>
    <t>来月经了能泡脚吗</t>
  </si>
  <si>
    <t>月经期泡脚还有缓解痛经的好处，不会造成月经期延长，不必担心</t>
  </si>
  <si>
    <t>感冒了晚上可以喝姜汤吗</t>
  </si>
  <si>
    <t xml:space="preserve"> 你好，感冒了，晚上可以喝生姜，用生姜和红糖煮水，喝下去以后，睡觉盖好被子，发发汗，也是治疗感冒的一种民间方法。有问题可以继续追问，希望采纳，谢谢！</t>
  </si>
  <si>
    <t>非正式会谈是抄袭吗</t>
  </si>
  <si>
    <t>非正式会谈是世界大不同升级版，不存在谁抄袭谁</t>
  </si>
  <si>
    <t>北师大是985吗</t>
  </si>
  <si>
    <t>即是211，又是985，教育部直属高校。</t>
  </si>
  <si>
    <t>补办银行卡要钱吗</t>
  </si>
  <si>
    <t>银行卡补卡需要收费</t>
  </si>
  <si>
    <t>补办银行卡是否收费，需根据用户开户银行决定，并没有统一标准。</t>
  </si>
  <si>
    <t>海贼无双3能双人吗</t>
  </si>
  <si>
    <t>海贼无双3不支持双人对战，但是支持双人合作模式</t>
  </si>
  <si>
    <t>小气道阻塞是哮喘吗</t>
  </si>
  <si>
    <t>哮喘是支气管哮喘的简称。支气管哮喘是由多种细胞如嗜酸性粒细胞、肥大细胞、T淋巴细胞、中性粒细胞、气道上皮细胞等和细胞组分参与气道慢性炎症性疾患。这种慢性炎症导致气道高反应性的产生，通常出现广泛多变的可逆性气流受限，并引起反复发作的喘息、气急、胸闷或咳嗽等症状，常在夜间和或凌晨发作、多数患者可自行缓解或经治疗缓解。小气道阻塞，是生活中一种常见的呼吸道疾病，空气进入到，比较狭窄的鼻咽部之后，就会产生阻塞，从而会导致呼吸不畅，环境污染越来越严重，小气道阻塞的患者越来越多。所以哮喘会有小气道阻塞，小气道阻塞有很多原因。</t>
  </si>
  <si>
    <t>冬天 武夷山好玩吗</t>
  </si>
  <si>
    <t>冬季的武夷山依旧是绿色的，完全不像北方万物凋零。而且，冬季到武夷山观云海奇观的概率非常大。</t>
  </si>
  <si>
    <t>汽车能改装吗</t>
  </si>
  <si>
    <t xml:space="preserve">最新车辆管理办法中规定，汽车可以在一定的范围内改装而且可以先改装然后到当地车管所办理变更业务，具体就是重新照相打印行车证 </t>
  </si>
  <si>
    <t>为了追求时尚和性能给汽车改装没有问题，但要有所节制，切不能随心所欲；汽车改装一定需在保证行车安全的情况下进行，否则会导致严重的安全隐患。</t>
  </si>
  <si>
    <t>自己剪卡有风险吗</t>
  </si>
  <si>
    <t>剪卡应该没什么风险的，手工剪卡可以略留些余地，剪好后再用细砂纸磨至大小合适就好，用剪卡器就简单多了，把卡塞进去一压就出小卡了。</t>
  </si>
  <si>
    <t>剪卡有风险，</t>
  </si>
  <si>
    <t>剪卡有风险。。不知有多少人剪卡失败了。</t>
  </si>
  <si>
    <t>储水式热水器安全吗</t>
  </si>
  <si>
    <t>1、名牌的储水电热水器一般都有“防电墙”，还是安全的。如果烧好了热水，可以关断电源或调节温度至停止加热再使用就绝对安全了；即热式是带电使用的，安全性较差。2、储水式不可能正好用完热水，剩余的热水不用热量逐渐损失；即热式随烧随用，没有剩余热水，所以较省电。3、即热式需要大功率，否则冬天水不够热。输电线要粗，开关插座都要大功率；储水式可以较小功率，但要预烧一段时间。4、 储水式技术较成熟，即热式是新产品。储水式调节水温较方便，出水量也可调节；即热式要水温高，出水量就小。</t>
  </si>
  <si>
    <t>化石可以买卖吗</t>
  </si>
  <si>
    <t>化石资源属于国家所有,受法律保护。禁止任何单位和个人非法买卖或者以其它方式非法转让化石。</t>
  </si>
  <si>
    <t>阴道炎可以要小孩吗</t>
  </si>
  <si>
    <t>这种情况建议用药治疗后，再怀孕。</t>
  </si>
  <si>
    <t>广东康力是传销吗</t>
  </si>
  <si>
    <t>广东康力集团身披“新型电子商务”外衣，以直销为名搞传销，现椐初步了解，其传销网络现已遍布除西藏以外全国各省市</t>
  </si>
  <si>
    <t>汽车后挡贴膜能取下吗?</t>
  </si>
  <si>
    <t>能摘掉的：1、需要对应贴膜品牌的专用清洁剂。2、动作要轻柔，防止留下太多粘接残留。3、加热电阻丝只要注意点儿，就不会有任何损伤。建议：不要自己动手，找个信得着的汽车美容店揭膜。</t>
  </si>
  <si>
    <t>打完玻尿酸可以吃鱼吗</t>
  </si>
  <si>
    <t>饮食方面没有特殊禁忌的，注意清淡一些就可以了</t>
  </si>
  <si>
    <t>mac可以玩lol吗</t>
  </si>
  <si>
    <t>我的也是Mac，你的电脑是新版的Mac吧，比我的配置还要高。性能是肯定没有问题的。现在在Mac上玩lol有两个途径：第一，有Mac版的lol，玩着跟win下的一样，不过只有国外的服务器，会卡，并且都是英文。第二，在Mac上装双系统，win7和xp都行，我用的是win7，也装了win版lol，国内的服务器。</t>
  </si>
  <si>
    <t>删除itunes备份还在吗</t>
  </si>
  <si>
    <t>备份里有的都会保留，现在手机里有而备份里没有的会被删除。恢复旧备份之前，要先手动备份当前的内容。</t>
  </si>
  <si>
    <t>杨振宁翁帆有孩子吗</t>
  </si>
  <si>
    <t>这段在漫天的议论中一路走来的“老少配”婚姻，已经经营了11个年头。虽然两人年龄差距极大，并且没有生育子女，但是婚姻的基石却很稳固。</t>
  </si>
  <si>
    <t>盗墓笔记话剧好看吗</t>
  </si>
  <si>
    <t>很好看，演员们都很辛苦</t>
  </si>
  <si>
    <t>苹果id注册可以用qq邮箱吗</t>
  </si>
  <si>
    <t>苹果手机注册Apple ID帐号可以使用qq邮箱注册</t>
  </si>
  <si>
    <t>今年涨退休金吗</t>
  </si>
  <si>
    <t>基本养老金，由基础养老金和个人账户养老金组成。(一)基础养老金由社会统筹基金支付，基础养老金月标准以我市上年度在岗职工月平均工资和本人指数化月平均缴费工资和参保人本人指数化月平均缴费工资的平均值为基数，缴费每满1年发给1%。(二)个人账户养老金由个人账户基金支付，月发放标准根据本人账户储存额除以计发月数。个人账户基金用完后，由社会统筹基金支付。个人账户养老金月标准为个人账户储存额除以计发月数。计发月数根据职工退休时城镇人口平均预期寿命、本人退休年龄、利息等因素确定。</t>
  </si>
  <si>
    <t>婚假扣钱吗</t>
  </si>
  <si>
    <t>婚假应当按照劳动合同约定的工资标准支付工资。</t>
  </si>
  <si>
    <t>海外购有假货吗</t>
  </si>
  <si>
    <t>看价格</t>
  </si>
  <si>
    <t>孕妇能不能闻膏药味</t>
  </si>
  <si>
    <t>你的这种情况对宝宝的发育有点影响的，不怎么好，但是影响很小</t>
  </si>
  <si>
    <t>孕妇在孕早期，尽量是要多注意，尽量不要闻太多都味道的东西，一般刺激性的药膏里面都有很多孕妇不能闻的，闻了以后导致流产，那么都是有很大的危险的，建议要注意少闻。</t>
  </si>
  <si>
    <t>吸入膏药味道对您应该是没有影响的，主要是自己不能使用这样的药物外用，加强营养，积极定期孕检</t>
  </si>
  <si>
    <t>怀孕5个月可以平躺睡觉吗</t>
  </si>
  <si>
    <t>怀孕五个月可以偶尔平躺来睡觉的，不一定非要固定侧睡的，只是多点向左侧卧睡可以增加子宫血运，使胎儿的供血供氧更好。</t>
  </si>
  <si>
    <t>妊娠期,孕妇睡觉得姿势对胎儿的生长发育有着重要的影响. 妊娠早期（1-3个月）,胎儿在子宫内发育仍居在母体盆腔内,外力直接压迫或自身压迫都不会很重,因此孕妇的睡眠姿势可随意,主要是采取舒适的体位,如仰卧位,侧卧位均可。</t>
  </si>
  <si>
    <t>完全可以平躺睡或者是采取左侧卧位、适当的右侧卧位也可以，但是不要过久。</t>
  </si>
  <si>
    <t>孕期是不可以平躺睡觉的，容易造成胎儿宫内缺氧，平躺时感觉到的游动，应该是胎动。</t>
  </si>
  <si>
    <t>win764位比32位快吗</t>
  </si>
  <si>
    <t>理论上64位系统会比32位系统运行的更快，但是由于每个人的电脑、系统环境、所用软件都有所不同，所以没有绝对性</t>
  </si>
  <si>
    <t>基因190有用吗</t>
  </si>
  <si>
    <t>一般都是骗人的</t>
  </si>
  <si>
    <t>普洱茶用煮吗</t>
  </si>
  <si>
    <t>普洱茶还是冲泡好，最好不要煮着喝。</t>
  </si>
  <si>
    <t>淘商汇是不是骗局</t>
  </si>
  <si>
    <t>淘宝淘商汇分销是骗子公司</t>
  </si>
  <si>
    <t>阑尾炎能喝牛奶吗</t>
  </si>
  <si>
    <t xml:space="preserve"> 阑尾炎时可以喝牛奶，易消化饮食</t>
  </si>
  <si>
    <t>新华油好做吗?</t>
  </si>
  <si>
    <t xml:space="preserve">这类公司都是经营杠杆交易品种   把投资者诱骗到一个风险极大的市场中去交易 投资者的对手是欧美大型投行（投行根据央行利率进行金融避险的疯狂博弈） 除非投资者供职于美欧大型投行的高层还有可能赚点小钱  否则根本没机会的！  它们收着极高的点差手续费    最终你亏的一干二净  而它们则不停的赚你的手续费     它们为了让你不断交易  还会弄各种垃圾狗专家喊单   做出一些表面看图说话的马后炮喊单来持续蛊惑你  让你感觉能有机会翻本   其实你永远没有机会     </t>
  </si>
  <si>
    <t>济南有人少的地方吗</t>
  </si>
  <si>
    <t>佛峪般若寺、藏龙涧、拔槊泉村、长城岭、九重天风景区、武庄水库、龙洞风景区、水帘峡、</t>
  </si>
  <si>
    <t>济南森林公园、齐长城、七星台、斗母泉、浆水泉公园、黄金谷山水画廊、济南生态湿地白云湖公园、灵岩寺、涌泉竹林风景区、</t>
  </si>
  <si>
    <t>济南仲宫波罗峪。</t>
  </si>
  <si>
    <t>侣行被禁了吗</t>
  </si>
  <si>
    <t>出于避嫌，更出于一种保护，封禁侣行节目。</t>
  </si>
  <si>
    <t>北京联通营业厅周末上班吗</t>
  </si>
  <si>
    <t>北京联通营业时间，可以登录中国联通网上营业厅 ，每个地点城区的下半时间不一致，但上班时间都是早上8点半的，一般情况下上下班时间8：30-18：00（周一至周日）。</t>
  </si>
  <si>
    <t>freeplus洗面奶好用吗</t>
  </si>
  <si>
    <t>护肤品根据个人的肤质，有的适合，有的不适合</t>
  </si>
  <si>
    <t>加拿大黑人多吗</t>
  </si>
  <si>
    <t>不多</t>
  </si>
  <si>
    <t>农行信用卡临时额度到期可以再申请吗</t>
  </si>
  <si>
    <t>3个月后才能再申请。</t>
  </si>
  <si>
    <t>临时额度的申请其实看两方面了。一种情况上期的临时额度的欠款如果没有还上，这样的话申请是很困难的。另外一种情况，如果已经把上一次的临时额度还上了，那就可以再申请，农行规定只要有上一期临时额度还款记录即可再申请。一般情况下，还款及时，再次申请临时额度成功率也就会提高。</t>
  </si>
  <si>
    <t>韩艺瑟漂亮吗</t>
  </si>
  <si>
    <t>韩艺瑟整容变化惊人整个人越变越好看。</t>
  </si>
  <si>
    <t>k1131经常晚点吗</t>
  </si>
  <si>
    <t>k1131次列车晚点现象不严重，一般晚10-20分钟左右。</t>
  </si>
  <si>
    <t>单眼弱视能考公务员</t>
  </si>
  <si>
    <t>可以，考公务员要求没那么严的。</t>
  </si>
  <si>
    <t>可以报考对视力没有明显规定的岗位，如果对视力要求比较高的岗位，是不能报考的，报考前，一定仔细阅读招考简章。</t>
  </si>
  <si>
    <t>孕妇能不能吃鲫鱼</t>
  </si>
  <si>
    <t>鲫鱼肉质细嫩，肉味甜美，营养价值很高。那么孕妇能吃鲫鱼吗？答案是可以的，孕妇吃鲫鱼可以预防早产、对宝宝脑部发育好、减少抑郁症。</t>
  </si>
  <si>
    <t>生西红柿有毒</t>
  </si>
  <si>
    <t>青色番茄没有成熟，含有毒性物质龙葵素，食用时口腔有苦涩感，食后出现恶心、呕吐、头昏、流涎等中毒症状。</t>
  </si>
  <si>
    <t>肝硬化会腹泻吗</t>
  </si>
  <si>
    <t>肝硬化患者多见腹泻的发生，这主要是由于肝脏疾病发生引起各种代谢分泌物质减少，导致消化功能减退，引起肠胃不适所致的。</t>
  </si>
  <si>
    <t xml:space="preserve"> 肝硬化患者出现了腹泻的症状，是一种比较常见现象，一般都是由于肠道吸收不良导致的这一现象，由于肝硬化等方面原因，可能会导致患者出现肠道方面的感染，这种情况下容易导致腹泻的症状。</t>
  </si>
  <si>
    <t>办理社保需要劳动合同吗</t>
  </si>
  <si>
    <t>不需要提供劳动合同的</t>
  </si>
  <si>
    <t>生吃木瓜可以丰乳吗</t>
  </si>
  <si>
    <t>这位女士您好，要想丰胸木瓜生吃不好，要给它熬汤喝效果才好。这个可以吃的。</t>
  </si>
  <si>
    <t>生吃木瓜是不会起到丰胸的作用的，很多人都会认为如果生吃木瓜的话可以使木瓜中的各种营养素不流失，其实不是这样的，如果我们吃生的木瓜的话很有可能会使我们本身比较丰满的胸部变得平坦。</t>
  </si>
  <si>
    <t>你财富 360金融安全吗</t>
  </si>
  <si>
    <t>360产品都会有安全作为保证的，请您放心使用</t>
  </si>
  <si>
    <t>香蕉和橙子可以一起吃吗</t>
  </si>
  <si>
    <t>可以的，香蕉的维生素B6与橙汁的维生素C一起组合是减压的最佳拍档。</t>
  </si>
  <si>
    <t>p标签中能不能加div</t>
  </si>
  <si>
    <t>在做项目时发现原本在DW中无误的代码到了MyEclipse6.0里面却提示N多错误，甚是诧异。于是究其原因，发现块级元素P内是不能嵌套DIV的。</t>
  </si>
  <si>
    <t>3个月宝宝能一天接种3中疫苗吗</t>
  </si>
  <si>
    <t>进口脊灰灭活疫苗可以和百白破疫苗按照国家相关规定是可以同一天打的，但是考虑到小孩对疫苗承受能力，以及为了避免可能出现的疫苗反应，还是分开打好</t>
  </si>
  <si>
    <t>二胎政策落地,还用不用办娃娃证呀?</t>
  </si>
  <si>
    <t>现在不需要办理准生证</t>
  </si>
  <si>
    <t>孕中期体温会下降吗</t>
  </si>
  <si>
    <t>如果你没有不适症状，现在体温下降是正常的</t>
  </si>
  <si>
    <t>墙壁贴纸 有甲醛吗</t>
  </si>
  <si>
    <t>不是墙贴本身含有甲醛，是因为墙贴使用的胶中还有甲醛。</t>
  </si>
  <si>
    <t>京东卖的奶粉是真的吗</t>
  </si>
  <si>
    <t>确定3罐京东的奶粉全是假的，小朋友根本没办法消化。</t>
  </si>
  <si>
    <t>猫能带上大巴么</t>
  </si>
  <si>
    <t>可以带，但你要确保它不乱跑，最好去宠物用品店买个宠物旅行包，透气性好，它还喜欢在里面呆，还不会跑出来被人发现。一路上就省心。手拎着宠物旅行包直接上车就行，不用过安检，否则安检辐射对猫咪身体不好</t>
  </si>
  <si>
    <t>鼻咽癌患者有存活30年的吗</t>
  </si>
  <si>
    <t>要依据个人情况跟身体状况而定</t>
  </si>
  <si>
    <t>布泽尔是黑人吗</t>
  </si>
  <si>
    <t>不是黑人</t>
  </si>
  <si>
    <t>黄褐斑是遗传的吗</t>
  </si>
  <si>
    <t>黄褐斑并不是遗传性疾病，但是它的发生与遗传因素有一定的联系，如下分析：1、一般认为黄褐斑有遗传性，如果父母中一方有黄褐斑，那么子女发生黄褐斑的机率为二分之一。有时两代人在同一部位发生。白种人遗传黄褐斑的机率比较高。欧洲的一些地区黄褐斑有着显著的遗传率。2、黄褐斑好发于某些人群，比如拉丁美洲人黄褐斑的发病率可达百分之六十之多。3、黄褐斑的患者有百分之三十以上具有家族史，尤其是男性黄褐斑患者多与遗传有关。但并不是父母有黄褐斑，儿女就一定会有，只是有一定的机率而已。最好是做好预防工作。</t>
  </si>
  <si>
    <t>古代人有癌症吗</t>
  </si>
  <si>
    <t>我国古代医书上有很多对疾病症状的描述和现代癌症的症状是相似的。如果从描述相似这点来看，我国古代医书上对癌症的记载并不少见。</t>
  </si>
  <si>
    <t>嘉兴有奥特莱斯吗</t>
  </si>
  <si>
    <t>嘉兴泰富世界城-嘉兴奥特莱斯-嘉兴泰富中心</t>
  </si>
  <si>
    <t>差评追加了还能改吗</t>
  </si>
  <si>
    <t>追加评论后无法进行修改或删除</t>
  </si>
  <si>
    <t>企业赞助费要交税么</t>
  </si>
  <si>
    <t>根据《中华人民共和国企业所得税法》和《中华人民共和国个人所得税法》规定，企业通过公益性社会团体或者县级以上人民政府及其部门，用于公益事业的捐赠支出，在年度利润总额12%以内的部分，准予在计算应纳税所得额时扣除。年度利润总额，是指企业依照国家统一会计制度的规定计算的大于零的数额。</t>
  </si>
  <si>
    <t>大神note3有nfc功能吗</t>
  </si>
  <si>
    <t>大神note3是不支持nfc的，但是支持OTG</t>
  </si>
  <si>
    <t>胆囊息肉可以吃鸡蛋吗</t>
  </si>
  <si>
    <t xml:space="preserve"> 能吃，但尽量少吃，如果是有胆囊结石胆囊炎的话，尽量别吃炒鸡蛋和鸡蛋黄，可以吃煮的鸡蛋的清。</t>
  </si>
  <si>
    <t>喝普洱会拉肚子吗</t>
  </si>
  <si>
    <t>有些人在第一次喝普洱茶时会腹泻，有可能是因为身体对新食物的一种适应过程，就像水土不服一样，因人而异的，不是所有人都会出现腹泻的现象。</t>
  </si>
  <si>
    <t>签收了还能拒收吗</t>
  </si>
  <si>
    <t>你可以联系原来快递人员，将快递退回给他，应该是没问题。如果签收了，自己拿去快递那边，可以去商量试试，不行的话就要重新填单，算退货了。</t>
  </si>
  <si>
    <t>喝果珍会胖吗</t>
  </si>
  <si>
    <t>果珍是饮料，它是不能够代替水的。 当然会胖</t>
  </si>
  <si>
    <t>大润发卖烟吗</t>
  </si>
  <si>
    <t>可以的，有烟茶专柜</t>
  </si>
  <si>
    <t>11月去香格里拉好吗</t>
  </si>
  <si>
    <t>9至11月去最合适 但11月去要带好冬季衣服</t>
  </si>
  <si>
    <t>床位费医保可以报销吗</t>
  </si>
  <si>
    <t>医保可以报销住院的床费的。</t>
  </si>
  <si>
    <t>韭菜怀孕能吃吗</t>
  </si>
  <si>
    <t xml:space="preserve"> 可以的，日常的食物及蔬菜都可以吃的。</t>
  </si>
  <si>
    <t>孕妇吃少量韭菜，一般对孕妈和胎儿不会有什么影响的。当然，一些胃不好的孕妇，可能会在吃了韭菜后导致不舒服，这种孕妇还是少吃韭菜为好。孕妇吃韭菜还需要注意以下事项：　　1、韭菜最好与猪肉搭配：韭菜不易消化，所以尽量搭配其他食物一起吃，能够缓解韭菜对肠胃的刺激。另外，韭菜含有丰富的硫化物，能够促进体吸收维生素B1，因此韭菜若与维生素B1含量丰富的猪肉类食品互相搭配，是比较营养的吃法。　　2、孕妇要记住夏日不应多吃韭菜。以为在夏天的时候韭菜多已经老化，纤维多而粗糙，孕妇吃了不易被吸收，而且夏季胃肠功能降低，特别是对孕妇来说，肠胃功能更加脆弱，多吃韭菜易引起腹胀不适或腹泻。　　3、吃韭菜时不应加热时间过久。韭菜中含有丰富的维生素B，加热能使这补成分破坏，加热时间越久，破坏越多。故不应长时间加热后食用。　　4、不应生吃韭菜。韭菜的烹饪的时间要讲究技巧，既不可加热时间过久也不可生吃。因韭菜纤维素较多，又难以消化，又不像葱蒜可剥皮后生食，食用部分离地面较近，常污染微生物、寄生虫卵，且分株较多，不容易淘洗干净，容易感染疾病，故不宜生食。</t>
  </si>
  <si>
    <t>ipad迷你1可以插卡吗</t>
  </si>
  <si>
    <t>您好！mini1没有插卡版的 插卡版也可以用wifi</t>
  </si>
  <si>
    <t>澳洲留学快捷课程好不好</t>
  </si>
  <si>
    <t>可以读，但是看你的学习成绩和态度了，快捷课程相对于预科来说会难，如果你认为你可以顺利毕业那就读，毕竟少一年，一年生活费还是挺高的，如果你没有顺利毕业的信心，还是最好不要报快捷课程，如果挂了，还要重读的，学费可比生活费贵</t>
  </si>
  <si>
    <t>天麻炖鸽子孩子能吃吗</t>
  </si>
  <si>
    <t>不太适宜，你看一下天麻炖鸽子的功效1.补肝益肾天麻炖鸽子所具有的营养价值，可以帮助身体健脾养胃，并且起到滋肾固精的功效。不妨在节假日中食用一些天麻炖鸽子，能够让之后的日子精神百倍2.治疗病症可以用天麻炖鸽子来缓解某些人群患有病后虚弱、月经紊乱、头痛、闭经等症状。天麻炖鸽子3.可以补血这是一道补血食疗食谱之一，因为鸽子肉中含有一些营养物质，这些物质是能够促进我们身体内部造血细胞的再生，从而补充体内的贫血等症状。4.还可以治疗头晕头痛。因为天麻和鸽子肉想搭配的时候，此汤不仅具有天麻的功效，而且还渗透着鸽子的作用。里面加入少许的人参，不但可以治疗头痛头晕，还可以缓解疲劳，增强活力。5.胎儿补脑对于在怀孕期间的孕妇，食用天麻炖鸽子能够帮助胎儿补脑，还可帮助孕妇提高自身的免疫功能，是最佳的保健食品之一，不过正在哺乳的孕妇最好不要吃，容易回奶。</t>
  </si>
  <si>
    <t>路虎有自己的发动机吗</t>
  </si>
  <si>
    <t>2016企业退休职工涨工资吗</t>
  </si>
  <si>
    <t>　企业退休人员2016年涨工资最新消息:各地2016年退休人员涨工资细则　　退休涨工资细则：　　河北省关于调整企业退休人员基本养老金的通知　　（一）普调　　1、退休人员每人每月增加90元，退职人员每人每月增加45元。　　2、退休人员缴费年限（含视同缴费年限）每满一年（不足一年按一年计算），月增加基本养老金3.5元</t>
  </si>
  <si>
    <t>化验尿酸需要空腹吗</t>
  </si>
  <si>
    <t>尿酸为体内核酸中嘌吟代谢的终末产物。血中尿酸除小部分被肝脏破坏外，大部分被肾小球过滤，检查时必须要空腹。</t>
  </si>
  <si>
    <t>医疗保险是社保吗</t>
  </si>
  <si>
    <t>医保不等于社保，只是社保的一部分，是医疗保险的简称。</t>
  </si>
  <si>
    <t>死神vs火影能联机吗</t>
  </si>
  <si>
    <t>没有方法联机PK,只有在一个键盘上对打.</t>
  </si>
  <si>
    <t>活性炭去甲醛有用吗</t>
  </si>
  <si>
    <t>有用！活性炭是黑色粉末状或块状、颗粒状、蜂窝状的无定形碳，也有排列规整的晶体碳。活性炭用在空气净化方面已经被推广了，除甲醛的效果也是很明显的</t>
  </si>
  <si>
    <t>塑料是晶体吗</t>
  </si>
  <si>
    <t>塑料是一种聚合物不是晶体。</t>
  </si>
  <si>
    <t>智能冰箱好吗</t>
  </si>
  <si>
    <t>智能冰箱都带一块结构复杂的电脑板，虽然功能齐全，灵活省电，但相对普通冰箱而言结构复杂，可靠性低（尤其是一些杂牌的），电脑板一旦故障，维修通常也是整块换，所以维修价格昂贵。相比智能冰箱，普通冰箱比较结实耐用，原因是结构简单，配件易找，维修也不贵。</t>
  </si>
  <si>
    <t>刚工作能办信用卡吗</t>
  </si>
  <si>
    <t>可以，  这年头没工作都可以， 何况你个有工作的。</t>
  </si>
  <si>
    <t>辐射4义勇军任务无限吗</t>
  </si>
  <si>
    <t>刷点用的，无限</t>
  </si>
  <si>
    <t>我们的们是轻声吗</t>
  </si>
  <si>
    <t>是的，读轻声</t>
  </si>
  <si>
    <t>孙骁骁喜欢马天宇吗?</t>
  </si>
  <si>
    <t>孙骁骁已经有爱人啦</t>
  </si>
  <si>
    <t>抢婚犯法吗</t>
  </si>
  <si>
    <t>抢亲属于以暴力的方式干涉他人婚姻自由，处2年以下有期徒刑或者拘役</t>
  </si>
  <si>
    <t>这个国家“抢婚”竟不犯法, 单身狗们准备好了吗?</t>
  </si>
  <si>
    <t>守法公民 好看吗</t>
  </si>
  <si>
    <t>守法公民太好看了，有什么像它的电影， 那种剧情很吸引人，根本不知道接下来会发生什么。</t>
  </si>
  <si>
    <t>这样的不愉快的片子看了真是扯淡，黑鬼应该先死了才对，这感觉就和不知好歹最后让黑鬼还活着一样，让人看了很不舒服。</t>
  </si>
  <si>
    <t>淘宝600才能分期?</t>
  </si>
  <si>
    <t>商品单价大于等于600.00元才能使用分期</t>
  </si>
  <si>
    <t>择校费合法吗</t>
  </si>
  <si>
    <t>合法，国家只对九年制义务教育有严格的收费规定，而高中段的教育是可以收取择校费，转校费的，这是一个双向选择的问题。因为法律并未禁止。所以根据法无禁止即自由的原则，是合法的。但是不能过高收费的。</t>
  </si>
  <si>
    <t>偶认为绝对不合法！！！！！</t>
  </si>
  <si>
    <t>癌症病人吃甲鱼好吗</t>
  </si>
  <si>
    <t>据研究，甲鱼不仅具有抗疲劳和消除疲劳的功效和对慢性肝炎患者有益处，还具有一定的抗癌作用。现代医学认为，吃甲鱼能增强肌体的免疫功能。临床研究表明，食甲鱼可控制人体肝癌、胃癌细胞、急性淋巴型白血病细胞。</t>
  </si>
  <si>
    <t xml:space="preserve">你好，癌症患者不能吃甲鱼，那样会滋养癌细胞！ </t>
  </si>
  <si>
    <t>win7提示盗版还能用吗</t>
  </si>
  <si>
    <t>对电脑没有危害，盗版系统会影响使用体验。</t>
  </si>
  <si>
    <t>itsskin晶钻蜗牛面霜好用吗</t>
  </si>
  <si>
    <t>　还可以，开始用不错 久了一般 听说有激素 不过韩状都有激素。</t>
  </si>
  <si>
    <t>镇静皮肤，抗老效果还是有点滴。。。用久了不知道了啊</t>
  </si>
  <si>
    <t>用了几次 脸上起了一些红色疙瘩 感觉不适合自己</t>
  </si>
  <si>
    <t>　我现在第二瓶快用完了 个人觉得效果不错 我是因为长痘才买的 对痘印痘疤修复都不错 吸收也很好 可能会有点油 但是多按摩一下就好了</t>
  </si>
  <si>
    <t>　没有任何感觉　　</t>
  </si>
  <si>
    <t>干脆面能煮吗</t>
  </si>
  <si>
    <t>可以的，干脆面能煮。</t>
  </si>
  <si>
    <t>小孩咳嗽 雾化好吗</t>
  </si>
  <si>
    <t>孩子有咳嗽做雾化吸入局部用药效果会比较好，任何药物都有一定的副作用，还是想给你抓的是主要矛盾</t>
  </si>
  <si>
    <t>铅酸蓄电池有毒吗</t>
  </si>
  <si>
    <t>有害，而且是剧毒</t>
  </si>
  <si>
    <t>sata2和sata3通用吗</t>
  </si>
  <si>
    <t>SATA3属于SATA2下一代升级版，往下完全兼容，其和USB3.0和USB2.0关系一样，两者是互相兼容的</t>
  </si>
  <si>
    <t>只要是SATA接口的都通用的，不管你是SATA几代，不过SATA2的3Gb/s带宽只有SATA3.0的6Gb/s带宽的一半，所以你要是用SSD固态硬盘放在SATA2.0接口上性能会损失很多，如果是传统的机械硬盘到还无所谓</t>
  </si>
  <si>
    <t>餐厅吊扇灯好不好</t>
  </si>
  <si>
    <t>吊扇灯是新一代具有装饰性、实用性和功能性很强的优点。</t>
  </si>
  <si>
    <t>艾尔之光时装能打孔吗</t>
  </si>
  <si>
    <t>痛风能吃莲子吗</t>
  </si>
  <si>
    <t>痛风可以吃莲子。</t>
  </si>
  <si>
    <t>喜鹊可以家养吗</t>
  </si>
  <si>
    <t>可以养，但要从小崽开始养，喜鹊很聪明，养熟了，不会逃跑。</t>
  </si>
  <si>
    <t>协和纤体凝露是真的吗</t>
  </si>
  <si>
    <t>减肥药也好，口服和外用的都算上，目前还没有对所有人都有效活的承诺。因为个体是有差异的，所以，可能会有效。想减肥建议用科学健康的控制饮食和适量运动。</t>
  </si>
  <si>
    <t>羊奶好消化吗</t>
  </si>
  <si>
    <t>羊奶是很常见的一种奶制品，它含有丰富的蛋白质、维生素等成分，比牛奶更容易消化，可以起到比较好的补钙作用。</t>
  </si>
  <si>
    <t>有姓阎的吗</t>
  </si>
  <si>
    <t>有啊，闫长期被看作为阎的简化字(从前的字典里是没有这个字的，只是在二简汉字中曾取代阎作为合法汉字，但不久即随着二简被废除了，闫被合法化收录进字典只是近几年的事)．在民间闫被广泛使用</t>
  </si>
  <si>
    <t>噪音对胎儿有影响吗</t>
  </si>
  <si>
    <t>噪音，是妊娠的孕妇最讨厌的环境，除了主要营养胎儿感官发育外，还会影响母体的神经、心律等，建议你远离这样的环境为宜，祝你和宝宝健康。</t>
  </si>
  <si>
    <t>只有性交才能怀孕吗</t>
  </si>
  <si>
    <t xml:space="preserve">  你好，这个情况下是不会怀孕的，这个是不需要过于担心的，没有什么太大的问题的。</t>
  </si>
  <si>
    <t>孕妇可以吃黄鳝吗?</t>
  </si>
  <si>
    <t>孕妇可以吃鳝鱼吗?答案是可以的。鳝鱼的营养价值甚高，肉嫩味鲜，是一种高蛋白、低脂肪的食物。</t>
  </si>
  <si>
    <t>微信朋友圈能发音频吗</t>
  </si>
  <si>
    <t>首先在后台回复关键词【语音】，会跳出一个二维码。录音完成之后，点击结束录音，你的录音会被自动保存，点击右上角的按钮，选择分享到朋友圈就行了。</t>
  </si>
  <si>
    <t>s61高速全通了吗</t>
  </si>
  <si>
    <t>在2013年已经全线通车。</t>
  </si>
  <si>
    <t>高级经济师难考吗</t>
  </si>
  <si>
    <t>是经济师考试中难度最大的，好好学习肯定会过的，chinatat可以</t>
  </si>
  <si>
    <t>高级经济师考试采取的是考评结合的方式，需要考《经济理论与实务》课程，考试通过之后，再参加评审即可~~</t>
  </si>
  <si>
    <t>中国股市真的不做长线投资吗</t>
  </si>
  <si>
    <t>简单说，不适合，如果大盘一路下跌，大部分都是下跌的，长期熊市的，你越长线，越重仓，亏损越大</t>
  </si>
  <si>
    <t>教师资格证初中和高中的难度一样么</t>
  </si>
  <si>
    <t>首先考试科目有区别，初中考3科：综合素质+教育知识与能力+学科知识与能力（初中各学科），高中考3科：综合素质+教育知识与能力+学科知识与能力（高中各学科）因此高中难度略高于初中。</t>
  </si>
  <si>
    <t>员工体检费计个税吗</t>
  </si>
  <si>
    <t>属于企业工作性质要求的体检费支出，比如企业为特殊工种职工支付的体检费，不应征收个人所得税。</t>
  </si>
  <si>
    <t>保养一定要去买车的4s店吗</t>
  </si>
  <si>
    <t>汽车保养不一定要去买车的4s店，要根据您的具体情况来考虑。动不动就更换配件甚至配件总数，是4S店维修的惯例，”只换不修”是4S店的潜规则。常去4S店维修保养的车主都知道，如果车主与维修人员在一些可有可无的保养项目上讨价还价，他们则一句话还之：我们都是按照厂家要求进行保养，如果客户不按照执行，出问题的话我们不负责。很多车主也正是因此才不得不选择忍受4S店的高价维修。</t>
  </si>
  <si>
    <t>数字2吉利吗</t>
  </si>
  <si>
    <t>应该是吉利，2在中国文化里没啥不吉祥的，对联也是双数的。</t>
  </si>
  <si>
    <t>国内外不一样的</t>
  </si>
  <si>
    <t>教育咨询师有前途吗</t>
  </si>
  <si>
    <t xml:space="preserve">这个职业挺好的 挺不错 </t>
  </si>
  <si>
    <t>构造函数与析构函数可不可以为虚函数</t>
  </si>
  <si>
    <t>构造函数不能声明为虚函数，析构函数可以声明为虚函数，而且有时是必须声明为虚函数</t>
  </si>
  <si>
    <t>喝感冒药能喝酒吗</t>
  </si>
  <si>
    <t xml:space="preserve"> 一般情况吃药期间最好不要喝酒,喝酒会影响肝脏的代谢.</t>
  </si>
  <si>
    <t>比目鱼是多宝鱼吗</t>
  </si>
  <si>
    <t>比目鱼又叫鲽鱼，是硬骨鱼纲鲽形目鱼类的统称，多宝鱼、比目鱼、左口鱼都是比目鱼中的一种，和比目鱼都属于从属关系，多宝鱼、左口鱼都是比目鱼，但是反之则不成立。</t>
  </si>
  <si>
    <t>有两个优势卵泡,其中一个排了,另外一个还会排吗</t>
  </si>
  <si>
    <t>你的情况若其中一个卵细胞受精了，受孕激素的影响，另一个就会萎缩，消失的，不会在发育的</t>
  </si>
  <si>
    <t>世纪佳缘网站可靠吗</t>
  </si>
  <si>
    <t>不靠谱</t>
  </si>
  <si>
    <t>白化病会致死吗</t>
  </si>
  <si>
    <t>白化病是不会直接致死的</t>
  </si>
  <si>
    <t>2016国考大专可以报名吗</t>
  </si>
  <si>
    <t>可以的。#2016年国家公务员考试专科可以报考什么职位？</t>
  </si>
  <si>
    <t>某些职位是可以报的，但可选职位不多，具体以当年考试公告的职位表要求为准。</t>
  </si>
  <si>
    <t>和乙肝病人 性关系 会感染吗</t>
  </si>
  <si>
    <t>不是说一定会传染，只能说有被传染的可能，因为乙肝可以通过生活密切接触传染。如：唾液、精液。</t>
  </si>
  <si>
    <t>宠物貂有味道吗</t>
  </si>
  <si>
    <t>它身上那种味道不难闻，比较特别而已</t>
  </si>
  <si>
    <t>闻它的味道我都觉得挺好闻的了 果然我喜欢闻奇怪的味道</t>
  </si>
  <si>
    <t>雾就是雾霾吗</t>
  </si>
  <si>
    <t>不是，雾和霾的区别很大。</t>
  </si>
  <si>
    <t>历史上有没有薛仁贵</t>
  </si>
  <si>
    <t>历史上有　　薛礼字仁贵（614－683年3月24日），山西绛州龙门修村人（今山西河津市修村人），唐朝名将，著名军事家，政治家。创造了“良策息干戈”、“三箭定天山”、“神勇收辽东”、“仁政高丽国”、“爱民象州城”、“脱帽退万敌”等诸方面在军事，政治上的赫赫功勋。</t>
  </si>
  <si>
    <t>买二手车还要交购置税吗</t>
  </si>
  <si>
    <t>买二手车是不需要交购置税的，只需要交过户费，上保险。</t>
  </si>
  <si>
    <t>钢之炼金术师是神作吗</t>
  </si>
  <si>
    <t>算啊算啊！！我心中的神作之一不管是03还是FA都能燃我一脸</t>
  </si>
  <si>
    <t>初中作文考试最后一段没有写会扣多少分?</t>
  </si>
  <si>
    <t>你好，扣3-5分。</t>
  </si>
  <si>
    <t>藏海花和沙海完结了吗</t>
  </si>
  <si>
    <t>　《盗墓笔记》已经完结，《沙海》和《藏海花》均未完结。</t>
  </si>
  <si>
    <t>天天基金买基金安全吗</t>
  </si>
  <si>
    <t>基金放心购买就是，天天基金还有什么数米基金，好买基金，天天盈等第三方支付平台，都是证监会批准的合法基金代销机构。</t>
  </si>
  <si>
    <t>上海到马鞍山有高铁吗</t>
  </si>
  <si>
    <t>没 K8418/K8419 上海 - 马鞍山 21:24 - 02:53 5小时29分 K782/K783 上海 - 马鞍山 12:40 - 18:41 6小时1分 客车 4个半小时 不是很准点</t>
  </si>
  <si>
    <t>联通升级4g卡要钱吗</t>
  </si>
  <si>
    <t>不用花</t>
  </si>
  <si>
    <t>男人发烧可以同房受孕吗</t>
  </si>
  <si>
    <t>老公发热后导致夫人怀孕，从优生角度考虑，是不利于孩子的健康的。但这不是绝对的。做好产前检查是非常重要的。</t>
  </si>
  <si>
    <t>夏洛特烦恼里有王琦吗</t>
  </si>
  <si>
    <t>有做10次以上人流的吗</t>
  </si>
  <si>
    <t>临床上很少见到会做10次以上人流的。</t>
  </si>
  <si>
    <t>万家乐电热水器安全吗</t>
  </si>
  <si>
    <t>是一个靠谱的品牌。</t>
  </si>
  <si>
    <t>果总被抓了吗</t>
  </si>
  <si>
    <t>果总打网络电话被抓了</t>
  </si>
  <si>
    <t>没有。采纳谢谢</t>
  </si>
  <si>
    <t>支付宝未成年能认证码</t>
  </si>
  <si>
    <t>不能，身份信息未满16周岁，无法通过实名制验证。</t>
  </si>
  <si>
    <t>植物会疼吗</t>
  </si>
  <si>
    <t>植物会感到疼痛。</t>
  </si>
  <si>
    <t>以纯牛仔裤好吗</t>
  </si>
  <si>
    <t>以纯的牛仔裤还是不错的,版型比一般的牛仔裤要好,价格在200左右也不贵,不过穿久了总会有点变形褪色,这也是正常的</t>
  </si>
  <si>
    <t>64位系统能装32位的浏览器吗</t>
  </si>
  <si>
    <t>确定是64位操作系统的话，是无法使用纯32位的浏览器的</t>
  </si>
  <si>
    <t>牛肉和排骨可以一起炖吗</t>
  </si>
  <si>
    <t>牛肉和猪排骨可以一起炖的。</t>
  </si>
  <si>
    <t>湿疹能吃糯米吗</t>
  </si>
  <si>
    <t>可以吃的，注意克制不要抓挠，外用曲安奈德尿素软膏，口服抗过敏药氯雷他定片。</t>
  </si>
  <si>
    <t>湿疹不可以吃糯米。湿疹，中医称湿毒疮，其病多因风湿热，客于肌肤，郁结蕴滞所致。所以一般是不宜进食偏于热性的食物，糯米： 性温，味甘，滋腻黏滞。《得配本草》中记载：“多食昏五脏，缓筋骨，发风气，生湿热。”皮肤湿疹多为湿热缠绵，多食久食，湿热之邪益甚，故当忌之。</t>
  </si>
  <si>
    <t>世界上有美人鱼存在吗</t>
  </si>
  <si>
    <t>参加这项工作的美国埃毁斯度博士说，从他们所掌握的证据来看，美人鱼并不是传说或虚构出来的生物，而是世界上确实存在的一种生物，美人鱼真的存在。</t>
  </si>
  <si>
    <t>pdf可以转成图片吗</t>
  </si>
  <si>
    <t>在线PDF转换成图片转换工具，可以将PDF文档转换为图像，用户可自定义选择转换成JPG格式或PNG格式。PDF转换成JPG后为压缩包文件，用户可直接下载。用户可自定义设置转换范围，针对需要转换的PDF页码范围进行转换输出。</t>
  </si>
  <si>
    <t>卵巢囊肿的人多吗</t>
  </si>
  <si>
    <t>好多人都有 别怕啊</t>
  </si>
  <si>
    <t>这病现在太普通了</t>
  </si>
  <si>
    <t>卵巢囊肿虽说是女性常见的妇科疾病，但是卵巢囊肿也有比较“青睐”的人群，卵巢肿瘤的发病因素不清，但环境和内分泌影响在卵巢肿瘤致病因素中最受重视。</t>
  </si>
  <si>
    <t>火车票过时间了能退吗</t>
  </si>
  <si>
    <t>1 退票必须在开车前（不晚于两小时、春运时六小时）办理，核收20%手续费。2 如果因为铁路事故造成大面积列车晚点的情况下，即使过点了，也可以全额退票。3 如果因为个人原因误了火车，不能退票，只能改签，并且对改签时间也有明确确定，改签时间不晚于开车后两小时</t>
  </si>
  <si>
    <t>有没有脱发治好的</t>
  </si>
  <si>
    <t>　我的是 吃中药吃好的</t>
  </si>
  <si>
    <t>杜立巴石碟是真是假</t>
  </si>
  <si>
    <t>2008年央视节目《探索·发现》进行辟谣。他们调查后认为，传言提到的人名都查无实人，描述杜立巴石碟最著名著作，号称由英国探险家日记整理成的《流亡的太阳神：西藏杜立巴族的秘密》其作者阿甘姆也已指出，该书及所谓英国探险家皆为虚构。杜立巴人事件所涉及的人，包括中国的科学家，以及报道过此事的记者，都不曾在其他的地方被提起过，没人知道他们是谁，没有证据能证明他们确实存在过。</t>
  </si>
  <si>
    <t>月经期可以吃番茄吗</t>
  </si>
  <si>
    <t>女性朋友在经期是可以适当的吃一些西红柿的。</t>
  </si>
  <si>
    <t>可以躺着喂奶吗</t>
  </si>
  <si>
    <t xml:space="preserve"> 宝妈您好，躺着喂奶确实不利于宝宝的身体健康，很容易因为溢乳流出来到耳朵里面，引起中耳炎，更危险的是，会导致宝宝有窒息的可能。建议坐起来给宝宝喂奶，辛苦宝妈了。</t>
  </si>
  <si>
    <t>吃醋上火吗</t>
  </si>
  <si>
    <t>不会的，食醋有益，但食醋过量和干脆大量喝醋对人体健康是极为不利的。醋又名苦酒。中医认为，醋有散瘀、敛气、消肿、解毒、下气、消食的作用，适量吃点醋有益健康。吃醋并且还有杀菌消毒，美白养容，软化血管的功效，听人说醋在屋内里煮还能起消毒的作用。</t>
  </si>
  <si>
    <t>有没有人的心脏在右边</t>
  </si>
  <si>
    <t>有的人心脏是在右侧胸部的，这叫内脏反位</t>
  </si>
  <si>
    <t>是没有的。心脏有三分之一是在胸骨的右边，三分之二位于左边</t>
  </si>
  <si>
    <t>正常在胸骨中线偏左，通俗地说也就是大部分心脏在胸腔左边，小部分心脏在胸腔右边。也可以有人长在右边，不是疾病，是正常变异，根据主动脉和大血管的情况又可以分为右位心和镜面右位心，只要没有临床症状，都属于正常情况。几率很低，不到一万分之一</t>
  </si>
  <si>
    <t>元旦车管所可以上牌吗</t>
  </si>
  <si>
    <t>一般情况下，元旦是不能上牌照的。</t>
  </si>
  <si>
    <t>卸甲油能去掉502胶水吗</t>
  </si>
  <si>
    <t>答案是可以的，因为502胶水可以溶于有机溶剂——丙酮，而洗甲水里面含有丙酮。</t>
  </si>
  <si>
    <t>乌鸡白凤丸和益母草可以一起吃吗</t>
  </si>
  <si>
    <t>可以同时服用的!建议你还是不要一起服用为好.乌鸡白凤丸具有补气，养血，调经，止带，解郁止痛之功效.临床上常用于治疗气血两虚所致的身体虚弱，腰膝酸软，自汗心悸，骨蒸劳热，月经不调，久泄久痢，崩漏带下等症.益母草颗粒具有活血调经.用于月经量少，产后腹痛.开水冲服，一次1袋，一日2次。能的吧，乌鸡白凤丸是长期吃的，益母草科粒是痛的时候才吃我一起吃过的呀，没事最好分开吃.隔1-2小时吃.因为药的成分不一样。</t>
  </si>
  <si>
    <t>江门有海吗</t>
  </si>
  <si>
    <t>江门没有大海。</t>
  </si>
  <si>
    <t>平安普惠需要征信吗</t>
  </si>
  <si>
    <t>会查征信，逾期太久的话会上征信。</t>
  </si>
  <si>
    <t>芥末孕妇能吃吗</t>
  </si>
  <si>
    <t>只能说孕妇最好不要吃芥末，不小心吃了一点没有关系的，我一朋友怀孕的时候还跟我们一起吃生鱼片占着芥末吃，宝宝也没有怎么样。只是芥末属于刺激类食品，尽量少吃为宜，因为孕期容易便秘，这些食物就是祸首。</t>
  </si>
  <si>
    <t>芥末这超强的刺激作用，会刺激到孕妇的子宫，造成子宫收缩不正常，孕初期易造成流产，孕末期易造成早产。另外，怀孕吃芥末，芥末带来的刺激作用，还会通过胎盘传给胎儿，可能会连带着刺激到胎儿，对胎儿的生长发育产生不好的影响。</t>
  </si>
  <si>
    <t>去亲戚公司好不好</t>
  </si>
  <si>
    <t>千万不要。免费劳动力不说，你做的好是应该的，做的不好还要被难看。工资不好加，加班是常事。血和泪的教训#千万不要去亲戚公司上班啊！用亲身经历告诉你原因！</t>
  </si>
  <si>
    <t>去不去要看你个人的喜好，性格。再一个就是亲戚的远近程度。至于利弊，看你以什么样的心态和身份去。假如是一个底层开始的打工族那与关系无关。假如是一个基层管理者那就要看你是否有那个能力或者那个企图心。反正最后的结果就是过一段时间能挑起大梁。不然就是丢人。丢自己的人，丢父母的人。</t>
  </si>
  <si>
    <t>微信给拉黑了发消息别人能收到吗</t>
  </si>
  <si>
    <t>微信上把对方加黑名单，将无法收到对方的消息；如果想接收对方消息，只能将对方从黑名单拖出。</t>
  </si>
  <si>
    <t>湿疣潜伏期3月无症状dna分型全阴性能排除吗</t>
  </si>
  <si>
    <t>尖锐湿疣是人类乳头瘤病毒感染才得，潜伏期，一般是三个月左右，平均潜伏期是三个月。如果超过三个月没有发，一般就没有感染。</t>
  </si>
  <si>
    <t>喝rio算酒驾吗</t>
  </si>
  <si>
    <t>预调酒虽然酒精含量非常低，但是同样含有酒精，酒驾并不是根据您所喝的酒的类型来定的，酒驾的标准是驾驶人员100ml血液中的酒精含量大于或等于每20mg，并小于80mg为酒后驾车。建议您开车不要喝酒。</t>
  </si>
  <si>
    <t>e彩在线是骗人的吗</t>
  </si>
  <si>
    <t>查看有没有注册号，只要没有注册都是非法的。</t>
  </si>
  <si>
    <t>怀孕还会流血吗</t>
  </si>
  <si>
    <t xml:space="preserve"> 怀孕后一般是不会来"月经"的.一般来说来"月经"就表示没有怀孕啊。但是注意怀孕后有可能出血，有可能是不完全性的流产或着床性的出血.所以不一定是怀孕就没有“月经”，这个是假月经。仅仅是阴道是出血 。这个情况月经量一般少而且短。 </t>
  </si>
  <si>
    <t>春秋航空经常延误吗</t>
  </si>
  <si>
    <t>定了春航的飞机之后，在飞常准上面我看到准点率居然是0%，当时一度以为系统出错了，不过后来印证了这就是真实。而且航空延误险一般都不包春秋航空的。</t>
  </si>
  <si>
    <t>中脉道和是不是传销</t>
  </si>
  <si>
    <t>中脉公司是直销类的公司。在营销活动中，以会议营销形式推广产品的方式较多，有夸大产品功效和忽悠老年人购买的嫌疑。说骗人吧？也不算是。但是产品价值和功效是不成比例的。也就是说，产品价格远远高于其使用功效所值的钱。这类公司，只会逐步走下坡路。</t>
  </si>
  <si>
    <t>苏州的公积金可以在昆山买房吗</t>
  </si>
  <si>
    <t>职工在缴存住房公积金所在地以外、大市范围以内购买自住住房，要求申请住房公积金贷款的，由申请人缴存所在地住房公积金管理机构受理。</t>
  </si>
  <si>
    <t>不可以的苏州的只能在苏州用昆山的只能去昆山了</t>
  </si>
  <si>
    <t>教师资格证申请表没放进档案会有影响吗</t>
  </si>
  <si>
    <t>自己没有时间可以委托家人去放，到招聘教师时，不但要看你提供的教师资格证，还要看你档案中的申请表。如果没有会有影响。</t>
  </si>
  <si>
    <t>睡觉前吃西瓜好吗</t>
  </si>
  <si>
    <t>西瓜最好别在晚上睡觉前吃，因为西瓜有利尿功能，吃多了不仅对肾脏造成负担，而且晚上频繁上厕所也影响休息</t>
  </si>
  <si>
    <t>6s需要换卡吗</t>
  </si>
  <si>
    <t>视手机机型而定</t>
  </si>
  <si>
    <t>哺乳期能不能用面膜</t>
  </si>
  <si>
    <t>可以,没问题. 面膜成分只是在皮肤表层活动,根本不可能进入血液.只有进入血液的东西才可能影响生育和哺乳.面膜没那么大的功力,你尽可放心使用.</t>
  </si>
  <si>
    <t>海存是不是传销</t>
  </si>
  <si>
    <t>是不是传销，要看国家商务部的政策，建议慎重 ，做任何事情都 要选择合法的才能长久。选择不对努力白费，而且还有一句比较经典的话，选择大于努力，</t>
  </si>
  <si>
    <t>粉状物能带上飞机吗</t>
  </si>
  <si>
    <t>地底人存在吗</t>
  </si>
  <si>
    <t>地球上可能存在的特殊人种---飞人、地底人、海底人、蝙蝠人、卵生人</t>
  </si>
  <si>
    <t>长笛好不好学</t>
  </si>
  <si>
    <t>要看老师如何教！有些班是速成班，老师只需你考9、10级（没有九级证，就无法考十级），这样的只需1~2年就学好了。如果你的老师较负责任的话，他则会然你把基础打好，之后再慢慢向上攀。而这样的则需要4~5年时间才会拿到十级证。</t>
  </si>
  <si>
    <t>非领导职务有试用期吗</t>
  </si>
  <si>
    <t>非领导职务转任上述同级领导职务的，也可以实行任职适用期制度领导干部任职适用期为一年</t>
  </si>
  <si>
    <t>胖子适合戴帽子吗</t>
  </si>
  <si>
    <t>胖子最好打理了，买的到大尺寸NE就买，反着戴；买不到帽子就T个圆寸，但是不是板寸的。</t>
  </si>
  <si>
    <t xml:space="preserve">  怎么不适合，很适合啊，不一定胖就不适合戴帽子。</t>
  </si>
  <si>
    <t>东京有outlets吗</t>
  </si>
  <si>
    <t>东京附近的奥特莱斯有几个。</t>
  </si>
  <si>
    <t>王菀之结婚了吗</t>
  </si>
  <si>
    <t>据香港媒体报道，36岁的王菀之[微博](Ivana)昨天(11月28日)与拍拖两年多的47岁男友苏卓航(Eric So)结婚，两人选在阳明山庄会所注册，以简约服饰进行仪式。</t>
  </si>
  <si>
    <t>泰国明星weir去世了吗</t>
  </si>
  <si>
    <t>泰国知名男一号Weir-Sukollawat近日被传死讯，有消息称其所乘座驾在曼谷拉玛二高速公路上遭遇汽油爆炸，其被困车内烧伤致死。Weir日前现身接受媒体采访，谣言不攻自破。</t>
  </si>
  <si>
    <t>vn屠龙勇士有特效吗</t>
  </si>
  <si>
    <t>没有特效，这是VN的一款没有特效的皮肤，话说VN有特效的皮肤似乎就只有那个苍穹之光？</t>
  </si>
  <si>
    <t>两个新娘不让见面吗</t>
  </si>
  <si>
    <t>没有这种时间限制吧目前没听说过这种说法如果你们那里有这种习俗建议你咨询下身边的老人</t>
  </si>
  <si>
    <t>机票改签费有发票吗</t>
  </si>
  <si>
    <t>当前机票改期、改签时，票价差和手续费航空公司是出具电子客票行程单的（就是和购票时用于报销的行程单一样的票据），退票时，没有发票的，航空公司用的是各航空公司自己的退票单（可用于报销），代理人开票的出具BSP退票单。</t>
  </si>
  <si>
    <t>半月板损伤可以跳舞吗</t>
  </si>
  <si>
    <t>很多人都像你这样，跳舞会造成内侧间室软骨破坏，半月板变性，个人建议停止跳舞，否则会造成不可恢复性的损伤。另外可以吃点氨基葡萄糖，练习肌肉力量。最好来面诊，有部分人需要手术</t>
  </si>
  <si>
    <t>考银行必须是应届生吗</t>
  </si>
  <si>
    <t>如果是校园招聘那么就是针对应届毕业生，也有社会招聘的，那就是针对非应届的。</t>
  </si>
  <si>
    <t>国际空间站有重力吗</t>
  </si>
  <si>
    <t>空间站由于太空中高速运行，产生的离心力正好和地球对其的万有引力抵消，所以其本身和在其内部的所有物体，包括宇航员都不受重力影响。</t>
  </si>
  <si>
    <t>淘宝飞机杯会得艾滋吗</t>
  </si>
  <si>
    <t>艾滋病病毒离开人体后对外界抵抗力很低，飞机杯环境不适宜生存</t>
  </si>
  <si>
    <t>艾滋病病毒离暴露在空气中干燥的环境下立马失去活性</t>
  </si>
  <si>
    <t>艾滋病病毒只能在活细胞中营寄生生活，在外界环境中不能生存</t>
  </si>
  <si>
    <t>丝足会所安全吗</t>
  </si>
  <si>
    <t>对于你这种不良爱好，请以后规避，虽然这样不会传染艾滋病，但是脚上会有各种细菌和真菌。</t>
  </si>
  <si>
    <t>15岁可以办身份证吗</t>
  </si>
  <si>
    <t>未满十六周岁可领身份证</t>
  </si>
  <si>
    <t>自由篮球延迟40多 抢篮板会有影响吗</t>
  </si>
  <si>
    <t>谁先发送抢板的数据包到服务器 谁拿，这不合理。但是为啥游戏公司还这么做呢，我觉得主要原因是这游戏韩国制造，韩国就他妈咱们一个省大。你说一个省内的大家延迟大家都差距不大，换到中国地大就不行了，就不公平了</t>
  </si>
  <si>
    <t>飞机上可以开相机吗</t>
  </si>
  <si>
    <t>飞机在起飞和降落阶段应当关闭自带的一切电子设备，手机和数码相机属于电子设备应当关闭 但是在飞的过程中可以开启</t>
  </si>
  <si>
    <t>京东的秒杀是真的吗</t>
  </si>
  <si>
    <t>京东秒杀骗人的行为，一星期过去了，评价还是1，基本能确定这个京东秒杀就是骗人的了。</t>
  </si>
  <si>
    <t>京东或者乐扣乐扣在耍消费者，虚假宣传，虚报秒杀数量，实际数量很少，缺在哪里谎报几十个，或者几百个。京东秒杀绝对忽悠人。</t>
  </si>
  <si>
    <t>确实1元的根本抢不到，纯属骗人的，不到时间显示有货，到了抢的时间立马显示本地区没货，那百分比还不满，而且一点一点涨，垃圾，欺骗顾客感情</t>
  </si>
  <si>
    <t>准考证已满三年还能给考科目四吗</t>
  </si>
  <si>
    <t>咨询驾校或车管所</t>
  </si>
  <si>
    <t>1.5路亚竿够用吗</t>
  </si>
  <si>
    <t>太短了，1.5米不是路亚竿。</t>
  </si>
  <si>
    <t>宝宝5个月长牙正常吗</t>
  </si>
  <si>
    <t>您好！宝宝一般4-10个月出牙，5个月出牙是很正常的，要注意钙的补充，常带宝宝晒晒太阳，另外妈妈每天可以给宝宝用纱布套在指头上，每天按摩宝宝的牙床，也可以给宝宝方广，伊威的磨牙饼干，利于牙齿的长出。祝宝宝健康成长！</t>
  </si>
  <si>
    <t>白银和铂金能一起排吗</t>
  </si>
  <si>
    <t>是不可以的，只能给相邻段位的一样排。白金只能跟黄金到钻石分段的排，可以匹配不能排位。</t>
  </si>
  <si>
    <t>生孩子后肚子会立刻消下去么</t>
  </si>
  <si>
    <t>产后肚子恢复是有个过程的，这个和自己的运动锻炼是有较大关系的，如果是锻炼好一般来说几个月时间会恢复</t>
  </si>
  <si>
    <t>张家界旅游累吗</t>
  </si>
  <si>
    <t>多种情况，因个人感觉而异</t>
  </si>
  <si>
    <t>苹果手机9.2系统可以越狱吗</t>
  </si>
  <si>
    <t>可以越狱。时只能在PP助手里进行越狱，目前还没有单独的越狱工具放出</t>
  </si>
  <si>
    <t>无钥匙启动好吗</t>
  </si>
  <si>
    <t>优点:便携性十分突出！1 最大的好处是不用拿在手上，只用放在口袋里或者包包里就行，不用每次找钥匙这么麻烦。2 电子钥匙加密系统无法复制，采用第四代的射频识别技术(RFID)芯片，想复制钥匙没可能，没有合法单据官方不会配制。3 整车防盗，意思是你把整辆车拖走了，也没有用，通过对电路、油路、启动三点锁定，当防盗器被非法拆除，车辆照样无法启动。4 某些高端车型锁车后自动关闭车窗，当车主下车后，如果忘记关闭车窗，无须重新启动发动机逐个关闭车窗，车辆安全系统会自动升起车窗，大大地提高了汽车的安全防范水平。缺点:钥匙和汽车分离最为常见！1 忘了拿放钥匙的包，譬如一直把钥匙放包里的，走到车边发现怎么也开不了锁，原来忘记拿放钥匙的包。2 开车途中，车钥匙放在其他人包中或口袋中，半路下车后，车子不敢熄火，必须把车匙拿回来才可以。3 经常迷糊车子是否有锁车？如果距离太近，譬如车子停在自家门口很近，车子可以发动，不过目前大部分设置缩短了感应距离，有些是30厘米，可以解决这个问题。</t>
  </si>
  <si>
    <t>子宫切除后能否有性生活?</t>
  </si>
  <si>
    <t>全子宫切除术后6周，患者应到医院进行复查，以了解伤口愈合的情况。术后一般要禁止性生活3个月，以利于伤口恢复。之后就可以恢复性生活了。</t>
  </si>
  <si>
    <t>宠物能过汽车安检吗</t>
  </si>
  <si>
    <t>国家计算机二级有用吗</t>
  </si>
  <si>
    <t>考计算机二级从就业角度来说没有一点用处，从各类考试角度很有用（无论自考、成教、统招本科、某些国家职称考试、某些城市政府或事业单位内考试都可以免除一科）。</t>
  </si>
  <si>
    <t>网络工程师好考么</t>
  </si>
  <si>
    <t>软考是国家举行的计算机水平考试，他的特点是理论性非常强，实战方面就要差一些，他主要是为了国家的职称平定而开设的考试，不过只要能考得上网络工程师就能组建一个政府局域网了，在网络方面也有点知名度了，也就是说在网络界也能混饭吃了；我认为考这个比较实在，因为以上原因还有因为他的考试是中文考试，不过过级率才百分之十哦；</t>
  </si>
  <si>
    <t>天气预报准吗?</t>
  </si>
  <si>
    <t>无法保证100%准确。因为天气是随时变化的，不是固定的。而气象站采集数据是有滞后性的。</t>
  </si>
  <si>
    <t>目前任何一种预测模式都不能完全真实地模拟大气演变，只能是近似，因此必然存在误差。而且误差会产生累加，预报时间越长，误差就会越大。</t>
  </si>
  <si>
    <t>杀人容易吗</t>
  </si>
  <si>
    <t>杀个人不容易</t>
  </si>
  <si>
    <t>象鼻虫有毒吗</t>
  </si>
  <si>
    <t>这是龙眼鸡，学名叫做长鼻蜡蝉，危害荔枝等树木，无毒，是害虫</t>
  </si>
  <si>
    <t>粉底液有隔离效果吗</t>
  </si>
  <si>
    <t>隔离霜是在粉底之前的一层，它对皮肤的保护作用非常大，所以一定不可以省略，有些粉底可能含有SPF，可以代替防晒，但是代替隔离的却绝对不可以</t>
  </si>
  <si>
    <t>干莲子要泡吗</t>
  </si>
  <si>
    <t>如果是干莲子，可用清水浸泡，或者加些食用碱浸泡，这样熬粥时更容易烂</t>
  </si>
  <si>
    <t>吃忘不了管用吗</t>
  </si>
  <si>
    <t>事实上这个帮助不是特别大，不过多少有一点儿用处，至少有心理暗示作用，副作用不是很大的。</t>
  </si>
  <si>
    <t>南方没有雾霾吗</t>
  </si>
  <si>
    <t>是的没错，在海南这边没出现过雾霾天气，而海南的空气也是中国1 2的城市。</t>
  </si>
  <si>
    <t>南方的雾霾天其实也不少，毕竟气候湿润，容易起雾，在加上一些飞扬的灰尘和各样的尾气，雾霾形成条件就达成了。</t>
  </si>
  <si>
    <t>怀孕了可以吃零食吗</t>
  </si>
  <si>
    <t>孕妇可以吃零食,准妈妈在孕期可以吃零食，但是得具体情况具体分析。零食分很多种，像水果、坚果类、奶制品等这一类的零食，含有丰富的维生素与矿物质，有利于胎宝宝的发育，也有利于准妈妈身体的，准妈妈每日可以适量吃;准妈妈孕期吃零食应以适量为原则，少吃油炸、上火的零食，饮料如碳酸饮料要少喝。而对于像薯片、巧克力之类的高热量、高糖分或是油炸类的零食，容易导致上火，而且可能会加重便秘的情况，准妈妈则应该少吃或尽量不吃。</t>
  </si>
  <si>
    <t>小米4有全网通版吗</t>
  </si>
  <si>
    <t>小米4在发布的机型中并没有全网通版本</t>
  </si>
  <si>
    <t>肺炎支原体感染能自愈吗</t>
  </si>
  <si>
    <t>支原体肺炎的预后应该是非常良好的，虽然病程有的时候比较长，但最终是可以完全恢复的。而且也很少会出现并发症，仅仅偶而可以见中耳炎、胸腔渗出液及溶血性贫血等疾病的发生。但是偶然的情况下可以出现再次复发的情况，另外有的时候肺部病变和肺功能的恢复是比较慢的。所以当发生支原体肺炎的时候一定要及时并且积极的进行治疗，这样恢复的也会比较快。</t>
  </si>
  <si>
    <t>梦幻西游逍遥城人多吗</t>
  </si>
  <si>
    <t>不多，我在那个区买号一整天都没鬼队而且很变态</t>
  </si>
  <si>
    <t>不算少了。。不过肯定没有北京区的人多</t>
  </si>
  <si>
    <t>子宫肌瘤可以喝四物汤吗</t>
  </si>
  <si>
    <t>有子宫肌瘤的人也是可以喝四物汤的。</t>
  </si>
  <si>
    <t>子宫肌瘤患者能不能吃药膳，比如四物汤。专家表示，中药也是药，即使是中药使用量较少的药膳，也不建议民众长期食用，特别是子宫肌瘤妇女。若非常想吃，限每周一次。</t>
  </si>
  <si>
    <t>不锈钢导热快吗</t>
  </si>
  <si>
    <t xml:space="preserve">不锈钢导热性：在600℃以下，各种不锈钢的导热系数基本在10~30W/（m•℃）范围内。在304℃时，不锈钢的导热系数是16.2W/m•℃，导热系数一般为碳钢的1/3左右。 </t>
  </si>
  <si>
    <t>蛇有人性吗</t>
  </si>
  <si>
    <t>有!我看过一个记录片,蛇受伤了,被发现救了回来,不过!它还有一个老伴,它被救回来的数天里,它的老伴在树林里不停的呼唤它,就把它放了回去,之后又发现它在原来放走它的地方,原来,把它放走时它的伤还没有好,放走之后非但没有好,还愈加严重了,它知道只有人类才能救它,所以它又回来了,可见它是通人性的。</t>
  </si>
  <si>
    <t>拿铁会胖吗</t>
  </si>
  <si>
    <t>咖啡本身是不会使人发胖的，但那要看你怎么喝咖啡了,光是黑咖啡不但不会让人发胖，而且可以减肥,咖啡里含有的咖啡因一种较为柔和的兴奋剂，能够增加养耗 增强新陈代谢 ，糖奶是高热量的东西，一杯加了糖奶的咖啡热量在300卡左右，如果喝加糖奶的咖啡就要注意了，但只要适量运动是不会对体型有所影响的</t>
  </si>
  <si>
    <t>咳嗽可以泡澡吗</t>
  </si>
  <si>
    <t>感冒时，人体抵抗力下降，会出现寒战发热症状，不少感冒患者还伴有扁桃腺发炎等炎症，更需要大量补充水分。这时，人体如果处于温度较高、湿度较大的温泉中，会因周围环境温度较高，而加速体内水分蒸发，从而易造成脱水、缺氧、咳嗽加重甚至呼吸困难等不良反应；感冒患者用药后泡温泉，血液循环加速也会使病人面临风险；病人在露天温泉出浴后，很容易受凉，这也会加重感冒。</t>
  </si>
  <si>
    <t>5c和5s手机壳通用吗</t>
  </si>
  <si>
    <t>不通用，5c的后盖是圆润的，5和5s的都是规规矩矩的矩形</t>
  </si>
  <si>
    <t>阿提克斯研究所是真的吗</t>
  </si>
  <si>
    <t>美国恐怖电影阿提克斯研究所是根据部分真实事件虚构的伪纪录片电影，整体故事情节是编导虚构的</t>
  </si>
  <si>
    <t>计算机信息管理能成功注册一级建造师吗</t>
  </si>
  <si>
    <t>计算机信息管理专业符合报考一级建造师，即能报考就能注册。</t>
  </si>
  <si>
    <t>电磁炉省电吗</t>
  </si>
  <si>
    <t>电磁炉在使用过程中直接跟锅体接触产生热能，热效率完全被锅体吸收，经实验而知，一日三餐，每餐四菜一汤，月耗电不会超过70度，平均每度电0.7元计算，每月电费只需50元，比燃气灶更经济。</t>
  </si>
  <si>
    <t>卵泡少能怀孕吗</t>
  </si>
  <si>
    <t>你好，对于卵泡数量少，但是发育正常存在优势卵泡可以排出的话是不会影响怀孕，但是卵泡个数少，未见优势卵泡，发育小就会影响怀孕，容易造成不孕。</t>
  </si>
  <si>
    <t>电信4g手机能用联通卡吗</t>
  </si>
  <si>
    <t>1.只要手机终端支持联通任一制式，即可使用联通卡，联通的2G制式是GSM，3G制式为WCDMA，4G制式为TDD-LTE和FDD-LTE；2.具体手机支持的制式情况，需联系手机客服或查看手机说明书；3.联通4G自动向下兼容3G，如所在位置无4G网络时，会自动切换到3G网络；联通3G自动向下兼容2G，如所在位置无3G信号或3G信号不稳时，会自动切换到2G.</t>
  </si>
  <si>
    <t>qq音乐有收音机吗</t>
  </si>
  <si>
    <t>QQ音乐播放器是一款带有精彩音乐推荐功能的播放器。同时支持在线音乐和本地音乐的播放，是国内内容最丰富的音乐平台。</t>
  </si>
  <si>
    <t>结业证能签劳动合同吗</t>
  </si>
  <si>
    <t>结业证书一般是不影响与用人单位签订劳动合同的，只要劳动者年满18周岁，在用人单位工作，都是可以和用人单位签订劳动合同的。</t>
  </si>
  <si>
    <t>胆囊炎可以吃枸杞吗</t>
  </si>
  <si>
    <t>胆囊炎患者能吃枸杞的。枸杞子主要是滋补肝肾阴的作用，胆囊炎必须少吃糖。要注意饮食卫生，预防寄生虫感染。建议口服利胆药，如硫酸镁、消炎利胆片、清肝利胆口服液、保胆健素等;应用熊去氧胆酸、鹅去氧胆酸、消石素等溶石;忌食辣椒、咖喱、芥菜等具有强烈刺激性的食物，忌酒及咖啡、浓茶。</t>
  </si>
  <si>
    <t>infj型人格 最稀少么</t>
  </si>
  <si>
    <t>INFJ的条件太苛刻了，所以很少。把气质、人格、智力和情绪看做评价一个人的四个主要因素的话，那INFJ基本上在这四个因素上都要非常拔尖。单独一个因素拔尖已经很困难了，还要四个因素都拔尖，那基本可以称得上是万里挑一的人。</t>
  </si>
  <si>
    <t>明年退休职工还涨工资吗</t>
  </si>
  <si>
    <t>这个不好说。截至今年，企业退休人员的养老金已经连续十年上调，但在2000年初，也有退休金好几年不涨的情况。所以，涨不涨还要看国家的政策。</t>
  </si>
  <si>
    <t>滞纳金可以超过本金吗</t>
  </si>
  <si>
    <t>在税收征管领域，对所处税收罚款、滞纳金能否超过本金，一直存在着模糊的认识。</t>
  </si>
  <si>
    <t>刚怀孕可以同房吗</t>
  </si>
  <si>
    <t>如果已经确定是怀孕了，那建议在怀孕后三个月内最好是能避免有同房的好，这样就不会有影响了</t>
  </si>
  <si>
    <t>放风筝时,风筝线同地面角度越大飞得越高吗</t>
  </si>
  <si>
    <t>不是,放风筝要及时松线,轻拽线</t>
  </si>
  <si>
    <t>铁观音需要冷藏吗</t>
  </si>
  <si>
    <t>铁观音茶叶冷藏保存的原因是铁观音茶介于绿茶和红茶之间，属于半发酵茶类，冷藏可以起到保鲜的效果，但不是所有的铁观音都需要冷藏保存的。</t>
  </si>
  <si>
    <t>咖啡渍能洗掉么</t>
  </si>
  <si>
    <t>衣服沾上了茶渍或咖啡渍，如果马上处理，大多数可以去除。处理方法是用湿毛巾，在污垢处拍击，直擦到污垢干净为止.如果沾到茶渍已有一段时间，则要视乎衣物质地而处理。棉织品及成纤维可用洗涤剂， 或用三十倍的阿摩尼亚水溶液拍洗。而毛织品可以用收敛化妆水拍洗，可用十倍的甘 油水溶液洗涤剂亦可。而干了茶渍及咖啡渍，则可用冰葱来洗。</t>
  </si>
  <si>
    <t>月经来能吃梨吗</t>
  </si>
  <si>
    <t>月经期间可以吃梨，但不宜吃多</t>
  </si>
  <si>
    <t>车贷有年龄限制吗</t>
  </si>
  <si>
    <t>有的，办理购车贷款年龄须在18至65周岁之间，具有完全民事行为能力的合法公民。</t>
  </si>
  <si>
    <t>etc安装位置能变动吗</t>
  </si>
  <si>
    <t>可以，但是必须放前面可以扫描到的地方</t>
  </si>
  <si>
    <t>ETC安上后一般是不能再动了，只要你将底座拿下来，ETC就不能使用了，要到ETC服务部或安装部门重新激活才行。</t>
  </si>
  <si>
    <t>晚上泡温泉好吗</t>
  </si>
  <si>
    <t>晚上因为温泉水泡的人多，温泉水更柔和，更养生。晚上九点开始泡温泉，有助于睡眠，提高免疫力，可以缓解一天的疲惫，放松身心，泡完温泉后再睡觉有安神助眠的作用，可以为第二天的精力充沛做准备。</t>
  </si>
  <si>
    <t>cad可以在苹果的操作系统上安装吗</t>
  </si>
  <si>
    <t>可以安装的，在苹果的系统上能安装CAD，版本也有很多，看要安装哪一种。</t>
  </si>
  <si>
    <t>电动摩托车是不是机动车</t>
  </si>
  <si>
    <t>摩托车属于机动车，电动车要看具体类型，按电动车新标准，将“40公斤以上、时速20公里以上的电动自行车，称为轻便电动摩托车或电动摩托车，划入机动车范畴”。但这项标准由于受到较大的反对声，到目前为止还没有正式实施，全国各地对超标电动车的管理也不一样，有的地方按机动车管理，有的地方按非机动车管理。</t>
  </si>
  <si>
    <t>问道海外版好玩吗</t>
  </si>
  <si>
    <t>道海外版其实挺好玩的，看你怎么玩</t>
  </si>
  <si>
    <t>保妇康栓治疗宫颈糜烂有效吗</t>
  </si>
  <si>
    <t>　保妇康栓治疗宫颈糜烂效果好，可杀灭引起糜烂的病原微生物;活血化瘀，增加糜烂部位血液循环及末稍血白细胞数，增强吞噬细胞的吞噬能力;同时去腐生肌，促进组织更新修复，使糜烂面柱状上皮细胞坏死脱落，被新生的鳞状上皮细胞覆盖。不流脓水，不留疤痕，不影响受孕及分娩。</t>
  </si>
  <si>
    <t>宫颈糜烂药物治疗的效果不是太理想，如果你已生育，用物理和手术治疗效果比较好，如果想用药物治疗，只要缓解下症状就可以了。</t>
  </si>
  <si>
    <t>我用保妇康栓治疗宫颈糜烂半年了，效果一般</t>
  </si>
  <si>
    <t>杏仁小孩能吃吗</t>
  </si>
  <si>
    <t>孩子是可以吃杏仁的但是不可以多吃</t>
  </si>
  <si>
    <t>常思思离开海政了吗</t>
  </si>
  <si>
    <t>常思思离开海政文工团 只是早晚的事情</t>
  </si>
  <si>
    <t>梦幻西游气归术值钱吗</t>
  </si>
  <si>
    <t>值钱，具体参照你们服的价格</t>
  </si>
  <si>
    <t>黑寡妇有单独电影吗</t>
  </si>
  <si>
    <t>熊猫tv可以改名字吗</t>
  </si>
  <si>
    <t>在个人资料界面中，图像可以重新上传修改，但是名字无法修改。</t>
  </si>
  <si>
    <t>普通的玉米可以做爆米花吗</t>
  </si>
  <si>
    <t>可以，但是一般好的爆米花和好的玉米汁都挑选颗粒饱满的很好的玉米，做出来的才好吃，如果普通玉米颗粒又小又不够甜的话，虽然可以做出来，可是形状、口感和味道肯定会差点。</t>
  </si>
  <si>
    <t>交流电可以串联吗</t>
  </si>
  <si>
    <t>当然不能！假设每个灯泡额定电压都是220V,是不是为了正常使用串联电压要平分？那样是不是需要总电线两端要很高电压？如果它们电阻相等（一样的灯泡）且额定电压相等，一两个灯泡可以串联。但阻值不相等的灯泡串联，你能保证他们分的电压都一样？</t>
  </si>
  <si>
    <t>农村阳宅能立正子山午向吗</t>
  </si>
  <si>
    <t>按八宅九星理论来讲，子山午向的房子是不错的。八宅财位在离宫，九星8白旺星在向，财运不错</t>
  </si>
  <si>
    <t>catti证书有用吗</t>
  </si>
  <si>
    <t>CATTI证书的有用程度也是相对的，有证书，也不一定能保证能找到好工作,这个证书只是一个资格认证，证明译员有一定的翻译基础，而且这个基础随着三级笔译、二级笔译到一级笔译、一级口译不断提升。在CATTI系列的考试里，最有用的就是二级口译证书，也是最有含金量的一个。从实用的角度来讲，二级口译证书绝对是有用的，至少在一些招聘考试里是必须的敲门砖。即便不是必须，也绝对是很有说服力的实力展现。</t>
  </si>
  <si>
    <t>dnf忍者厉害吗?</t>
  </si>
  <si>
    <t>唯一的消息就是忍者职业的技能范围和技能伤害比较高，其实忍者到了后期在有了一定装备支持之后刷图也是相当暴力的，一点都不输给其他的高伤害职业。</t>
  </si>
  <si>
    <t>六道木是降龙木吗</t>
  </si>
  <si>
    <t>同一物，没区别。六道木，又叫降龙木。生长于佛教圣地五台山，每颗珠上都有六道天然形成的纹络，象征着六字箴言（即六字大明咒：嗡嘛呢呗咪吽），有极强的加持力，可以镇宅驱邪。</t>
  </si>
  <si>
    <t>存折里的钱被人取走,银行要不要承担责任</t>
  </si>
  <si>
    <t>一般无责任，因为密码作为验证工具，一旦被人知道，代办的话都是可以取款的。但金额一旦到了5万人民币，则银行必须验证代办人和本人身份证，如果到了这个金额没验证证件，则银行必须负责；</t>
  </si>
  <si>
    <t>关键在于，是否由于银行方面的原因造成资金的丢失？比如银行系统的漏洞被人入侵，或者网银的安全性有问题等等。不过，如果要确定银行的责任，需要及时保留证据（比如网银截图、相关记录等等）</t>
  </si>
  <si>
    <t>如果其中有银行保管不善的原因，那么按照其所占的比例来承担责任。但一般与银行交涉比较困难，可以通过诉讼等途径寻求解决。</t>
  </si>
  <si>
    <t>ipad可以连接电脑吗</t>
  </si>
  <si>
    <t>处女第一次,没有内射了,会怀孕吗</t>
  </si>
  <si>
    <t>临床上讲，只要是发生了性关系都有几率怀孕，和第几次没有关系，无论是不是安全期，是否采取避孕措施，都有可能，只是几率大小的问题。</t>
  </si>
  <si>
    <t>dp支持音频吗</t>
  </si>
  <si>
    <t>DP规范中是可以传声音的。</t>
  </si>
  <si>
    <t>每天跑步好吗?</t>
  </si>
  <si>
    <t>勿庸置疑，跑步的好处非常多，只要对跑步的姿态和技巧稍加调整，就能从跑步中获取更多益处！</t>
  </si>
  <si>
    <t>刀可以托运么</t>
  </si>
  <si>
    <t>除管制刀具外，其它的都可以托运，比如说餐刀啊，厨师用刀啊，等等都可以，但绝对不能随身和在手提行李携带！</t>
  </si>
  <si>
    <t>练行书必须得会楷书么</t>
  </si>
  <si>
    <t>必须从楷书练起，不要听外行瞎说。</t>
  </si>
  <si>
    <t>不一定，见过没有学楷书就写行书也写得很好的人。</t>
  </si>
  <si>
    <t>这得分俩方面说，书法现在有硬笔和软笔之分。习硬笔书法，如果是学写行书，大可不必去习楷体，因为他们之中没有很强的内在联系，在网上或者是书店买个行书字模板，每天照着练习，一天写好一个字。有一个月你的硬笔行书字就可登大雅之堂了。如果是学习软笔行书，也就是毛笔字，那是非练楷书不可的，因为楷书是隶、行、草、篆的基础，有坚实的基础了，再去习行书，那样手高眼阔，事半功倍。何乐而不为。</t>
  </si>
  <si>
    <t>摩托车有柴油的吗</t>
  </si>
  <si>
    <t>摩托车也有用柴油机的</t>
  </si>
  <si>
    <t>胃病会导致拉肚子吗</t>
  </si>
  <si>
    <t>胃是人体消化管最膨大的部分，我们将它分为贲门部、胃底、胃体、胃窦四部分。正常空腹时胃处于收缩状态，胃腔比较小，进食后胃底首先处于舒张状态，以后逐渐将胃底的食物输送到胃窦并排空至十二指肠。胃部发生炎症、溃疡和肿瘤时，势必影响胃酸分泌，胃酸的杀菌作用和胃肠道的消化作用，所以易于发生肠道感染和吸收不良性腹泻。</t>
  </si>
  <si>
    <t>胃不好是不会引起拉肚子的，拉肚子是因为肠道功能紊乱导致的。</t>
  </si>
  <si>
    <t>遮光罩是通用的吗</t>
  </si>
  <si>
    <t>只要镜头的焦距不同或者口径不同、遮光罩就肯定不通用。</t>
  </si>
  <si>
    <t>怀孕可以吃酸辣粉吗</t>
  </si>
  <si>
    <t>孕妇可以吃酸辣粉的。</t>
  </si>
  <si>
    <t>最好不要吃那些过于刺激的东西。</t>
  </si>
  <si>
    <t>你好，如果肠胃没有不适的症状，是可以少量吃辛辣食物的。</t>
  </si>
  <si>
    <t>可以吃酸辣粉，但是不能多吃，也不要去外面吃。</t>
  </si>
  <si>
    <t>长期喝红茶好吗</t>
  </si>
  <si>
    <t>只要您自己在喝完后没有什么不良的反应，完全可以喝的</t>
  </si>
  <si>
    <t>红茶是一种常见的茶，人们常说，女人多喝红茶，男人多喝绿茶，喝红茶能够很好的保护心脏，抗癌症，延缓衰老等作用</t>
  </si>
  <si>
    <t>三步倒毒死的狗能吃吗</t>
  </si>
  <si>
    <t>看死去的时间，如果刚死的，可以把内脏全去掉，动作要快。如果死的时间超过30分钟，最好不要了。</t>
  </si>
  <si>
    <t>马油唇膏孕妇可以用吗</t>
  </si>
  <si>
    <t>孕妇尽量少使用化妆品</t>
  </si>
  <si>
    <t>淘宝宝贝是自动上下架吗</t>
  </si>
  <si>
    <t>自2010年9月2日起，所有的卖家都将享受自动上架功能，取消原有的商品到期自动下架功能。只要宝贝是正常有效的状态，系统就将自动重新上架！无需卖家设置。</t>
  </si>
  <si>
    <t>口爆会得艾滋吗</t>
  </si>
  <si>
    <t xml:space="preserve">这种情况感染艾滋的机率是很低很低的！几乎不可能！ </t>
  </si>
  <si>
    <t>龙千言最后死了吗</t>
  </si>
  <si>
    <t>马三炮和李亚楠在一起，龙千言和万山红在一起，结局马三炮在一场战斗中死去，万山红替龙千言炸火车也死去，最后身为解放军的李亚楠在监狱找到了龙千言，龙千言没死</t>
  </si>
  <si>
    <t>男人开红色车好看吗</t>
  </si>
  <si>
    <t>当然好看，红色代表激情，老爷们就应该有点激情！</t>
  </si>
  <si>
    <t>红色别买。</t>
  </si>
  <si>
    <t>自己喜欢就好，有什么好纠结。</t>
  </si>
  <si>
    <t>淘宝有双十一吗</t>
  </si>
  <si>
    <t>双十一是针对天猫店的活动，双十二才是淘宝C店的活动</t>
  </si>
  <si>
    <t>香格里拉有没有火车站</t>
  </si>
  <si>
    <t>香格里拉是没有火车站的，有一种走法是丽江坐火车到昆明再换客车，比较麻烦。</t>
  </si>
  <si>
    <t>芦荟可以做菜吗</t>
  </si>
  <si>
    <t>芦荟是一种植物的统称，它的各类繁多，据记载的就有300多种，其中按其功能又分为药用芦荟、食用芦荟和观赏芦荟。所以，说芦荟能吃太片面了，还得要看那种是不是食用芦荟。</t>
  </si>
  <si>
    <t>iphone6s 支持电信4g吗</t>
  </si>
  <si>
    <t>国行苹果iPhone 6S是全网通机型，能用电信卡。苹果iPhone 6S（全网通）手机，网络模式：移动TD-LTE，联通TD-LTE，联通FDD-LTE，电信TD-LTE，电信FDD-LTE，移动3G（TD-SCDMA），联通3G（WCDMA），电信3G（CDMA2000），联通2G/移动2G（GSM）。支持移动、联通和电信的4G、3G、2G网络，能用电信卡。</t>
  </si>
  <si>
    <t>玉米乌米能吃吗</t>
  </si>
  <si>
    <t>乌米像其他的可食用菌一样不仅味美，而且营养丰富，乌米在农村老中医那里，还具有健脾胃、利肝胆、安神的功效。</t>
  </si>
  <si>
    <t>5个月的宝宝能看电视吗</t>
  </si>
  <si>
    <t>宝宝在三岁之前都尽量不要给他看电视，因为宝宝的视力还处于发育完善阶段，如果看多了电视会对眼睛产生刺激导致视力低下。</t>
  </si>
  <si>
    <t>深圳直辖可能吗</t>
  </si>
  <si>
    <t>会的，这是大势所趋！</t>
  </si>
  <si>
    <t>奶豆腐好吃吗</t>
  </si>
  <si>
    <t>奶豆腐分软硬两种。口感也完全不一样。软的如豆腐一般，乳白色口感滑偏甜。适合老幼食用。硬的是通过发酵晾干的，乳黄色，口感如腊，有浓郁乳香味。因质地比较硬适合青年（也有不少人切条泡入奶茶里吃）共同点是：脂肪含量少，对于想吃奶香又怕胖的最好不过了。</t>
  </si>
  <si>
    <t>特岗可以辞职吗</t>
  </si>
  <si>
    <t>可以辞职，按照劳动法规定，需要提前30天递交辞职申请，而且要所在地的学校领导签字同意，然后要做好工作交接，月底才能离开。</t>
  </si>
  <si>
    <t>抵抗3好玩吗</t>
  </si>
  <si>
    <t>抵抗3这么好玩的游戏为什么销量那么惨淡？</t>
  </si>
  <si>
    <t>抵抗3太恶心了，感觉不会再玩了</t>
  </si>
  <si>
    <t>多种情况，因人而异</t>
  </si>
  <si>
    <t>q5柚木棕好看吗</t>
  </si>
  <si>
    <t>喜欢柚木棕的奥迪Q5   这款颜色更漂亮   看起来更加深邃  在太阳光的照耀下非常漂亮</t>
  </si>
  <si>
    <t>ssd分区好不好</t>
  </si>
  <si>
    <t>128以下不必分区。但如果是本本，只有一个SSD，那建议分出一个小点的区，比如20G左右，做ghost还原用。256以上应该分区。128G及以下的没必要。</t>
  </si>
  <si>
    <t>定型喷雾能带上飞机</t>
  </si>
  <si>
    <t>不能.. 真的不能.....</t>
  </si>
  <si>
    <t>夏普电视是否进口面板</t>
  </si>
  <si>
    <t>多年来，夏普一直宣称液晶面板“100%自产”。夏普电视营销人员都是言之凿凿说“夏普液晶电视的面板都是夏普原装自产，全球质量最高。</t>
  </si>
  <si>
    <t>自由之战好玩吗</t>
  </si>
  <si>
    <t>自由之战还可以把。</t>
  </si>
  <si>
    <t>淘宝诈骗钱能追回来吗</t>
  </si>
  <si>
    <t>只要是正常淘宝购买流程，申请退款，钱可以追回来。但如果不是走淘宝正常购买，就不好说了。让你二维码支付的，钱是要不回来的。</t>
  </si>
  <si>
    <t>打印机碳粉能通用吗</t>
  </si>
  <si>
    <t>如果都能通用就好了</t>
  </si>
  <si>
    <t>只要粉的基本性质相同就可以。</t>
  </si>
  <si>
    <t>小狗可以吃猪肝吗</t>
  </si>
  <si>
    <t>偶尔吃一点是可以的，动物肝脏狗狗吃多了会影响狗狗对钙的吸收，而且会引起维A中毒和结石。建议不要长期让狗狗吃</t>
  </si>
  <si>
    <t>生理期可以喝牛奶吗</t>
  </si>
  <si>
    <t>由于女性在月经来潮时，身体会流失一部分血液，血液的主要成分中有钾和钙等主要成分，因此，应补充蛋白质，矿物质等营养物质及用一些补血药，在此期间，既可美容养颜又有补血活血作用的牛奶是不可缺少的了</t>
  </si>
  <si>
    <t>牛奶中含丰富的钙，能量，蛋白质，脂肪，碳水化合物，微生素，铁，锌等。但是这些元素会容易与镁元素发生化学作用，能破坏人体对镁的吸收，要知道蛋白质合成、神经传导、肌肉收缩、体温调节、细胞完整的维持及能量代谢都离不开镁。经期镁缺失，会加重子宫神经肌肉的抽搐，增加痛经的疼痛感，而且还使人体免疫力下降。</t>
  </si>
  <si>
    <t>致尚纯排毒膏效果好不好</t>
  </si>
  <si>
    <t>非常好用，简单方便。机效果很好</t>
  </si>
  <si>
    <t>海上世界好玩吗</t>
  </si>
  <si>
    <t>海上世界绝对值得一去的地方。</t>
  </si>
  <si>
    <t>蛇口海上世界，其实没什么好玩的</t>
  </si>
  <si>
    <t>海上世界算得上是在深圳一等一的夜景了，这里白天感觉不怎么样，但是晚上的风景绝佳。</t>
  </si>
  <si>
    <t>兰花耐寒吗</t>
  </si>
  <si>
    <t>兰科植物畏寒，因此在北方没有野生资源分布，兰花中，最耐寒的品种为蕙兰，最低能耐摄氏零下2度的低温，其他地生兰类最低能耐2度低温有些可耐至零度，洋兰类附生兰类一般产于热带地区，最不耐寒，摄氏5度以下就会出现生存危机。</t>
  </si>
  <si>
    <t>吸烟影响睡眠吗</t>
  </si>
  <si>
    <t>想提高睡眠质量，最好的方法就是戒烟。</t>
  </si>
  <si>
    <t>吸烟不但会消除炎症，吸烟也是直接作用于睡眠的。</t>
  </si>
  <si>
    <t>淘宝买的衣服洗了可以退吗</t>
  </si>
  <si>
    <t>肯定不能退的，洗完的衣服有洗衣粉的味道，而且很明显，这完全影响卖家二次销售了。。。我自己卖衣服的，也经常受到买家寄回来洗过的衣服，一闻就能分辨。。。只要卖家发现，完全可以不给你确认退款的</t>
  </si>
  <si>
    <t>羊毛大衣容易起球吗</t>
  </si>
  <si>
    <t>羊毛的起球和鞋底磨损一样，耐磨性是相对的，而移损是绝对的、肯定的。同样羊毛织物起球是肯定的、起球程度和你个人穿着的程度有一定关系的</t>
  </si>
  <si>
    <t>在穿着过程中受到比本身粗糙的任何织物的磨擦，都会产生起毛，并再形成球粒</t>
  </si>
  <si>
    <t>cs35乳化问题解决了吗</t>
  </si>
  <si>
    <t>14款只是比12款多了一条几元钱的补气胶管，13年冬季依旧产乳，只是轻了点，没治了。</t>
  </si>
  <si>
    <t>nero要钱吗</t>
  </si>
  <si>
    <t>有免费破解版的</t>
  </si>
  <si>
    <t>肺癌能根治吗</t>
  </si>
  <si>
    <t>“早期肺癌和晚期肺癌的治疗效果，是完全不一样的。如果能早期发现肺癌，大约80%的患者，都是可以治好的。肺癌不同于肝癌或其他癌症，治疗效果相对乐观，早期发现再经过治疗，患者可以正常工作和生活。”吴式琇院长说，“但肺癌早期的症状并不明显，除了肿瘤生长部位靠近器官和肺门的情况外，患者自身不会有明显不适。所以，我觉得早期发现肺癌的最好方法，就是体检。</t>
  </si>
  <si>
    <t>乳腺癌术后是否有月经</t>
  </si>
  <si>
    <t>月经主要是通过激素水平的影响而呈现规律性的变化，和乳腺关系不大，因此是正常的，</t>
  </si>
  <si>
    <t>吃中药能吃阿胶吗</t>
  </si>
  <si>
    <t>阿胶膏有养阴补血和增强免疫力作用的中成药的，是很好的药物，吃中药的同时是可以服用的。</t>
  </si>
  <si>
    <t>淘宝店铺可以暂时关闭吗</t>
  </si>
  <si>
    <t>没有关闭这么一说，你把产品全部下架三个星期就会提示你你的店铺连续三周上架宝贝为零请你尽快上架，不然就会被释放！ 等你需要再开通的时候上架10个产品就可以了！</t>
  </si>
  <si>
    <t>知女护发酊有用吗</t>
  </si>
  <si>
    <t>现在这类打着防脱生发产品实在太多了，不过既然是酊剂，就应该是药品。你可以查一下批号，如果没有的话，建议不要乱用。</t>
  </si>
  <si>
    <t>芦荟可以天天用吗</t>
  </si>
  <si>
    <t>可以，如果对芦荟成分不过敏的，一般长期使用问题不大</t>
  </si>
  <si>
    <t>燕窝有激素吗</t>
  </si>
  <si>
    <t>对，燕窝里有激素。根据香港中文大学最新的医学实验报告，燕窝含有细胞分裂激素与表皮生长因子。天然燕窝不含有雌性激素，请放心！错误说法一：吃燕窝会皮肤好，能美容养颜的原因就是因为燕窝含有雌性激素。</t>
  </si>
  <si>
    <t>扁桃体发炎能喝啤酒吗</t>
  </si>
  <si>
    <t>平时要锻炼身体,增强体质,注意口腔卫生，多喝水，不要喝酒，忌刺激性食物。</t>
  </si>
  <si>
    <t>孕妇能不能喝红糖水</t>
  </si>
  <si>
    <t>特别是一些血糖比较高的孕妇更是要少喝一些红糖水，孕妇需要根据自己的身体情况来判定是否可以喝红糖水。孕妇非常容易得妊娠糖尿病，如果在怀孕期间再喝红糖水必定会加大患妊娠糖尿病的可能。</t>
  </si>
  <si>
    <t>家庭安装低音炮扰民吗</t>
  </si>
  <si>
    <t>在广州一户家庭，因为家里有家庭影院，一般都会安装低音炮，，它完美的音质令人欲罢不能，但是有时候也会因为它带来一些麻烦。邻居偶尔就会过来敲门说声音太大。</t>
  </si>
  <si>
    <t>无痛人流是全麻吗</t>
  </si>
  <si>
    <t>aps画幅是全画幅吗</t>
  </si>
  <si>
    <t>APS画幅镜头是专为APS画幅的单反机身制作的，覆盖的感光元件面积小些，在全画幅相机身上使用很可能会出现周围一圈黑边。</t>
  </si>
  <si>
    <t>虚像能否在光屏上成像</t>
  </si>
  <si>
    <t>虚像是不能用光屏承接的</t>
  </si>
  <si>
    <t>小学生学籍能消掉吗</t>
  </si>
  <si>
    <t>现在小学生学籍号都是入了网的，在教育系统中只有一个，和个人身份证是关联在一起的.不能消掉</t>
  </si>
  <si>
    <t>怀孕可以吃瑶柱吗</t>
  </si>
  <si>
    <t>孕妇可以吃瑶柱</t>
  </si>
  <si>
    <t>泰森是左撇子吗</t>
  </si>
  <si>
    <t>哥的 皇冠拳迷 当然相关森哥的.比赛或 视频 我估计 几乎都看过了 以我多年 对森歌的 关注经验来看.我认为 他很可能是左撇子,虽然是传统右势.  但看过 森哥80年代拳赛的.朋友可能知道 他时而也用左撇子的姿势.(对 哈林平比赛  可以看看).大沙袋, 打影子训练... ...   他很惯用左手的!!!!!!</t>
  </si>
  <si>
    <t>泰森不是左撇子…只是左手的威力大些</t>
  </si>
  <si>
    <t>网络电视机可以看实时节目吗</t>
  </si>
  <si>
    <t>网络电视机顶盒能看实时有线直播</t>
  </si>
  <si>
    <t>flv能在手机上播放吗</t>
  </si>
  <si>
    <t>自带的播放器能播放，mx player能播放，大部分网页视频也是flv格式，安装flash后浏览器也能播放。</t>
  </si>
  <si>
    <t>如果你是普通手机的话，很遗憾的告诉你，打不开！一般flv格式的视频需要万能解码器才能支持，也就是MP5才可以播放，一般手机是无法播放的。</t>
  </si>
  <si>
    <t>脱产算全日制吗</t>
  </si>
  <si>
    <t>脱产是全日制</t>
  </si>
  <si>
    <t>一天能买两张火车票吗</t>
  </si>
  <si>
    <t>现在春运期间铁道部新规定一张身份证当天只可以购买一张火车票，有时间冲突是没有办法购买的</t>
  </si>
  <si>
    <t>一张订单最多可支付五张车票款，超出五张可再下订单，但每张票都要对应一个身份证</t>
  </si>
  <si>
    <t>只要不存在时间冲突都是可以购买车票的。如果您已经购买了11月11号12:30分上海到南京的动车，您还想购买11月11号13:00上海到南京的动车，这样的情况下是不允许的，其他的情况下您是可以预订同一天的车票，因为两者之间存在时间冲突。</t>
  </si>
  <si>
    <t>一张有效身份证件同一乘车日期同一车次只能购买一张实名制车票，你购买的是不同车次的两张票，完全没有问题</t>
  </si>
  <si>
    <t>一个人可以购买多张的火车票 但是同一张的身份证只能购买同一次列车的一张火车票</t>
  </si>
  <si>
    <t>只要不是在同一个日期同一车次就可以购买两张火车票</t>
  </si>
  <si>
    <t>家里可以装两个无线路由器吗</t>
  </si>
  <si>
    <t>完全可以啊，只要需要，别说两个，三个四个都没问题。关键是需不需要。加的时候猫就不用了，连接设置好路由器就可以，可以网线连，也可以无线中继或桥接。</t>
  </si>
  <si>
    <t>easyui支持ie6吗</t>
  </si>
  <si>
    <t>可以支持，只是性能比较差，easyui依赖于jquery ，一般你看看jQuery对应版本是否支持IE就知道了</t>
  </si>
  <si>
    <t>绿豆汤下火吗</t>
  </si>
  <si>
    <t>绿豆汤可下火。</t>
  </si>
  <si>
    <t>论文目录包括摘要吗</t>
  </si>
  <si>
    <t>一般论文摘要应该放在目录的前面。摘要的目的是让别人搜索论文的时候可以知道你的论文大概是讲什么的，后面有关键词，方便搜索。摘要不宜长篇大论，扼要介绍论文的背景和解决了什么问题就可以了。目录后面的叫做“引言”或者“绪论”。很多学生的毛病是把该写在引言里的内容都放到摘要里来了。</t>
  </si>
  <si>
    <t>奇酷是双卡双待双通吗</t>
  </si>
  <si>
    <t>奇酷的旗舰版全网通，支持卡一放置电信卡，卡二切换移动4G卡上网。目前没有同时支持两张电信卡待机的手机，更谈不上上网了</t>
  </si>
  <si>
    <t>剑网三网通可以转电信吗</t>
  </si>
  <si>
    <t>目前已开放电信一区、电信二区、电信三区、电信四区、电信六区、电信七区之间的互转功能，以及电信五区与电信八区之间的互转功能，您可以在以上两种组合的大区内自由转移。其他大区目前暂时只支持同区转服，跨区转服将会在后续陆续开放。</t>
  </si>
  <si>
    <t>网通转电信这个涉及到一个网络线路的问题，目前暂时没有这方面的计划呢，后续是否会开放不分线路的服务器这个需静待后续的运营计划哦。</t>
  </si>
  <si>
    <t>为什么电信网通不可以互转。</t>
  </si>
  <si>
    <t>血常规尿常规检查需要空腹吗</t>
  </si>
  <si>
    <t>一般检查最好空腹,你吃了饭后有些指标会短期增高的因为你刚吃的东西被吸收还没被利用.最好空腹去吧,尿液一般是去了后再收集的医生会给你收集的工具.</t>
  </si>
  <si>
    <t>血常规和尿常规没必要是空腹的,尿常规是在医院收集尿液的.</t>
  </si>
  <si>
    <t>如果只是单查血常规是不需要空腹的，单位体检一般都有肝功能检查，这个是需要空腹抽血的。</t>
  </si>
  <si>
    <t>有假牙能用电动牙刷吗</t>
  </si>
  <si>
    <t>可以的，只要是软毛的牙刷就没有任何事情的，平时不吃过硬的食物防止有伤害.</t>
  </si>
  <si>
    <t>安奴是赛罗的妈吗</t>
  </si>
  <si>
    <t>赛罗他妈貌似就是安奴！</t>
  </si>
  <si>
    <t>沙发算固定资产吗</t>
  </si>
  <si>
    <t>是的，作为办公家具计入固定资产</t>
  </si>
  <si>
    <t>支付宝花呗能买qq币吗</t>
  </si>
  <si>
    <t>当然是可以的，</t>
  </si>
  <si>
    <t>国内可以上gmail吗</t>
  </si>
  <si>
    <t>松湖雅苑好不好</t>
  </si>
  <si>
    <t>感觉目前的松山湖楼盘还是相当不错的，并且不知道怎么回事松山湖的楼盘现在价格也是超级贵的，并且在松山湖的话，环境也是非常不错的，居住在里面也是很舒适类型的，并且地理位置也还是挺好的，出行也都是非常方便的，感觉这个楼盘估计价格真的便宜不了的那种，所以可以多看看.</t>
  </si>
  <si>
    <t>凯南需要减cd吗</t>
  </si>
  <si>
    <t>没必要用CD装</t>
  </si>
  <si>
    <t>不败传说好玩吗?</t>
  </si>
  <si>
    <t>不败传说是冰川2015年出的一款最新的国战网游，封测的时候去玩过，那个时候有一些BUG，但是我还是忍不住玩了一个月，第一次看到这么特别的游戏，很搞笑还很激情！坐等3月25日正式开测。</t>
  </si>
  <si>
    <t>芦笋嘌呤高吗</t>
  </si>
  <si>
    <t>芦笋为高嘌呤食物容易引起痛风芦笋、含嘌呤(每100g食物含嘌呤&lt;75mg)</t>
  </si>
  <si>
    <t>湿疹可以喝柠檬水吗</t>
  </si>
  <si>
    <t>柠檬行为酸，有收敛的作用，不适合湿疹的病人服用的。</t>
  </si>
  <si>
    <t>晚上搬家好不好</t>
  </si>
  <si>
    <t>对于讲究的人来说，晚上是不宜搬家的，因为家对人们来说是有特殊意义的，有人喜欢找大师算吉日，这样有成本，我觉得应该早晨天刚亮的时候搬，为什么呢，因为它有一个吉利的寓义，叫越搬越亮，你想，天刚亮的时候开始搬，搬着搬着天就亮了，根据寓义来讲搬进这个新家生活，工作，心情各方面都跟着好起来，晚上搬家。。。请楼主根据寓义反相思考，当然是大家都不希望的了，还有。。搬家前先点燃一个煤炉，等烧的的正旺的时候第一个搬进去，然后再搬其它东西，这也是借了旺字的寓义</t>
  </si>
  <si>
    <t>directx越高越好吗</t>
  </si>
  <si>
    <t>越高越好。</t>
  </si>
  <si>
    <t>dx版本并不是越高越好，高了也会卡(比如，曲面细分 Tessellation 特效 ，dx10不支持玩游戏不会卡，dx11就支持，fps就要下降)。</t>
  </si>
  <si>
    <t>男人脚后跟疼是肾虚吗</t>
  </si>
  <si>
    <t>很多人都会觉得脚后跟疼痛是由于脚部韧带发炎而引起的，人的脚后跟是由关节、肌腱和韧带组成，脚底的韧带紧连着跟骨的底端。脚后跟疼痛，多半还是和我们的肾脏有关联的，这个时候我们最好要去医院仔细的了解一下，到底是肾阴虚还是肾阳虚。</t>
  </si>
  <si>
    <t>自考就是成人高考吗</t>
  </si>
  <si>
    <t>男人喜欢女人阴毛多吗</t>
  </si>
  <si>
    <t>我是喜欢，但是人的爱好不一样，很难说都喜欢，</t>
  </si>
  <si>
    <t>买台佛珠机加工挣钱吗</t>
  </si>
  <si>
    <t>一天七八百  我也是做珠子的   木料的话刚开始大概不懂但慢慢熟悉就好了  不过机子可得买到好的顺手的  不然太耽误事了   我的这个就不顺手 一直也就是将就着用  还浪废料 我对面那家的机子好   比我这也贵不多少 人家车珠子比我的圆 还快 多出活主要是省料这就等于比我都挣得多   希望您能成功</t>
  </si>
  <si>
    <t>现在日本车还能买吗</t>
  </si>
  <si>
    <t>只要法律允许，买不买日本车是公民的选择，追求生活质量无可厚非。</t>
  </si>
  <si>
    <t>天涯明月刀心法修为能返还吗</t>
  </si>
  <si>
    <t>买洗心丹，洗了之后是可以的~返还百分之80 紫色在商城买</t>
  </si>
  <si>
    <t>怀孕能吃黄秋葵吗</t>
  </si>
  <si>
    <t>孕妇可以吃秋葵</t>
  </si>
  <si>
    <t>香蕉和红薯能一起吃吗</t>
  </si>
  <si>
    <t>一般情况下，香蕉和红薯最后不要一起吃。香蕉和红薯之间的成分会发生不良反应，两者一起吃会容易引起身体不适，影响身体健康。</t>
  </si>
  <si>
    <t>便秘会胖吗</t>
  </si>
  <si>
    <t>便秘是会使人发胖的</t>
  </si>
  <si>
    <t>锦鲤与草金鱼能共养吗</t>
  </si>
  <si>
    <t>可以，体型不要相差过大</t>
  </si>
  <si>
    <t>win10吃内存吗</t>
  </si>
  <si>
    <t>电脑双系统，win8在基本没有软件运行下只有18%左右，win10到了35左右，你们的也是这样吗？</t>
  </si>
  <si>
    <t>今天有国外网友反映在升级最新版本的Windows 10 build 10525之后内存占用不降反升，而正式版Windows 10“System”进程消耗的内存在200MB左右，升到最新版本后，“System”进程消耗的内存为650MB-1.5GB左右。</t>
  </si>
  <si>
    <t>大迈x5有自动档的吗</t>
  </si>
  <si>
    <t>你好，这个是有的</t>
  </si>
  <si>
    <t>蚊香可以杀死蚊子吗</t>
  </si>
  <si>
    <t>在扩散到空气的这个过程中，量对蚊子来说也是比较小的，所以不是慢性中毒，而是中毒量比较小，每个物种都有规避的天性，所以闻到这个东西就知道是有毒的，所以就跑了。</t>
  </si>
  <si>
    <t>扎古是高达吗</t>
  </si>
  <si>
    <t>高达与扎古同属于机动战士，但是扎古不等同于高达就好比说自行车与轿车都属于车，但是它们是不同的。</t>
  </si>
  <si>
    <t>红萝卜和胡萝卜能一起吃吗</t>
  </si>
  <si>
    <t>两者不可同食的，因为胡萝卜+水萝卜：萝卜主泻、胡萝卜为补，所以二者最好不要同食</t>
  </si>
  <si>
    <t>月经期可以吃百香果吗</t>
  </si>
  <si>
    <t>经期间可以吃百香果，没有什么影响。建议经期要注意保暖，不要吃生冷辛辣的食物。加强经期卫生，因为此时子宫内膜脱落出血，机体的抵抗力较弱，容易造成感染引起疾病。</t>
  </si>
  <si>
    <t>猫可以带上上海地铁吗</t>
  </si>
  <si>
    <t>上海地铁不能携带宠物</t>
  </si>
  <si>
    <t>驾驶证实习期违章扣两个6分能用别人的驾驶证消分吗?</t>
  </si>
  <si>
    <t>不可以。n用他人驾驶证代扣分，其实同交通肇事找人“顶包”的性质是一样的，不管是“借分”还是“卖分”，都属于妨碍公务的违法行为，一旦发现，将给予严厉处罚。n卖分者的处罚将严于买分者。据悉，卖分者将一律以治安拘留、罚款和记分处理。对多次卖分构成犯罪行为者，还将追究其刑事责任。而在处理交通违法行为时，若使用伪造、变造的驾驶证、行驶证处理者，还将处予5000元罚款</t>
  </si>
  <si>
    <t>一建复查有用吗</t>
  </si>
  <si>
    <t>其实一级建造师成绩复查并没有什么用</t>
  </si>
  <si>
    <t>surface3需要分区吗</t>
  </si>
  <si>
    <t>没必要分，重要文件都存在onedrive中，重装系统也不会丢失</t>
  </si>
  <si>
    <t>想分就分</t>
  </si>
  <si>
    <t>取暖器会把脸晒黑吗</t>
  </si>
  <si>
    <t>不会的，因为取暖器发热的石英管不会发出紫外线，而皮肤被太阳晒黑是因为太阳光中有紫外线。</t>
  </si>
  <si>
    <t>gtx770停产了吗</t>
  </si>
  <si>
    <t>GTX770已停产，目前市面销售的都是翻新或者二手货</t>
  </si>
  <si>
    <t>荷兰属于欧盟吗</t>
  </si>
  <si>
    <t>是的，欧共体创始国为法国、联邦德国、意大利、荷兰、比利时和卢森堡六国。</t>
  </si>
  <si>
    <t>学长笛难吗</t>
  </si>
  <si>
    <t>长笛易上手，相对钢琴、提琴容易入门，也比单簧管、双簧管、萨克斯等其他簧片吹奏乐器要容易。</t>
  </si>
  <si>
    <t>山东财经大学有没有专科</t>
  </si>
  <si>
    <t>山东财经大学开设专科专业</t>
  </si>
  <si>
    <t>怀孕能治疗子宫腺肌症吗</t>
  </si>
  <si>
    <t>怀孕是否能治疗子宫腺肌症是根据具体情况而定的。有的能够治愈，有的不能。</t>
  </si>
  <si>
    <t>地塞米松可以口服吗</t>
  </si>
  <si>
    <t>地塞米松针剂是注射使用的不建议口服</t>
  </si>
  <si>
    <t>地塞米松注射剂在必要时也是可以口服的。</t>
  </si>
  <si>
    <t>洛带古镇好玩吗</t>
  </si>
  <si>
    <t xml:space="preserve">街子比洛带远 没啥太大意思 也挺小的 没啥大逛头 </t>
  </si>
  <si>
    <t>梦幻西游手游烧钱吗</t>
  </si>
  <si>
    <t>梦幻西游手游不花钱也能玩好</t>
  </si>
  <si>
    <t>天天动听是真无损吗</t>
  </si>
  <si>
    <t>真的，假的都下线</t>
  </si>
  <si>
    <t>超神学院4结束了吗</t>
  </si>
  <si>
    <t>还没结束。后面还有第五季。</t>
  </si>
  <si>
    <t>凯祥二手车 是真是假</t>
  </si>
  <si>
    <t>我觉得不太能相信，我之前加的qq问了一下，多问几个问题，他们连解释都不解释的，直接就骂人，然后删除好友…态度真是差到极点。如果他们店价格是真的何必这个服务态度呢，真的是吃错药了。</t>
  </si>
  <si>
    <t>对于购买二手车，一般在二手车市场普通消费者很难辨别车辆的真实状况，容易购买到问题车辆。碰到调过公里数的车辆很普遍，严重的是碰到事故车辆。</t>
  </si>
  <si>
    <t>其实在哪里买二手车都会有上当受骗的可能性，只要你不过分相信所谓的低价二手车，再找个懂车的朋友帮助你把关一般不会有什么问题的。</t>
  </si>
  <si>
    <t>去泰国旅游手机能用吗</t>
  </si>
  <si>
    <t>从中国带手机来泰国买卡，基本都能用</t>
  </si>
  <si>
    <t>喝水多会中毒吗</t>
  </si>
  <si>
    <t>会的。喝普通的饮用水也会导致水中毒</t>
  </si>
  <si>
    <t>饮水过多,尤其是纯净水,不含任何成分的水,会导致水中毒</t>
  </si>
  <si>
    <t>过量饮用却会导致人体盐分过度流失，一些水分会被吸收到组织细胞内，使细胞水肿。开始会出现头昏眼花、虚弱无力、心跳加快等症状，严重时甚至会出现痉挛、意识障碍和昏迷，即水中毒</t>
  </si>
  <si>
    <t>宝宝38.5算高烧吗</t>
  </si>
  <si>
    <t>38.5以上就属于高烧了</t>
  </si>
  <si>
    <t>永不妥协好看吗</t>
  </si>
  <si>
    <t>好,朱丽亚罗伯茨就是凭它获得奥斯卡影后的</t>
  </si>
  <si>
    <t>海龟有尾巴吗</t>
  </si>
  <si>
    <t>在成熟之前雄性和雌性海龟的体态是一样的。当雄性海龟成熟时，尾巴变长变厚，因为生殖器官就在尾巴底部。</t>
  </si>
  <si>
    <t>小产权房可以落户吗</t>
  </si>
  <si>
    <t>小产权房是没有办法办理户口的</t>
  </si>
  <si>
    <t>经期可以吃红金消结胶囊吗</t>
  </si>
  <si>
    <t>月经出血时是不能服用的</t>
  </si>
  <si>
    <t>8g内存有没有必要</t>
  </si>
  <si>
    <t>就当前系统和应用需求而言是有必要的。</t>
  </si>
  <si>
    <t>真的吴三省死了吗</t>
  </si>
  <si>
    <t>原著中说的是吴三省在海底墓就挂了，，后来与吴三省相像的解连环假扮吴三省，这一扮就是十几年，，，结局时书中没有很注重的提吴三省（解连环扮的那个）的结局，，只是草草提了几句，，，有的人说：“三省没死，人家和文锦双宿双飞去了。”有的人说：“三省失踪了。”还有一些人则说：“三省死了。”不过怎样这故事发展成怎样的结局，都不能阻止“潘子的牺牲，还有小哥代替天真去守护那该死的终极”这样的收尾。</t>
  </si>
  <si>
    <t>吴三省没死，那个“吴三省害我”“解连环害我”的字是他们俩人共同设计的，其中真三叔诈死，只有这样才能摆脱“它”的控制，在暗中帮助吴邪。</t>
  </si>
  <si>
    <t>深圳湾口岸查的严吗</t>
  </si>
  <si>
    <t>今天上午从深圳湾过香港时，被叫进去问话，同时还有一年两次的，团签的，都被叫进去了，最后的结果是开了单子 拒港</t>
  </si>
  <si>
    <t>发票丢失可以补开吗</t>
  </si>
  <si>
    <t>发票丢失应根据具体情况处理，不能直接补开</t>
  </si>
  <si>
    <t>电话号码吉凶准吗</t>
  </si>
  <si>
    <t>有多种情况，吉凶并非取决在号码</t>
  </si>
  <si>
    <t>英雄联盟战绩能清零吗</t>
  </si>
  <si>
    <t>LOL不可以清除战绩的 ，但是可以清除LOL盒子的</t>
  </si>
  <si>
    <t>不能自己清除战绩，只能等新赛季开始 才会刷新排位，匹配时不会清除的</t>
  </si>
  <si>
    <t>iherb可靠吗</t>
  </si>
  <si>
    <t>有多种情况，因物而异</t>
  </si>
  <si>
    <t>核定征收要做帐吗</t>
  </si>
  <si>
    <t>当你发生税款时做入账处理；没有发生税款时没账可入。</t>
  </si>
  <si>
    <t>上海拍牌要先买车吗</t>
  </si>
  <si>
    <t>不用先买。</t>
  </si>
  <si>
    <t>iphone换卡需要关机吗</t>
  </si>
  <si>
    <t>不需要</t>
  </si>
  <si>
    <t>妈富隆好不好</t>
  </si>
  <si>
    <t>妈富隆是短效避孕药，可用于调经，也可用于避孕。用于避孕是可以长期口服的，药物是有副作用的。</t>
  </si>
  <si>
    <t>妈富隆在刚开始使用的时候，有很明显的副作用，但是随着时间的延长，慢慢的副作用就减轻了，但是它抑制卵子的排除，对身体也是不好的。</t>
  </si>
  <si>
    <t>芯片信用卡 能被复制吗</t>
  </si>
  <si>
    <t>记者以买家身份，通过社交软件与多个卖家取得联系了解到，银行卡复制器整套设备包括包括复制器、卡口采集器、针孔摄像头、软件白卡等物件，价格从6000多元到15000多元不等。磁条卡复制器的便宜些，芯片卡复制器的价格则稍贵。芯片卡复制器比较稳定，功能也更强大，磁条卡和芯片卡都可以复制，复制成功率达98%。</t>
  </si>
  <si>
    <t>芯片卡有磁条还是不够安全，因为芯片和磁条是同一账号，有人把芯片卡用磁条读卡器读取后，仍然可以复制卡片。</t>
  </si>
  <si>
    <t>芯片卡确实可读，但无法盗刷不可复制资金安全不受影响。</t>
  </si>
  <si>
    <t xml:space="preserve"> 银行界人士再次提醒市民，尽快把磁条卡换成芯片卡，芯片卡的安全性很高，迄今全球范围内还未发生过芯片银行卡被复制导致被盗刷的案例。</t>
  </si>
  <si>
    <t>联想电脑充电器通用吗</t>
  </si>
  <si>
    <t>要看3个地方,首先是接口是不是一样.其次是供给电压.这个一般是19V,最后看最大输出电流,一般这个要求不比您标配的小,如果三个都满足,就可以通用</t>
  </si>
  <si>
    <t>手机越狱好吗</t>
  </si>
  <si>
    <t>各有利弊，如楼上所说越狱以后肯定会对系统封闭性造成一定影响，但是如果不安装来路不明的插件则可以把这种风险降到最低，越狱也有越狱的好处，比如软件内购破解更换主题界面美化更换字体以及游戏破解什么的，总的来说我还是认为越狱比较好，纯手打希望采纳</t>
  </si>
  <si>
    <t>郎咸平说的对吗</t>
  </si>
  <si>
    <t>只是说说自己的观点而已。没什么对与错</t>
  </si>
  <si>
    <t>浸润性导管癌能治好吗</t>
  </si>
  <si>
    <t>不一定，一般几天就拔管愈合，个别人时间长点，再观察吧！这也是腋窝淋巴结清扫术比较常见的反应。</t>
  </si>
  <si>
    <t>慕阿筝后来找到善善了吗</t>
  </si>
  <si>
    <t>好像没找到</t>
  </si>
  <si>
    <t>我的朋友很少有第三季吗</t>
  </si>
  <si>
    <t>这动漫的制作公司已经倒闭了，想看第三季只能等别的公司承包了，但是就目前来看，希望不大。</t>
  </si>
  <si>
    <t>可以带洗发水上飞机吗</t>
  </si>
  <si>
    <t>根据民航局相关规定，乘坐国内航班的旅客，可以随身携带少量旅行自用的液态化妆品（包括液体、膏状、凝胶状、喷雾等），每种化妆品限带一件，其容器容积不得超过100ml，并应置于独立袋内，接受开瓶检查。</t>
  </si>
  <si>
    <t>诛仙会拍成电视剧吗</t>
  </si>
  <si>
    <t>已经备案了啊，版权在欢瑞世纪，可能明年会拍</t>
  </si>
  <si>
    <t>不会</t>
  </si>
  <si>
    <t>鼻窦炎手术好吗</t>
  </si>
  <si>
    <t>我曾经超级严重，几乎闻不到，常年鼻塞。后来动了手术真的好太多了。据说切了很大一块。# 鼻窦炎是鼻窦粘膜的非特异性炎症，为一种鼻科常见多发病。一般的药物只能缓解,不能完全治愈的，建议您采用在内窥镜下,用鼻内电动刀直接作用于病变位置.功能性鼻内窥镜手术不需要打开鼻窦,直接清除病灶组织,手术精细,一次性治疗,病人手术后恢复的时间缩短,创伤小,术后痛苦小,不需 住院.平时注意鼻腔卫生，养成早晚洗鼻的良好卫生习惯。#</t>
  </si>
  <si>
    <t>天猫国际旗舰店是正品吗</t>
  </si>
  <si>
    <t>今年2月19日，阿里宣布天猫国际正式上线，为国内消费者直供海外原装进口商品。入驻天猫国际的商家均为中国大陆以外的公司实体，具有海外零售资质；销售的商品均原产于或销售于海外，通过国际物流经中国海关正规入关。天猫国际公关有关负责人介绍，如果消费者怀疑在天猫国际购买到假货，可以向天猫国际客服提供卖家的店铺名称、货品名称、交易号，天猫国际的客服将会核实和求证，会有一个非常规范的流程。</t>
  </si>
  <si>
    <t>天猫国际很多假货，大家小心了。</t>
  </si>
  <si>
    <t>个人感觉还是会有猫腻在里面，毕竟之前门槛进了以后就可以肆无忌惮，忽悠消费者的商家大有存在。</t>
  </si>
  <si>
    <t>psv使命召唤好玩吗</t>
  </si>
  <si>
    <t>整体评价还不错</t>
  </si>
  <si>
    <t>这个游戏特别烂的 肯定是没玩过的 游戏质量的确差一点 剧情没有 任务太少 但是网战很经典 每个任务都三种难度</t>
  </si>
  <si>
    <t>聂风吃龙元了吗</t>
  </si>
  <si>
    <t>步惊云是在重伤时吃了龙元。当时步惊云和帝释天打时受了重伤，聂风把自己得到的龙元给步惊云吃了。</t>
  </si>
  <si>
    <t>b超可以查输卵管吗</t>
  </si>
  <si>
    <t>B超可以做输卵管检查</t>
  </si>
  <si>
    <t>阳台用集成吊顶好不好</t>
  </si>
  <si>
    <t>阳台安不安装集成吊顶其实要因人而异，但就产品本身来说，无论是外貌还是功能，集成吊顶都具有很大的优势。</t>
  </si>
  <si>
    <t>脸上过敏能喝牛奶吗</t>
  </si>
  <si>
    <t>过敏期间最好不要喝牛奶、酸奶或者吃海鲜类的食品，以防过敏情况加重，牛奶和乳制品里的蛋白质是过敏原,可引起身体的过敏反而表现过敏症状。通常蛋白质会被胃肠里的酵素消化成氨基酸后再吸收,但仍有一些蛋白质有机会不经消化即被肠道吸收而进入血液循环,这样的蛋白质即被人体视为过敏原。乳制品的过敏症状除了表现成下泻和腹痛外,也可表现成慢性病的恶化。</t>
  </si>
  <si>
    <t>包子机包的包子好吃吗</t>
  </si>
  <si>
    <t>包子机也是要看包子机的型式和厂家的</t>
  </si>
  <si>
    <t>南昌万达别墅值得买吗</t>
  </si>
  <si>
    <t xml:space="preserve">做生意的土豪们大部分时间相对自由，而且装逼显摆也是做大生意的手段之一，所以恭喜你，你可以考虑住别墅。家里条件好，不指望你赚钱养家，车子房子妻子孩子都能帮你搞定，恭喜你投胎有水平，你也可以享受别墅#南昌在售的主流别墅总价大致在200-500w之间，入门级200-300w的产品与市中心普通住宅总价差不多，都说别墅是终极置业一生所向，为啥红谷滩的青年俊杰们不置换一套别墅来享受一下升级一下呢？大部分应该跟俺一样，还得养家糊口，财务时间都还未实现充分的自由，居住的第一要务是离单位近孩子上学近购物买菜方便，早上能多睡半小时，所以咱们不能不敢也不应该想着做这个不切实际的别墅梦。 </t>
  </si>
  <si>
    <t>法人可以没有股份吗</t>
  </si>
  <si>
    <t>公司法人代表可以没有股份。</t>
  </si>
  <si>
    <t>自己买机油4s店给换吗</t>
  </si>
  <si>
    <t>有些商家是允许自带机油的，只要收取人工费以及机滤的费用就可以了，有些商家是不允许客户自带机油的。所以还是要去4S店问问。</t>
  </si>
  <si>
    <t>微波炉可以烤栗子吗</t>
  </si>
  <si>
    <t>可以烤。方法：1板栗洗净，用菜刀或剪刀在板栗上开一个深一点的口子，外面的壳和里面的绒毛皮也划透。如果不划透，微波时会爆开。2把开好口的板栗放在微波炉用的容器里，全部铺开，不要重叠；最好用一个大盘子。如果比较喜欢吃原味板栗，什么都不刷。如果爱吃甜可以刷些蜂蜜，或者白糖加植物油。这样烤出来的板栗，比较香甜，成色也好。3.板栗放进微波炉里，“微波”功能 高火5分钟即可。注意事项：1微波炉功率不同，所用时间不同，建议先高火3分钟，端出来看看情况再继续。2板栗要选一面平，一面凸的那种，那种板栗比较香甜。</t>
  </si>
  <si>
    <t>金丝檀木家具好不好</t>
  </si>
  <si>
    <t>耐腐、抗白蚁，原木断面及切面具显著的深浅相间的黑褐色条纹，极具装饰价值，心材浅褐色，木射线甚窄,气干密度0.8o-0.90g/cm3纹路可媲美红木黄花梨，具有极高的观赏和收藏价值。</t>
  </si>
  <si>
    <t>干燥慢，取材率底。</t>
  </si>
  <si>
    <t>泰国调经丸能不能吃</t>
  </si>
  <si>
    <t>吃过这个药的，年龄不是太大的，没有什么病症的，千万不要吃，吃了2个月后，月经停了，现在正在治疗，好无奈，原来没有什么病，就是想保健的，结果现在到得病了，并没有得到我想要的。</t>
  </si>
  <si>
    <t>股市会反弹吗</t>
  </si>
  <si>
    <t>跌到都不愿意卖出的时候就会反弹了。</t>
  </si>
  <si>
    <t>契税入固定资产吗</t>
  </si>
  <si>
    <t>购买的是建筑物,其中包含土地,没有分开核算的时候,才可以入固定资产,这种情况契税可以入固定资产!</t>
  </si>
  <si>
    <t>开发商的要求个人认为是不能成立的</t>
  </si>
  <si>
    <t>iphone6能通话录音吗</t>
  </si>
  <si>
    <t>iphone6能通话录音。</t>
  </si>
  <si>
    <t>支付宝花呗要手续费吗</t>
  </si>
  <si>
    <t>花呗分期有手续费，但你在还款日之前还清所有账单，就没有手续费，但是支付宝提前还款有一个奇葩选项，是提前还下个月账单，但是这个却有手续费。所以说，提前还款的话，必须一次还清，要么就别还，千万别提前还一个月的，你还了依然收取手续费，还不如下个月出账日再还。</t>
  </si>
  <si>
    <t>日本报警电话也是110?</t>
  </si>
  <si>
    <t>以前的电话都是拨盘式的，所以报警电话要求能够迅速正确地拨打，1是拨号盘里最近一个号（拨盘式电话拨好之后，拨盘还要复原需要一点时间，1最快复原，0是最慢），但是又要为了通话之后能够镇静的通报，所以最后一个数字是最远的一个数字，这样的话在迅速的拨号之后到通话还有几秒钟的时间给通报人一点镇静下来的时间。</t>
  </si>
  <si>
    <t>孕酮低能补上来吗</t>
  </si>
  <si>
    <t>孕酮低一般是因为黄体功能不全引起的，可以在医生指导下用药物调理治疗，也可以通过饮食调理，适当吃一些含果胶、膳食纤维丰富的桃子、柚子、山楂、草莓、猕猴桃、鸭梨等。</t>
  </si>
  <si>
    <t>queen sense 钻锅好吗</t>
  </si>
  <si>
    <t>真正的钻石涂层价格昂贵，根本不可能用于不粘锅，这里的钻石只是一个形容词，就是硬度高，实际还是陶瓷涂层</t>
  </si>
  <si>
    <t>买了一个韩国Queen sense不沾锅，没到半年就沾得一塌糊涂</t>
  </si>
  <si>
    <t>阑尾炎能自己好吗</t>
  </si>
  <si>
    <t>阑尾炎不会自愈，但慢性阑尾炎在出现感染时就会腹痛，而在控制后腹痛就会消失，没有任何不适，急性阑尾炎建议手术，慢性阑尾炎可以暂不手术，积极抗炎治疗，但周围炎症包裹有可能造成局部粘连，在需要手术时，给手术带来困难。</t>
  </si>
  <si>
    <t>蒙迪欧 1.5t值得买吗</t>
  </si>
  <si>
    <t>宫腔镜检查需要空腹吗</t>
  </si>
  <si>
    <t>如果你只是做宫腔镜检查，那是在门诊做，不需要空腹</t>
  </si>
  <si>
    <t>微信公众号名称可以一样吗</t>
  </si>
  <si>
    <t>公众号的名称可以一样，只是公众号的号码不一样。</t>
  </si>
  <si>
    <t>间质性肺炎好治吗</t>
  </si>
  <si>
    <t>得了间质性肺炎是可以治愈的</t>
  </si>
  <si>
    <t>赶集网的招聘信息可靠吗</t>
  </si>
  <si>
    <t>是不是可靠谁都不好说的，毕竟这样的网站只是一个平台性质的网站，里面的信息都是有真有假的，没有人会为这个信息的真实性负责</t>
  </si>
  <si>
    <t>何家劲结婚了吗</t>
  </si>
  <si>
    <t>何家劲的没有结婚。</t>
  </si>
  <si>
    <t>受贿一万元严重吗</t>
  </si>
  <si>
    <t>个人受贿在五千元以上不满五万元的，处一年以上七年以下有期徒刑，退赃是可以从轻处罚的情节，实际中可以有缓刑的可能。</t>
  </si>
  <si>
    <t>擦破皮会不会得破伤风</t>
  </si>
  <si>
    <t>擦破皮不会得破伤风。破伤风病菌容易在伤口小而深，缺乏氧气的环境生长繁殖，表浅伤口不会得破伤风。</t>
  </si>
  <si>
    <t>剑灵花钱厉害吗</t>
  </si>
  <si>
    <t>一般的玩家不需要花钱，自己做副本做任务足够用了，还可以攒点钱买个衣服什么的，有的网络平台还可以寄售游戏币现在剑灵金币价大概一金0.6-0.7元，做一些每日任务可以挣50多金币，大概要两三个小时左右</t>
  </si>
  <si>
    <t>花钱多，现在都要昆仑+11武器，在加上灵核，宠物，首饰什么的，至少要四千人名币。不然你打副本根本没人组你。如果你组和你一样用低端武器的人，那基本是打不了什么副本的，而且很难打的过去</t>
  </si>
  <si>
    <t>客厅20平方小吗</t>
  </si>
  <si>
    <t>算小了。一般客厅都要在4200开间和5400进深,面积在25平方左右。</t>
  </si>
  <si>
    <t>客厅的纯使用面积是20平米的话，应该算是一个比较适合的大小了。</t>
  </si>
  <si>
    <t>看总体房子的面积了,如果总共70多平方,客厅20可以了</t>
  </si>
  <si>
    <t>全民枪战刷枪是真的吗</t>
  </si>
  <si>
    <t>全民枪战要刷枪，可以下载全民枪战破解版的，也可以用全民枪战修改器。不过由于目前游戏还处于封测阶段，所以全民枪战也还没有破解版的。如果游戏公测了，玩家可以到全民枪战官网下载。</t>
  </si>
  <si>
    <t>不要信。假的。就算说货到付款也是假的。他会找各种借口继续骗你的钱。</t>
  </si>
  <si>
    <t>我刷过 有真有假 如果叫你转账的就是假的</t>
  </si>
  <si>
    <t>绿茶能和柠檬一起泡吗</t>
  </si>
  <si>
    <t>绿茶和柠檬可以泡在一起喝，泡在一起喝可以起到美白皮肤的功效。</t>
  </si>
  <si>
    <t>柠檬和绿茶不宜一起冲泡，因为绿茶里面的氨茶碱和柠檬中的柠檬酸会发生化学反应，使二者失去原有作用，除了不能和茶类一起冲泡外，柠檬和牛奶也不宜同喝。</t>
  </si>
  <si>
    <t>耳枪温度计准吗</t>
  </si>
  <si>
    <t>耳温枪的原理其实就是扫瞄耳膜后产生的红外线温度。人体体温热源发出后，红外线也会伴随发出。根据黑体辐射理论，不同温度的物体所产生的红外线光谱也不同，通过利用精准到0.1℃的温差电堆红外线侦测器测量外线光谱，再以微计算机转换读数而显现出来。</t>
  </si>
  <si>
    <t>夏天去长白山好玩吗</t>
  </si>
  <si>
    <t xml:space="preserve"> 夏天的长白山，气温凉爽宜人，很适合大家去那里避暑，而且景色非常的漂亮，周围也有一些朝鲜民族风情的村落和美食，是一个度暑假的好去处。</t>
  </si>
  <si>
    <t>孕妇不能吃龙眼吗</t>
  </si>
  <si>
    <t>你好，你说的这种情况的话。这个是完全可以吃的。你不要过于紧张了，对你是没有任何影响的。我个人建议你最好少吃一些。你说的这种情况的话。我建议你平时多吃一点鱼虾海鲜瘦肉牛奶这些高蛋白质的食物。平时还要多注意休息，好好的养胎。</t>
  </si>
  <si>
    <t>龙眼虽然可以滋补气血，益心脾，但它性温味甘，容易上火，凡具有阴虚内热、痰火体质的人不能吃。而孕妇受孕后，阴血都聚集起来供养胎儿，所以多数孕妇都是阴虚燥热体质。孕妇吃龙眼不仅增添胎热，而且还容易导致气机失调，引起胃气上逆、呕吐，日久则伤阴出现热象，引起腹痛，见红等先兆流产症状，甚至引起流产或早产。龙眼在剥去皮之后，晾干就是桂圆了，所以孕妇还是不要吃桂圆，也不要过于进行食用桂圆进行补充，可以吃一下清热的东西。</t>
  </si>
  <si>
    <t>雷蛇鼠标不装驱动能用吗</t>
  </si>
  <si>
    <t>不安装驱动也可以使用、安装驱动主要是设置鼠标的速度、和按键方面的东西</t>
  </si>
  <si>
    <t>fm2015好玩吗</t>
  </si>
  <si>
    <t>保存慢，界面也不好看，还是坚守14。</t>
  </si>
  <si>
    <t>激战2装备绑定吗</t>
  </si>
  <si>
    <t>传奇做出来后是穿戴绑定，解锁皮肤绑定。做出来是可以交易的</t>
  </si>
  <si>
    <t>首先给你解释一下账号绑定是什么意思，账号绑定就是说这个物品只能是在你这个账号内的角色里流通，就是说你的小号也可以用，另外这类物品有的是可以用分解包 分解出其他材料的。在商店你点了出售垃圾物品那么剩下的东西一般都是有用的只是你不知道他有什么用而已，建议楼主多探索下！</t>
  </si>
  <si>
    <t>硬盘影响开机速度吗</t>
  </si>
  <si>
    <t>硬盘，这个东西其实对电脑的影响相当大。在电脑的计算过程中，CPU作为计算单元他的数据都是从缓存读来的，缓存数据从内存读，内存数据从硬盘读……也就是说他计算量越大硬盘的要求越高。</t>
  </si>
  <si>
    <t>硬盘是不会占用内存的，对电脑开机速度没多大关系</t>
  </si>
  <si>
    <t>海带痛风可以吃吗</t>
  </si>
  <si>
    <t>海带对于痛风病人，也是可以吃的，但是要等到病情稳定的情况下，根据医生的建议，限量使用，如果海带吃多的话，对身体可能又会产生不一样的病情。</t>
  </si>
  <si>
    <t>高血压能吃鹅肉吗</t>
  </si>
  <si>
    <t>高血压的饮食以低盐低脂饮食鹅肉不仅脂肪含量低而且品质好对人体健康有利鹅肉脂肪的熔点亦很低质地柔软容易被人体消化吸收</t>
  </si>
  <si>
    <t>高血压病、血脂血症患者也不能吃鹅肉，一旦食用会造成病情加重</t>
  </si>
  <si>
    <t>坦克世界有mac版吗</t>
  </si>
  <si>
    <t>坦克世界Mac版乃是《坦克世界》（World of Tanks）一款在2010年由Wargaming公司推出的战争网游转到Mac OS平台，非官方版本。</t>
  </si>
  <si>
    <t>房屋装修计入固定资产吗</t>
  </si>
  <si>
    <t>对新建房屋进行首次装修中，凡属于房屋不可分割的吊顶、灯具、中央空调、地砖、门窗、电气及智能化楼宇设备等装修费用，属于使房屋这项资产达到预定可使用状态前所发生的必要支出，在会计核算上应该计入固定资产的原值，缴纳房产税</t>
  </si>
  <si>
    <t>小儿斜视能治好吗</t>
  </si>
  <si>
    <t>部分小儿斜视，都不会自己痊愈，都需要手术治疗。只有小部分孩子可以通过保守治疗来控制斜视进展。</t>
  </si>
  <si>
    <t>s5 omg被淘汰了吗</t>
  </si>
  <si>
    <t>对啊，已经淘汰了的呢，希望对你有所帮助啦</t>
  </si>
  <si>
    <t>汉尼拔还会有第四季吗</t>
  </si>
  <si>
    <t>Fuller最近在采访中表示，他跟两位主演和剧集前执行制作人Martha De Laurentiis都谈过《汉尼拔》第四季回归的可能性。</t>
  </si>
  <si>
    <t>上海车牌可以过户吗</t>
  </si>
  <si>
    <t>哪里的拍照都不允许过户。规定是持有车牌满三年，卖掉车子，可以申请保留车牌半年，以后买新车上老牌子，不要车牌，车管所收走车牌</t>
  </si>
  <si>
    <t>找同行老婆幸福吗</t>
  </si>
  <si>
    <t>这样不怕没有共同语言啊，挺好。</t>
  </si>
  <si>
    <t>最近民工讨薪，每天都堵着老婆单位的大门好久，员工们大半天进不去工作，积压的事情做不完，于是只好带回家了。于是我只好悲惨了，谁叫咱们是同行。</t>
  </si>
  <si>
    <t>win7可以装ie6吗</t>
  </si>
  <si>
    <t>IE6绿色中文版下载，支持在Win7、Win8下完美运行</t>
  </si>
  <si>
    <t>产后不能喝水吗</t>
  </si>
  <si>
    <t>老一辈的人常会告诫产妇，坐月子期间不宜喝水，否则身体容易水肿，肚子也不会消，这是错误的观念。子宫恢复后水肿自然会消失，肚子是否会消也和喝水没有关系。临床上常碰到有些产妇不敢喝水，反而导致泌尿系统感染的例子。</t>
  </si>
  <si>
    <t>食道癌晚期能治好吗</t>
  </si>
  <si>
    <t>患者一般去正规大医院都是可以的.采用联合治疗模式的同时,饮食调理也是必不可少的。</t>
  </si>
  <si>
    <t>这种情况没有治愈的办法。及尽量改善病人的全身状况。减轻痛苦</t>
  </si>
  <si>
    <t>晚期治愈率还是比较低的，中西医在治疗肿瘤上各有所长，故治疗食道癌必须做到发挥中西药各自优势，坚持长期治疗，宽舒患者的心理状态，做好心理治疗，增加饮食营养，提高自身免疫功能。这样，才能取得较好的疗效。</t>
  </si>
  <si>
    <t>食道癌是一种食道恶性肿瘤，身体好的话可以考虑手术治疗，但是否能手术还需根据病情患者情况综合分析，对于恶性肿瘤来说医学上没有说治好的。</t>
  </si>
  <si>
    <t>牛反绒皮是真皮吗</t>
  </si>
  <si>
    <t>是的，它只是牛皮的一种风格，比较耐磨但是容易脏，它是牛皮反过来用的。</t>
  </si>
  <si>
    <t>ps4国行玩gta5可以联机吗</t>
  </si>
  <si>
    <t>国行只是锁服，但是不锁区，联机是全球连的，可以联机，而且现在可以用备份还原功能摆脱锁服，网上有教程，搜ps4国行解锁</t>
  </si>
  <si>
    <t>下吸式集成灶好不好</t>
  </si>
  <si>
    <t>下吸除了在油烟不大的情况下效率好酸凑合以外，正常情况下没法把锅子上方的油烟全部吸走，油烟一旦飘到了上方，下吸就失去作用了，而平时炒菜时的油烟特别大，爆炒时油烟上升的特别快，下吸根本就起不到吸油烟的作用。</t>
  </si>
  <si>
    <t>下吸式的集成灶有利有弊，希望大家在选择的时候，不要盲目跟风市场现状，结合自己的家装状况，选择理想合适的集成灶。</t>
  </si>
  <si>
    <t>金庸群侠传3狄云厉害吗</t>
  </si>
  <si>
    <t>一、他们都各有特点，都有各自擅长的领域，没法说哪一个最厉害。</t>
  </si>
  <si>
    <t>pr难学吗</t>
  </si>
  <si>
    <t>学PR的操作不难，但要学到剪辑的精髓比较花时间。</t>
  </si>
  <si>
    <t>顺丰能空运手机吗</t>
  </si>
  <si>
    <t>目前顺丰对于签约的月结客户允许手机空运了，品牌包含华为、苹果、OPPO、vivo、小米、魅族、美图等。</t>
  </si>
  <si>
    <t>gta5不更新可以玩吗</t>
  </si>
  <si>
    <t>那是肯定的，如果玩LOL，你的客户端落后别人的版本，当然也不能玩的，同样的道理</t>
  </si>
  <si>
    <t>无论什么时候不更新线上都玩不了</t>
  </si>
  <si>
    <t>酒红色钱包破财吗</t>
  </si>
  <si>
    <t>红色钱包：红色代表赤字的意思，也就是很容易把钱花光无法存到钱，或者说血本无归吧。</t>
  </si>
  <si>
    <t>红色-红色代表红红火火，是最能招财的颜色。</t>
  </si>
  <si>
    <t>西瓜解酒吗</t>
  </si>
  <si>
    <t>可以的！西瓜能解酒的原因是：西瓜内水份多，可以稀释一部份酒精，同时多吃点加速尿排放，这样可以把酒精排放掉一部份。</t>
  </si>
  <si>
    <t>鲁班造价免费吗</t>
  </si>
  <si>
    <t>鲁班算量软件从2013年2月20日免锁免费</t>
  </si>
  <si>
    <t>有无痛上环吗</t>
  </si>
  <si>
    <t>无痛上环由于无痛静脉麻醉下进行，因此能够让您在安全、无痛苦。医生在可视状态下准确施术，出血少、恢复快。无痛上环可以在月经未净时放置。月经来潮第3-5天放置，这段时间有三个好处：一是子宫口松，容易放入。</t>
  </si>
  <si>
    <t>mmm可以删除申请吗</t>
  </si>
  <si>
    <t>可以，只要没匹配，每个月最多可以删除两次</t>
  </si>
  <si>
    <t>可以删除，未匹配上的订单一个月可以删除2次，匹配上订单一个月可删除一次，所以放心删除</t>
  </si>
  <si>
    <t>ucc国际洗衣是骗局吗</t>
  </si>
  <si>
    <t>UCC国际洗衣是不是一个骗局，任何一个人仅仅从网络上都得不到一个真实的结论，如果你打算加盟UCC国际洗衣，那就不要偏听网络，而应该去做UCC国际洗衣做实地考察，一个近30年的洗衣品牌，不可能靠欺骗支撑下来。如今，UCC国际洗衣的加盟者已经达到数万人，如果UCC国际洗衣是个骗局，那么互联网上应该有成千上万条揭露骗局的信息。如果，UCC国际洗衣是一个骗局，那么不可能有上万人心甘情愿地被骗吧！UCC国际洗衣到底是不是一个骗局，真的要用事实说话！喜爱在网络上做意见领袖的键盘侠们，也应该以事实为依据，为自己的键盘积德！</t>
  </si>
  <si>
    <t>就业推荐表一定要吗</t>
  </si>
  <si>
    <t>毕业推荐表，是为了证明你的大学生身份的，面试的时候是不需要看的，只有入职的时候，你没有毕业证的话，有的公司会要求你把毕业推荐表拿去复印，但是有的却不在意这份</t>
  </si>
  <si>
    <t>fifa16有欧冠吗</t>
  </si>
  <si>
    <t>生涯模式有欧冠和欧联，赛制和现实一模一样，但是没授权就不能叫欧冠和欧联。用别的名字替代了，但是实质上是一样的</t>
  </si>
  <si>
    <t>大闸蟹能邮寄吗</t>
  </si>
  <si>
    <t>可以快递，但是长途运大闸蟹可并不一件简单的事，由于是水产品，并且要保证运到目的地依然新鲜，那就要在包装上下功夫了，下面教一些简单的包装办法，做到事半功倍</t>
  </si>
  <si>
    <t>2015年12月19日搬家好吗</t>
  </si>
  <si>
    <t>2015年12月19日黄历【忌】移徙上梁安葬开市立券纳财出货 入殓移柩破土启鑽纳畜 入宅 出行 分居开仓</t>
  </si>
  <si>
    <t>滇缅公路现在还在使用吗</t>
  </si>
  <si>
    <t>滇缅公路就是老320国道，现在已经新修了高速路了，老的公路还可以使用，去重走滇缅路还是可以走的，可以看到惠通桥，松山，如果是赶时间的话建议走新320国道</t>
  </si>
  <si>
    <t>外星文明存在吗</t>
  </si>
  <si>
    <t>有的，人类不是宇宙里最落后的文明，也不是最先进的文明。宇宙里可能有些星球还在孕育生命，但有些星球可能已经先进我们几万年了吧</t>
  </si>
  <si>
    <t>来例假可以骑自行车吗</t>
  </si>
  <si>
    <t>月经期间是可以骑自行车的，但是不要剧烈运动。</t>
  </si>
  <si>
    <t>对您女性来说，月经期间最好不要剧烈运动，所以建议您在您生理期的这几天最好不要骑。</t>
  </si>
  <si>
    <t>骑自行车可以压到会阴部，这样对盆腔的血液循环是不好，而且可能引起血崩和感染，不建议来月经的时候，长距离的骑行。</t>
  </si>
  <si>
    <t>生理期可以骑自行车，但不宜骑太远，因为生理期不宜劳累</t>
  </si>
  <si>
    <t>带地下车库的一楼会潮湿吗</t>
  </si>
  <si>
    <t>一般不会</t>
  </si>
  <si>
    <t>智力测试准吗</t>
  </si>
  <si>
    <t>不能直接说准或者不准。只能说适合不适合的问题，或者相对而言某些测试准 某些测试不准。</t>
  </si>
  <si>
    <t>玉树对人有害吗</t>
  </si>
  <si>
    <t>玉树同其他多肉植物一样，都适合室内生长，不接触（破损漏液的叶片）汁液，就没关系，同时它还会净化空气。</t>
  </si>
  <si>
    <t>对人体无害</t>
  </si>
  <si>
    <t>玉树含有毒的酶，会释放对人体有害的物质，其茎叶的汁液对皮肤有强烈的刺激性，不能在室内摆放。人体接触枝叶流出的汁液，会引起皮肤发红、肿胀、疼痛、起泡，倘不慎溅入眼内可致失明。</t>
  </si>
  <si>
    <t>神州行能不能转全球通</t>
  </si>
  <si>
    <t>神州行是可以转换成全球通套餐的，不用换号码的，但转换成全球通套餐后是不能再转回神州行的套餐。1、可以打移动的客服电话，转人工服务，叫客服员帮转换成全球通套餐。2、可以带上本人的身份证，到手机号码的归属地的移动营业厅，叫工作人员帮转换成全球通套餐。</t>
  </si>
  <si>
    <t>百度指数可以刷吗</t>
  </si>
  <si>
    <t>这个软件，它是互刷模式，很真实，可以刷几百指数，每天。</t>
  </si>
  <si>
    <t>阿里旺旺能发送图片吗</t>
  </si>
  <si>
    <t>点击对话框下面的图片按钮(红框处)，可以发送单个图片给对方。</t>
  </si>
  <si>
    <t>有没有和神仙道差不多的游戏</t>
  </si>
  <si>
    <t>很多的类似神仙道的游戏，游戏的情节设计之类的，都和神仙道差不多。比如龙将、双龙诀、幻世仙征等等，这些游戏完全是按照神仙道游戏的情节设计而来的。</t>
  </si>
  <si>
    <t>立春是不是就暖和了</t>
  </si>
  <si>
    <t>要看所在的经纬度。 一般来说，南方立春就开始暖和了。北方因为纬度高。所以立春一下子不会暖和。其次看海拔，海拔高度也会影响气温的高低。</t>
  </si>
  <si>
    <t>adsafe能去优酷广告吗</t>
  </si>
  <si>
    <t>已经没插件能屏蔽优酷的广告了吧</t>
  </si>
  <si>
    <t>连廊算不算建筑密度</t>
  </si>
  <si>
    <t>建筑物外墙外挑檐下有柱的为檐廊、檐廊按建筑物外墙外边线致柱的外边线水平面积计算建筑面积。 连廊也是如此，封闭的按全面积计算，不封闭的按二分之一计算建筑面积。</t>
  </si>
  <si>
    <t>公共连廊如果属于上述不计算建筑面积部分，则原则上不计入建筑密度。</t>
  </si>
  <si>
    <t>注意~是勒脚以上，故连廊、阳台、飘窗等均不算在建筑密度之内。</t>
  </si>
  <si>
    <t>wincc支持win7吗</t>
  </si>
  <si>
    <t xml:space="preserve"> WinCC 7.0 SP1 以下的版本最高支持到 Windows Vista 操作系统，如果需要安装在 Windows 7 下，要以某种兼容模式安装。</t>
  </si>
  <si>
    <t>从winccv7.0sp3开始，wincc可以安装在64-位的windows7操作系统上。</t>
  </si>
  <si>
    <t>健身需要戒烟吗</t>
  </si>
  <si>
    <t>必须戒烟，并且吸烟有害健康。如果在健身时，吸烟不但对肺不好，而且还影响肠道的功能。</t>
  </si>
  <si>
    <t>错币很值钱吗</t>
  </si>
  <si>
    <t>人民币印刷过程中的出错率很低，而且即使出现质量缺陷，也很难逃过出厂前的质量检查。因此这种残次品在流通领域是极为罕见的。有些喜欢猎奇的钱币收藏者很喜欢这类藏品，愿意出高价收购它，所以它就比较值钱了。</t>
  </si>
  <si>
    <t>错币多是人为变造，即便是真错币也没搞价成交过</t>
  </si>
  <si>
    <t>水冷散热器会漏水吗</t>
  </si>
  <si>
    <t>今天早上开机之前打开机盖想换换风扇的位置，拔显卡的时候一摸背板上有水，顿时心里一凉！！用的安钛克550水冷，查看了下应该是水冷管漏水！</t>
  </si>
  <si>
    <t>排卵期一定会有白带拉丝吗</t>
  </si>
  <si>
    <t>每个人的身体条件不同,会有不同的表现的,排卵是不一定每个人都会有白带拉丝的。</t>
  </si>
  <si>
    <t>偷渡可以在美国结婚吗</t>
  </si>
  <si>
    <t>可以，去趟拉斯维加斯就搞定了，但是这样几乎不可能获得身份的，婚随便怎么结，想拿绿卡就没那么简单了。</t>
  </si>
  <si>
    <t>不能，偷渡者没有合法权益。</t>
  </si>
  <si>
    <t>正六边形能密铺吗</t>
  </si>
  <si>
    <t>可以密铺，因为正六边形每个内角为120°，则3个内角为360°正好拼成密铺平面</t>
  </si>
  <si>
    <t>乳房胀痛是要来月经了吗</t>
  </si>
  <si>
    <t>乳房胀痛跟要来月经是没有必然的联系的</t>
  </si>
  <si>
    <t>尿酸高可以吃菌类吗</t>
  </si>
  <si>
    <t> 不要吃。真菌类生物含嘌成分比较多。会容易引起尿酸值上升，所以真菌类不要吃</t>
  </si>
  <si>
    <t>虾是不是寒性</t>
  </si>
  <si>
    <t>海虾属于寒凉阴性类食品，故在食用时最好与姜、醋等佐料共同食用。因为姜性热，与海虾放在一起可以寒热中和，防止身体不适；而醋对于海虾中残留的有害细菌也起到一定的杀除作用。</t>
  </si>
  <si>
    <t>虾是属于海鲜，是属于热型的。</t>
  </si>
  <si>
    <t>痔疮可以扎破吗</t>
  </si>
  <si>
    <t>大便时很痛的说明你有外痔，用药可以，不能扎破；久蹲会加重痔疮，建议你休息，先治好病为要，千万不要大意，还去医院检查治疗为好！</t>
  </si>
  <si>
    <t>痔疮最好不要自己弄破，以免感染细菌引起不必要的麻烦。痔疮到肛外可以用痔疮膏涂抹，以减轻症状。让它自行溃破后，用高锰酸钾坐浴以避免感染。另外最好消炎药和痔疮膏一起使用，以达到最好的治疗效果。</t>
  </si>
  <si>
    <t>跑步能排毒吗</t>
  </si>
  <si>
    <t>跑步能排毒，运动通过排出汗液会带走部分毒素， 还会加快代谢， 提高身体机能。</t>
  </si>
  <si>
    <t>吗丁啉和奥美拉唑可以一起吃</t>
  </si>
  <si>
    <t xml:space="preserve">这两种都是治疗胃病的药可以一起服用的。 </t>
  </si>
  <si>
    <t xml:space="preserve">  吗丁啉是缓解胃胀，胃痛，打嗝，反酸，促进胃肠动力的药物，奥美拉唑是治疗十二指肠溃疡的药物，可以服用</t>
  </si>
  <si>
    <t>不可以同时服用，要分开吃的。</t>
  </si>
  <si>
    <t>一般临床建议分开使用，如吗丁啉很多是饭前半小时使用，奥美拉唑还是早晚使用，可以一起使用的。</t>
  </si>
  <si>
    <t>伊的家的东西有激素吗?</t>
  </si>
  <si>
    <t>没有的 我用过</t>
  </si>
  <si>
    <t>淘宝饰品好卖吗</t>
  </si>
  <si>
    <t>看个人能力了</t>
  </si>
  <si>
    <t>妇幼保健院能刷医保卡</t>
  </si>
  <si>
    <t>每个阶段的检查项目都不一样！可以刷医保卡！用完要到柜台结账！不过卡里的钱用完就没了！要充值！！</t>
  </si>
  <si>
    <t>salary可数吗</t>
  </si>
  <si>
    <t>salary 可以用做可数也可以不可数</t>
  </si>
  <si>
    <t>床垫有酸味是甲醛吗</t>
  </si>
  <si>
    <t>有甲醛，只是含量多少的问题；尤其是硬棕床垫容易甲醛超标，因为硬棕床垫的棕丝都是加胶水压制的，棕垫越厚污染越严重，选购时要注意；</t>
  </si>
  <si>
    <t>麻风乙脑能分开打吗</t>
  </si>
  <si>
    <t>是分开打的，一般不建议疫苗同时打的，预防出现过敏的症状不能准确判断哪种疫苗过敏。</t>
  </si>
  <si>
    <t>胡子越刮越粗?</t>
  </si>
  <si>
    <t>因为刮胡子时有直接的刺激到毛囊，胡子会变粗是因为毛孔变大的原因 ，一般我们在刮胡子的时后会把露出皮肤表面的胡子往外拉 而胡子本身跟头发一样是跟毛囊紧连在一起的 因为毛囊本身就比毛孔大 所以当胡子往外拉时会把毛孔扩大,这样再长出来的胡子就会变粗。</t>
  </si>
  <si>
    <t>来月经能参加葬礼吗</t>
  </si>
  <si>
    <t>　我虽然不是迷信的人，但之间确实有些瓜葛，宗教活动，都不让见血的人来参加的，不能多说，还是回避一下好了！</t>
  </si>
  <si>
    <t>射手座和金牛座配吗</t>
  </si>
  <si>
    <t>　星座配对指数：★★★</t>
  </si>
  <si>
    <t>这是90分的爱情：）我的情况跟你完全一样，我和我男朋友很幸福。虽然也会有闹别扭的时候，但总能重归于好。</t>
  </si>
  <si>
    <t>射手座和金牛座的恋人其实是最般配的完美情人！</t>
  </si>
  <si>
    <t>药可以温吗</t>
  </si>
  <si>
    <t>药可以温</t>
  </si>
  <si>
    <t>污水处理厂是事业单位吗</t>
  </si>
  <si>
    <t>污水处理厂，隶属于城乡建设局，大部分属于事业单位</t>
  </si>
  <si>
    <t>手机无电池能直接使用充电宝供电使用吗</t>
  </si>
  <si>
    <t>这个不行。</t>
  </si>
  <si>
    <t>水电安装赚钱吗</t>
  </si>
  <si>
    <t>目前水电安装是建筑装饰行业内利润相对丰厚的一工种，收入方面还是可以比较可观的。</t>
  </si>
  <si>
    <t>只是说单单的水电安装（最基层的施工人员），按现在的建筑行业的发展情况来看，不是很好。</t>
  </si>
  <si>
    <t>要看人， 赚钱是赚钱 ，不过没什么技术含量。</t>
  </si>
  <si>
    <t>法曼斯男装好吗</t>
  </si>
  <si>
    <t>自1998年进入中国以来,以其独有的品牌风格和近乎苛刻的工艺及选材,赢得了大批高品位消费者的青睐,随着时间的推移,法曼斯时尚历久弥新,引领男装风尚。</t>
  </si>
  <si>
    <t>康熙是昏君吗</t>
  </si>
  <si>
    <t>康熙就一昏君 不要被电视剧欺骗了#看完这个才知道，康熙是清朝头号昏君！#康熙皇帝是清朝第一大昏君</t>
  </si>
  <si>
    <t>两种不同的评价观点（1）一种观点是对康熙的称颂——是一位杰出的封建帝王。①机智果敢。八岁即位，十六岁智擒螯拜，稳定了朝廷秩序。②维护并巩固了国家统一。平定三藩之乱和准葛尔贵族葛尔丹的叛乱，派兵攻入台湾设立台 湾府；加强对西藏地区的统治；组织雅克萨之战，迫使俄国签定《尼不楚条约》维护了国家的领土主权。③学识渊博，弘扬了中国古代文化。一生苦研儒学，推崇程朱理学，开博学鸿儒科，编撰《古今图书集成》《全唐诗》《康熙字典》。④重视农业发展。实行更名田制度和摊丁入亩制度，推动了社会生产力的发展。⑤拉开了长达150年的“康乾盛世”的序幕（2）另一种观点是对康熙的重新评价——延误了历史的进程①认为康熙帝有才无识，没有把握住历史的机遇，因循误国。所谓的“康乾盛世”只能说是落日的余辉。②认为中国近代的落伍，始自康熙皇帝，因为他处在一个巨变时代，却拒绝了重大的变革，其一生的功业只是在人为的延长已经衰落的封建社会，使中国失去了向资本主义迈进的最佳时机，给中国近代留下了沉重的包袱和苦难.③从康熙所处的时代来看，康熙即位前后，中国和世界都处于新旧交替的紧急关头.英国开始了资产阶级革命，欧洲列强的殖民扩张已经达到了中国的邻邦，俄国势力已经深入到我国的黑龙江流域，正中形势对于清王朝既是挑战又是机遇，如果能借机了解西方，加快中西经济文化交流，学习西方先进技术，进行社会改革，率先在中国建立资本主义强国，就可以避免近代中国的厄运.④从当时中国的情况看，资本主义萌芽在明朝中后期已经出现，到康熙时，正在逐渐滋长，这为资本主义的产生提供了一定的条件，也说明中国具备了社会变革的一定的经济条件.其次，当时中国的封建政治思想体系也面临者前所未有的质疑与挑战：一方面清朝入主中原使”华夷有别”\”以夏变夷”论不攻自破;另一方面以顾炎武\李贽等人为代表，中国出现了反对封建专制制度的民主思想，这些思想与欧洲的启蒙思想不谋而合，说明中国已经具备了社会改革的思想基础。然而就在这关键时刻，号称英明好学、文武全才的康熙帝，是抓住时代发展的机遇，厉行变革，还是“拨乱反正”，使业已落后的封建社会复苏呢？从他的思想行为看，他选择了后者。</t>
  </si>
  <si>
    <t>cin一级利普刀手术后可以吃燕窝吗</t>
  </si>
  <si>
    <t>感冒能不能吃花生</t>
  </si>
  <si>
    <t xml:space="preserve"> 感冒可以吃花生的，感冒多喝水，清淡饮食。</t>
  </si>
  <si>
    <t>93阅兵老百姓能去看吗</t>
  </si>
  <si>
    <t>提前就清场了，只有获得邀请的人也才能在附近指定位置围观</t>
  </si>
  <si>
    <t>靠输营养液维持生命的老人有生活质量吗</t>
  </si>
  <si>
    <t>单纯静脉营养支持，是很难维持多长时间的。也与个体差异，耐受程度有关。</t>
  </si>
  <si>
    <t>劳务公司营改增了吗</t>
  </si>
  <si>
    <t>财政部 国家税务总局关于进一步明确全面推开营改增试点有关劳务派遣服务、收费公路通行费抵扣等政策的通知》（财税〔2016〕47号）一条规定：一般纳税人提供劳务派遣服务，可以按照《财政部 国家税务总局关于全面推开营业税改征增值税试点的通知》（财税〔2016〕36号）的有关规定，以取得的全部价款和价外费用为销售额，按照一般计税方法计算缴纳增值税；也可以选择差额纳税，以取得的全部价款和价外费用，扣除代用工单位支付给劳务派遣员工的工资、福利和为其办理社会保险及住房公积金后的余额为销售额，按照简易计税方法依5%的征收率计算缴纳增值税。</t>
  </si>
  <si>
    <t>hm好吗</t>
  </si>
  <si>
    <t>H&amp;M打折时候适合大批量选购。</t>
  </si>
  <si>
    <t>猴年纪念币能花吗</t>
  </si>
  <si>
    <t>纪念币只要是中国人民银行发行，就是国家法定货币，相同面额与普通人民币等值，不过有这个最好收藏升值</t>
  </si>
  <si>
    <t>苹果电脑可以玩qq游戏吗</t>
  </si>
  <si>
    <t>不能玩的,除非你装双系统 或是 qq游戏在苹果系统下可以用crossover运行的</t>
  </si>
  <si>
    <t>两会是每年都开吗</t>
  </si>
  <si>
    <t>“两会”是“全国人民代表大会”和“政协全国委员会”的简称。指的是全国人民代表大会和中国人民政治协商会议，每年3月份“两会”先后召开全体会议一次，每5年称为一届，每年会议称X届X次会议。</t>
  </si>
  <si>
    <t>身份证复印件能取火车票吗</t>
  </si>
  <si>
    <t>按照12306的规定，可以在取票上车前 用复印件办理乘车用临时身份证。</t>
  </si>
  <si>
    <t>高仿苹果6可以显示qq再线吗</t>
  </si>
  <si>
    <t>1、不能。因为再高伪，也不是苹果。2、但是也可以通过软件来设置。</t>
  </si>
  <si>
    <t>当然显示呀，这个不是手机问题，是qq软件本身的问题，你后台设置是显示iPhone6在线状态的，你可以取消显示的</t>
  </si>
  <si>
    <t>顺丰能寄相框吗</t>
  </si>
  <si>
    <t>婚纱照的大相框很少有超过快递的限制尺寸的，大部分快递都是可以寄的，收费也是按正常收费</t>
  </si>
  <si>
    <t>返利网是真是假</t>
  </si>
  <si>
    <t>返利肯定是真的，也确实蛮划算的，就是淘宝客平台，看到喜欢的东西也确实是有需要的，还是很有价值的。#这是一款最省钱的手机网购软件，依托国内返利行业市场规模最大、用户活跃度最高的 "第三方返利导购 "平台-返利网，整合了包括淘宝、亚马逊、凡客诚品、当当。#是真的，之前我也用过其他的，但可信的真是少之又少的。</t>
  </si>
  <si>
    <t>返利网都是骗人的把戏，无非就是把价格调高在返利给你而已，相反比直接淘宝买更贵。</t>
  </si>
  <si>
    <t>返利网的返利都是来自与商城付给返利网的佣金，返利网再与买家分享佣金，因此大部分返利网是可信的。不过在找返利网时一定要注意是不是钓鱼网站，只要需要用户提供各种密码的都是钓鱼网站。所以用户一定要多多的注意！要选择可信的返利网站。</t>
  </si>
  <si>
    <t>明年能结婚吗</t>
  </si>
  <si>
    <t>无论什么在哪一年,只要看准了日子,举行典礼都是最好的.</t>
  </si>
  <si>
    <t>杨梅坑可以钓鱼吗</t>
  </si>
  <si>
    <t>杨梅坑可以钓鱼，在海边钓鱼</t>
  </si>
  <si>
    <t>双眼皮割8毫米算宽吗</t>
  </si>
  <si>
    <t>割的双眼皮8毫米比较宽</t>
  </si>
  <si>
    <t>对于这个问题，小编只能说8毫米宽度双眼皮效果因人而异</t>
  </si>
  <si>
    <t>专升本要军训吗</t>
  </si>
  <si>
    <t>专升本的学生是不需要军训的</t>
  </si>
  <si>
    <t>红酒有减肥功效吗</t>
  </si>
  <si>
    <t>红酒还有减肥的效果，大约一升葡萄酒里面含有525卡的热量，这些热量只是人体每天平均需要热量的十五分之一。</t>
  </si>
  <si>
    <t>医保生孩子可以报销吗</t>
  </si>
  <si>
    <t>生孩子产生的医疗费用属于生育保险的报销范围，只有在参加社会统筹医疗保险的前提下，又参加了生孩子医疗保险，才可享受医保报销待遇。</t>
  </si>
  <si>
    <t>卫生间可以扩大吗</t>
  </si>
  <si>
    <t>如果是为了在卫生间能洗澡改动，感觉没太大必要，在买房子的时候应该提前考虑到这些问题。但是，必须要改的话，就是花钱的问题了，谁弄都麻烦，所以，麻烦是必然的。</t>
  </si>
  <si>
    <t>婴儿可以办银行卡吗</t>
  </si>
  <si>
    <t>未满16周岁，在监护人在场的情况下，用户口本或身份证才可以办理银行卡，网银是不允许开通的；所以年龄满3周岁，必须在监护人在场的情况下，是可以进行银行卡的办理，但是不允许开通网银的。</t>
  </si>
  <si>
    <t>雷凌会不会很差啊</t>
  </si>
  <si>
    <t>雷凌还可以</t>
  </si>
  <si>
    <t>二本可以考研吗</t>
  </si>
  <si>
    <t>可以啊，只要本科毕业都能考了</t>
  </si>
  <si>
    <t>健身完可以喝酸奶吗</t>
  </si>
  <si>
    <t>可以，酸奶有蛋白有钙，还减脂</t>
  </si>
  <si>
    <t>烤漆家具好吗</t>
  </si>
  <si>
    <t>烤漆家具是由烤漆板制成，而烤漆板的基材一般都是中密度板，表面经过打磨、上底漆、烘干、抛光而成。其优点在于家具色彩鲜艳，视觉冲击力强而且异常的防潮、防水；易清洁，不渗油，不褪色。其被广泛的应用于高档家具。</t>
  </si>
  <si>
    <t>网络维护有前途吗</t>
  </si>
  <si>
    <t>网络管理员是“双高”职业， 目前网络管理员职业的职位和工资涨幅都处于所有行业的前沿，尽管目前，网络管理行业的普遍工资都不是很高，但我们要看到，这个工资在逐年提高，而且随着企业网络规模和应用复杂性的提高，企业对网络管理员的依赖性肯定会加强，到时提高网络管理员工资也就是必然的了。</t>
  </si>
  <si>
    <t>80%的国内企业就是一个打杂的职位，不要有太多期待。</t>
  </si>
  <si>
    <t>复方罗布麻片1能常吃吗</t>
  </si>
  <si>
    <t>可以长期服用的,这种高血压疾病,本身就要终身用药的,所以,只要药物有效,就可以常年服用,治疗高血压的药物不要换的太频繁,只要对某一种药物有效,就可以长期服用下</t>
  </si>
  <si>
    <t>20寸拉杆箱够用吗</t>
  </si>
  <si>
    <t>看你装的东西多不多。。。主要还是自己根据情况决定。。。</t>
  </si>
  <si>
    <t>尿酸高吃花生好吗</t>
  </si>
  <si>
    <t>可以吃花生，也应该多吃馒头，面条这些富含碳水化合物的食物，要采取低嘌呤饮食，鸡鸭鱼肉及海鲜不要吃，不要喝酒，不要吃火锅。要多喝水，促进尿酸的排出。</t>
  </si>
  <si>
    <t>手机能连u盘吗</t>
  </si>
  <si>
    <t>用手机的文件管理器可以管理使用。</t>
  </si>
  <si>
    <t>接骚扰电话要钱吗</t>
  </si>
  <si>
    <t>接电话一般不要钱，。</t>
  </si>
  <si>
    <t>补办银行卡临时身份证可以吗</t>
  </si>
  <si>
    <t>临时身份证也具有证明公民身份的法律效力，是可以用来办理银行卡的。</t>
  </si>
  <si>
    <t>苹果6联通版能用移动卡吗</t>
  </si>
  <si>
    <t>苹果6联通版用移动卡打电话收发短信彩信都没问题，也可以上网，但只能使用移动2G网络</t>
  </si>
  <si>
    <t>江西财经大学有专科吗</t>
  </si>
  <si>
    <t>江西财经大学有专科，分布在枫林（比较小）和麦卢（相对大点）两个校区</t>
  </si>
  <si>
    <t>从2014年起江西财经大学停招专科，全部改为只招生本科。</t>
  </si>
  <si>
    <t>nfc能读取身份证吗</t>
  </si>
  <si>
    <t>技术上这个完全有可能。只是一个解码的问题，但是身份证里面是电路，设备只能读取到编码，需要对接身份证的系统才能查到具体的信息，所以目前不用担心，黑进或者掏钱接入系统不是一般人干的了的</t>
  </si>
  <si>
    <t>苹果ios9.3系统好吗</t>
  </si>
  <si>
    <t>升级到iOS9.3版本后，iOS9.3整体相当稳定，信息通知的快速回应功能，过去在按下发送时，系统极容易误以为用户是向上滑动来取消，现在这个问题似乎改善了。</t>
  </si>
  <si>
    <t>闸北区垃圾站还建吗</t>
  </si>
  <si>
    <t>不会的，要建也会建在郊区，怎么可能会建在闸北，影响市容</t>
  </si>
  <si>
    <t>火星救援 电影好看吗</t>
  </si>
  <si>
    <t>这是一部细节至上的电影，包含了很多雷德利电影的元素，影片的科学逻辑非常出彩</t>
  </si>
  <si>
    <t>连点悬念都没有，让人从中间就开始等他队友来接他回地球，感觉结束</t>
  </si>
  <si>
    <t>查明一猫睫毛膏好用吗</t>
  </si>
  <si>
    <t>查明一猫睫毛膏不好用</t>
  </si>
  <si>
    <t>查明一猫果然很好用，但是一定要买真货。</t>
  </si>
  <si>
    <t>樊少皇会功夫吗</t>
  </si>
  <si>
    <t>从影视里面看。他的身体条件比吴京和李连杰都要出众。刚猛的拳法在他的手中可以变得雷霆万钧。</t>
  </si>
  <si>
    <t>做幻灯片赚钱吗</t>
  </si>
  <si>
    <t>是的，一年下来，冯注龙光靠 PPT 模板收入就有 40 万元，并且连续三年成为 WPS 最佳设计师。</t>
  </si>
  <si>
    <t>日语可以直接考n1吗</t>
  </si>
  <si>
    <t>可以的 没有从易到难的硬性规定</t>
  </si>
  <si>
    <t>黄芪可以和枸杞一起泡水喝吗</t>
  </si>
  <si>
    <t>可以，枸杞黄芪一起益气血</t>
  </si>
  <si>
    <t>蛇不是生蛋的吗</t>
  </si>
  <si>
    <t>尽管大部分蛇都是卵生，有些蛇类却以"胎生"的方式繁殖。</t>
  </si>
  <si>
    <t>汉庭和如家是一个集团么</t>
  </si>
  <si>
    <t>不是同一家。如家酒店是如家酒店集团旗下3大品牌之一，是温馨舒适的商旅型连锁酒店品牌，汉庭酒店（原汉庭快捷酒店）是华住旗下标准经济酒店，</t>
  </si>
  <si>
    <t>自考可以自己报名吗</t>
  </si>
  <si>
    <t>自考本身就是自己报名，自己学习，自己考试</t>
  </si>
  <si>
    <t>女人生过孩子是不是都容易有妇科病</t>
  </si>
  <si>
    <t>女性生育后，体质会发生明显的变化，部分人由于采取剖宫产手术，抵抗力有所下降。如果术后“坐月子”期间没有恢复好，外生殖器官出现炎症，而炎症沿生殖系统向上曼延，则很有可能发生妇科疾病，比如附件炎的发生。</t>
  </si>
  <si>
    <t>签证照片和护照照片一样吗</t>
  </si>
  <si>
    <t>大多数国家的签证照片跟护照照片一样.但具体视哪个领事馆。</t>
  </si>
  <si>
    <t>皮毛一体大衣好吗</t>
  </si>
  <si>
    <t>皮毛一体的衣服保暖性好，皮毛一体是动物皮连带毛一起制成的衣服。你可以想想冬天动物冷不冷但是没冻死，你本身穿的衣服再加上动物的皮毛。</t>
  </si>
  <si>
    <t>唯一缺点真正的皮毛一体因为制作工艺和保存所以价格偏高  要在4500-8000左右。而且偏重。</t>
  </si>
  <si>
    <t>大灯总成更换必须解码吗</t>
  </si>
  <si>
    <t>一定要解码</t>
  </si>
  <si>
    <t>要看你是什么车啊，有些车现在还没有软解的技术的！有些车子是不需要解码的</t>
  </si>
  <si>
    <t>holiday可数吗</t>
  </si>
  <si>
    <t>可数，但是on my holiday和on my holidays常通用。</t>
  </si>
  <si>
    <t>贝因美有问题吗</t>
  </si>
  <si>
    <t>贝因美奶粉最新事件：贝因美奶粉被指问题频发</t>
  </si>
  <si>
    <t>喝可乐会长胡子吗</t>
  </si>
  <si>
    <t>不会，有人长胡子是因为他们本来就要长胡子。跟可乐有什么关系，不过少喝，喝多了，加重胃部负担，还会导致钙流失，骨质疏松</t>
  </si>
  <si>
    <t>拳皇98有大蛇吗</t>
  </si>
  <si>
    <t>《拳皇98 终极之战-OL》终极角色——大蛇介绍</t>
  </si>
  <si>
    <t>外国人会到湛江吗</t>
  </si>
  <si>
    <t>湛江港比较多外国人,不过一般人不容易进去的.</t>
  </si>
  <si>
    <t>虎王被软禁了吗</t>
  </si>
  <si>
    <t>涉嫌贿赂前联合国大会主席阿什在美国被捕的澳门地产富豪吴立胜，已于纽约时间26日下午6时(北京时间27日清晨6时)许获保释外出，但必须被软禁在美国的家中，不许使用手机，使用固话也要留下通讯记录，身上佩戴有全球定位的装置。吴在澳门的生意伙伴关伟霖证实了这一消息，并称吴被保释后精神状况不错，已聘请两个律师团队准备案件</t>
  </si>
  <si>
    <t>中国能和平崛起吗</t>
  </si>
  <si>
    <t>中国是否能和平崛起的问题，最好用10年、15年或20年的时间长度来衡量。中国肯定会继续崛起以至于成为美国的真正挑战者。</t>
  </si>
  <si>
    <t>杏鲍菇没熟会中毒吗</t>
  </si>
  <si>
    <t>不会导致中毒那么严重， 最坏的就是拉肚子</t>
  </si>
  <si>
    <t>我是歌手第四季有张信哲吗</t>
  </si>
  <si>
    <t>据悉，张信哲本将作为第一位补位歌手参与《我是歌手》第四季，也将在27日晚正式参与第四期补位的节目录制。</t>
  </si>
  <si>
    <t>三轨推拉门好不好</t>
  </si>
  <si>
    <t>三轨推拉门有以下优点1、分隔空间。三轨推拉门无论其样式有多大差别，都无一例外地起到空间限制与分隔的作用。2、遮挡视线。三轨推拉门按照其材质透明度的差异，具有不同程度的遮挡视线的作用。3、适当隔音。柔软的织物、海绵、泡沫材料都具有一定的吸音能力，因此由这些材料装饰的三轨推拉门具有较好的隔音作用;4、增强私密性。现代的居室生活中，卫浴、卧室等空间不再像以往那样，由固定的四面砖墙围合而成。个性化的设计中，透明玻璃的卫浴间屡见不鲜。为了照顾生活的私密性，这些区域的入口处可由移动的三轨推拉门承担起遮挡作用。5、增加空间弹性。将三轨推拉门根据使用要求、结构形式、装饰风格，随时启动或移动，空间也随之或分或合、变大或变小，随主观意愿更加灵活多变，让大家能在空间要求上有一定的自由，增加空间灵活性。如果您已经确定了要安装三轨推拉门，那么需要考虑的就是装几轨的，对比两轨三轨推拉门，三轨推拉门的打开空间更大，可以开到两扇门的宽度，而两轨的只能开到一扇门的宽度，这就需要您根据自身需求来决定了，看您要装门的宽度有多大。那么介绍了这么多三轨推拉门的优点，究竟它有没有什么弊端呢？当然有，那就是三轨推拉门的价格比两轨的要贵。</t>
  </si>
  <si>
    <t>2015阅兵朝鲜来吗</t>
  </si>
  <si>
    <t>没来</t>
  </si>
  <si>
    <t>阳江有交通银行吗</t>
  </si>
  <si>
    <t>有，采交警支队</t>
  </si>
  <si>
    <t>该地区目前没有交通银行分支机构。</t>
  </si>
  <si>
    <t>息肉是肿瘤吗</t>
  </si>
  <si>
    <t>息肉和良性肿瘤，是一个意思吗？这理科必定的答复，他们两个是没有相关的，是很不相同呢！在医学理论知识上，他们两个也是不相同，可是在外观功能和形状上也是不相同的，医学专家对这两个之间都有一个定性，息肉即是依据它外部的形状，来定性为息肉的，而肿瘤又分良性肿瘤和恶性肿瘤，良性肿瘤即是对身体没有什么格外大的要挟，做个手触拿去即是了。</t>
  </si>
  <si>
    <t>迅雷有vpn吗</t>
  </si>
  <si>
    <t>迅雷没有哦 需要下载VPN客户端 全局代理即可</t>
  </si>
  <si>
    <t>十一快递送货吗</t>
  </si>
  <si>
    <t>十一期间快递公司领导放假，但快递员不放假，正常收发件。</t>
  </si>
  <si>
    <t>兼职会计好做吗</t>
  </si>
  <si>
    <t>兼职有利有弊 利:自由,不用坐班,接触的人多,业务种类多,如果做的多收入也不错,而且有外快的机会。弊:不稳定,比如保险都没着落。</t>
  </si>
  <si>
    <t>孕期可以刮痧吗</t>
  </si>
  <si>
    <t>可以，刮痧对孕妇没多大影响,只要不刮腹部或者腰部就行了</t>
  </si>
  <si>
    <t>泰迪能不能吃饭</t>
  </si>
  <si>
    <t>可以吃的，但是不能作为主食，因为泰迪需要补充营业，毛发的颜色才不会褪色，</t>
  </si>
  <si>
    <t>来月经能吃火龙果</t>
  </si>
  <si>
    <t>可以适当吃的。</t>
  </si>
  <si>
    <t xml:space="preserve"> 月经期间是可以吃火龙果的，但是一定要适量。</t>
  </si>
  <si>
    <t>火龙果本身是寒凉的属性的，所以月经期间是不适合吃火龙果的。</t>
  </si>
  <si>
    <t>孕妇带金子好吗</t>
  </si>
  <si>
    <t>孕妇是可以戴黄金饰品的</t>
  </si>
  <si>
    <t>现在开服装店挣钱吗</t>
  </si>
  <si>
    <t>有些人赚钱，有些人不赚钱</t>
  </si>
  <si>
    <t>认识半年算闪婚吗</t>
  </si>
  <si>
    <t>一般的是一天至3个月 半年结婚在有些人看来或许是草率了点 但是有些人并不认为 主要是看你们两个的感情</t>
  </si>
  <si>
    <t>现在苹果5s都是翻新机吗</t>
  </si>
  <si>
    <t>现在市面上已经没有新机了 说全新的都是官翻机，官换机,充新卖</t>
  </si>
  <si>
    <t>是否翻新机需要进入官网保修服务和支持期限（序列号）查询工具，查询imei码和序列号为准，看他的生产日期，激活日期，保修日期是最精准的方法，激活日期和你购买日期相差几天是正常的，激活超过半年就有翻新的机率，过保修的必定是二手翻新机。</t>
  </si>
  <si>
    <t>1953年土地证是否有效</t>
  </si>
  <si>
    <t>1953年县人民政府颁发的《土地房产所有证》从证据角度来说，还是具有一定的土地使用权权属来源证明效力的。但效力如何，应综合我国农村土地确权登记历史沿革，具体问题具体分析。</t>
  </si>
  <si>
    <t>美女时钟是真的吗</t>
  </si>
  <si>
    <t>我去年玩过，今年又玩了阵子，个人感觉比较可信，但是有一点，有时候刷单的东西到手质量很差，虽然是免费的</t>
  </si>
  <si>
    <t>淘宝商家入驻搜道美女时钟做试用活动被骗过万</t>
  </si>
  <si>
    <t>会厌囊肿需要手术吗</t>
  </si>
  <si>
    <t>会厌囊肿一般会导致咽喉部异物感、不适等表现，一般药物治疗是不能痊愈的，要采取手术或者等离子切除术。</t>
  </si>
  <si>
    <t>沈东军和高雯在一起了吗?</t>
  </si>
  <si>
    <t>克拉恋人结局高雯沈东军在一起 #如果沈东军像小说描写的这样，你还会反对他和高雯在一起吗#米朵雷奕明结婚 高雯沈东军在一起</t>
  </si>
  <si>
    <t>双11 6s会降价吗</t>
  </si>
  <si>
    <t>S因为系统和性能相关的因素，这一次的实际销售并不是特别好的，因此，价格上也不是很高。不过按照惯例，在发布的一到两个月之内，iPhone是不会降价的。所以，双11官网的售价应该不会变化，至于实体店会不会，那就不好说了。</t>
  </si>
  <si>
    <t>邢台九龙峡好玩吗</t>
  </si>
  <si>
    <t>相对来说还不错。</t>
  </si>
  <si>
    <t>不好玩</t>
  </si>
  <si>
    <t>看和谁一起去了。</t>
  </si>
  <si>
    <t>网上定位找手机是真的吗</t>
  </si>
  <si>
    <t>手机定位追踪软件全是假的，只能定自己的位置。要想专业的定位必须找到专业的人给你定位。</t>
  </si>
  <si>
    <t>地下城与勇士影舞者厉害吗</t>
  </si>
  <si>
    <t>DNF影舞者是AOE职业，单体输出能力差，群里输出简直逆天，单个技能几乎都是只能攻击一个怪物，然而，拥有暗杀领域这个技能，只要背击，那么最大攻击就会攻击范围内其他敌人，如此好的技能，却注定有个致命的缺陷。</t>
  </si>
  <si>
    <t>不越狱能改微信铃声吗</t>
  </si>
  <si>
    <t>航天纪念钞值钱吗</t>
  </si>
  <si>
    <t>中国航天纪念钞，是中国人民银行定于2015年11月26日发行的航天主题纪念钞，币值100元，与现行流通人民币职能相同，与同面额人民币等值流通。</t>
  </si>
  <si>
    <t>男人会真的在乎情人吗</t>
  </si>
  <si>
    <t>不会 只会在乎媳妇。</t>
  </si>
  <si>
    <t>英国需要面签吗</t>
  </si>
  <si>
    <t>申请英国个人旅游签证不需要面签（一般情况下，特殊情况领馆会电话通知本人亲自去面试），你只需要亲自前往英国签证中信递交材料就好，并同时按指纹</t>
  </si>
  <si>
    <t>25人普通icc掉无敌吗</t>
  </si>
  <si>
    <t>不掉。只有25英雄巫妖王才有2％概率掉</t>
  </si>
  <si>
    <t>刚怀孕可以有性生活吗</t>
  </si>
  <si>
    <t xml:space="preserve">  这个时候是不能同房的，一般来说怀孕的头三个月不能同房，容易导致流产的，</t>
  </si>
  <si>
    <t>wps可以转换pdf吗</t>
  </si>
  <si>
    <t>在WPS2012界面中，选择WPS文字，在另存为后选择输出为PDF</t>
  </si>
  <si>
    <t>喇蛄是小龙虾吗</t>
  </si>
  <si>
    <t>蝲蛄（东北黑鳌虾）和小龙虾（克氏原鳌虾）是不同的动物。蝲蛄生活在淡水中,是肺吸虫的中间宿主.为了区别龙虾和蝲蛄,所以管蝲蛄叫小龙虾。</t>
  </si>
  <si>
    <t>刚装修的房子能住吗</t>
  </si>
  <si>
    <t>如果通风做的好的话，至少也要2-3个月，为什么要这么久才能入住呢?因为装修后屋子会有很多的甲醛，这些有毒物质会损害人体健康，容易造成呼吸道疾病，不孕不育，白血病等疾病。正常人在2-3个月就能入住。</t>
  </si>
  <si>
    <t>朝鲜韩国能统一吗</t>
  </si>
  <si>
    <t>不可能，如果韩国统一朝鲜，中俄会坐视不理？！又打成一锅粥了。</t>
  </si>
  <si>
    <t>地税局临时工能转正吗</t>
  </si>
  <si>
    <t>有重大突出贡献可以转正，另外你说的出钱也可以转正，就是金额太大了</t>
  </si>
  <si>
    <t>鼻炎微创手术有用吗</t>
  </si>
  <si>
    <t>不管鼻炎手术有多么的微创都会造成一定的出血和创伤，损害鼻粘膜在所难免!由此王主任呼吁鼻炎患者，不管得了哪种类型的鼻炎，都切记不要进行手术，手术破坏鼻粘膜，为引发鼻咽癌加重了砝码。</t>
  </si>
  <si>
    <t>孕妇蹲着大便好吗</t>
  </si>
  <si>
    <t>通过你症状的描述，蹲着大便一般不会挤压胎儿的。如果羊水充足，肚子又不是很大，蹲着大便是没事的，不会挤压着胎儿，若是快到预产期了，最好有陪人跟着上厕所。</t>
  </si>
  <si>
    <t>杨家老铺腹泻贴有用吗</t>
  </si>
  <si>
    <t>杨家老铺，质量可靠，讲信誉，服务优。这是我的体验和感受。本人正在用，现在很有信心，作用极明显。</t>
  </si>
  <si>
    <t>最近经常听身边朋友谈论杨家老铺腹泻贴，一开始我还不信，后来朋友送了一盒给我试用，没想到当天贴上当天见效！肠胃里特别舒畅，我立马定了2个疗程的，贴完，饭后胃里再也没有胀痛，消化功能也提高了，气色好了，人都显得年轻了。这1号肚脐贴还真是管用</t>
  </si>
  <si>
    <t>信用卡取钱要利息吗</t>
  </si>
  <si>
    <t>信用卡取现是用银行的钱，当然要利息的。但是信用卡刷卡，持卡人不用支付手续费，但是商家是要支付手续费的。因为商家担负了这部分收费了。</t>
  </si>
  <si>
    <t>发热能吃鸡蛋吗</t>
  </si>
  <si>
    <t xml:space="preserve">感冒时吃鸡蛋不会影响康复速度的，相反体质弱营养差的人在患感冒或其他病时加强点营养，吃点鸡蛋及易消化的食物对疾病的早日康复是有好处的。 </t>
  </si>
  <si>
    <t>鸡蛋所含营养的确丰富，但不宜在发烧期间多吃，尤其是煎荷包蛋或炒鸡蛋。进食鸡蛋加剧发烧症状，因为鸡蛋主要含有卵蛋白和卵球蛋白，是一种完全蛋白质，99.7%能被人体吸收。进食鸡蛋后会产生一定的额外热量，使机体热量增高，加剧发烧症状。</t>
  </si>
  <si>
    <t xml:space="preserve"> 鸡蛋富含蛋白质（清蛋白），人体吸收率极高，是营养价值极高的食品。感冒多病毒感染所致，与吃鸡蛋没有直接的关系。之所以有人说感冒了不宜吃鸡蛋，那是因为人在感冒发热时消化功能受一定影响，蒸煮的鸡蛋不好消化。但是更换烹饪方法，如蒸鸡蛋羹、蛋花汤还是适合感冒病人吃用的。并且临床上有些病人不能进食鸡蛋，那不是消化道的问题，那是肾脏、肝脏功能有问题了，这种人必须遵医嘱选择进食。此外，有些对动物蛋白过敏的病人，若考虑与进食鸡蛋有关，则列为饮食禁忌了。</t>
  </si>
  <si>
    <t>中国移动积分清零吗</t>
  </si>
  <si>
    <t>移动解释，“积分计划”是中国移动为答谢广大客户长期以来的支持与厚爱而推出的一项客户回馈服务。积分是根据每月的消费情况按月累计的，自2011年起，就已取消积分的“三年滚动清零”规则.</t>
  </si>
  <si>
    <t>小孩子可以喝咖啡吗</t>
  </si>
  <si>
    <t xml:space="preserve"> 咖啡因有刺激性，能刺激胃部蠕动和胃酸分泌，引起肠痉挛，常饮咖啡的儿童容易发生不明原因的腹痛，长期过量摄入咖啡因则会导致慢性胃炎。咖啡因能使胃肠壁上的毛细血管扩张，刺激肾脏机能，使肾水流增加，导致小孩多尿，钙排出量随之增多，儿童的骨骼发育也会因此受到影响。同时，咖啡因还会破坏儿童体内的维生素B1，引起维生素B1缺乏症。</t>
  </si>
  <si>
    <t>有没有没封的网站</t>
  </si>
  <si>
    <t>顺丰快递能寄宠物吗</t>
  </si>
  <si>
    <t>顺丰快递能寄宠物。</t>
  </si>
  <si>
    <t>维生素c能去痘印吗</t>
  </si>
  <si>
    <t xml:space="preserve"> 你好，去脸上痘印吃维生素C有用的，不用超过2周。可试试维生素C涂抹法去痘印。</t>
  </si>
  <si>
    <t>结膜炎能吃鸡蛋吗</t>
  </si>
  <si>
    <t>考虑结膜炎最常见于的是一个细菌性结膜炎或是病毒性结膜炎疾病。在饮食上除了不吃辛辣刺激性食物等，其他的例如鸡蛋牛奶等都是可以服用的呢，而且也促进恢复呢。</t>
  </si>
  <si>
    <t>宝新能源是蓝筹股吗</t>
  </si>
  <si>
    <t>盘子不大，效益不确定，不是蓝筹。</t>
  </si>
  <si>
    <t>无痛胃镜肠镜可以一起做吗</t>
  </si>
  <si>
    <t>可以，而且如果选择无痛胃肠镜，最好安排在一天，只接受一次麻醉，麻醉后先做胃镜再做肠镜，这就避免了再次接受麻醉的副作用。</t>
  </si>
  <si>
    <t>糖尿病可以吃糖精吗</t>
  </si>
  <si>
    <t xml:space="preserve"> 糖精属于矿物质，不是糖类食品，可以吃的，不过要注意糖精如果及时过多，会加重肾脏负担的，而糖尿病也有可能诱发糖尿病肾病，也不宜多吃的。</t>
  </si>
  <si>
    <t>不是独生子女可以生二胎吗</t>
  </si>
  <si>
    <t>“一对夫妻可生育两个子女”，这就是目前正在全国实施的两孩生育新政策。也就是说，只要你们是只生育过一个子女的夫妻，不管当事人双方是不是独生子女，都可以合法地生育第二个子女。</t>
  </si>
  <si>
    <t>借条照片有效吗</t>
  </si>
  <si>
    <t>当然要实务借条，也最好当面写借条当面签字，看清楚身份证，拍照的只是起诉时候资料提交有用，如果开庭时候没有原件借条，法院是不会支持你的，必须要清清楚楚的，没有瑕疵，最好把身份证拍照给你，但借条一定要拿到手，，签字也必须是他本人的签字。</t>
  </si>
  <si>
    <t>别人有了我的身份证信息能盗取我的支付宝吗</t>
  </si>
  <si>
    <t>盗不了，支付宝整个安全性能还是很好的，密码/指纹/人脸/手机等等，都是互相绑定的，如果你担心身份证信息别人盗取支付宝，个人建议守好你的手机，手机掉了，支付宝贝盗取的可能性更大</t>
  </si>
  <si>
    <t>qq有64位版本吗</t>
  </si>
  <si>
    <t>QQ没有64位的版本，但是QQ是支持64位的</t>
  </si>
  <si>
    <t>招商银行信用卡可以绑定支付宝吗</t>
  </si>
  <si>
    <t>支付宝能和招商银行信用卡绑定</t>
  </si>
  <si>
    <t>流产后能吃海带吗</t>
  </si>
  <si>
    <t>人流后可以喝海带汤，考虑是不会影响身体恢复</t>
  </si>
  <si>
    <t>不要喝海带汤流产后应该多吃些营养丰富的补养品</t>
  </si>
  <si>
    <t>子牛集团是传销公司吗</t>
  </si>
  <si>
    <t>是不是传销，要根据其具体的运营、操作模式才可以进行判断。以入会员的模式,再介绍朋友入会员,公司给返现金，这种情况就是拿亲朋好友下手 ，因此需要谨慎。根据《禁止传销条例》中规定，下列行为，属于传销行为：（1）组织者或者经营者通过发展人员，要求被发展人员交纳费用或者以认购商品等方式变相交纳费用，取得加入或者发展其他人员加入的资格，牟取非法利益的；（2）组织者或者经营者通过发展人员，要求被发展人员发展其他人员加入，形成上下线关系，并以下线的销售业绩为依据计算和给付上线报酬，牟取非法利益的。</t>
  </si>
  <si>
    <t>月经期间可以吃消炎药吗</t>
  </si>
  <si>
    <t>在月经期间吃药对身体是很不好的，因此不在不得已的情况下最好不要吃药。</t>
  </si>
  <si>
    <t>鸡的睾丸能吃吗</t>
  </si>
  <si>
    <t>公鸡睾丸性味：甘、平、补肾壮阳、下乳。 主治：肾虚、性神经衰弱、遗精、滑精、阳萎、腰酸乏力、耳鸣、宫冷不孕等有独特疗效。有极高的滋阴壮阳的保健作用，其药用食用价值很高.炖汤时加入枸杞,当归可以补益气血，壮腰健肾。</t>
  </si>
  <si>
    <t>买房子定金能退吗</t>
  </si>
  <si>
    <t>如果写明是"订金"是有可能收回的!不过就你的情况应该收不回了,原因有三:1你写的是"定金"就是那钱定下,一定会要的意思,不要了也是你自己的事情别人是不会退的,</t>
  </si>
  <si>
    <t>灵魂会消失吗</t>
  </si>
  <si>
    <t>首先灵魂不会淡化更不会彻底消失。第二，如果按佛教经典来解释的话根本就不存在灵魂。佛教是无灵魂说。灵魂是道教的说法与主张。</t>
  </si>
  <si>
    <t>黄瓜可以和胡萝卜一起炒吗</t>
  </si>
  <si>
    <t>黄瓜能与胡萝卜是可以在一起吃的，可以。胡萝卜不宜和西红柿、萝卜、辣椒、石榴、莴苣、木瓜等水果同吃。最好单独吃或和肉类烹调。黄瓜不宜和维生素c含量高的蔬菜如西红柿、辣椒等同烹调。</t>
  </si>
  <si>
    <t>房子会提前交房吗</t>
  </si>
  <si>
    <t>开发商合同上写的交房日期一般都是比较保守的，所以一般情况下都是可以提前交房的，除非房子消防电梯等没过关，才会延后交房，这种情况比较少</t>
  </si>
  <si>
    <t>手术后可以抽烟吗</t>
  </si>
  <si>
    <t>你好，一般来说，做完手术后是不可以抽烟的，因抽烟会引起呛咳，引起伤口张力增强及疼痛。</t>
  </si>
  <si>
    <t>服兵役算工龄吗</t>
  </si>
  <si>
    <t>当然是算的，无论是已参保还是未参保，原军龄都视同工龄。</t>
  </si>
  <si>
    <t>洛奇英雄传boss竞技场要疲劳吗</t>
  </si>
  <si>
    <t>除了24人本和boss竞技场还有那些是不用疲劳的呀</t>
  </si>
  <si>
    <t>中国有原始森林吗</t>
  </si>
  <si>
    <t>有，神农架山区，位于湖北、陕西、四川三省的边界，南濒长江，北望武当山，是大巴山脉和秦岭山脉交结的地方，亦是我国南部亚热带向北部温带过渡的地带。大兴安岭（Greater Khingan Mountains）位于黑龙江省、内蒙古自治区北部，是内蒙古高原与松辽平原的分水岭。北起黑龙江畔，南至西拉木伦河上游谷地，东北-西南走向，全长1200多公里，宽200-300公里，海拔1100-1400米，主峰索岳尔济山。</t>
  </si>
  <si>
    <t>暴雪嘉年华门票划算吗</t>
  </si>
  <si>
    <t>不划算</t>
  </si>
  <si>
    <t>喜欢就买，温斯顿皮肤可以**毕竟排位英雄，金橙娱乐也不错，特效肯定足，而且暴雪嘉年华的节目质量也不低的，我个人认为值得入手</t>
  </si>
  <si>
    <t>iphone能当遥控器吗</t>
  </si>
  <si>
    <t>最近一款名叫iiMote的iPhone拓展配件在网上引起网友热烈讨论，这款iPhone 拓展配件能将手机瞬间变成家电遥控器。</t>
  </si>
  <si>
    <t>不能用。目前智能设备的遥控器大概分两种，一种是红外线的，一种是wifi的。红外线的需要设备的支持，就是红外发射器。苹果手机是没有的，所以不能用。</t>
  </si>
  <si>
    <t>老年人可以吃巧克力吗</t>
  </si>
  <si>
    <t>如果老人有高血压 高血糖 高血脂 糖尿病等疾病是不能吃，其它情况要少吃  。</t>
  </si>
  <si>
    <t>小儿氨酚黄那敏颗粒可以退烧吗</t>
  </si>
  <si>
    <t>这个药是有退烧作用的，但它不是专用的退烧药，如果说超过38.5度，需要服用退烧药物的，比如说美林的。</t>
  </si>
  <si>
    <t>记忆枕头对颈椎好吗</t>
  </si>
  <si>
    <t>记忆枕对颈椎患者也有很好的帮助作用</t>
  </si>
  <si>
    <t>沈阳到四平高速通车了吗</t>
  </si>
  <si>
    <t>封闭扩建两年半之久的京哈高速-沈阳到四平段高速公路在2016年9月29日正式通车，这条路段的通车意义重大，不但缓解了京哈高速车流压力，同时沈阳到铁岭的路程也无需再绕行G102国道或沈吉高速，为马上到来的“运粮季”带来了便利。</t>
  </si>
  <si>
    <t>形婚可靠吗</t>
  </si>
  <si>
    <t>形婚还不如单身，不靠谱相当不靠谱。</t>
  </si>
  <si>
    <t xml:space="preserve"> 一辈子生活在谎言里面很累，每天都要撒谎的日子，就算能骗得过1年，2年，3年，生活会把你磨得更加无奈。</t>
  </si>
  <si>
    <t>铅笔有没有保质期</t>
  </si>
  <si>
    <t>石墨的主要成分是碳，应该没有保质期，木棒一般在我们有生之年也不会腐烂。</t>
  </si>
  <si>
    <t>排卵期出血的第一天就一定排卵了吗</t>
  </si>
  <si>
    <t xml:space="preserve"> 排卵期出血的话，这个不一定就是有正常的排卵的，这个只能说明有肯呢过是有排卵的，你说的这样的情况，这个是可以做B超检测排卵，看看有没有成熟的卵泡排出来，如果是有的话，那么这个出血不多是可以同房，就还是会有怀孕的可能性的。</t>
  </si>
  <si>
    <t>加工费属于应税劳务吗</t>
  </si>
  <si>
    <t>加工费不是应税劳务。应税劳务，就是其收入依法应该纳税的劳务，个人或团体向其他个人或机构提供劳务，其收入应该依法纳税，就是提供应税劳务。</t>
  </si>
  <si>
    <t>联通客服电话收费吗</t>
  </si>
  <si>
    <t>一、中国联通用户使用中国联通固定电话、中国联通移动电话在国内（不含台港澳）拨打中国联通客户服务号码10010、10018、10019免收通信费用。使用中国联通IP 电话、含有接入码的各类电话业务拨打中国联通客户服务号码10010、10018、10019，按相应业务资费标准和计费规则收费。中国联通用户使用中国联通固定电话、中国联通移动电话在国内（不含台港澳）接听中国联通客户服务号码10010、10018、10019 来电，免收通信费用。二、国际及台港澳移动电话用户漫游至中国联通网络的来访用户，在国内（不含台港澳）拨打中国联通客户服务号码10010、10018、10019 免收通信费用。三、其他情况下中国联通用户拨打或接听中国联通客户服务号码10010、10018、10019 按正常通话相应资费标准和计费规则收费。四、中国联通客户服务号码10011 为专用充值号码，中国联通用户拨打10011 进行充值，收费原则和收费标准按照上述客户服务电话资费标准和计费规则执行。</t>
  </si>
  <si>
    <t>国外能访问中国网站吗</t>
  </si>
  <si>
    <t>可以。除了某些中国网站屏蔽外国ip或者国外防火墙屏蔽的中国网站造成国外不能访问特定中国网站以外，其他情况下是完全没有问题而且很便利的。</t>
  </si>
  <si>
    <t>中华田园猫会吃人吗</t>
  </si>
  <si>
    <t>纯野猫（完全野生环境）的话一定会，如果它有能力的话，家猫不知道</t>
  </si>
  <si>
    <t>排毒养颜胶囊有依赖性吗</t>
  </si>
  <si>
    <t>这个说法是排除肠道的杂物，但想象一下我们每天吃饭每天都会有残留，所以这类东西对人身体是有害的，有的上年龄就会出现毛病，养颜养颜，主要是人要中气平，血液好，所以身体好的人是红光满面，这就是气血足精神好，一种内在的健康，希望您少吃这类物品，多锻炼多跑步，做瑜伽可以保持身材培养气质调和身心</t>
  </si>
  <si>
    <t>小天鹅被收购了吗</t>
  </si>
  <si>
    <t>是的，N年前的事，小天鹅做为独立品牌继续经营，被收购能降低企业的运营成本。</t>
  </si>
  <si>
    <t>假合同骗取银行贷款有担保人算不算诈骗</t>
  </si>
  <si>
    <t>骗取担保获取银行贷款构成合同诈骗罪</t>
  </si>
  <si>
    <t>cf英雄武器都是买的吗</t>
  </si>
  <si>
    <t>是买的，刷枪骗子太多</t>
  </si>
  <si>
    <t>绿地集团是国企吗</t>
  </si>
  <si>
    <t>绿地集团属于国资控股的混合所有制非上市公司，也就是说属于国企</t>
  </si>
  <si>
    <t>绿地是房产公司，私企</t>
  </si>
  <si>
    <t>绿地国有才控股45%，不能算是纯正的国企，更像是民企啊</t>
  </si>
  <si>
    <t>顺丰可以寄信吗</t>
  </si>
  <si>
    <t>　顺丰快递可以寄信。</t>
  </si>
  <si>
    <t>大麦克斯能打钱用吗</t>
  </si>
  <si>
    <t>成员满配件，多利用自己的俯角，多打击敌人的侧后，跟一线战场拉开距离</t>
  </si>
  <si>
    <t>看输出。。。没输出啥都没有。。。一局不到2w吧。。。上次6级房8杀得了4w6炮弹钱1w多。。。炮弹800一发，rp不好多打飞几发可能就亏了。。。</t>
  </si>
  <si>
    <t>电动滑板车有用吗</t>
  </si>
  <si>
    <t>看个人的用途吧，如果上下班天天要骑的，路面也比较坑洼，建议买电动车，电动车轮子大，没滑板车那么颠簸，下雨天骑也没任何问题，如果是短途代步，路面也平坦，建议电动滑板车，但是下雨天最好不要骑，电动滑板车就是体积小，好折叠，携带方便，而且不用锁在外面怕被偷。</t>
  </si>
  <si>
    <t>天蝎座很厉害吗</t>
  </si>
  <si>
    <t>天蝎们很厉害，可以把自己伪装的很好，不易让其他人发觉。</t>
  </si>
  <si>
    <t>胆结石可以吃牛肉吗</t>
  </si>
  <si>
    <t>牛肉本身蛋白质含量高，且脂肪低，味道鲜美，有 肉中骄子 的美称。胆结石患者可以适量的食用，但不能多吃。</t>
  </si>
  <si>
    <t>男人吃六味地黄丸能要孩子吗</t>
  </si>
  <si>
    <t>男性在备孕期间是可以才六味地黄丸的，不影响精子的质量，多吃一些高蛋白食物补充营养。</t>
  </si>
  <si>
    <t>闽东电力是国企吗</t>
  </si>
  <si>
    <t>福建闽东电力股份有限公司为国有上市公司，成立于1998年12月30日，2000 年7月上市，地处福建宁德。</t>
  </si>
  <si>
    <t>光明奶粉好不好</t>
  </si>
  <si>
    <t>光明奶粉2段400g性价比高，口感好，容易消化吸收，特别适合宝宝食用 营养成分</t>
  </si>
  <si>
    <t>公务员考试需要关系吗</t>
  </si>
  <si>
    <t>实话实说。做哪行都有些潜规则，公务员行当也不例外</t>
  </si>
  <si>
    <t>社保是不是要连续交</t>
  </si>
  <si>
    <t>社保不需要连续缴纳，劳动者中途辞职是可以停交或者断交，只要缴纳满15年，到了退休年龄，就可按月领取养老金。</t>
  </si>
  <si>
    <t>随便果真的假的</t>
  </si>
  <si>
    <t>食品宣传功效涉嫌违法</t>
  </si>
  <si>
    <t>太空是黑暗的吗</t>
  </si>
  <si>
    <t>宇宙空间没有任何物体，是没有颜色、也没有光亮的。而恒星的光线可以穿过这些空间，因为没有任何物体能反射这些光线，所以我们看到这些空间都是黑暗的。</t>
  </si>
  <si>
    <t>支付宝登陆手势不能再用了吗</t>
  </si>
  <si>
    <t>支付宝钱包新发布的9.0版本取消了手势密码</t>
  </si>
  <si>
    <t>deeper探鱼器好用吗</t>
  </si>
  <si>
    <t>1.得朋（deeper）探鱼器轻便小巧、尺寸直径6.5厘米（高尔夫球大小），重量只有100克，携带方便；.得朋（deeper）探鱼器操控智能，手机屏幕上显示水下鱼群的动态，把水深、水温、水底地形等都尽收眼底。适用于任何钓场，是理想的探鱼神器。2.得朋（deeper）探鱼器操作简单，一看就懂，一学就会；除主要功能探测鱼群在水下动态外，还具有船钓、海钓、冰钓等模式，真是“得朋在手，江河湖海任行走”！3.得朋（deeper）探鱼器功能齐全，菜单显示有日历、相机、天气、记事本、历史数据、地图等。清晰地标出垂钓点、码头、停车场、店铺等信息，方便了钓鱼人户外垂钓活动。</t>
  </si>
  <si>
    <t>非公有职称全国通用嘛</t>
  </si>
  <si>
    <t>公有制职称是全国范围适用，非公有制职称则是地方性的，哪里的职称就在哪里适用。</t>
  </si>
  <si>
    <t xml:space="preserve"> 公有制的职称是考评结合的，是需要考计算机和英语，发表论文的，但非公有制的职称只是评审没有考试，不用考英语、计算机，也不用论文发表，所以评出来之后原则上只能在当地使用，效力和效果不是很好。</t>
  </si>
  <si>
    <t>朴信惠会唱歌吗</t>
  </si>
  <si>
    <t>一开始是作为歌手培养过的</t>
  </si>
  <si>
    <t>她之前是练习生，本来是要以爱豆身份出道的，唱歌和跳舞都不错</t>
  </si>
  <si>
    <t>鼻炎需要动手术吗</t>
  </si>
  <si>
    <t xml:space="preserve"> 如果鼻炎不是很严重的,可以进行药物治疗,如果有很久的鼻炎史,鼻炎严重的患者,建议还是手术治疗.</t>
  </si>
  <si>
    <t>被狗咬死的鸡还能吃吗</t>
  </si>
  <si>
    <t>如果不是被发病的狂犬病病犬咬死的是可以食用的，但是注意生熟处理。</t>
  </si>
  <si>
    <t>如果狗带有疾病，最好是不要食用以防人类食用后引起疾病，最好是及时丢弃为好</t>
  </si>
  <si>
    <t>黄鼠狼是保护动物吗</t>
  </si>
  <si>
    <t>黄鼠狼是保护动物，但不属于国家重点保护动物，而属于三有即有益的或者有重要经济、科学研究价值的动物。按照《中华人民共和国野生动物保护法》的规定，三有野生动物适用于本法的规定，总体来说还是受到法律保护的，只不过在国家层面的保护级别低一些。</t>
  </si>
  <si>
    <t>法律英语证书有用吗</t>
  </si>
  <si>
    <t>基本没有大用处，法律英语能力最重要。给你份陌生得材料或合同，你能准确翻译修改的话，大律所基本能进门</t>
  </si>
  <si>
    <t>晚上锻炼对身体好吗</t>
  </si>
  <si>
    <t>天黑后的确不是最佳的运动时间。《黄帝内经》指出：“故阳气者，一日而主外，平旦人气生，日中而阳气隆，日西而阳气已虚，气门乃闭。是故暮而收拒，无扰筋骨，无见雾露，反此三时，形乃困薄。”意思是说，人体的阳气有卫护肌表的作用。太阳升起时人体阳气也开始活动，到了中午阳气最盛，夕阳西下时阳气随之减弱，毛孔也随之闭合。因此天黑后，人就应当停止活动去休息，以养护阳气、防御外邪；也不要扰动筋骨或接触雾露。如果违背了这一动静规律，身体就会日趋困顿虚弱</t>
  </si>
  <si>
    <t>属鼠能要鸡宝宝吗</t>
  </si>
  <si>
    <t>这个是可以的，自己的孩子，有什么不可以的。</t>
  </si>
  <si>
    <t>孕妇可以吃麦当劳么</t>
  </si>
  <si>
    <t>当然可以吃，只要不是天天吃、顿顿吃，一个月吃个2-3次是可以的。</t>
  </si>
  <si>
    <t>淘宝金牌卖家信得过吗</t>
  </si>
  <si>
    <t>有一定信任度，但是不能全信。</t>
  </si>
  <si>
    <t>铂金项链能带着洗澡吗</t>
  </si>
  <si>
    <t>不需要。铂金首饰不需要特殊的保养。</t>
  </si>
  <si>
    <t>因为洗澡时，使用的浴液或香皂对金属都有一定的化学作用，虽说铂和金的化学性质较稳定，但终究还是会对项链的光泽度有影响的。所以，最好不要嫌麻烦，取下为好。当然，到公共浴池还是不取为妙。而且洗澡时毛巾的擦洗也会拉伤或者拉断项链。如果你的项链是W扣，经常弯曲肯定是不好的，可以更换成弹簧式的，这样比较方便。此外，如果你的项链上戴有钻石的话，更应该取下了，因为钻石有亲油疏水的特性，洗澡时难免有身体的一些油脂粘附在上面造成钻石的活彩下降。</t>
  </si>
  <si>
    <t>生男生女和月份有关系吗</t>
  </si>
  <si>
    <t>没什么关系  那都是迷信！</t>
  </si>
  <si>
    <t>凤凰古城冬天好玩吗</t>
  </si>
  <si>
    <t>冬天的凤凰古城同样很美，我们喜欢凤凰古城不仅仅是它的美景，更加是它那浓郁的民族风情。冬天的凤凰古城，它更美，空气中都弥漫着它的文化气息。</t>
  </si>
  <si>
    <t>养三条金鱼好吗</t>
  </si>
  <si>
    <t>养的条数不在多少，但数目最好合易经之数，这样可以把效果发到极限，一般家庭式样，主要是养一，四，六，九条数为好，才有利。因为风水中，一六为水，四九为金，这样的数目是最能够旺财的，是生水的。其它条数多为不利的数目。</t>
  </si>
  <si>
    <t>教师资格证可以分开考吗</t>
  </si>
  <si>
    <t>　一般情况，教师资格证考试规定：笔试单科成绩两年有效、在规定期限内可以分开考各科目。</t>
  </si>
  <si>
    <t>乳腺癌手术后不化疗可以吗</t>
  </si>
  <si>
    <t>乳腺癌手术后不化疗可以</t>
  </si>
  <si>
    <t>出口不退税视同内销吗</t>
  </si>
  <si>
    <t>如果有出口不退税纳税要视同内销处理的。</t>
  </si>
  <si>
    <t>不退税商品分两种情况,一是免税;二是视同内销征增值税。进入企业出口退税申报系统-系统维护-代码维护-海关商品码，搜索退税率是0的，若特殊商品标识为“2”，征税税率为0是免税商品；若特殊商品标识为“ 1”,有征税税率的按内销计提销项税额。</t>
  </si>
  <si>
    <t>香烟时间长了还能抽吗</t>
  </si>
  <si>
    <t>没有过期、没有发霉、严重变软（受潮）等可以抽，否则不可以！烟纸有点儿发黄，是受潮的缘故，抽倒是可以，没有毒的。但是香烟放置太久了，抽起来的味道会怪怪的，不是滋味。自己抽也就无所谓，待客人不合适！</t>
  </si>
  <si>
    <t>古代人穿内裤么</t>
  </si>
  <si>
    <t>中国人穿内裤的历史不长，古代是没有内裤的。</t>
  </si>
  <si>
    <t>坚果手机是4g吗</t>
  </si>
  <si>
    <t>　针对坚果手机支持4G网络吗的问题，网络方面，坚果手机配备双SIM卡槽，支持双卡双待。网络制式方面，坚果手机是一款通吃移动/联通双4G机型</t>
  </si>
  <si>
    <t>买车需要天窗吗</t>
  </si>
  <si>
    <t>买私家车，没有必要买带天窗的。</t>
  </si>
  <si>
    <t>天窗的主要功能还是换气，无论什么时候，打开天窗是换气速度最快的方式。尤其在跑高速时就能够体现出它的作用，高速行驶时，四个门的窗户是严禁打开的。在这个密闭的环境里，空气用不了多长时间就会变得浑浊，驾驶员容易犯困。此时若有天窗，可以让天窗的后端翘起，车内浑浊的空气就能够被迅速的抽出，换气效果非常好。</t>
  </si>
  <si>
    <t>剑灵火吗</t>
  </si>
  <si>
    <t>火啊，火属性装备最贵，能不火？</t>
  </si>
  <si>
    <t>剑灵这么好的游戏为什么不火的真正原因！！！</t>
  </si>
  <si>
    <t>足球场算绿地率吗</t>
  </si>
  <si>
    <t xml:space="preserve">绿化覆盖率是指绿化垂直投影面积之和与小区用地的比率，相对而言比较宽泛，大致长草的地方都可以算作绿化。 </t>
  </si>
  <si>
    <t>用奶水给宝宝洗脸好吗</t>
  </si>
  <si>
    <t>用乳汁给宝宝洗脸的做法其实是有害无益的。因为母乳中含有丰富的蛋白质、脂肪和糖，这些营养物质也是细菌生长繁殖的良好培养基。而小宝宝的皮肤娇嫩、血管丰富、皮肤角质层也薄、通透性强，这都为细菌通过毛孔进入体内创造了有利条件，从而容易引起毛囊炎，甚至发生感染，严重的甚至会引起毛囊周围皮肤化脓感染，再严重的话，若不及时治疗可发生败血症全身感染。所以，用母乳洗脸是一件很“危险”的事情。</t>
  </si>
  <si>
    <t>古代有3p吗</t>
  </si>
  <si>
    <t>肯定有啊</t>
  </si>
  <si>
    <t>伊思蜗牛霜适合油性皮肤吗</t>
  </si>
  <si>
    <t>伊思蜗牛霜可以适用于各种皮肤，所有皮肤，任何肌肤，特别适合暗黄、毛孔粗大、痘痘、暗疮、痘印、色斑和皮肤弹力下降肌肤</t>
  </si>
  <si>
    <t>高血压能去高原吗</t>
  </si>
  <si>
    <t>高血压患者去高原景区旅游有风险  ，高原景区海拔大多在1000米以上，空气中含氧量偏低，很容易造成老年慢性病患者呼吸困难、心跳加速、血压猛增，进而引发中风、昏迷等突发症状。加上西藏、青海不少景区交通不便，游客有时需要一整天坐在汽车上不停地颠簸，饮食和睡眠习惯全被打乱，也容易引起老年患者不良反应。由此可见，老年高血压患者去高原景区旅游确实有风险，应该慎之又慎。只要高血压等症状没有控制在正常范围内，就不宜随意去高原景区冒险，否则不仅会给自己带来意外事故，也会增加亲友和同伴的负担。</t>
  </si>
  <si>
    <t>公积金封存状态可以提取吗</t>
  </si>
  <si>
    <t>封存后才可以提取的。具体需要的文件有：a,住房公积金申请表（加盖原单位公章），b,身份证原件&amp;复印件，c,原单位离职证明原件，d,银行卡复印件（需与公积金开户行是一个银行），拿着以上材料就可以去公积金开户行办理相关手续了，1~3个工作日就可以到账了。如果你个人不是很方便亲自办理，当然也可以代办搜索，就是程序复杂一些，需要去当地公证中心做一个委托办理公证证明，然后再让代办人拿着你和他2个人的身份证再加上上述的那些材料去办理就可以了。当然了，可能各地会有所差异，你可以咨询下原公司的人事部门，可能会更顺利一些</t>
  </si>
  <si>
    <t>赵文静是赵本山徒弟吗</t>
  </si>
  <si>
    <t>赵本山的女弟子赵文静有一个视频在网络上走红了，本山传媒的外宣竟然无视，也不藉此借力，提升下文静的知名度，不知是缺乏外宣的能力，还是在刻意冰封她这种在外揽活的行为，包括文静赢得2015YY年度盛典第一的消息，都没给她宣传宣传。</t>
  </si>
  <si>
    <t>血常规空腹吗</t>
  </si>
  <si>
    <t xml:space="preserve"> 血常规检查不需要空腹</t>
  </si>
  <si>
    <t>刘雯和崔始源分手了吗</t>
  </si>
  <si>
    <t xml:space="preserve">崔始源谈到与刘雯感情时表示已经和刘雯分手。 </t>
  </si>
  <si>
    <t>胃癌有传染吗</t>
  </si>
  <si>
    <t>癌症目前发病因素还不明确，但是癌症是没有传染性的，所以照顾癌症患者不需要担心传染的问题</t>
  </si>
  <si>
    <t>胸贴可以洗吗</t>
  </si>
  <si>
    <t>可以的 洗的时候不要太用力 要晾干</t>
  </si>
  <si>
    <t>硬卧可以睡觉吗</t>
  </si>
  <si>
    <t>火车票所说的硬卧就是可以睡觉的那种铺位，分上铺、中铺、下铺，价格下铺最贵。</t>
  </si>
  <si>
    <t>三相电机缺相会烧吗</t>
  </si>
  <si>
    <t>1，起动时缺相：电动机不能启动、其绕组电流为额定电流的4-7倍。发热量为正常温升的16-49倍，因其迅速超过允许温升而使电动机烧毁。2，电机缺相运行时，定子的旋转磁场严重不平衡，使转子电流剧増，会引起转子严重发热，缺相时电机带载能力急剧下降，由于磁场严重不均匀，会使电机震动严重增加，从而破坏轴承和机座，正在运行中的电动机缺相后仍能运转，只是磁场发生畸变，有害电流成分急剧增大，最终导致绕组烧坏。</t>
  </si>
  <si>
    <t>桥本甲状腺炎能治好吗</t>
  </si>
  <si>
    <t>桥本甲状腺炎是属于自身免疫性疾病，不会“自愈”，更可以说是不会“治愈”。桥本病又称为慢性淋巴细胞性甲状腺炎，有家族聚集现象。该病发展缓慢，病程较长，甚至可持续终身。</t>
  </si>
  <si>
    <t>贵阳是二线城市吗</t>
  </si>
  <si>
    <t>专家说：贵阳是二线城市！</t>
  </si>
  <si>
    <t>僵尸面膜好吗</t>
  </si>
  <si>
    <t>收紧毛孔，提升面部轮廓，增加皮肤弹性，美白保湿，,抗皱紧致。</t>
  </si>
  <si>
    <t>这个面膜不好用，千万别买，还贵，特别难洗，我的是同学的朋友从韩国带回来的，满怀希望地买，结果用几次就不想用了，又难洗，而且味道也难闻，朋友带回来的应该不会假的。</t>
  </si>
  <si>
    <t>不同的人涂上后效果是不同的。如果是你是缺水的皮肤，涂上后裂纹就会很多；如果是缺乏弹力的皮肤，气泡就会很多。</t>
  </si>
  <si>
    <t>孕妇能喝夏桑菊吗</t>
  </si>
  <si>
    <t>孕妇可以喝夏桑菊之类的清热解毒冲剂的。</t>
  </si>
  <si>
    <t>怀孕早期胚胎各个器官都在发育，没有特殊情况最好不要用药，因为某些药物对胎儿有影响，冲剂是经过处理的，不能保证没有影响，建议你最好还是选择菊花、金银花之类的泡茶喝，有一定清热作用，平时注意饮食也会不容易上火的，如不吃辛辣刺激的食物。</t>
  </si>
  <si>
    <t>阿莫西林不能吃了吗</t>
  </si>
  <si>
    <t>一般感冒是病毒性的，如果不太严重一般不主张吃抗生素的。如果动不动的就吃抗生素，会降低免疫力的。</t>
  </si>
  <si>
    <t>胶原蛋白人体能吸收吗</t>
  </si>
  <si>
    <t>胶原蛋白本身是三股螺旋结构，不溶于水，当然也就不易消化吸收。但它在小火慢炖的时候能水解成明胶，明胶易溶于水，而且有很大的粘性。猪皮、鸡皮、雨皮煮后那种粘稠的溶液，就是明胶的溶液。肉皮冻、鱼皮冻也就是明胶的冻。明胶可以被人体的蛋白酶消化，水解成氨基酸，然后被吸收利用。</t>
  </si>
  <si>
    <t>杭州乐园下雨天开吗</t>
  </si>
  <si>
    <t>杭州乐园在雨天照常开放。</t>
  </si>
  <si>
    <t>微信钱包可以绑定国外银行卡吗</t>
  </si>
  <si>
    <t>微信能绑定国外银行卡。</t>
  </si>
  <si>
    <t>lol百宝箱的皮肤别人能看见吗</t>
  </si>
  <si>
    <t>不能   但你可以集碎片  集够了 可以换皮肤</t>
  </si>
  <si>
    <t>超级mmm可靠吗</t>
  </si>
  <si>
    <t>国际性金融骗局，就是一个拆东墙补西墙的游戏。</t>
  </si>
  <si>
    <t>滴滴打车可以去外地吗</t>
  </si>
  <si>
    <t>现在外地车在深圳不能接滴滴打车了吗 ?不可以的，深圳将于2016年4月15日起调整早晚高峰期间外地号牌车辆在全市行驶路线和区域，在去年限外区域的基础上，进一步增加原“关外”区域中心区域道路。</t>
  </si>
  <si>
    <t>感冒喝绿茶还是红茶</t>
  </si>
  <si>
    <t>你好，都可以喝。绿茶和红茶对病原菌、病毒有明显的抑制和杀灭作用，可以治疗和缓解感冒的症状。</t>
  </si>
  <si>
    <t>感冒了什么茶都不要喝，吃药把病去了再说～如果楼主是在两广地区，街上卖的专治感冒的凉茶每天倒是可以喝上几杯～</t>
  </si>
  <si>
    <t>g1630的cpu可以玩lol吗</t>
  </si>
  <si>
    <t>入门级别的CPU,满足日常使用需求.赛扬g1630CPU参数:双核心2.8GHz,总线频率5.0GT/s,CPU缓存:三级缓存2MB,64位处理器;集成显卡参数:基本频率650MHz,最大动态频率1.05GHz,显示核心：Intel HD Graphics.优点：低功耗，入门级产品，非常适合家用办公，平时打打网游足以</t>
  </si>
  <si>
    <t>6plus会降价吗</t>
  </si>
  <si>
    <t>会啊，电子产品是时间越久越不值钱（古董除外）…等吧会降价的，等你等到了，手机配置也嫌差了</t>
  </si>
  <si>
    <t>brita marella 假的多吗</t>
  </si>
  <si>
    <t>碧然德BRITA，全球领先的饮用水优化品牌，在许多国家它已经成为滤水壶的代名词，德国碧然德BRITA滤芯,在淘宝上有不少假货。</t>
  </si>
  <si>
    <t>ipad mini4需要越狱吗</t>
  </si>
  <si>
    <t>个人认为越狱了比不越狱的好，首先可以装插件，大大优化的ipad的可操作性。装了之后你会发现比没装之前好用很多。其次。可以装很多破解的游戏。好多大型好玩的游戏都需要钱。如果越狱了就可以下载破解过的不要钱的游戏，还有下载无现金币。大大提升了游戏的可玩性。</t>
  </si>
  <si>
    <t>越狱了系统不稳定 ，问题多，还是不越狱好 ，PP助手应用软件够用了。</t>
  </si>
  <si>
    <t>如果符合越狱的条件，就可以下载PP越狱助手来越狱，PP越狱助手是自动匹配机型一键越狱，不用太多的操作。如果你只是一般用不像太折腾，也可以安装PP正版来使用。</t>
  </si>
  <si>
    <t>北海道12月下雪吗</t>
  </si>
  <si>
    <t>]15年算是暖冬，我是12月圣诞节前后去的北海道。函馆入札幌出。基本上函馆还没有下雪，札幌已经开始下雪了，但是基本上没有积雪，小樽的天狗山雪很厚。旭山动物园&amp;层云峡雪很大。</t>
  </si>
  <si>
    <t>顺丰快递能否到达济宁市泗水县</t>
  </si>
  <si>
    <t>泗水县顺丰快递网点地址：山东-济宁-泗水县</t>
  </si>
  <si>
    <t>超速绯闻好看吗</t>
  </si>
  <si>
    <t>《超速绯闻》算不算车太贤最好的作品，有人会提出疑问，我之所以敢这么肯定是因为他的作品我只看过这一部，并且翻来覆地看，哈哈。</t>
  </si>
  <si>
    <t>上海碰瓷多吗</t>
  </si>
  <si>
    <t>类似的事情一上午发生了好几次，</t>
  </si>
  <si>
    <t>苯甲醇溶于水吗</t>
  </si>
  <si>
    <t>苯甲醇的熔点-15.3℃,沸点为205.3℃ 溶于水；苯甲酸的熔点121.7℃,沸点249℃,溶解度0.34g(常温)</t>
  </si>
  <si>
    <t>贝贝漂亮吗</t>
  </si>
  <si>
    <t>中国好声音贝贝太漂亮引爆热搜</t>
  </si>
  <si>
    <t>海棠冬天落叶吗</t>
  </si>
  <si>
    <t>不会落叶，而且花开得很好。</t>
  </si>
  <si>
    <t>newboom是不是新百伦</t>
  </si>
  <si>
    <t>他们是同一条生产的，并且美国新百伦公司承认了new boom是美国新百伦，new balance不允许在中国注册，才打造了newboom，但事实上两家公司的所有权都是属于美国新百伦这一点可以肯定的，</t>
  </si>
  <si>
    <t>水痘能吃鸡肉吗</t>
  </si>
  <si>
    <t>长水痘是可以吃鸡肉的。</t>
  </si>
  <si>
    <t>水痘发病期间不要吃发物食品，油腻腥辣食物--包括鸡肉的，建议您屏蔽进食。</t>
  </si>
  <si>
    <t xml:space="preserve"> 水痘可以吃鸡肉，水痘是由于水痘病毒感染所导致的。</t>
  </si>
  <si>
    <t>子宫后壁肌瘤严重吗</t>
  </si>
  <si>
    <t xml:space="preserve"> 子宫肌瘤的发生跟激素分泌失衡有关,瘤体在5CM以下可以采取药物治疗,以控制肌瘤的增长,超过5CM医生会建议手术治疗,一般单个的肌瘤可以通过手术摘除肌瘤就可,如果是多发性的,而且未进入更年期的患者,医生会建议切除子宫,以预防肌瘤再长.</t>
  </si>
  <si>
    <t>普通银行卡能分期付款吗</t>
  </si>
  <si>
    <t>可以 ，不过要本地的银行卡</t>
  </si>
  <si>
    <t xml:space="preserve">不可以的，需要信用卡才可以办理的 需要在刷卡后三天到帐单日之前这段时间内致电银行信用卡中心，转人工提出分期申请，被批后就可以了，利息在第一期时就先全部扣除 </t>
  </si>
  <si>
    <t>咨询相关的银行。</t>
  </si>
  <si>
    <t>银行的信用卡，符合分期付款条件的，可以办理分期付款。</t>
  </si>
  <si>
    <t>借记卡（储蓄卡）不能分期付款。只有贷记卡（信用卡）满足定透支额度后，方能申请分期付款。</t>
  </si>
  <si>
    <t>出入境星期六上班吗</t>
  </si>
  <si>
    <t>安局机关按照国家规定的时间上班和作息。上班时间是周一——周五。上午9点—12点；下午14点—17点。</t>
  </si>
  <si>
    <t>来分期有发货的吗</t>
  </si>
  <si>
    <t>可以联系要求发货，不发货可以投诉或者起诉。</t>
  </si>
  <si>
    <t>长城是世界八大奇迹吗</t>
  </si>
  <si>
    <t>1埃及金字塔2宙斯神像3法洛斯灯塔4巴比伦空中花园5阿提密斯神殿6罗得斯岛巨像7毛索洛斯墓庙8中国万里长城9法洛斯灯塔外传之亚历山卓港10秦始皇兵马俑所以说是的</t>
  </si>
  <si>
    <t>没有万里长城，世界八大奇迹指的是埃及的金字塔、亚历山大港灯塔、公元前604年至562年间.爱琴海太阳神像、奥林匹亚宙斯神像、阿尔特米斯月神庙、摩索拉斯陵墓、巴比伦空中花园和秦始皇兵马俑</t>
  </si>
  <si>
    <t>赣州好找工作吗</t>
  </si>
  <si>
    <t>各位朋友，千万不要来赣州找工作，赣州找工作风险大</t>
  </si>
  <si>
    <t>被短信轰炸报警有用吗</t>
  </si>
  <si>
    <t>记者了解到，公民个人信息、工作生活安宁依法受到法律保护。任何单位或个人未经公民同意,为达到商业目的或其他不正当目的擅自多次向公民发送商业性信息、垃圾骚扰信息、持续拨打公民个人电话影响公民正常工作生活的,可能面临行政拘留、罚款等治安管理处罚。诚讯电子智能专家团建议,市民遭到骚扰,如确定发送者可收集电话录音等证据,可直接前往公安机关报案。</t>
  </si>
  <si>
    <t>来例假能吃胡萝卜吗</t>
  </si>
  <si>
    <t>经期可以吃胡萝卜，没有影响</t>
  </si>
  <si>
    <t>小米官网买东西靠谱吗</t>
  </si>
  <si>
    <t>小米手机官方销售渠道只有小米官网http://www.xiaomi.com和合作运营商销售的合约机。另外天猫小米官网旗舰店http://xiaomi.tmall.com/正式开业，可在天猫商城体验小米网同样的服务。其它渠道都有可能买到假货小米手机。请你尽可能通过官方渠道购买正品小米手机，以免上当受骗，另外在其他地方购买的手机无法享受网络售后服务的，很不方便。　　</t>
  </si>
  <si>
    <t>在北京开印刷厂能赚钱吗</t>
  </si>
  <si>
    <t>风险是有的。不过新开的话要是质量好也会有不少客户的</t>
  </si>
  <si>
    <t xml:space="preserve">如果你没有业务，没有太多的资本。我劝你放弃。因为北京城太大，没有好的关系真的难办，但除非你有你自己厂的特色，才能立足，这在每个行业都是一样。听朋友说，北京的机器和厂非常好，上面是我的评判，不知道对不对。 </t>
  </si>
  <si>
    <t>带小米手环手机用一直开着蓝牙吗?</t>
  </si>
  <si>
    <t>在使用小米手环过程中，可以选择关闭手机蓝牙。</t>
  </si>
  <si>
    <t>乌镇 好玩吗</t>
  </si>
  <si>
    <t>乌镇还是很不错的。那是个让人想谈恋爱的地方，能不忆江南? 最好和心爱的人去，去哪里慢慢的散步，晒太阳。</t>
  </si>
  <si>
    <t>支付宝存款安全吗</t>
  </si>
  <si>
    <t>余额宝是支付宝推出的一项余额理财产品，可以把资金转入余额宝，实际上是购买了一款由天弘基金提供的名为“余额宝”的货币基金。货币基金主要用于投资国债、银行存款等安全性高、收益稳定的有价证券，2012年国内货币基金7日年化收益率平均约为3.8%。总体来看，货币基金作为基金产品的一种，理论上存在亏损可能，但从历史数据来看收益稳定风险极小。同时，转入余额宝的资金，是受到支付宝安全保障的。如果支付宝账户经核实确实存在被盗的情况，余额宝账户中的资金被盗用且无法追回，支付宝做出补偿。</t>
  </si>
  <si>
    <t>游戏星城好玩吗</t>
  </si>
  <si>
    <t>还不错</t>
  </si>
  <si>
    <t>万美瓷砖好不好</t>
  </si>
  <si>
    <t>质量很不错</t>
  </si>
  <si>
    <t>通过中国国家强制性产品认证（“3C”认证）、中国环保产品认证等权威检测</t>
  </si>
  <si>
    <t>除了保证质量以外，万美瓷砖还提供了完善的服务</t>
  </si>
  <si>
    <t>韵达快递要倒闭了吗</t>
  </si>
  <si>
    <t>韵达快递在美国上市,不会闭倒</t>
  </si>
  <si>
    <t>杀手13有第二部吗</t>
  </si>
  <si>
    <t>天天美剧里有第二季的 1 2集 但是生肉</t>
  </si>
  <si>
    <t>早砍了</t>
  </si>
  <si>
    <t>3ce贵吗</t>
  </si>
  <si>
    <t>国民度一般的，很多韩国人根本不知道这个牌子。只是在国内炒的热。彩妆价位跟很多韩国本土牌子比也是偏贵的。</t>
  </si>
  <si>
    <t>宝宝吃零食好吗</t>
  </si>
  <si>
    <t>儿童恰当吃一些零食会营养更平衡，是摄取多种营养的一条重要途径。</t>
  </si>
  <si>
    <t>零食也是必须的，既可以给宝宝增添乐趣也可以给宝宝补充其他营养。</t>
  </si>
  <si>
    <t>做博彩网站违法吗</t>
  </si>
  <si>
    <t xml:space="preserve">网络赌博触犯法律 </t>
  </si>
  <si>
    <t>霜降以后多肉还能移盆吗</t>
  </si>
  <si>
    <t>多肉植物虽然大多数是生长在非洲热带地区，但它本身带有一定的抗寒性，基本上都能扛得住5摄氏度的低温，短时间在0℃~5℃之间对多肉植物来说是没有任何伤害的，所以霜降对多肉植物来说并没有什么可怕的，很多多肉植物只有经过霜降之后才能将最美的状态发挥到极致，所以未来10天你的多肉植物是出状态的关键时期，不要害怕凛冽的秋风和霜雪，将他们放到外面，快则一天，少则2天就能看出明显的变化。霜降时多肉植物可以放在外面，但是只能放在外面20天，我们说过了有三降，最后一降到冬至只有10天，这十天不是所有多肉植物都能挺得住的</t>
  </si>
  <si>
    <t>不当得利可以主张利息吗</t>
  </si>
  <si>
    <t>不当得利应予以返还，不涉及利息的问题。</t>
  </si>
  <si>
    <t>psp3000值得买吗</t>
  </si>
  <si>
    <t>不建议，因为电脑已经有完美模拟器PPSPP，不如买个20来块钱的手柄，又可以玩PSP游戏又可以玩PC游戏，而且价格便宜不会过时。</t>
  </si>
  <si>
    <t>入职用户口本吗</t>
  </si>
  <si>
    <t>很多种情况，视公司规定而定</t>
  </si>
  <si>
    <t>丹毒需要住院吗</t>
  </si>
  <si>
    <t>你好朋友，可能和下肢的静脉血液循化不好有关，一般需要抬高下肢，避免长期的站立和适当的按摩下肢等才能康复的，必要时可以服用金贵肾气丸有一定的辅助治疗作用。祝你健康。</t>
  </si>
  <si>
    <t>领导批评你是好事吗</t>
  </si>
  <si>
    <t xml:space="preserve">领导批评是件好事 </t>
  </si>
  <si>
    <t>好与坏没有明显的界线，在于你看事的角度！为什么会批评你？好坏就没那么容易分开了：批评你是责备你，对你做事的评定；批评你是指导你，要你记住错误不犯第二次！直接看被批评当然是坏事，从你领导的角度看，他的心态才是批评好与坏的根本！</t>
  </si>
  <si>
    <t>鹰爪子有毒吗</t>
  </si>
  <si>
    <t>合肥有没有地铁</t>
  </si>
  <si>
    <t>即将开始运行的是合肥地铁一号线，大概在十二月份或者年底正式开通</t>
  </si>
  <si>
    <t>显卡有问题会蓝屏吗</t>
  </si>
  <si>
    <t>一般来说，电脑蓝屏死机和主板、电源、内存、显卡、硬盘都有关系。</t>
  </si>
  <si>
    <t>显卡供电不足或高温过热会导致蓝屏</t>
  </si>
  <si>
    <t>嘉兴有hm吗</t>
  </si>
  <si>
    <t>嘉兴没有的哦。浙江只有杭州和宁波有~</t>
  </si>
  <si>
    <t>自考有学位证吗</t>
  </si>
  <si>
    <t>有。只要满足条件就可以取得学位证书</t>
  </si>
  <si>
    <t>叉叉助手海岛奇兵保持在线有用吗</t>
  </si>
  <si>
    <t>叉叉助手海岛奇兵保持在线功能，可以助玩家抢占滩头堡，解放被奴役的岛民，探索未知的群岛，与邪恶的黑暗守卫展开史诗般战争。</t>
  </si>
  <si>
    <t>双输卵管堵塞能治好吗</t>
  </si>
  <si>
    <t>当然可以了，只要不是完全堵塞了就能治疗的</t>
  </si>
  <si>
    <t>二级access好考吗</t>
  </si>
  <si>
    <t>并不是很难</t>
  </si>
  <si>
    <t>神仙道黄飞虎要不要带</t>
  </si>
  <si>
    <t>资源给了三眼就不用</t>
  </si>
  <si>
    <t>人民币还会升值吗</t>
  </si>
  <si>
    <t>看来不大可能，现在中央银行的汇率及稳健货币政策已经调整到位，会一致保持到年底。</t>
  </si>
  <si>
    <t>陈绿豆能吃吗</t>
  </si>
  <si>
    <t>你的绿豆只要没有发霉就能吃。</t>
  </si>
  <si>
    <t>怀孕期间可以做爱吗</t>
  </si>
  <si>
    <t>孕期的性生活不是被禁止的，健康而适度的性生活不仅是可以的，还能大大增进你和丈夫的亲密感情。而且怀孕後不必担心避孕的问题，可以使夫妻更放松，提高了两人的性欲，可能更能体验到房事的快乐。</t>
  </si>
  <si>
    <t>上海办理居住证要交税吗</t>
  </si>
  <si>
    <t>上海办居住证是不需要交房屋租赁税滴。</t>
  </si>
  <si>
    <t>旺角尖沙咀一天可以逛完吗</t>
  </si>
  <si>
    <t>看你具体买不买什么东西了，如果没什么必须要买的东西的话，可以随便逛逛</t>
  </si>
  <si>
    <t>oppor7移动版支持联通4g吗</t>
  </si>
  <si>
    <t>OPPO R7系列有两款机型：OPPO R7（R7t/移动4G）和即将上市的OPPO R7（R7c/电信4G）。这两款机型都支持联通的2G网络，不支持联通3G、4G网络。</t>
  </si>
  <si>
    <t>雷柏v720好吗</t>
  </si>
  <si>
    <t>雷柏v720挺不错的，手感很棒，RGB背光，全键无冲，自带手托，推荐换青轴，黑轴实在太硬，用不了多久会累的</t>
  </si>
  <si>
    <t>oppor7支持联通4g吗</t>
  </si>
  <si>
    <t>黑豆水能长期喝吗</t>
  </si>
  <si>
    <t>能,因为煮黑豆的水非常有营养.黑豆能够滋补肝肾，而肝肾的健康对改善视力有很大的帮助。此外黑豆中富含抗氧化成分花色素和对眼睛有益的维生素A，这两种重要的营养素不仅能缓解眼睛疲劳，也助于防止视力下降。其中陈醋能促进黑豆中的营养元素溶出，有助于高效摄取营养成分。</t>
  </si>
  <si>
    <t>不建议每天都喝黑豆水。黑豆一直被视为药食两佳的食品，但是也不能吃太多了，因为当人体内的豆蛋白摄取过多时，就会使正常铁质吸收量降低，长此以往，容易引起缺铁性贫血。</t>
  </si>
  <si>
    <t>粉饼过期还能用吗</t>
  </si>
  <si>
    <t>不能，粉饼过期后质地会改变，如出现水油分离、达不到保湿、养肤的功效。甚至会成为细菌的温床，滋生细菌，导致皮肤感染等问题。</t>
  </si>
  <si>
    <t>我是歌手2半决赛是直播吗</t>
  </si>
  <si>
    <t>应该不是 总决赛才是</t>
  </si>
  <si>
    <t>网易宝能用信用卡充值吗</t>
  </si>
  <si>
    <t>网易旗下第三方支付工具网易宝，已经开通了国内8家银行的信用卡快捷支付业务，支持在网易的客户使用信用卡付款</t>
  </si>
  <si>
    <t>强排热水器会漏电吗</t>
  </si>
  <si>
    <t>自然排气式还是强排式热水器与漏电是没有任何关系的。请检查电气部件。</t>
  </si>
  <si>
    <t>安德玛有假的吗</t>
  </si>
  <si>
    <t>近年来发展势头强劲的美国运动品牌安德玛(Under Armour)也难逃假货困境。9月5日，德阳警方捣毁了一个卖假货窝点，挡获的安德玛假货价值70余万元。</t>
  </si>
  <si>
    <t>黑芝麻吃多了皮肤会变黑吗</t>
  </si>
  <si>
    <t>黑芝麻吃多了皮肤不会变黑。意见建议：黑芝麻含有丰富的维生素E、油酸、亚油酸等成分，而维生素E等成分可以延缓衰老，促进人体细胞分裂，抗氧化作用。常吃芝麻，可使皮肤保持柔嫩细致和光滑。所以，黑芝麻不仅不会使皮肤变黑，还具有滋润营养皮肤的作用</t>
  </si>
  <si>
    <t>出生证明孩子必须随父母姓吗</t>
  </si>
  <si>
    <t>中国目前没有出台《姓名法》，现行的法律、法规对于公民姓名（包括姓氏和名字）没有禁止性规定，律诗请求更改姓名符合法律规定，不侵犯任何人的姓名权和任何人的利益，所要更改的姓名亦不违反公序良俗的原则，故公安机关不予更改是拒不履行法定职责，侵害公民的姓名权。公安机关和审判机关同样是犯了将《中华人民共和国婚姻法》第二十二条“子女可以随父姓，可以随母姓”这一随意性法律规范理解为强制性法律规范的错误。“不为现行法律、法规及规范性文件所禁止”，就是法律所允许的，就是合法的。二审法院认为“上诉人申请改姓的请求，虽不为现行法律、法规及规范性文件所禁止，但亦不为法律所允许”本身就是矛盾的，是可笑的。公民的姓名权属于人权的一种，完全是一项私权利，公安机关和审判机关不支持律诗更改姓名的请求，完全是公权利对私权利的无端侵犯，也是对公民姓名权和人权的极端不尊重。</t>
  </si>
  <si>
    <t>何氏百草梨膏糖好吗</t>
  </si>
  <si>
    <t>百草梨膏糖主攻呼吸道问题的防治和保健！除了对咳嗽，嗓子沙哑，哮喘，气管炎等有显著效果外，还具有戒烟、醒酒、开胃、除腻、消食、爽口的功效，饭后一片，清爽提神，清新口气，有效平衡中餐馆高盐、高糖、高油、高添加剂对身体带来的危害。</t>
  </si>
  <si>
    <t>骑自行车对颈椎好吗</t>
  </si>
  <si>
    <t>能提高心肺功能，锻炼下肢肌力和增强全身耐力。骑自行车运动对内脏器官的耐力锻炼效果与游泳和跑步相同。此项运动不仅使下肢髋、膝、踝3对关节和26对肌肉受益，而且还可使颈、背、臂、腹、腰、腹股沟、臀部等处的肌肉。关节、韧带也得到相应的锻炼。</t>
  </si>
  <si>
    <t>昆明属于高原吗</t>
  </si>
  <si>
    <t>昆明海拔1800-2000米，属于高原地区！</t>
  </si>
  <si>
    <t>耳机单元越大越好吗</t>
  </si>
  <si>
    <t>单元是越大越好.越大做好的要求越高</t>
  </si>
  <si>
    <t>sugar maroon5 mv是真的吗</t>
  </si>
  <si>
    <t>这支MV经过精心设计，但是婚礼是真实的。</t>
  </si>
  <si>
    <t>ppd试验后能碰水吗</t>
  </si>
  <si>
    <t>做了PPD实验期间应该是不可以接触水的 会对实验产生一定的影响</t>
  </si>
  <si>
    <t>嘴唇里有小疙瘩正常吗?</t>
  </si>
  <si>
    <t xml:space="preserve">  你说的小疙瘩是正常的，是很多小的粘液腺，每个人都有的，有感觉比以前明显说明你最近注意老是想舔的原因</t>
  </si>
  <si>
    <t>商业登记证是营业执照吗</t>
  </si>
  <si>
    <t>两者不能混为一谈</t>
  </si>
  <si>
    <t>白领八哥会说话吗</t>
  </si>
  <si>
    <t>因鸟而异</t>
  </si>
  <si>
    <t>美国人喜欢吃中国菜吗</t>
  </si>
  <si>
    <t>如果把国外的吃货比作飞蛾的话，中国菜绝对就是火把，不光飞蛾扑火，而且还抱着火把一直啃，老外对于中国菜，真是充满了爱啊。</t>
  </si>
  <si>
    <t>美国人真的喜欢吃中国菜吗?不见得。先别说他们喜不喜欢吃，其实很多菜式他们根本就没法吃。比如说糖醋排骨，辣子鸡、清蒸草鱼之类的，这些带着骨头和小鱼刺之类的，他们吃不了;另外，他们认为吃到嘴的然后再把骨头吐出来，是一种很不文雅的行为，他们绝对是不会那样做的。</t>
  </si>
  <si>
    <t>索尼z5绿色好看吗</t>
  </si>
  <si>
    <t>就z5c来说，外观部分如果边框小点，基本完美了，整个机身大小合适，最重要的是，下巴窄，不像索尼其它机型，下巴大，本来就是屏幕内虚拟按键</t>
  </si>
  <si>
    <t>看个人喜好吧，用的是墨绿色的，非常好看，不止我一人认为。粉色的话看是谁了，男的用还是有点那个</t>
  </si>
  <si>
    <t>子宫内膜异位症能治愈吗</t>
  </si>
  <si>
    <t>子宫内膜异位症是妇科最常见的一种慢性疾病，复发率高达到40~50%，甚至超过了癌症的复发率。它不能被某一种治疗方式完全治愈，需要长期综合的管理和治疗。</t>
  </si>
  <si>
    <t>衣柜放在床尾好不好</t>
  </si>
  <si>
    <t>床尾对着衣柜的风水影响床位与衣柜间的位置摆放的确有许多讲究，但将衣柜摆放在床尾，其实是没有问题的，甚至是不错的摆位。</t>
  </si>
  <si>
    <t>热水器经常断电好吗</t>
  </si>
  <si>
    <t>在电热水器不用的时候，最好切断电源，以免发生意外。每次准备洗澡之前2～3小时开始通电加热水即可；每次开始洗澡之前就可以给热水器断电了。</t>
  </si>
  <si>
    <t>炸红薯片吃了长胖吗</t>
  </si>
  <si>
    <t>炸红薯片在外国卖得火热，原因就是，红薯含有大量的膳食纤维、维生素和钙等营养，热量却比土豆低不少，还带有讨人喜爱的甜味，自然受到人们的欢迎   因为热量很低，所以不用担心发胖</t>
  </si>
  <si>
    <t>阅兵有女兵方阵吗</t>
  </si>
  <si>
    <t>有，例如唯一用人名命名的方队，也是纪念抗战胜利阅兵唯一的女兵方队，由白求恩医务士官学校抽组成立。1984年、1999年、2009年国庆首都阅兵，共和国三支女兵方队均从这里走出。</t>
  </si>
  <si>
    <t>李桢航有没有牵手成功</t>
  </si>
  <si>
    <t>不过最后李桢航牵手成功的属于非常完美中万人迷李雪</t>
  </si>
  <si>
    <t>木有牵手</t>
  </si>
  <si>
    <t>无冬ol还有人玩吗</t>
  </si>
  <si>
    <t>玩无冬ol我还是玩单机#比起别的游戏好很多，比如天谕。。现在都找不到好玩的游戏了。。无冬还行吧。。光做任务有点玩单机的感觉#</t>
  </si>
  <si>
    <t>交通事故重伤四个月后死亡属交通事故死亡吗</t>
  </si>
  <si>
    <t>需鉴定当事人死亡原因是否与交通事故有关</t>
  </si>
  <si>
    <t>激素皮炎能擦老茶油嘛</t>
  </si>
  <si>
    <t>别擦！！！！</t>
  </si>
  <si>
    <t>大秘境钥匙只能用一次吗</t>
  </si>
  <si>
    <t>大秘境每次都要钥匙</t>
  </si>
  <si>
    <t>轮毂喷色 年检能过么</t>
  </si>
  <si>
    <t>能过，只要规格不变就不影响年审。</t>
  </si>
  <si>
    <t>在汽车交通管理法规里，没有针对轮毂的颜色有明文规定，轮毂的颜色也不再整车30%的颜色范畴中所以不必担心，改变轮毂颜色，会影响上路和年检。</t>
  </si>
  <si>
    <t>金华高铁站是金华西站吗</t>
  </si>
  <si>
    <t>金华高铁站不是火车西站，而是金华火车站，又称金华站，所有G字头的高铁、D字头的动车和K字头、Z字头的普通火车都是在金华火车站上、下车的。</t>
  </si>
  <si>
    <t>狗狗可以坐汽车吗</t>
  </si>
  <si>
    <t>坐汽车是可以的，汽车都是私人承包的，一般没人会管，不过看你的狗多大了，大狗估计还是麻烦，小狗用笼子或者箱子抱着就行了</t>
  </si>
  <si>
    <t>子宫肌瘤可以吃维生素e吗</t>
  </si>
  <si>
    <t>患有子宫肌瘤的女性朋友来说，可以吃维生素e</t>
  </si>
  <si>
    <t>孕妇可以吃麻辣鱼吗</t>
  </si>
  <si>
    <t>怀孕期间最好不要吃辛辣刺激的食物，适量的吃点可以，吃太多了容易刺激肠胃引起子宫收缩导致流产，平时饮食上要注意清淡，不要吃寒凉性食物和辛辣之食物</t>
  </si>
  <si>
    <t>5173买炉石账号安全吗</t>
  </si>
  <si>
    <t>不安全,基本没法避免被找回.</t>
  </si>
  <si>
    <t>南瓜子发胖吗</t>
  </si>
  <si>
    <t>吃南瓜子不会长胖，而且是纤体的健康食品，南瓜因低卡路里以及丰富的纤维素广受减肥一族的喜爱，而南瓜子却是南瓜中另一超有营养的部分。</t>
  </si>
  <si>
    <t>吃少量的南瓜子不会长胖，多吃就会长胖。</t>
  </si>
  <si>
    <t>atm可以对公转账吗</t>
  </si>
  <si>
    <t>个人往公司账户打款是对公业务，也可以atm机，　ATM机转账步骤：　　1、将银行卡插入ATM机中，输入密码登陆；　　2、选择转账，输入收款人账号，点击确定；　　3、确认收款人账号，输入转账金额，点击确定即可完成；　　4、ATM机转账每天最高转账50000元。</t>
  </si>
  <si>
    <t>旋风少女吴磊蒋依依是情侣吗</t>
  </si>
  <si>
    <t>不是 吴磊最后是和范晓萤在一起的</t>
  </si>
  <si>
    <t>铝合金窗粉末喷涂好吗</t>
  </si>
  <si>
    <t>粉末喷涂原料大致有一下几种：环氧树脂、聚氨脂、聚氨树脂、羟基聚脂树脂以及环氧聚酯树脂，可以用来配置很多颜色。在此之前，铝材大多使用阳极氧化，这种处理方式只能上白色及古铜色，比较单调，新一代的静电喷涂技术使门窗型材颜色更为丰富，减少了色差又得到了更多的颜色。</t>
  </si>
  <si>
    <t>牛奶敷脸有用吗</t>
  </si>
  <si>
    <t>用牛奶敷脸可以使皮肤有所改善，其实很多化妆品主要成分也是牛奶，建议继续一段时间，观察效果如何</t>
  </si>
  <si>
    <t>a标签里面能放div吗</t>
  </si>
  <si>
    <t>正常情况是不会这样写的，因为a标签默认是display:inline 也就是线状呈现的，div默认是display:block 也就是块呈现的，用线状元素包裹块状元素是不科学的，但是当需要写特殊页面效果的时候，比如在鼠标触发a标签的时候呈现下拉框 ，这时候就需要a标签包裹div标签，这时候需要把a标签按块状去呈现，也就是在样式中设置a{display:block;} 让a标签可以正常包裹div，再用JS或者JQ进一步写下拉效果.</t>
  </si>
  <si>
    <t>碘伏会色素沉着吗</t>
  </si>
  <si>
    <t>碘酒消毒后，皮肤上的色素沉着会自然代谢掉，正常情况下不会留下印迹。但一些慢性溃疡疮面长期抹碘酒，会对周围组织产生一定影响。</t>
  </si>
  <si>
    <t>工商管理考研好考吗</t>
  </si>
  <si>
    <t>你应该问的是MBA吧，它相对学硕是容易许多的。</t>
  </si>
  <si>
    <t>不简单，但也不是那么的复杂，可以讲是考研里面最好考的了。但又不是随便可以考上的</t>
  </si>
  <si>
    <t>该不该和前女友联系</t>
  </si>
  <si>
    <t>不联系了</t>
  </si>
  <si>
    <t>加盟汽车美容店好吗</t>
  </si>
  <si>
    <t>加盟的优势很明显，选择加盟无非是想要一个市场上认可的、运作成熟的、技术培训和日常管理培训都能够在前期做的好品牌来做；劣势也很简单，那就是要交一笔加盟费，比如汽车美容行业，通常有加盟费用、首批产品进货、首批工具进货、培训费这四项，有的家可能是三项，第四项加到第一项中了，也有的不收加盟费，但是有指导费，类似加盟费吧，也有把培训费都加到加盟费中的，实际上没有免费的午餐，像什么返还装修款之类，还是你自己多交的加盟费。</t>
  </si>
  <si>
    <t>坚果卡吗</t>
  </si>
  <si>
    <t>坚果手机越用越卡是因为手机内存占用多了，存储内存的清理：由于软件会缓存很多文件占用内存，卸载后的残留文件我们可以用腾讯手机管家对垃圾文件进行清理。</t>
  </si>
  <si>
    <t>进化 evolve 是单机吗</t>
  </si>
  <si>
    <t>这款游戏有单机模式和联机模式，单机模式可以免费玩3DM有下载破解的，但是无法联机，联机需要买正版CKD</t>
  </si>
  <si>
    <t>台湾买卡西欧手表便宜吗</t>
  </si>
  <si>
    <t>是的，港澳台市场很差，买的人很少，所以都会比大陆略微便宜</t>
  </si>
  <si>
    <t>阿里巴巴极速到账收费吗</t>
  </si>
  <si>
    <t>业绩亏损的股能买入吗</t>
  </si>
  <si>
    <t>为了避免此类不确定性的风险，亏损股还是尽量避免的好，不要在高风险下追求相对小的收益。</t>
  </si>
  <si>
    <t>大宗商品销售好做吗</t>
  </si>
  <si>
    <t>这个行业的销售很难做，因为客户太难找，而且找到了流失的也快，因为很多很多人都是亏的，散户如果克服不了心理上的障碍或者执行控制能力差的话是很难取得成功的</t>
  </si>
  <si>
    <t>贝因美奶粉是不是最近又出现问题了?</t>
  </si>
  <si>
    <t>既然卖家都说有问题，那可能真有什么问题吧？换其他的奶粉试试吧。这么多奶粉不可能宝宝都吃不惯吧。我觉得伊利的金顶冠奶粉还可以，有没有试过？</t>
  </si>
  <si>
    <t>二手车买交强险可以买在个人名下吗</t>
  </si>
  <si>
    <t>购买了二手车之后，除了要二手车交强险过户的问题，商业险的投保或续保也要注意，新车主可以根据自己的实际情况选择合适的保险。从以上所述，我们得知，购买二手车，交强险还是需要及时办理过户的</t>
  </si>
  <si>
    <t>苹果6第一次充电要关机吗</t>
  </si>
  <si>
    <t>iPhone6开机充电就可。</t>
  </si>
  <si>
    <t>吃一次避孕药没事吧</t>
  </si>
  <si>
    <t>吃过一次紧急避孕药没事的</t>
  </si>
  <si>
    <t>最好不要吃紧急避孕药</t>
  </si>
  <si>
    <t>逆战测试服和体验服一样吗</t>
  </si>
  <si>
    <t>测试就一俩个新地图，用来测试新版本的，服务器差，容易退回档，在线人数多就会掉线，有时侯人多会进不去。体验服就强大了，不是一个级别的服务器，但是还是比正服差。基本跟正服一样。就是每天送NZ点，以前是20000，现在是10000。</t>
  </si>
  <si>
    <t>老鸽子不易配对吗</t>
  </si>
  <si>
    <t>太小的种鸽也是比较难配对，最好选择一年龄以上5年龄以下的种鸽是最好配对成的。</t>
  </si>
  <si>
    <t>联通营业厅有6s现货吗</t>
  </si>
  <si>
    <t>25号以后</t>
  </si>
  <si>
    <t>win10可以玩龙之谷么</t>
  </si>
  <si>
    <t>正常下载安装后就可以玩的，WIN10系统如果版本没有问题，那兼容这些主流游戏软件是可以的。</t>
  </si>
  <si>
    <t>孕妇可以喝菊花晶吗</t>
  </si>
  <si>
    <t>孕妇如果有上火的话，是可以喝菊花晶的，但是一定要注意不能喝的太多，因为太凉的东西喝的多的话，是有可能诱发宫缩的。上火的话一定要多喝水，饮食清淡容易消化。</t>
  </si>
  <si>
    <t>风雪刷枪精灵是真的吗</t>
  </si>
  <si>
    <t>CF风雪刷枪精灵，是非常强力的一个辅助工具，可刷到各种强力武器，可以轻松杀死对手，各种战绩亮瞎对手的双眼，想要的小伙伴可以下载。</t>
  </si>
  <si>
    <t>亚马逊允许个人开店吗?</t>
  </si>
  <si>
    <t>第一步、创建帐户：登录亚马逊官网，在网页最底部点击“Sell on Amazon”—“Start Selling”，然后开始创建帐户。第二步、填写名称（必须是英文填写）：如果是个人的话就输入个人的名称，然后同意亚马逊的条款。第三步、填写地址信息：如果不会写英文的地址，可以用拼音代替。如果在其它网站上还有开店，可以把店铺URL帖过来，如果没有就不用填，不是必填项。</t>
  </si>
  <si>
    <t>孕妇能吃杨梅罐头吗</t>
  </si>
  <si>
    <t>孕妇尽量少吃一些杨梅罐头，因为在生产杨梅罐头的过程中要加入一些添加剂如色素、香精、防腐剂等，这些物质通常是人工合成的化学物质，经常食用对肝、肾均有损害。</t>
  </si>
  <si>
    <t>莱州神亚怎么样</t>
  </si>
  <si>
    <t>实力倒是不小，沙河鲁工集团开的，目前在金仓又建厂房</t>
  </si>
  <si>
    <t>看个人情况，有的觉得好，有的觉得不好</t>
  </si>
  <si>
    <t>存折异地能取吗</t>
  </si>
  <si>
    <t>如果设置了密码  以及在存折内页封面上 有通存通兑之类的字样 就可以在全国各地存取，只是要按银行标准收取异地存取款手续费而已</t>
  </si>
  <si>
    <t>存折是仅限本地使用的，只有卡才是全国通用</t>
  </si>
  <si>
    <t>消化不良能喝茶吗</t>
  </si>
  <si>
    <t>专家说：目前研究发现，红茶提取物有抗溃疡的效果，对阿司匹林等药物和酒精引起的溃疡有促进愈合的作用。茶的提取物还能调控胃酸的分泌，加强胃动力。</t>
  </si>
  <si>
    <t>s5亚索符文需要暴击吗</t>
  </si>
  <si>
    <t>没必要。90%基本已经刀刀暴击了。</t>
  </si>
  <si>
    <t>小米和三星充电器通用吗</t>
  </si>
  <si>
    <t>可以，你说的这两款可以通用，没有问题，基本上手机充电器都统一了！</t>
  </si>
  <si>
    <t>is5有分房保护吗</t>
  </si>
  <si>
    <t>测试服消息：新金币车IS5无分房保护</t>
  </si>
  <si>
    <t>pc塑料有毒吗</t>
  </si>
  <si>
    <t>PC这种材料本身无毒, 它是双酚A转化为PC材料的时候如果转化不完全,所以遇高温就有可能释放双酚A有毒</t>
  </si>
  <si>
    <t>人的智商差别大吗</t>
  </si>
  <si>
    <t>智商是先天的，后天无法提高， 正常健康的人的智商差别并不大。</t>
  </si>
  <si>
    <t>蒙娜丽莎婚纱摄影好不好</t>
  </si>
  <si>
    <t xml:space="preserve">蒙娜丽莎婚纱摄影挺不错的，拍摄出来的效果也好，态度也不错，它拥有3000平方米的超大影棚，内景有超豪华欧美影棚、3D立体实景影棚、Hello Kitty主题影棚、旋转木马主题影棚等等精美内景；外景有全国著名旅游避暑胜地太阳岛风景区，国家重点文物颐园街一号欧式建筑群，以及浪漫薰衣草庄园等。 </t>
  </si>
  <si>
    <t>明确告知，不好。</t>
  </si>
  <si>
    <t>泡中药的水要倒掉吗</t>
  </si>
  <si>
    <t>煎药前须用冷水浸泡半小时，水量超过药物2至5厘米。浸泡之后水不要倒掉，直接煎</t>
  </si>
  <si>
    <t>18 105镜头够用吗</t>
  </si>
  <si>
    <t>18-105的变焦范围基本上覆盖了常规摄影所需要的大部分需要。105mm焦距使用三脚架拍摄人像和商品广告很合适，拍大头像变形失真小。但一般长镜头会带来光圈小的问题，手持拍摄容易因手的轻微抖动导致画面模糊，需要更高的驾驭经验。</t>
  </si>
  <si>
    <t>滴虫性阴道炎可以怀孕吗</t>
  </si>
  <si>
    <t>滴虫性阴道炎对正常怀孕有不利的影响。</t>
  </si>
  <si>
    <t>计划生育好不好</t>
  </si>
  <si>
    <t>计划生育结果复杂，对中国人口结构，文化都产生了很大影响。它使中国人口增长率达到极低水平，中华人民共和国第五次人口普查显示1990年代末生育率为不到1.3，若继续维持计划生育，中国人口达到13.4亿后将快速下降，在2100年降至4.7亿（每下一代相当于上一代人口62%）。政府认为这对中国民众生活水平提高起了非常重要的作用。但是人口的迅速减少可能会造成老年人比例的增加和劳动力的不足，从而给社会带来严重的老龄化问题。有些家庭的独生子女若刚成年，因某些事故而忽然死亡，对家庭的影响是巨大的。另外，理论上计划生育可能造成征兵工作的困难，但由于中国庞大的人口基数，该问题实际上没有出现。有些家庭会为了生儿子，在第一胎为女儿时，而选择离婚，另行娶妻，这样会多一次机会再生育多一个，而离婚后的女人就变成单亲家庭了。</t>
  </si>
  <si>
    <t>钻戒会升值吗</t>
  </si>
  <si>
    <t>钻石戒指戒托材质保值，铂金本身属于稀有金属。随着铂金在市场价格的不断上涨，铂金更是收藏、投资的首选，黄金具有货币属性，赋予了黄金一种保值的功能搜索。</t>
  </si>
  <si>
    <t>活佛 可以结婚吗</t>
  </si>
  <si>
    <t>现在内地和国外大部分的喇嘛可以结婚，而且可以生孩子，结了婚以后也可以再去当喇。</t>
  </si>
  <si>
    <t>脂肪粒可以激光吗</t>
  </si>
  <si>
    <t>你好！如果皮肤科或者外科医生确诊是‘眼角脂肪粒’，可以用激光治疗；只要医生操作准确、技术过硬，是可以一次性完成的；如果打麻药，在治疗过程中没有什么疼痛感；另外也可以在门诊进行小手术治疗。</t>
  </si>
  <si>
    <t>这几天一直测到模糊不清的水印是怀孕了吗</t>
  </si>
  <si>
    <t>这种情况显示为弱阳性的,不能确定是否怀孕的,弱阳性是没有诊断意义的。一般在月经前后的几天都可以出现阳性或强阳性的。是因为激素原因所以早孕试纸弱阳性也并不是完全代表怀孕.最好去医院做血hcg检查明确是否怀孕流产或是宫外孕的可能。</t>
  </si>
  <si>
    <t>雪纳瑞掉毛厉害吗</t>
  </si>
  <si>
    <t>小雪本身属于不掉毛的品种，掉毛的雪纳瑞是因为营养不够，或者是因为体外寄生虫及真菌等皮肤病引起的，小雪不掉毛，没有体臭，很适合家里养</t>
  </si>
  <si>
    <t>防伪标签可以造假吗</t>
  </si>
  <si>
    <t>现在防伪标签也有造假的</t>
  </si>
  <si>
    <t>ktv里可以做爱吗</t>
  </si>
  <si>
    <t>当然可以啦!</t>
  </si>
  <si>
    <t>怪物猎人ol太刀厉害吗</t>
  </si>
  <si>
    <t>太刀耍帅还是非常不错的。不过太刀说句实话 不会开刃或者续不住红刃还是早换武器 不然是白玩的。所以按照游戏后期来说。太刀的环境还行。按照封测数据来说。众多玩家都选择的是太刀哦。</t>
  </si>
  <si>
    <t>现在的和尚能结婚吗</t>
  </si>
  <si>
    <t>任何地方的都不可以。</t>
  </si>
  <si>
    <t>阿胶发奶吗</t>
  </si>
  <si>
    <t>阿胶主要是补血作用</t>
  </si>
  <si>
    <t>陕西科技大学校园里有樱花吗</t>
  </si>
  <si>
    <t>有去交大看樱花的吗</t>
  </si>
  <si>
    <t>房产没证能保全查封吗</t>
  </si>
  <si>
    <t>没有产权证的房产法院可以保全。《最高人民法院关于人民法院民事执行中查封、扣押、冻结财产的规定》第十条　查封尚未进行权属登记的建筑物时，人民法院应当通知其管理人或者该建筑物的实际占有人，并在显著位置张贴公告。</t>
  </si>
  <si>
    <t>熊岳群肿瘤医院真能只好癌症</t>
  </si>
  <si>
    <t>骗子医院！</t>
  </si>
  <si>
    <t>每个人情况不同，不能一概而论。</t>
  </si>
  <si>
    <t>石膏板能直接刷涂料吗</t>
  </si>
  <si>
    <t>直接刷是可以的，但是由于石膏板与石膏板之间有接缝，螺丝钉帽要刷防锈漆，做好接缝处理，批刮1~2遍腻子即可，这是施工硅藻泥处理</t>
  </si>
  <si>
    <t>不可以直接在石膏板上刷乳胶漆石膏板是两层纸面内夹熟石膏粉压制而成的。直接刷会把乳胶漆的水分全部吸收到器石賣板的内部，降低了石膏板的强度，也增了乳胶本的用星所必须先批两温灰后再J磨平整后才能上乳胶读。</t>
  </si>
  <si>
    <t>这个不是固定的规律   您要是简单的装一下直接刷漆也行不过效果肯定不会很好   一般都是先做腻子做完腻子在刷漆这样效果质量都要好很多</t>
  </si>
  <si>
    <t>土豆和蘑菇能一起吃吗</t>
  </si>
  <si>
    <t>土豆和蘑菇是可以一起吃的，尤其是用鸡腿炖土豆和香菇，不但味美还有营养，土豆不可以和鸡蛋一起食用，不消化，土豆不能能香蕉一起食用长雀斑。土豆不能和蛋一起煮来吃，容易中毒。</t>
  </si>
  <si>
    <t>广州新白云机场有地铁吗</t>
  </si>
  <si>
    <t>地铁6号线 → 地铁3号线北延段，全程约33.1公里</t>
  </si>
  <si>
    <t>教师资格证是通用的吗</t>
  </si>
  <si>
    <t>教师资格证书由教育部统一负责印制，在全国相应的学校通用。</t>
  </si>
  <si>
    <t>教师资格证是全国通用的。</t>
  </si>
  <si>
    <t>教师资格证、普通话等级证书、职称证等都是全国通用的。而且教师资格证是终身有效的。（除非是丧失教师资格或撤销教师资格上级才会收回。）我03年在老家考的教师资格证现在在外面一样的用，没有地域限制。</t>
  </si>
  <si>
    <t>国考的教师资格证是全国通用的，但是有的省份教师资格证考试是省考，如果你要去其他省份教书就要看这个省份接不接收了！</t>
  </si>
  <si>
    <t>门面房可以贷款吗</t>
  </si>
  <si>
    <t>首先需要说明，商铺贷款是属于商业房产贷款的一类，不属于个人住房贷款，所以不能使用公积金贷款。购买商铺是可以进行商业贷款的，可以从贷款公司借款，如果自身条件比较好，能忍受较长的等待时间，推荐到银行贷款购买商铺。在申请商铺银行贷款时，需要借款人的身份证明，收入证明，商铺购买证明，抵押证明等资料，以及需要满足银行提出的其它条件。同时，在正确提交申请资料以后，借款人还需提供所购商铺房款的50%以上的首付款证明。商铺贷款最长可为10年。只要能偿还贷款，还款能力良好，按照正常的贷款流程向银行提交申请即可。</t>
  </si>
  <si>
    <t>苹果6ios8.4要更新吗</t>
  </si>
  <si>
    <t>ios8.4版本还是不错的，如果想要体验的玩家可以选择升级!</t>
  </si>
  <si>
    <t>酸都是共价化合物吗</t>
  </si>
  <si>
    <t>不是，比如NaHSO4,他可以算作酸，能解离出H+。六氯合铂金酸，是典型的离子化合物。</t>
  </si>
  <si>
    <t>你指的应该是质子酸,如果是这样,那么酸应该都是共价的,只是程度不同；如果以路易斯酸的概念来判断,就很不全面了.另,如果你在上中学,遵照课本里的概念就好了,路易斯酸碱是在大学华学要学的东西,简单的说,就是凡是能接受电子的离子都是路易斯酸,提供电子的就是碱了.</t>
  </si>
  <si>
    <t>i5处理器可以装xp系统吗</t>
  </si>
  <si>
    <t>可以装的</t>
  </si>
  <si>
    <t>股票竞价阶段能成交吗</t>
  </si>
  <si>
    <t>不一定成交，集合竞价最大成交量原则，集合竞价产生的的开盘价。高于集合竞价产生的价格的买入申报全部成交；低于集合竞价产生的价格的卖出申报全部成交。</t>
  </si>
  <si>
    <t>刷淘宝犯法吗</t>
  </si>
  <si>
    <t>属于违法行为</t>
  </si>
  <si>
    <t>改装车能上路吗</t>
  </si>
  <si>
    <t>有的改装车可以上路，有的不能上路。原厂改装这类的车是属于合法改装，可以上路；其次在合理的范围内到车管所申请备案进行改装的可以上路，除此之外的一些不合法的改装是不能上路的。</t>
  </si>
  <si>
    <t>长白山真的有古墓吗</t>
  </si>
  <si>
    <t>大规模的陵墓可能性不大，主要是因为古代东北人口稀少，气候寒冷。而一般贵族陵墓都需要动用大规模人力和物力，施工周期也很长。需要集结大批人力，动员这些人力，还需要为施工人员提供饮食、保暖、住宿等等基本生存条件，需要将施工所需材料运输进山区，即便是现在，鉴于其交通、气候等因素，这些都是难题，更何况古代。所以，长白上大规模陵墓可能性不大，当然，民间的、小规模的不排除有。</t>
  </si>
  <si>
    <t>note5能root吗</t>
  </si>
  <si>
    <t>可以的，http://m.muzisoft.com/root/160141.html相对复杂一点。可以试一下</t>
  </si>
  <si>
    <t>喝花椒水能治打鼾吗</t>
  </si>
  <si>
    <t>对于治疗打呼噜这种现象，喝花椒水能够起到一定的治疗效果，坚持喝一个星期，打呼噜现象就能够得到很大的缓解，尤其是一些经常打呼噜的朋友，可以坚持喝一个星期进行尝试，会有意想不到的效果。</t>
  </si>
  <si>
    <t>用开水泡花椒5到10个，水凉后喝，喝5天。我照做了，没用。</t>
  </si>
  <si>
    <t>花椒泡水是网络上盛传的一种治疗打鼾的偏方，到底有没有效果尚没有得到科学证实，建议不要盲目采用。治疗打鼾，首先就是要查明引起打鼾的原因，然后在采取针对性的治疗，才能达到满意的治疗效果</t>
  </si>
  <si>
    <t>用几颗花椒泡了，然后把水喝了，一定要坚持每天喝，可能2个月就会根治，一定要坚持哦。但是也可能因人而异，个人体质不一样，所以效果也不一样</t>
  </si>
  <si>
    <t>直到前几天开始，试用花椒水止鼾。据说已经有治好的朋友，但不知道真假</t>
  </si>
  <si>
    <t>家用水银温度计跌坏散发的水银毒害大吗</t>
  </si>
  <si>
    <t>水银的危害很大，水银又称汞，为液态银白色金属，常温下即能蒸发。体温计破碎后，水银掉在地上会形成许多水珠，如果不及时收集，就会很快挥发到空气中，水银蒸气有很大的毒性，通过人的呼吸道可进入神经系统，使人中毒。如果不小心碰到皮肤上也能进入人体，危害人体的健康。</t>
  </si>
  <si>
    <t>药皂洗脸好吗</t>
  </si>
  <si>
    <t>　红色药皂的刺激性最强，并有特殊气味。因其添加物是酚类化合物，因此这类药皂多数是红色的，俗称来苏皂。因其对皮肤刺激比较强，皮肤过敏及有伤口的人不适合使用，即便是没有损伤的皮肤，也最好不要长期使用。</t>
  </si>
  <si>
    <t>土木工程要不要读博</t>
  </si>
  <si>
    <t>这个分就业方向，方向一：当大学老师、进行科研等，读博是必须的。方向二：设计院，效益好的工作，读博就不是那么必须了。</t>
  </si>
  <si>
    <t>tn屏幕和ips色彩差距大吗</t>
  </si>
  <si>
    <t>n的色域是肯定不如同价位的ips，可视角也不如ips，但是拖影比ips轻。</t>
  </si>
  <si>
    <t>建设银行手机银行要收费吗</t>
  </si>
  <si>
    <t>免服务费、交易结算费</t>
  </si>
  <si>
    <t>乳腺炎能治好吗</t>
  </si>
  <si>
    <t>治疗上主要还是以消炎为主的，可以通过输液治疗，常用的有青霉素、头孢类等。您还可以配合中医治疗，采用清热解毒、疏肝通乳的中药配合手法排乳多在一周内消散，</t>
  </si>
  <si>
    <t>微鲸电视好不好</t>
  </si>
  <si>
    <t>千万不要买微鲸电视，质量不好发热严重售后差</t>
  </si>
  <si>
    <t>北京社保卡能在药店买药吗</t>
  </si>
  <si>
    <t>社会保障卡不能买药，需要用医保卡</t>
  </si>
  <si>
    <t>辐射4 史旺有任务吗</t>
  </si>
  <si>
    <t>有的，下水游泳， 洗个澡， 他会跟你一起鸳鸯戏水。</t>
  </si>
  <si>
    <t>真有灵魂摆渡人吗</t>
  </si>
  <si>
    <t>灵魂是真有的，因为曾经俄国有一位这方面的研究人员，他使用了一种特殊的摄像机，拍下许多人在临近死亡之时，就是灵魂离开身体的时候的照片。</t>
  </si>
  <si>
    <t>头发少的人适合圆寸么</t>
  </si>
  <si>
    <t>适合的</t>
  </si>
  <si>
    <t>不适合</t>
  </si>
  <si>
    <t>淘宝评价会清零吗</t>
  </si>
  <si>
    <t>180天，买家从发表评论生效后会显示在宝贝评论区，180天后将不再显示</t>
  </si>
  <si>
    <t>菲诗小铺洗面奶好用吗</t>
  </si>
  <si>
    <t>好用</t>
  </si>
  <si>
    <t>染眉膏能洗掉吗</t>
  </si>
  <si>
    <t>直接用卸妆油就可以卸染眉膏</t>
  </si>
  <si>
    <t>朱元璋是暴君吗</t>
  </si>
  <si>
    <t xml:space="preserve">是滥杀无辜的暴君。 </t>
  </si>
  <si>
    <t>担保人会被拘留吗</t>
  </si>
  <si>
    <t>　如果担保人不履行法院生效判决，可能会被拘留的。</t>
  </si>
  <si>
    <t>入党介绍人可以换吗</t>
  </si>
  <si>
    <t>当党组织认为入党介绍人不认真履行职责，或入党介绍人因工作变动等原因无法继续履行职责时，可以中途更换入党介绍人。</t>
  </si>
  <si>
    <t>公民的财产权是绝对的吗</t>
  </si>
  <si>
    <t>财产权是绝对权利</t>
  </si>
  <si>
    <t>武警总医院是301医院吗</t>
  </si>
  <si>
    <t>是的，就是同一家医院，在五棵松那里。</t>
  </si>
  <si>
    <t>不是一个医院，301医院是解放军总医院，在五棵松。博士医院是武警总院，在永定路。</t>
  </si>
  <si>
    <t>上午泡的茶下午还能喝吗</t>
  </si>
  <si>
    <t>能喝，比如早上8点泡的茶，晚上8点一样可以喝。</t>
  </si>
  <si>
    <t>最好不要，喝茶最好是泡新鲜茶水喝，置放太久或者隔夜的茶叶不宜再喝。</t>
  </si>
  <si>
    <t>facetime 费流量吗</t>
  </si>
  <si>
    <t>如何查看Facetime使用了多少流量</t>
  </si>
  <si>
    <t>如果你说的是使用Facetime的话，未越狱用户跟一般用户是只能使用wifi网络视频通话的，所以根本不扣钱。如果你自己安装了插件可以让Facetime使用3G网络，那你使用的时候扣的是流量的钱。不过既然你这么问了，一般情况下你是没有安装那个插件。</t>
  </si>
  <si>
    <t>心情不好会不会影响排卵</t>
  </si>
  <si>
    <t>女性的排卵的确是受情绪的影响的,女性的排卵受到情绪,应激,饮食这三个因素的影响最大,心情当然很重要啦。</t>
  </si>
  <si>
    <t>一般不影响排卵。建议到医院B超检查排卵更为准确。</t>
  </si>
  <si>
    <t>贝壳是动物吗</t>
  </si>
  <si>
    <t>确切的说是软体动物的外套膜,具有一种特殊的腺细胞,其分泌物可形成保护身体柔软部分的钙化物.</t>
  </si>
  <si>
    <t>动物，因会喷水</t>
  </si>
  <si>
    <t>属于海洋动物</t>
  </si>
  <si>
    <t>贝壳可以肯定的说一种营养价值很高的佳肴，与田螺、鲍鱼、沾亲带故</t>
  </si>
  <si>
    <t>吃鱼对眼睛好吗</t>
  </si>
  <si>
    <t xml:space="preserve">是的，鱼眼中含有丰富的维生素及一些特定的脂肪酸和硒等微量元素,而硒在谷胱甘肽过氧化酶中起到重要作用,这种酶能催化并排除对眼睛有危害的自由基物质,从而起到保护眼睛细膜和提高眼睛对视象的敏锐度. </t>
  </si>
  <si>
    <t>苹果5s可以换6吗</t>
  </si>
  <si>
    <t>现在都可以以旧换新了，方法如下：1、打开苹果官方主页时，请点击页面底部菜单中的“Apple Store 零售店”链接选项；2、在 Apple Store 零售店页面，找到自己所在城市的零售店，记下地址；3、带着自己的旧设备前往零售店，然后接受工作人员的检查，给出一个评估价格。　　4、评估价格后，工作人员会给一张抵用券，用以抵消购买新的苹果设备的部分价格。5、值得注意的是，此次的以旧换新服务所针对的机型，只包括国行版、港版、澳版。如果是一些其它机型，如美版、日版等是不能享受此服务的。</t>
  </si>
  <si>
    <t>常住人口登记卡能作为户籍证明吗</t>
  </si>
  <si>
    <t>我刚打电话问了 可以户口本复印件派出所盖个章就行</t>
  </si>
  <si>
    <t>刚打电话问了，不行。我说派出所不让证明自己是自己，他们也说不行，就得按照公告来</t>
  </si>
  <si>
    <t>不可以，常住人口登记表是公安机关管理户籍的内部档案，不能向外提供，应当是出具户籍证明，但户籍证明的内容与常住人口登记表一般一致。</t>
  </si>
  <si>
    <t>新疆人是混血吗</t>
  </si>
  <si>
    <t>你是想说新疆的少数民族吧？要知道现在很多在新疆的汉族人也自称是新疆人。新疆的少数民族，和西方毫无关系，他们是中亚民族。</t>
  </si>
  <si>
    <t>水果属于农产品吗</t>
  </si>
  <si>
    <t>谓农产品，是指来源于农业的初级产品，即在农业活动中获得的植物、动物、微生物及其产品。水果当然是农产品了，你没听说果农吗？水果就是农民在农业活动中获得的植物果实。</t>
  </si>
  <si>
    <t>怀孕6个月能去电影院看电影吗</t>
  </si>
  <si>
    <t>怀孕六个月可以看电影，只要没有腹痛和阴道等症状，是可以看电影的。不要看恐怖片，否则影响睡眠等情况</t>
  </si>
  <si>
    <t>根据你的描述，这种情况最好不要去电影院看电影，环境不好，人多，对宝宝健康不利。最好不要去。</t>
  </si>
  <si>
    <t>还是要根据自身体质和宝宝发育情况而定的，一般正常情况下下是可以的，建议看一些避免情绪激动的电影和3D电影，最好在家人的陪护下进行。而且电影院的噪声可能会影响到宝宝，如果真的想去的话，那就选择一些小清新的文艺电影看吧，不会有太大动静又能使心情愉快</t>
  </si>
  <si>
    <t>放开那三国烧钱吗</t>
  </si>
  <si>
    <t>看到贴吧，各种群好多人为了搞一个+7赵云钱包都没了，甚至还有学生党！</t>
  </si>
  <si>
    <t>马齿苋产妇能吃吗</t>
  </si>
  <si>
    <t>马齿苋是寒性食物，吃了则会让产妇伤身甚至是在坐月子期间落下某些肠胃毛病</t>
  </si>
  <si>
    <t>使命召唤9支持手柄吗</t>
  </si>
  <si>
    <t>支持。在游戏控制界面选手柄就可以了！</t>
  </si>
  <si>
    <t>生理期可以喝酸奶吗</t>
  </si>
  <si>
    <t>一般是不建议喝的，因为酸奶都是冷藏保存的，并且在经期是不能吃生冷食物的。</t>
  </si>
  <si>
    <t>酸奶虽然是酸性口味，含有益生菌，但是对于经期没有影响。只要注意不冷食酸奶就可以了。</t>
  </si>
  <si>
    <t>甲亢突眼能治好吗</t>
  </si>
  <si>
    <t>甲亢眼突一般都有两种情况，一种是良性的眼突，良性的眼突在甲亢治愈后，眼突的症状就会消失，另外一种是恶性眼突，恶性眼突需要通过手术治疗才会痊愈。所以说突眼的情况是可以治愈的，只要通过手术或者是药物治疗，让患者的甲状腺功能恢复到正常水平，补充足够的碘元素，甲状腺素的作用下会让突眼的症状自行出现好转的迹象，患者不要过度担心。</t>
  </si>
  <si>
    <t>新浪微博可以用昵称登陆吗</t>
  </si>
  <si>
    <t>不是，昵称是可以自己设的，新浪微博登陆名是注册新浪微博使用的邮箱、手机号或者新浪微博账号（昵称不是登陆账号），昵称并不是登录名，登录名一般为注册微博时所使用的邮箱或者手机号码。</t>
  </si>
  <si>
    <t>锦鲤鱼能用鱼缸养吗</t>
  </si>
  <si>
    <t>由于锦鲤鱼一般身长可以达到1米左右，所以针对养锦鲤用多大的鱼缸的问题，大家可以选择长为1.2-1.5米以上的的鱼缸。虽然一些普通的锦鲤其体长也有几十厘米，但是小的鲤鱼以后也会慢慢的长大，所以作为饲养者一定要准备一个足够宽敞的鱼缸来饲养锦鲤。</t>
  </si>
  <si>
    <t>酱香酒都是纯粮食酒吗</t>
  </si>
  <si>
    <t>酱香型白酒不能用水和酒精勾兑，只能用纯粮酿造。所以不添加任何化学原料和食用酒精的酒只有一种，那就是酱香型白酒，技术上的全称叫——纯粮固态大曲酱香型白酒。</t>
  </si>
  <si>
    <t>临时身份证可以办结婚证吗</t>
  </si>
  <si>
    <t>在临时身份证有效期内可以持临时身份证办理结婚证</t>
  </si>
  <si>
    <t>手脚出汗是不是肾虚</t>
  </si>
  <si>
    <t>出现手脚出汗，是属于肾阴虚的表现，这一般是与长时间的不良生活习惯有关系。</t>
  </si>
  <si>
    <t xml:space="preserve">手心出汗，与身体素质、内分泌等等都有关系的，不一定是肾虚引起的。 </t>
  </si>
  <si>
    <t>三星3g手机能用4g卡吗</t>
  </si>
  <si>
    <t>使用电信卡，需要您的手机是电信版才可以的，如果是电信版的三星note2，一般来说可以使用电信4g卡，不过部分机型存在无法兼容电信4g卡的情况，建议尝试。</t>
  </si>
  <si>
    <t>经期能喝可乐吗</t>
  </si>
  <si>
    <t>在月经来潮期间，最好是不要喝可乐，特别是冰的可乐，容易引起月经长时间的不干净或是月经骤停的可能</t>
  </si>
  <si>
    <t>两岁宝宝颈部两侧有两个淋巴结正常吗</t>
  </si>
  <si>
    <t xml:space="preserve"> 淋巴结是我们的免疫器官。如果我们身体有炎症有病菌，我们的淋巴结就会增生肿大。产生疼痛感。也证明有炎症，我们体内淋巴结在作战在分泌。如果不通的不肿的淋巴结是正常的不用担心。</t>
  </si>
  <si>
    <t>犯罪心理emily死了吗</t>
  </si>
  <si>
    <t xml:space="preserve">emily之前当卧底的时候抓的一个国际犯逃了出来， 然后抓住了emily， 在最后的时候用一根木棒捅伤了emily， 但是没有死。 hotch为了要保护Emily制造她的假死。 </t>
  </si>
  <si>
    <t>女性安全裤是不是史上最垃圾发明?</t>
  </si>
  <si>
    <t>佰送商城是不是传销</t>
  </si>
  <si>
    <t>不是传销，是愿者上钩。</t>
  </si>
  <si>
    <t>猫头鹰辟邪吗</t>
  </si>
  <si>
    <t>猫头鹰眼睛很利，这个可以辟邪的，放客厅应该比较好，对着大门</t>
  </si>
  <si>
    <t>一岁宝宝拉肚子可以吃鸡蛋吗</t>
  </si>
  <si>
    <t>宝宝拉肚子时不能给宝宝吃鸡蛋,鸡蛋不容易消化,本来拉肚子时胃肠就比较弱,你可以给宝宝吃点清淡的,别太油腻,可以给宝宝煮点白粥,做点面条,菜粥等,多吃新鲜的蔬...</t>
  </si>
  <si>
    <t>你好，应该是可以的，但是别吃的太多了哦什么东 西都是吃多都不好的，适量吧，</t>
  </si>
  <si>
    <t>档案袋能自己拆开吗</t>
  </si>
  <si>
    <t>个人或无档案管理权限单位严禁私自拆封、涂改档案。</t>
  </si>
  <si>
    <t>安全模式下能装软件吗</t>
  </si>
  <si>
    <t>可以，在安全模式下能操作任何操作</t>
  </si>
  <si>
    <t>杀手5:赦免好玩吗</t>
  </si>
  <si>
    <t>画面不差，还可以体验杀手的感觉</t>
  </si>
  <si>
    <t>澳洲月见草油软胶囊里含雌激素吗子宫肌瘤能吃吗</t>
  </si>
  <si>
    <t>子宫肌瘤是可以吃月见草的，会有一定的效果的。</t>
  </si>
  <si>
    <t>子宫肌瘤疾病期间可以服用月见草油胶囊，对子宫肌瘤没有影响，子宫肌瘤疾病多是良性生殖器肿。</t>
  </si>
  <si>
    <t>这个是可以吃的，这个应该是不会有什么关系的了，你也就不需要担心的了。</t>
  </si>
  <si>
    <t>鸡爪会胖吗</t>
  </si>
  <si>
    <t>鸡肉属于白肉，本身脂肪含量比较少，所以一般多吃鸡肉是不会导致明显发胖的。</t>
  </si>
  <si>
    <t>支付宝没银行卡可以转账吗</t>
  </si>
  <si>
    <t>支付宝实名认证必须要有银行卡的</t>
  </si>
  <si>
    <t>甲亢能治好吗</t>
  </si>
  <si>
    <t>状腺功能亢进需要积极口服一些药物治疗，如甲巯咪唑，同时建议正规医院内分泌科进一步检查确诊，按时复查甲状腺功能，注意多饮水别吃辛辣油腻食物。可以治愈的</t>
  </si>
  <si>
    <t>如果是亚急性甲状腺炎、产后甲状腺炎、安静型甲状腺炎等疾病引起的，会在甲状腺毒症阶段之后进入甲减阶段，最后甲状腺功能逐渐恢复到正常，少数病人可出现永久性甲减。</t>
  </si>
  <si>
    <t>花生米可以丰胸吗</t>
  </si>
  <si>
    <t>花生中拥有丰富的油脂，维生素E，能够促使女性卵巢发育完善，使得卵细胞增加，刺激雌性激素的分泌，从而达到丰胸的目的。买生的花生米(一定要生的，最好是当年新鲜的，炒过或者盐焗的都容易让人长胖)，每2个小时吃10-20颗，认真吃，要嚼到很碎很碎在咽，可以补充油脂和维生素B2；吃了感觉胃不舒服的，是因为对那个红衣的反应，可以把红衣剥了再吃。#花生营养丰富，巧吃花生可以丰胸。同时，多吃花生还可以帮助女性调理身体，补血益气。#生花生的功效与作用 生花生的丰胸奇效#花生吃多久才能丰胸</t>
  </si>
  <si>
    <t>越南还用汉字吗</t>
  </si>
  <si>
    <t>越南今天使用的是“国语字”</t>
  </si>
  <si>
    <t>45天可以做b超吗</t>
  </si>
  <si>
    <t>怀孕40天后就可以做B超检查了</t>
  </si>
  <si>
    <t>孕8-10周去做B超就有胎心了、不要过早做B超，理想是在怀孕8-10周才容易看得见. 而且过早做B超, 理论上会震动到刚形成的胚胎,不利于胚胎发育,最好避免过早做B超. 做好产前检查，孕第八周有胎心胎芽</t>
  </si>
  <si>
    <t>去哪儿网定的机票可以退吗</t>
  </si>
  <si>
    <t>一般来说，特价机票（4折以下）不退。具体的标准各航空公司不一样。其它折扣票可以退，但是折扣越高，扣的钱越多。买的价格越高，退票手续费的比例越小。如果是全价票，基本可以免费改签，退票只收5%手续费。</t>
  </si>
  <si>
    <t>胃溃疡自愈</t>
  </si>
  <si>
    <t>胃溃疡会自愈</t>
  </si>
  <si>
    <t xml:space="preserve"> 因为胃溃疡等大多由于日常生活不规律或是生活压力等等有关，所以能慢慢改善不良的日常生活习惯，溃疡面也可以慢慢恢复的</t>
  </si>
  <si>
    <t xml:space="preserve"> 不会自愈的，需要及时正确治疗，才有康复的可能，避免病情进一步发展，会有恶变的可能。</t>
  </si>
  <si>
    <t>苹果手机可以空运吗</t>
  </si>
  <si>
    <t>是可以空运的，只要做好包装，不会影响苹果手机的性能，更不会影响使用。</t>
  </si>
  <si>
    <t>梨牌润肤露可以擦脸吗</t>
  </si>
  <si>
    <t>可以，持续补充您皮肤所需的养分，容易被肌肤吸收，清爽不油腻，有效滋润肌肤，帮助改善肌肤干燥暗沉，保持肌肤柔美，使用完身体散发淡淡清香，肌肤从内而外散发光泽。</t>
  </si>
  <si>
    <t>幻听是精神病吗</t>
  </si>
  <si>
    <t>幻听是出现于听觉器官的虚幻的知觉，是精神病人常见症状之—</t>
  </si>
  <si>
    <t>月经期间喝红糖好吗</t>
  </si>
  <si>
    <t>喝红糖水对月经真的好！</t>
  </si>
  <si>
    <t>协议可以盖合同章吗</t>
  </si>
  <si>
    <t>协议书属于合同的性质，可以加盖公章，也可以加盖合同专用章，都是具有法律效力的。</t>
  </si>
  <si>
    <t>光纤收发器有辐射吗</t>
  </si>
  <si>
    <t>光纤收发器辐射量、转换器辐射量相当于一个充电器的辐射量，可以忽略不计</t>
  </si>
  <si>
    <t>换火花塞能提升动力吗</t>
  </si>
  <si>
    <t>发动机就运作好 相对来讲也会提升动力</t>
  </si>
  <si>
    <t>网上买星月靠谱么</t>
  </si>
  <si>
    <t>靠谱，会文菩提网就是做星月菩提手串手链的，好多新闻媒体报道过肯定可靠，最近他们又做七夕情人节的活动，可以下手拿条</t>
  </si>
  <si>
    <t>个人微信二维码会过期么</t>
  </si>
  <si>
    <t>个人微信二维码不会过期。</t>
  </si>
  <si>
    <t>小龙虾好养殖吗</t>
  </si>
  <si>
    <t>节性是很强，除开5-9月，其它月份的量少，但是价格贵呀，至少贵50%，但是那些时间难抓也难养。</t>
  </si>
  <si>
    <t>野帝1.4t烧机油吗</t>
  </si>
  <si>
    <t>机油本身是有一定的消耗的，消耗过量就是出现了烧机油的问题。</t>
  </si>
  <si>
    <t>苹果6十月份会降价吗</t>
  </si>
  <si>
    <t>到十月肯定是会降价的，因为这个时候6S已经上市，并且十月一号又是我们的国庆，但是降价多少真的不好说，只能说不会降太多，苹果手机是很保值的，不会出现价格跳水的情况。</t>
  </si>
  <si>
    <t>环保局工作好吗</t>
  </si>
  <si>
    <t>环保局的工作挺好的，在行政单位里面工作自然是不错的，对于待遇，公务员的工资，薪资不会特别高，其他福利还是挺不错。任何一个行业都有自己的利益链，主要看能不能触碰到这个利益链。</t>
  </si>
  <si>
    <t>蚂蚁搬家 真假</t>
  </si>
  <si>
    <t>五步就能辨别真假蚂蚁。1，搬家服务热线，蚂蚁搬家的全国服务400 热线：不是该服务热线的电话号码请谨慎，很有可能是假的蚂蚁搬家。在百度里有安全认证的官方客服400电话（400-0278181/400-0288181）。2，车队：蚂蚁搬家的车身广告都是黄色车身，上面印有蚂蚁搬家字样和我们的全国热线号码。3，工人的着装：工人的着装整洁统一的，蓝色工装，黄色条纹。4，明码标价，不乱收费：电话预约的时候，如果没有特殊的需要看现场的物品，一般电话预约就能确定价格，绝不会在搬家过程中乱收费。如果在最后与电话确认金额不符可以随时拨打官方400进行投诉。5，官网：很多大型的企业肯定会有自己的官方网站，蚂蚁搬家也不例外。进入官网可以直接确认全国热线电话，如果全国热线不对，也肯定不是真正的蚂蚁搬家。只要通过这五步来辨别，绝对不会被所谓的山寨蚂蚁搬家公司坑骗。</t>
  </si>
  <si>
    <t>md297j日版有锁能解吗</t>
  </si>
  <si>
    <t xml:space="preserve">支持联通移动（GSM+WCDMA），不支持电信; MD297J日版有锁 </t>
  </si>
  <si>
    <t>散户炒股有赚钱的吗</t>
  </si>
  <si>
    <t>散户就是被圈待宰的羊，吃饱了，就等着庄家宰了吃肉，你能吃饱还能逃出羊圈是你的本事，你不能吃饱被宰那也只能认栽，谁让你是散户你是羊呢，不宰你你宰谁呢，那怎么办才能赚钱呢，这个问题是所以散户想知道的，其实只要你在股市里交个十年的“学费”基本上就从羊变成狼了，不过如果你是天生运气极好的，那另当别论了，谁让你有主角光环呢，那么一般的散户怎么才能赚到钱</t>
  </si>
  <si>
    <t>一级建造师市政难吗</t>
  </si>
  <si>
    <t>一级建造师考试每年的通过人数很有限，题目很有难度，网校老师建议各位学员最好早做准备，不要临阵磨枪，考前突击。基础薄弱的学员最好先从公共课开始备考复习，比如法规和项目管理对很多学员来说就学习地很容易，管理与实务难度就比较大，市政工程在一建所有专业中也是出了名的难考的科目。</t>
  </si>
  <si>
    <t>储蓄卡是信用卡吗</t>
  </si>
  <si>
    <t>借记卡（即平常所说的储蓄卡）、贷记卡（即信用卡）</t>
  </si>
  <si>
    <t>陈比觉是不是高虎演的</t>
  </si>
  <si>
    <t>烈日灼心陈比觉是谁演的 陈比觉扮演者高虎资料</t>
  </si>
  <si>
    <t>和确诊梅毒女有过一次高危,感染机率大吗</t>
  </si>
  <si>
    <t>目前性接触传播疾病非常非常复杂多变，传播途径广泛。有几十种，各种各样的疾病千奇百怪，给健康和生活造成较大影响。</t>
  </si>
  <si>
    <t>你的高危一般是很危险的，如果对方就是梅毒、艾滋病等的话，你被感染的机会是非常大的。如果对方是健康者的话，你的感染的机会就是非常的小的，必要时可以去医院进一步的检查，以排除高危的可能。</t>
  </si>
  <si>
    <t>坦克世界有中国坦克吗</t>
  </si>
  <si>
    <t>针对国内玩家设定了C系坦克。目前C系共推出两款坦克，59式中型坦克和62式轻型坦克。</t>
  </si>
  <si>
    <t>美国陪读可以打工吗</t>
  </si>
  <si>
    <t>美国留学父母可以陪读以及打工吗?根据顺顺留学了解，如果孩子是未成年的话，父母是可以陪读的，美国法律明确规定，陪读签证的申请对象仅限于在美求学的留学生的海外配偶和未成年子女。所以说年龄达到成年的话父母就不可以陪读了，但是父母仍然可以申请探亲签证去美国探望孩子。</t>
  </si>
  <si>
    <t>跟单员的工作靠谱吗</t>
  </si>
  <si>
    <t>如果是十几年前做跟单员，那时候非常赚钱，也非常好跑业务，但是当下再去做跟单员的话基本上没什么前途，如果有更好的选择，不建议做跟单员。</t>
  </si>
  <si>
    <t>充电宝能上高铁吗</t>
  </si>
  <si>
    <t>乘坐高铁对移动电源没有限制，也就是说带多少毫安的充电宝都可以上高铁的</t>
  </si>
  <si>
    <t>高铁对充电宝没有明确限制，自用的是可以带的</t>
  </si>
  <si>
    <t>牛角扣大衣好看吗</t>
  </si>
  <si>
    <t>牛角扣大衣经典，因为它属于可以从6岁穿到60岁的单品</t>
  </si>
  <si>
    <t>搭配各种单品都超好看</t>
  </si>
  <si>
    <t>苹果手表可以插卡吗</t>
  </si>
  <si>
    <t>苹果手表是不可以插卡的，因为其并没有SIM卡槽和SD卡槽，所以是不可以插卡的</t>
  </si>
  <si>
    <t>无痕接发贵吗</t>
  </si>
  <si>
    <t>个人感觉蛮好的，要看接什么样的了，价格不一样</t>
  </si>
  <si>
    <t>茶叶能去黑眼圈吗</t>
  </si>
  <si>
    <t>茶叶中含有芳香油、咖啡碱、茶碱、单丁酸等物质，有降火、清热、明目等功效，对于去除黑眼圈缓解眼袋问题，有特别好的效果。</t>
  </si>
  <si>
    <t>苹果6升级9.1好不好</t>
  </si>
  <si>
    <t>千万不要升！因为升到9.1，充电慢而且耗电快，我的是6plus，感觉还是9.02好，我是真心后悔啊相比于iOS9来说，苹果在iOS9.1中除了修复Bug、增加系统稳定性之外，还加入了一些新功能，主要包括新增150多种表情符号(全机型)、修复多任务卡顿、Live Photo自适应(6S/6S Plus)，至于其它部分则是对系统原先Bug的修补。另外，最受用户关注度的操作界面卡顿的问题也得到了修复，流畅度有明显的提升</t>
  </si>
  <si>
    <t>传统银行会消失吗</t>
  </si>
  <si>
    <t>20年内，中国传统银行将彻底消失</t>
  </si>
  <si>
    <t>酷派5890手机电池鼓了还能用吗</t>
  </si>
  <si>
    <t>dnf宠物装备能转移吗</t>
  </si>
  <si>
    <t xml:space="preserve">不可以的跨界是一次性消耗品 而且只能移动人物SS装备，神器装备 </t>
  </si>
  <si>
    <t>不可以的，目前宠物装备是无法交易的</t>
  </si>
  <si>
    <t>肝纤维化会有结节吗</t>
  </si>
  <si>
    <t>肝脏出现结节，说明有肝纤维化的趋势，再继续发展下去就是肝硬化。</t>
  </si>
  <si>
    <t>大专生进厂好不好</t>
  </si>
  <si>
    <t>很好呀！增加经验为以后工作做准备</t>
  </si>
  <si>
    <t>百川理财是资金盘吗</t>
  </si>
  <si>
    <t>百川理财是一个互联网金融投资理财产品,在全球所有行业中，金融是所有行业之王</t>
  </si>
  <si>
    <t>所谓资金盘，就是指没有造血功能，拆东墙补西墙，用后加入会员的钱支付给前面会员的网资盘。</t>
  </si>
  <si>
    <t>百川公司是不是资金盘，资金盘没有实体实业支撑，只有一个发行网站，而百川实业遍布全国</t>
  </si>
  <si>
    <t>玉米是不是转基因</t>
  </si>
  <si>
    <t>目前我们经常吃的这种甜玉米是非转基因的。这种玉米主要是通过传统的育种技术，由几种野生品种相互杂交，进而筛选出来的优势杂合体。这种玉米的种子在播种第一代后，由于杂种的性状分离，不能继续种植。而如果是转基因植株的话，是可以连续播种很多代的。</t>
  </si>
  <si>
    <t>孕早期单纯疱疹病毒1/2-igm抗体影响大吗?</t>
  </si>
  <si>
    <t>单纯疱疹一型病毒感染不影响小孩，二型病毒感染才影响，但也是因人而异。没有明显症状影响不明显</t>
  </si>
  <si>
    <t>日版iphone5s支持电信吗</t>
  </si>
  <si>
    <t>是的，现在日版iphone5s可以完美支持电信3G。</t>
  </si>
  <si>
    <t>新生儿能摇晃吗</t>
  </si>
  <si>
    <t>婴儿脑部脆弱柔软，脑部易受震荡导致脑出血</t>
  </si>
  <si>
    <t>不是太剧烈少量的可以，能帮助睡眠。但是也不能经常，小宝宝的大脑没有发育好，太剧烈和频繁的话可能会引起脑震荡。</t>
  </si>
  <si>
    <t>2015激战2好玩吗</t>
  </si>
  <si>
    <t>有人觉得好玩，有人觉得不好玩</t>
  </si>
  <si>
    <t>美联储加息吗?</t>
  </si>
  <si>
    <t>美联储加息了，而中国央行真的“加息”了吗？</t>
  </si>
  <si>
    <t>肾上腺瘤能治好吗 燕达医院 668</t>
  </si>
  <si>
    <t>肾上腺的良性肿瘤居多，恶性肿瘤不太多，良性肿瘤的治愈率还是很高的，上海交通大学附属医院瑞金医院内分泌科是全国治疗肾上腺疾病治疗最厉害的地方。</t>
  </si>
  <si>
    <t>孕妇可以喝玫瑰茄吗</t>
  </si>
  <si>
    <t>怀孕期间最好还是不要喝玫瑰茄的，是可能会影响胎儿稳定的，注意饮食营养，怀孕期间注意多休息，不要剧烈运动，以免导致流产，多吃水果蔬菜，不要吃辛辣刺激食物为好，做好产检，确定胎儿健康的话才没事的，注意放松心情为好。</t>
  </si>
  <si>
    <t>八个月的泰迪犬可以每天吃一个蛋黄吗</t>
  </si>
  <si>
    <t>泰迪犬2-3天吃一个蛋黄比较合适。如果泰迪犬每天活动量大于4小时，可以每天吃半个蛋黄。蛋黄属于高胆固醇、高脂肪食品，对于运动量大的泰迪犬来说它是很好的能量来源，而对于每天很少活动的泰迪狗狗来说多吃蛋黄就是诱发心脏和血管疾病的毒药。</t>
  </si>
  <si>
    <t>行人被电瓶车撞到骨折有索赔吗</t>
  </si>
  <si>
    <t>单纯骨折损伤不足以鉴定伤残等级，需要带康复后根据具体的机体功能受损程度来作鉴定;按目前情况，对方医药费和误工费是需要责任方承担的，至于后续如果对误工损失存在异议的，可以要求对方提供误工损失证明和个税证明;电瓶车属于非机动车，一般情况下交警作出了责任划分之后，如果有相应的交通违法行为，处理和处罚之后就没有其他事情了。剩下的只有民事赔偿方面的责任。</t>
  </si>
  <si>
    <t>相亲后接触段时间不联系了,微信会删除吗</t>
  </si>
  <si>
    <t>删，既然都不联系了干嘛还留着，觉得没啥礼貌不礼貌的</t>
  </si>
  <si>
    <t>这个也不一定非得删掉呀，可以做普通朋友，就算不联系，多一人在通讯录里也不影响什么</t>
  </si>
  <si>
    <t>拍拍贷借款是真的吗</t>
  </si>
  <si>
    <t>拍拍贷是黑公司，故意以审核严格为理由，把各位投的借款挪为私用，不用付利息。有时也会放点款借出去，遮人耳目。他们是故意拖延的，审核严格是应该的，但故意拖延时间，今天一点问题，明天一点问题，就是不说完，我天天修改，两个星期了还没改完。请各位认清真相，不要上当了</t>
  </si>
  <si>
    <t>左脚踝骨折打膏一个月不疼了能拆了吗</t>
  </si>
  <si>
    <t>患者的这种情况建议去医院检查，拍片看看，骨裂恢复情况再决定的。目前建议最好还是休息为主，患肢避免过度活动和剧烈运动。</t>
  </si>
  <si>
    <t>香港买tiffany便宜吗</t>
  </si>
  <si>
    <t>确实比国内的便宜不少，而且还是港币，算了算，一对对戒要比国内的少大几千（RMB）</t>
  </si>
  <si>
    <t>怀孕期间,感冒了,吃药打针,孩子还能要吗?</t>
  </si>
  <si>
    <t>这个情况是在备孕期间，或者是在刚刚受孕的时候，有使用药物以及感冒那这些也都是不利于优生优育的因素。</t>
  </si>
  <si>
    <t>热血江湖会出怀旧版吗</t>
  </si>
  <si>
    <t>应该不会出</t>
  </si>
  <si>
    <t>职称英语考试可以异地报考吗</t>
  </si>
  <si>
    <t>职称英语可以异地参加考试。考试地点也没有限制，可以就近报考，可以异地参考；但最好和申报地相同，即在哪个城市申报，就在哪个城市考试。#2017职称英语报名指南：异地工作报哪个地区？</t>
  </si>
  <si>
    <t>喝醋可以延迟月经吗</t>
  </si>
  <si>
    <t>从科学角度来说喝醋是不能推迟女性朋友来月经，醋具有止血的效果，但是不能延后月经，而且用喝醋来延后月经，这对身体健康不是很好。</t>
  </si>
  <si>
    <t>吃阿莫西林能喂奶吗</t>
  </si>
  <si>
    <t>根据你的症状建议吃感冒药后最好过二个小时后再喂奶.建议：感冒药中有些成份会对孩子有影响，阿莫西林有的人也会过敏，你服用了也会通过乳汁排出,孩子吃了奶,有可能会出现不良反应，所以要在服药二个小时后再喂奶。</t>
  </si>
  <si>
    <t>itunes升级需要备份吗</t>
  </si>
  <si>
    <t>当我们升级系统之前，都是会将iPhone中所有的信息进行备份，不止是系统升级，包括刷机或者越狱，内分系统都是准备工作中必不可少的一项，也是最重要的一项。</t>
  </si>
  <si>
    <t>小数是正整数吗</t>
  </si>
  <si>
    <t>不是，小数不是正整数。</t>
  </si>
  <si>
    <t>盐城环球公馆有小姐吗</t>
  </si>
  <si>
    <t>盐城环球公馆沐浴会所因涉嫌卖淫嫖娼于1月11日深夜被盐城城南警方“围剿”，现场抓获20多人。</t>
  </si>
  <si>
    <t>vb 文件夹是否存在</t>
  </si>
  <si>
    <t>1、vb使用dir函数来查找文件或文件夹。2、Dir 函数：返回一个 String，用以表示一个文件名、目录名或文件夹名称，它必须与指定的模式或文件属性、或磁盘卷标相匹配。语法：Dir[(pathname[, attributes])]3、Dir 会返回匹配 pathname 的第一个文件名。若想得到其它匹配pathname 的文件名，再一次调用Dir，且不要使用参数。如果已没有合乎条件的文件，则 Dir 会返回一个零长度字符串 ("")。4、vb6示例:MyFile = Dir("C:\WINDOWS\WIN.ini")   " 返回"WIN.INI"（文件存在），返回""(文件不存在)。</t>
  </si>
  <si>
    <t>茵栀黄口服液能用水冲淡喝吗</t>
  </si>
  <si>
    <t>茵栀黄口服液可以兑水服用的</t>
  </si>
  <si>
    <t>液体药物最好不要给宝宝兑水喝，效果没有那么好</t>
  </si>
  <si>
    <t>英大车险好不好</t>
  </si>
  <si>
    <t>英大保险不好,价格没有见得便宜,理赔也不好非常不好,跟无赖有的一拼</t>
  </si>
  <si>
    <t>斗鱼有托吗</t>
  </si>
  <si>
    <t>绝大多数是托  只有一小部分是土豪 也有公务员老师贪污去送礼物的   反正就是个洗脑诈骗的过程</t>
  </si>
  <si>
    <t>堂哥结婚一定要去吗</t>
  </si>
  <si>
    <t>人可以不到但礼要到。</t>
  </si>
  <si>
    <t>如果想去就去，要是不想去，可以找任何理由推掉。</t>
  </si>
  <si>
    <t>早早孕准么</t>
  </si>
  <si>
    <t xml:space="preserve">据专家统计，早早孕试纸的正确测试率差异很大，从50%至98%不等。 </t>
  </si>
  <si>
    <t>新赛欧结实吗</t>
  </si>
  <si>
    <t>不安全</t>
  </si>
  <si>
    <t>植物医生孕妇可以用吗</t>
  </si>
  <si>
    <t>不能，会对胎儿造成致畸影响</t>
  </si>
  <si>
    <t>米线健康吗</t>
  </si>
  <si>
    <t>现在很多制造商在做制作米线的时候，加入了大量的掉白块，这种物质如果由于长期的积累，会让人得上再生障碍性贫血的。此外米线里面加的明矾，也就是一种凝聚剂，其主要成分低是铝，人体如果吸收大量的铝元素对人体是有害的，特别是智力方面。所以建议大家少吃为妙。</t>
  </si>
  <si>
    <t>小姐摸几下会传染尖锐湿疣</t>
  </si>
  <si>
    <t>和小姐有性接触就有可能患有性病。小姐是性病和艾滋病的高发人群。一定要注意。但是也不要过于紧张，患有这种疾病的几率也不是很大。如果实在不放心的话，可以到医院检测一下抗体。</t>
  </si>
  <si>
    <t>经常吃西瓜好吗</t>
  </si>
  <si>
    <t>西瓜具有治疗一切热症的功效，可以利尿解暑，促，解毒等，天天吃西瓜虽然有好处但是也不建议，比较补充水分还是要以纯净水或矿物质水为主</t>
  </si>
  <si>
    <t>宝宝做雾化有副作用吗</t>
  </si>
  <si>
    <t>雾化具有用药少、效果好、副作用小的特点，尤其在治疗咽喉炎、支气管炎、喘息性支气管炎、过敏、痰多等等病症</t>
  </si>
  <si>
    <t>花呗可以关闭吗</t>
  </si>
  <si>
    <t>花呗功能默认是关闭的</t>
  </si>
  <si>
    <t>电脑需要固态硬盘吗</t>
  </si>
  <si>
    <t>上古卷轴5压根就不是玩游戏本身，是玩MOD的，这两者没啥可比的，龙之信条是传统RPG，虽然也有MOD，但是比较少，也没啥意义。想玩少女卷轴么就老滚5，想玩传统么就龙信</t>
  </si>
  <si>
    <t>艾滋病毒能在沐浴露中存活吗</t>
  </si>
  <si>
    <t>艾滋病毒不能在沐浴露中存活，艾滋病毒是很脆弱的，离开人体血液、体液，受外界各种环境的影响，就失去传染性了，使用沐浴露完全不用担心</t>
  </si>
  <si>
    <t>板栗补肾吗?</t>
  </si>
  <si>
    <t>板栗有一定的补肾功效</t>
  </si>
  <si>
    <t xml:space="preserve"> 栗子，又名板栗，有“干果之王”的美称，在国外被誉为“人参果”。栗子性味甘温，入脾、胃、肾三经，有养胃、健脾、补肾、壮腰、强筋、活血、止血、消肿等功效。适用于肾虚所致的腰膝酸软、腰脚不遂、小便多和脾胃虚寒引起的慢性腹泻及外伤骨折、淤血肿痛、皮肤生疮、筋骨痛等症。</t>
  </si>
  <si>
    <t>剖腹产需要骨盆带吗</t>
  </si>
  <si>
    <t>一般在剖腹产后一周可以使用的，白天带上，晚上摘下来。意见建议：建议你在剖腹产后以抗炎治疗为主，要注意休息，可以多吃鸡鱼汤来促进恢复的，忌辛辣刺激性、生冷的食物的慑入。</t>
  </si>
  <si>
    <t>加拿大买电脑便宜吗</t>
  </si>
  <si>
    <t>在加拿大买便宜，因为那里的税收比这里的低太多了，系统可以自己装嘛。</t>
  </si>
  <si>
    <t>生的腰果可以吃吗</t>
  </si>
  <si>
    <t>腰果是可以生吃的，而且腰果的味道好，营养丰富，含有多种维生素矿物质以及其他营养元素，只要是坚果类的都是可以生吃的。#腰果其实是一种坚果，可以补肾也能强身，一般我们知道的都是干腰果，其实生的腰果也是可以吃的，但是腰果不能多吃，一般情况下每天吃几颗就可以了。</t>
  </si>
  <si>
    <t>坚果都是植物的果实，而腰果只是一个似壳的结构，是生长在水果外面的。生腰果中含有漆酚。这是一种有毒的化学物质，在毒藤里面就含有这种物质。如果这种物质和人体接触以后，就会出现像和接触毒藤和毒橡树同样的反应。虽然这种情况是比较少见的，但是也是有的。因此，腰果生吃是有毒的。比如在腰果加工的地方，那些为腰果去壳的工人，由于和腰果壳亲密接触，有时候就会出现中毒的反应。因此，腰果不能生吃。</t>
  </si>
  <si>
    <t>我们日常所说的生腰果是指没有经过油炸或添加盐、糖等辅料的原味腰果，这样的腰果都是经过高温处理后的熟腰果。网上说有毒的生腰果是指高温去毒之前的腰果，这样的腰果我们一般很难接触到。因此我们常说的生腰果是可以吃的。</t>
  </si>
  <si>
    <t>海岛奇兵战队奖励可以累积么</t>
  </si>
  <si>
    <t>开任务时在战队中，并且结束也在战队中就有奖励哦，任务持续24小时，结束后即可领取奖励，奖励船只会停留24小时，过期消失哦~</t>
  </si>
  <si>
    <t>藏地传奇烧钱吗</t>
  </si>
  <si>
    <t>藏地传奇一点都不花钱的，自己平常做任务刷副本得到的钱就已经很够用了啊，要说花也花不了很多的，游戏中有公司担保的黑市上是可以用人民币交易的，但平时自己的钱已经完全够用了</t>
  </si>
  <si>
    <t>肾虚会导致白头发吗</t>
  </si>
  <si>
    <t>肾虚可以出现白头发；症状分为肾阴虚；肾阳虚；肾阴阳两虚；比如；腰酸；腿疼；耳鸣；白发；潮热盗汗等；很多原因都可以引起；比如经常熬夜；等</t>
  </si>
  <si>
    <t>踏板摩托车好学吗</t>
  </si>
  <si>
    <t>很好学的，和自行车差不多，只要会掌握平行就行</t>
  </si>
  <si>
    <t>一次性杯子有毒吗</t>
  </si>
  <si>
    <t>一次性纸杯内壁有防水的石蜡涂层，老用一次性水杯接热水喝，石蜡会融解进入胃部，阻止胃壁吸收营养物质而且不易排出。</t>
  </si>
  <si>
    <t>奶酪能冷冻吗</t>
  </si>
  <si>
    <t>可以冷冻的，买回来可以切成小块，留下要用的其余冷冻.冷冻时不要忘记加保鲜膜。</t>
  </si>
  <si>
    <t>车窗需要贴膜吗</t>
  </si>
  <si>
    <t>玻璃贴膜更多是消费潮流，而不是必需品，如果你不是特别怕晒或者有隐私性需要，可以不贴，车子会特别透亮清爽。有强烈贴膜需求的，根据豪华品牌的玻璃透光率配置规则，个人建议前挡不要贴膜，前排两侧可贴浅色膜，后排两侧和正后方可贴深色膜。</t>
  </si>
  <si>
    <t>项目部能否签订合同</t>
  </si>
  <si>
    <t>项目部对外签定的合同是对法人产生效力的，至于效力的大小则根据具体情况而定。</t>
  </si>
  <si>
    <t>维生素b孕妇能吃的</t>
  </si>
  <si>
    <t>维生素B是药品不是食物，孕妇是不可以使用任何内外用药物的，药物很可能会导致胎儿出现各种不适甚至于流产的可能性，孕妇及胎儿所需日常食物中都含有，不需要吃维生素补充</t>
  </si>
  <si>
    <t>笔记本加铜管有用吗</t>
  </si>
  <si>
    <t>有用！只要铜管能和CPU的盖子接触得好 是可以帮助CPU散开一部分热量的 但这样做的话内部通风一定要好</t>
  </si>
  <si>
    <t>没有，铜管只能加强导热能力，原装双热管导热已经不成什么瓶颈。改风扇或者改散热鳍片吧</t>
  </si>
  <si>
    <t>刚开始有用，等加的也热起来了，就没用了。</t>
  </si>
  <si>
    <t>苹果手机能装apk吗</t>
  </si>
  <si>
    <t>苹果手机支持的软件是ipa格式的，apk格式的软件是安卓平台用的，苹果手机不支持。同样安卓也不支持ipa。</t>
  </si>
  <si>
    <t>超威有锂电池吗</t>
  </si>
  <si>
    <t>如果是那种比较重的，放在踩脚的地板下面的一般是铅酸电池。那种斜挂在座椅下方的，比较轻便的，一般是锂电池。</t>
  </si>
  <si>
    <t>加特林能手持吗</t>
  </si>
  <si>
    <t>加特林用电驱动转动，一般加在车辆，直升机上作为武器实施对敌地面步兵压制或火力支援，不能手持。</t>
  </si>
  <si>
    <t>脸上长痣好不好</t>
  </si>
  <si>
    <t>？一颗痣的位置也是可以预算未来的，都是面上无好痣，那么一个女人脸上长了很多的痣，代表这一生都有走厄运么</t>
  </si>
  <si>
    <t>手游部落可以双开吗</t>
  </si>
  <si>
    <t>别说双开游戏，双开两个应用也不行~</t>
  </si>
  <si>
    <t>婴儿能吃鹌鹑蛋吗</t>
  </si>
  <si>
    <t>婴儿适合吃鹌鹑蛋的。只能吃蛋黄，而且一次最多只能吃一个。</t>
  </si>
  <si>
    <t>天天酷跑乐天射手好么</t>
  </si>
  <si>
    <t xml:space="preserve"> 乐天射手的属性是冲刺状态吃钱币加15分，15分看起来确实是相当鸡肋。不过却不可忽视了冲刺状态。不少角色的的技能都是冲刺状态，比如魔女娜娜水力井宝。再配合开局冲刺时候吃到的金币，以及冲刺道具的加成，其实实力还是相当不错的哦。</t>
  </si>
  <si>
    <t>射手女会不会对自己喜欢的人冷漠</t>
  </si>
  <si>
    <t>虽说射手座的人在性格上会有一些共同之处，但是也存在很多个体差异。你问的这个问题可能就属于会因人而异的部分。作为射手女，我表示喜欢一个人的时候多少是压抑了一些喜欢的情绪，因为不知道对方是否同样喜欢自己，所以不会明显表露自己的喜欢，但也不会刻意地表现出讨厌冷漠，</t>
  </si>
  <si>
    <t>散光 自愈</t>
  </si>
  <si>
    <t>散光能不能自愈，要根据散光的情况不同而定。</t>
  </si>
  <si>
    <t>贝德玛卸妆水有酒精吗</t>
  </si>
  <si>
    <t>可以负责任的说，粉水那款是没有任何异常气味的，粉水本来就主打温和敏感肌肤，怎么可能放酒精。酒精味绝对是假货</t>
  </si>
  <si>
    <t>cs75能去西藏吗</t>
  </si>
  <si>
    <t>能去，2015年，两驱自动挡，川进青出，行程8000多公里。一路平安。</t>
  </si>
  <si>
    <t>win 10好用吗?</t>
  </si>
  <si>
    <t>如果之前用着win8系统的话，用win10会感觉好用。如果用xp系统或者win7系统的，那win10真是不好用。</t>
  </si>
  <si>
    <t>信用卡分期是否划算</t>
  </si>
  <si>
    <t>分期付款是免息不免手续费，不同期限下各家银行的收费情况并不同，一般而言，分期次数越多，手续费相应越高。所以，消费者在进行分期付款之前，还需仔细计算。</t>
  </si>
  <si>
    <t>口腔37.2度算低烧吗</t>
  </si>
  <si>
    <t>不算低烧，这个温度在口腔内属于正常</t>
  </si>
  <si>
    <t>美国股票是t0吗</t>
  </si>
  <si>
    <t>是的，外国实施的是t+0交易制度，中国内地沪深交易所实施的是t+1交易制度。</t>
  </si>
  <si>
    <t>真的有外星人存在吗</t>
  </si>
  <si>
    <t>有啊！世界个地都有目击UFO的图片和资料</t>
  </si>
  <si>
    <t>周免能用皮肤吗</t>
  </si>
  <si>
    <t>只要有皮肤就能用，无论是活动还是买的，周免也可以。</t>
  </si>
  <si>
    <t>孕妇可以吃山楂糕吗</t>
  </si>
  <si>
    <t>山楂是帮助消化的，孕妇吃没有问题。</t>
  </si>
  <si>
    <t>一般情况下像这种东西少量吃都没有关系的，并没有说山楂会引起流产说话除非你每天大量的吃，否则的话并不会有什么大的副作用的，平时偶尔当零食吃一点点也没有关系，不用太担心</t>
  </si>
  <si>
    <t>孕妇可以适当的吃一点山楂，但千万不能多吃，因为山楂对子宫具有兴奋作用，孕妇在食用山楂后，会促进子宫的收缩，可能会导致流产，所以孕妇最好少吃山楂，以免出现流产的情况。</t>
  </si>
  <si>
    <t>安全员证难考吗</t>
  </si>
  <si>
    <t>安全员证考试难度不大，看看书还是可以考过去的，毕竟只是上岗证书。</t>
  </si>
  <si>
    <t>中国联通有没有两城一家</t>
  </si>
  <si>
    <t>两城一家这个业务是有的，但是不同省份的叫的名称和资费都不同。</t>
  </si>
  <si>
    <t>孕妇能吃干贝吗</t>
  </si>
  <si>
    <t>准妈妈食用干贝能补充优质蛋白和多种矿物质，能增强抵抗力，有利于安胎养神</t>
  </si>
  <si>
    <t>护照可以取机票吗</t>
  </si>
  <si>
    <t>如果你是用她的护照在网上订票就可以用护照登机 自然也可以取票的   在网上订票只需要护照号就可以了</t>
  </si>
  <si>
    <t>丙型肝炎能治愈吗</t>
  </si>
  <si>
    <t>如果患者没有进展到肝硬化，只是丙肝病毒感染或肝炎，经过有效地抗病毒治疗后，可以达到病毒清除，肝脏炎症消失的程度。</t>
  </si>
  <si>
    <t>btspread有毒吗</t>
  </si>
  <si>
    <t>有的是带有病毒的，可以在使用前先用杀毒软件来检测。</t>
  </si>
  <si>
    <t>东莞夏天热吗</t>
  </si>
  <si>
    <t>东莞最热的一个夏天。“热”字已经不足以形容东莞都要的天气了，有人调戏称，这几天东莞的天气是连碰瓷的倒在地上都要迅速弹起来！</t>
  </si>
  <si>
    <t>房价会跌吗2016</t>
  </si>
  <si>
    <t>房价不会下跌</t>
  </si>
  <si>
    <t>现在还有姓耶律的吗</t>
  </si>
  <si>
    <t>目前，耶律姓氏已经销声匿迹</t>
  </si>
  <si>
    <t>不定时工作制需要劳动部门批准</t>
  </si>
  <si>
    <t>根据《劳动部关于印发〈关于企业实行不定时工作制和综合计算工时工作制的审批办法〉的通知》（劳部发[1994]503号）文件规定，用人单位实行不定时工作制应向劳动保障行政部门提出申请，经审批同意后方可实行。</t>
  </si>
  <si>
    <t>梦幻菩提心佑装备好不好</t>
  </si>
  <si>
    <t>要150SP。太高了。效果又不是太大。一般没人用</t>
  </si>
  <si>
    <t>余杭临平中铁逸能买吗</t>
  </si>
  <si>
    <t>中铁质量真的不行，去年外墙磁砖大面积脱落，央企图有虚名，而且房价也高。物业管理差也是上了新闻的，派出所曾打击过小区霸王，小区业主敢怒不敢言，物业费在山北也算高。当时也是冲着央企名号买的房，东边热电厂烧煤的两个大烟管整天冒烟，环境差地段又偏。</t>
  </si>
  <si>
    <t>长安汽车发动机和变速箱是纯国产的吗</t>
  </si>
  <si>
    <t>200P是原装进口，160P是进口件国内组装，变速箱是日本爱信进口。</t>
  </si>
  <si>
    <t>感冒 要不要吃药</t>
  </si>
  <si>
    <t>一般来说，不需要。清除病毒只用 3～5 天：感冒通常是病毒引起的，这些病毒只能依靠免疫系统自然清除，没有什么特效药。我们身体免疫系统产生的抗体，大概 3～5 天就可以把病毒从体内清除掉。</t>
  </si>
  <si>
    <t>泉州适合居住吗</t>
  </si>
  <si>
    <t>泉州单从居住环境来考评，当然首选安永德，风景秀丽，空气一流，人美，水甜，生活好。。。安永德中主推德化来居住</t>
  </si>
  <si>
    <t>泉州地处低纬度，东临海洋，气候条件优越，非常适合人口居住和经济发展</t>
  </si>
  <si>
    <t>杨丽菁结婚了吗</t>
  </si>
  <si>
    <t>杨丽菁近日因召开记者会否认整容上头条，今年47岁的杨丽菁的感情路一直不顺，最为人熟知的就是与李志奇的一段情了，不过最终也已分手告终。</t>
  </si>
  <si>
    <t>天储理财是合法的吗</t>
  </si>
  <si>
    <t>09年才建起的公司，总部在大连。</t>
  </si>
  <si>
    <t>抢滩登陆战好玩吗</t>
  </si>
  <si>
    <t xml:space="preserve">作为主视角射击游戏，这类游戏中该游戏的画面，引擎，音效，操作都不错。 但这类游戏情节重复，没有游戏的较强娱乐性和可持续玩的吸引力。于其他类型的游戏相比，只是有操作上手快，这一个特点。其他方面都没什么意思。 </t>
  </si>
  <si>
    <t>男人都喜欢美女吗</t>
  </si>
  <si>
    <t>男人看美女能带来快乐感和满足感</t>
  </si>
  <si>
    <t>耳朵上有仓眼好吗</t>
  </si>
  <si>
    <t xml:space="preserve">耳前瘘管是一层凹进去的皮肤，具有人体别处皮肤的一切特征，有上皮，毛囊、汗腺和皮脂腺，平时瘘管内脱落的上皮和皮脂腺的分泌物聚集在管内排不出来，一旦受到细菌侵袭就会感染发炎。 </t>
  </si>
  <si>
    <t>个小洞真正的名字叫“耳前瘘管”，是一种先天畸形！它一旦受到挤压等外界刺激轻则发炎流脓，重则需要手术切除！小小“福气孔” 闹出大事情前几天就有一位妈妈因为无知，挤压了宝宝的“福气孔”，结果刚出生的宝宝竟要面临手术！</t>
  </si>
  <si>
    <t>微信广告机是不是骗局</t>
  </si>
  <si>
    <t>卖给你个破烂软件，都是些多开、自动添好友、虚假位置等，忽悠你使用它可以带来多少客户，而结果是你不仅被骗钱，而且微信也被腾讯给封了！</t>
  </si>
  <si>
    <t>新华书店有编制吗</t>
  </si>
  <si>
    <t>企业没编制</t>
  </si>
  <si>
    <t>雷克萨斯好么</t>
  </si>
  <si>
    <t>坐奔驰，开宝马，买雷克萨斯！这是一般对于三大畅销豪华车的一个定位</t>
  </si>
  <si>
    <t>飞机上能带螺丝刀吗</t>
  </si>
  <si>
    <t>可以。但必须房在托运行李里面。手提行李里面，螺丝刀,钳子，扳手都不行的，卷尺没问题。</t>
  </si>
  <si>
    <t>是不可以的。根据民航法规，禁止乘机旅客随身携带或托运的物品包括：枪支、军用或警用械具类、管制刀具；易燃、易爆物品；毒害品、腐蚀性物品、放射性物品；其他危害飞行安全的物品，如可能干扰飞机上各种仪表正常工作的强磁化物、有强烈刺激性气味的物品等；国家法律法规规定的其他禁止携带、运输的物品以及上述物品的仿制品</t>
  </si>
  <si>
    <t>男科医院有女医生吗</t>
  </si>
  <si>
    <t>其实医院每个科室都会有男医生女医生，女护士。即便是比较隐私的检查和操作由异性的医护人员来进行的话，也是很常见的。他们都是很敬业的，你不用觉得不好意思。如果实在接受不了异性医护人员检查，也可以试着和医院沟通，申请同性医护人员来为你检查的。</t>
  </si>
  <si>
    <t>无人售货保健品赚钱吗</t>
  </si>
  <si>
    <t>24小时成人保健品无人售货店项目是一种新颖的创富项目，主打销售成人用品同时兼售日用百货，组合式营销更加便民更加适应我国的国情需要；从根本出发研发最新科学技术设备，引领我国自助售货的商业新模式！24小时成人保健品无人售货店采用无人售货的销售模式，投资小、利润高、零风险、高回报，特别是对于成人保健品这一特殊商品而言，避免人对人的销售，避免了传统销售模式中的尴尬的问题，可以说是为了保健品这一特殊商品的销售开辟了新的道路。不用人工值守，不用人员看管，不占用投资者任何的时间及精力，不管是上班族、是初次创业者、是家庭主妇.....都可以选择这一项目进行赚钱！</t>
  </si>
  <si>
    <t>中华药鳖虫真的假的</t>
  </si>
  <si>
    <t>中华药鳖虫养殖确实有人在养，不过收益不像网上宣传的那样高，做好心理准备。现在很多养殖项目都存在着骟局，所以，入行前最好谨慎考察，做好详细了解。</t>
  </si>
  <si>
    <t>魔法门10要激活码吗</t>
  </si>
  <si>
    <t>要激活码，前十位添加游迅网QQ962434345并且发送对应截图的玩家即可免费获得《魔法门10：传承》豪华正版激活码一张。</t>
  </si>
  <si>
    <t>右附件发现囊实性包块,不到5厘米,用手术吗</t>
  </si>
  <si>
    <t>你好，你的情况考虑可以先保守治疗看看的，积极治疗的，好吧。建议注意休息的，避免着凉的，静脉点滴奥硝唑一组、左氧氟沙星一组治疗的，定期观察的，效果不好的话，考虑手术治疗的。</t>
  </si>
  <si>
    <t>吃了异维a酸胶囊与维生素b6,脸上脱皮,干燥,会好吗</t>
  </si>
  <si>
    <t>这个药物是会对皮肤黏膜有一定作用的，可以引起皮肤干燥，脱皮，干裂，如果不严重可以配合外用保湿的如维生素E霜，或尿素霜，或加用维生素C片口服预防，如果严重的建议暂停一下，或减量，等症状得到缓解后再继续治疗，避免日晒，多吃蔬菜水果。</t>
  </si>
  <si>
    <t>地基下沉房子会倒吗</t>
  </si>
  <si>
    <t>如果在允许沉降范围内的均匀沉降是正常的，不必担心，如果超过允许沉降量或房屋各个方向有不均匀沉降，则要引起注意了，这得按规范要求来衡量了。</t>
  </si>
  <si>
    <t>肝内胆管结石5mm算不算大</t>
  </si>
  <si>
    <t>肝内胆管5mm结石不算大，通过吃排石药物和多喝水，即可排下去。人的胆管是8mm，没问题的。可用鱼腥草和金钱草二味药泡水当茶饮，是有效果的。</t>
  </si>
  <si>
    <t>客厅养乌龟好吗</t>
  </si>
  <si>
    <t>可以,明堂风水关系到宅主的健康运势，每个宅子都有自己的财位，因此我们只要摆放在客厅的宅财位。就可以催旺宅主的财运。比如坐北向南的是坎宅位，大门朝南，那么财位就在西南方、正北方。把乌龟放在这2个财位即可.</t>
  </si>
  <si>
    <t>现在寄信还能收到吗</t>
  </si>
  <si>
    <t>付好邮资是可以寄出并收到的</t>
  </si>
  <si>
    <t>今天去寄信, 居然没寄出去!</t>
  </si>
  <si>
    <t>西双版纳冬天去玩冷吗</t>
  </si>
  <si>
    <t>冬天去那是最明智的选择，不过我得提前告诉你，如果你是北方人的话你去那边可要带点保暖效果好一点的衣服，因为西双版纳是没有暖气的，室内温度与室外温相差不太大。</t>
  </si>
  <si>
    <t>跳健身操可以减肥吗</t>
  </si>
  <si>
    <t>肯定可以啊，减肥要的就是坚持，这是比较好的减肥运动，所以只要你能坚持，你就能获得效果。当然，平时要注意配合饮食的控制。</t>
  </si>
  <si>
    <t>女人俱乐部好看吗</t>
  </si>
  <si>
    <t>第一集还行.后面快进着看　　</t>
  </si>
  <si>
    <t>吃干豆腐会胖吗</t>
  </si>
  <si>
    <t>吃豆腐干会不会变胖完全取决于吃的人。吃法和吃的量直接影响到胖和不胖。</t>
  </si>
  <si>
    <t>asics有假货吗</t>
  </si>
  <si>
    <t>真的脚感支撑力很好，软和有韧劲，包裹性很强；假的特别软和，没有韧性，穿了几天有点松。</t>
  </si>
  <si>
    <t>ASICS即将在3月份发布的新款fuzeX，定位于年轻人的训练路跑鞋。靠着极好的口碑，以及在跑鞋中对技术的研发，ASICS在这几年迅速成为跑鞋之王，不需要重金打造的营销策划。于是乎，商机来了，一大堆山寨版出来了，以假乱真，越来越逼近原版，从高仿款到精仿，再到现在的拼鞋，层出不穷的假货，防不胜防！</t>
  </si>
  <si>
    <t>没有了企业职工养老保险手册(红本)对办理退休有没有影响</t>
  </si>
  <si>
    <t>养老保险手册，只是一个缴费记录，有的省市不发养老保险手册，按照对账单为准，因此，丢失也没问题，只要按时缴纳，社保部门也有缴费记录，照样可以办理退休</t>
  </si>
  <si>
    <t>马油可以预防妊娠纹吗</t>
  </si>
  <si>
    <t>不能，马油只是滋养皮肤的，没有太大作用。</t>
  </si>
  <si>
    <t>桂格燕麦乳 好喝吗</t>
  </si>
  <si>
    <t>好喝，麦香味好喝！</t>
  </si>
  <si>
    <t>刑事拘留,处理后有通知吗</t>
  </si>
  <si>
    <t>公安机关对犯罪嫌疑人采取刑事拘留后，应当在24小时内通知家人，有碍侦查的情况除外。</t>
  </si>
  <si>
    <t>有的信件通知家属，有的直接通知本人，聘请当地律师解决</t>
  </si>
  <si>
    <t>活检疼不疼</t>
  </si>
  <si>
    <t xml:space="preserve"> 活检是取病灶部位的一块组织作活体检查,为了明确肿瘤的性质.这个检查是没有多大疼痛感的,</t>
  </si>
  <si>
    <t>羊毛裤暖和吗</t>
  </si>
  <si>
    <t>羊毛裤非常保暖的，可以穿加绒的，质量非常好的</t>
  </si>
  <si>
    <t>广州好玩么</t>
  </si>
  <si>
    <t>广州旅游业非常旺盛，旅游景点适宜人群范围非常大，从几岁到几十岁都非常适合。从休闲到历史遗址。从游乐场到动物园，应有尽有。</t>
  </si>
  <si>
    <t>仙剑4好玩吗</t>
  </si>
  <si>
    <t>很多玩家都说，仙剑系列最经典的肯定是一代，但是最好玩、剧情最感人的非4代莫属。该作是系列单机游戏《仙剑奇侠传》的第五部作品，主题为“寻仙”。故事的起点始于黄山青鸾峰之颠，驰骋于神州大地、往来于天地之间，东临渤海、南抵巴蜀、北至传说中的“北极之地”、西达上古圣山昆仑仙境。</t>
  </si>
  <si>
    <t>三星笔记本好不好</t>
  </si>
  <si>
    <t>1性能比较好，就独显来说，别的品牌大部分用的gf9300-ddr2，但是三星用的9200-ddr3，虽然型号低了点，但是更快的显存带来了更好的性能，在笔记本的硬件限制于显卡上的情况下，这点很重要。 2影音效果好，在笔记本卖场上，所有的卖家，都可以回避着影音上的三大惹不起：索尼，东芝，三星。这点谁有疑问？如果不服气，可以比一下。拿上万机型比三星3000机器的烧饼就不要来了 3性价比高，06年以前的时候三星索尼东芝三个定位是一样的，但是06年之后，东芝把价格往下挫了500，三星往下拉了1000，而索尼不变。三星性价比凸显。三星r408一款，和神舟hp530一样的配置一样的外观，价格只贵了301元。 4质量好。三星06-08主打本R1*、R2*系列，人称小小黑。散热强于ibm的t4、t5、t6系列。这个系列唯一缺点，就是电池差一点。最重要的是，三星家用本商用本基本没有分开。这点很重要，家用本一般都不如商务本散热做工好。现在主推的r458系列，同配下，性能比hp cq45要强，散热比cq45要好，价格和cq45一样。三星比富士通要差，这个谁都不可以否认，但是价格远低富士通。</t>
  </si>
  <si>
    <t>怀孕来白带吗</t>
  </si>
  <si>
    <t xml:space="preserve"> 怀孕后,孕妇白带量就比平时要明显增多,这是因为孕妇的阴部,阴道,子宫颈这些地方血流旺盛,组织水分增多,因而分泌物也增多.怀孕的月份越大,白带量也越多,许多孕妇常感到阴部总是湿漉漉的,很难受.其实这是妊娠期的正常现象,是有方法可循的.</t>
  </si>
  <si>
    <t>仙剑奇侠传5要钱吗</t>
  </si>
  <si>
    <t>现在官网一个激活码就50元RMB，淘宝网更是大甩买，便宜的有20元RMB的。 你只要少买点零食这个钱就有了。</t>
  </si>
  <si>
    <t>河北有211大学吗</t>
  </si>
  <si>
    <t>只有河北工业大学是归河北省管的，但是在天津，天津也想要，但是河北不给，还有就是东北大学秦皇岛分校是属于东北大学的但好像独立招生，另外就是华北电力大学了，在保定，但本部现在签到北京了，共有两个校区，可以说是有三个</t>
  </si>
  <si>
    <t>2016年适合买房吗?</t>
  </si>
  <si>
    <t>适合，上半年买比下半年买,相对来说时机更好一些。因为上半年有“两会”,两会上一般都会出台一些房地产政策,市场观望气氛浓,房价比较趋稳,这时入市时机不错。同时，一般新政的出台都会刺激开发商推出一些优惠政策，这对购房者来说都是钱啊。另外,历年来看,上半年房贷政策宽松,对贷款购房者来说,购房者更容易争取到优惠贷款利率。</t>
  </si>
  <si>
    <t>苏州华珍宝电子科技有限公司是不是中介</t>
  </si>
  <si>
    <t>公司其实就是中介</t>
  </si>
  <si>
    <t>买来的qq号安全吗</t>
  </si>
  <si>
    <t>没有不安全的号，只有不安全的人。</t>
  </si>
  <si>
    <t>湿疹可以吃豆制品吗</t>
  </si>
  <si>
    <t>可以吃的</t>
  </si>
  <si>
    <t>qq设备锁有用吗</t>
  </si>
  <si>
    <t>当开启手机QQ设备锁后，在陌生电脑或者手机中登陆QQ，需要通过原来绑定的手机号码验证，这样就可以非常的有效的防止，在QQ密码意外泄露后，陌生人在陌生设备中，依然无法登陆我们的QQ。</t>
  </si>
  <si>
    <t>阴茎里面有骨头吗</t>
  </si>
  <si>
    <t>阴茎勃起是由于外界刺激导致海绵体充血造成，并不是阴茎里面有骨头存在，祝您生活愉快。</t>
  </si>
  <si>
    <t>人类男性的性活动在进化中呈现强化趋势，打破了一定的生理平衡，需要受到一定的生理限制。阴茎骨消失就是在执行这种必要的生理限制。躯体之智慧何其精妙!阴茎骨“消失了”，取而代之的是阴茎海绵体，阴茎海绵体是人体最神奇的一种组织。它硬时如骨，软而如肉</t>
  </si>
  <si>
    <t>桃子烂了能吃吗</t>
  </si>
  <si>
    <t>营养师介绍最好别吃，因为桃子坏了，就是消除了坏的，好的地方也已经被细菌感染，食用这样的桃子，容易引起胃肠不适，拉肚子甚至中毒，危害身体健康。</t>
  </si>
  <si>
    <t>储奶瓶用玻璃的会吸附母乳中的营养么?</t>
  </si>
  <si>
    <t>母乳用玻璃瓶保存是不会被吸收营养成分的</t>
  </si>
  <si>
    <t>水痘疫苗打过还会得水痘吗</t>
  </si>
  <si>
    <t>接种水痘疫苗后，一般身体会产生免疫力，且比较持久，但有少数人对水痘疫苗不敏感，或接种的疫苗质量不佳（水痘是减毒疫苗，本身对生产、储存等有一定的要求，达不到要求质量会受影响），所以不会有这样的免疫力。一般接种水痘后至少90%以上的人都不会得水痘或带状疱疹。再就是接种疫苗后在体内产生免疫力需要一定的时间，在这段时间内也是可能得水痘。</t>
  </si>
  <si>
    <t>会计很难很枯燥吗</t>
  </si>
  <si>
    <t>会计工作枯不枯燥要看你对这个行业有没有激情了,如果你想干好这行你就不会觉得它枯燥,就算工资很低你也会去干就算没加班工资你也会拼命. 看你的价值观了</t>
  </si>
  <si>
    <t>电话欠费还能上网吗</t>
  </si>
  <si>
    <t>手机欠费超出客户个人额度，就无法再使用流量上网，需要充值话费才可正常使用流量。</t>
  </si>
  <si>
    <t>太岁会移动吗</t>
  </si>
  <si>
    <t>是的！太岁是一种低等菌类的集合体呈凝胶状，由于这种结构导致它无法向其它生物那样移动，通常一个大的太岁菌团都是在同一个地方生长很长时间的至于它是如何繁殖的目前还没有足够详细的科学研究！</t>
  </si>
  <si>
    <t>离婚的女人好吗</t>
  </si>
  <si>
    <t>离婚女人还有个共同点就是不会照顾和理解男人，在她们眼里只能看到一个人的缺点，即便去相亲的时候也是骄傲无比，总是希望找个照顾自己疼爱自己的人并且条件一定要好，需要一个外边要能赚大钱，回家还要哄着她什么都要让着她的男人</t>
  </si>
  <si>
    <t>轻微骨裂要打石膏吗</t>
  </si>
  <si>
    <t>如果不固定，即使不自主的活动，也会引起骨裂处微动，影响愈合，另外疼痛明显减轻后就会下地活动，引起骨裂加重，所以不固定是无法愈合的。</t>
  </si>
  <si>
    <t>伤筋动骨一百天，最好打石膏，别留后遗症</t>
  </si>
  <si>
    <t>如果骨折块稳定，可以不打石膏，但要注意不能再次受伤</t>
  </si>
  <si>
    <t>上海江成皮肤病医院好不好</t>
  </si>
  <si>
    <t>之前在别的医院看过很多次，效果都不是很好。然后病友介绍来江城医院给顾昌林教授看，来了两次了，感觉是好了很多，我知道牛皮癣比较难治疗，所以只能坐等看疗效了。</t>
  </si>
  <si>
    <t>怀孕了还上班吗</t>
  </si>
  <si>
    <t xml:space="preserve">  正常的怀孕，当然是可以上班的。</t>
  </si>
  <si>
    <t>开一个小的打字复印店需办许可证吗</t>
  </si>
  <si>
    <t>不需要！只要办理工商营业执照就行！</t>
  </si>
  <si>
    <t>六六大顺是成语吗</t>
  </si>
  <si>
    <t>这个不是成语，是民间的俗语，就是表达民间希望生活 上各各领域都顺顺利利的意思。</t>
  </si>
  <si>
    <t>古剑奇谭 好玩吗</t>
  </si>
  <si>
    <t>技能的自由度很高，比仙剑四的固定等级，固定剧情学得技能要好，并且有合击技，隐藏技什么的，很容易上手，不难，有好显卡的话效果很绚丽，显卡一般推荐低效玩。</t>
  </si>
  <si>
    <t>古剑奇谭是上海烛龙开发的第一款单机游戏~~~游戏中的场景做的很精致~~~~剧情也很好玩~~人物形象也很丰满~~~和传统的仙剑模式不同，古剑增加了更多的玩法~~~比如烹饪系统~~家园系统~~侠义榜系统~~星蕴系统~~组合技系统~~~增加了游戏的可玩性~~~~~剧情也非常的感动人~~~~一个单机游戏的好玩与否也就在此了吧~~~~</t>
  </si>
  <si>
    <t>辞职报告签名要手写吗</t>
  </si>
  <si>
    <t>劳动法规定辞职一定要书面通知，没有规定是打印的还是手写的，但签名必须是手写的</t>
  </si>
  <si>
    <t>感冒可以吃西红柿吗</t>
  </si>
  <si>
    <t>是可以吃的，这个其实不会影响的了</t>
  </si>
  <si>
    <t>珠海夏天很热吗</t>
  </si>
  <si>
    <t>夏天最热的时候大概是36度左右，持续大概二十几天。当然有时候也会有起伏~一般保持在33度左右。</t>
  </si>
  <si>
    <t>魔法总动员好看吗</t>
  </si>
  <si>
    <t>京东新百伦是正品吗</t>
  </si>
  <si>
    <t>京东上的新百伦旗舰店，是官方授权的，但京东上也有第三方，所以购买时要稍微留意一点。</t>
  </si>
  <si>
    <t>辐射4基地会被攻击么</t>
  </si>
  <si>
    <t>因为防御数值比食物+水的数值低会被打，所以要想不被打只需要提高防御就好</t>
  </si>
  <si>
    <t>崔健有孩子吗</t>
  </si>
  <si>
    <t>崔健有孩子，崔健19岁女儿曝光多段情史被扒出</t>
  </si>
  <si>
    <t>顺丰魅族会不会掉包的</t>
  </si>
  <si>
    <t>一般是不会的,要是掉包了,发现之后是可以投诉的.快递公司会赔款的，据我所知,顺丰的信誉还是不错的,所以基本是不会发生的。</t>
  </si>
  <si>
    <t>2016年理念s1还能买吗?</t>
  </si>
  <si>
    <t>根据目前车质网接到的投诉信息来看，理念S1这款车投诉量不大，可能和车辆的保有量有关，且近来接到方向盘卡顿等故障投诉。不是特别建议您选择。</t>
  </si>
  <si>
    <t>健身jj会变小吗</t>
  </si>
  <si>
    <t>健身不会改变男人生殖器的大小</t>
  </si>
  <si>
    <t>被猫抓出血要打针吗</t>
  </si>
  <si>
    <t>这种被猫抓伤的情况仍然属于危险暴露，需要及时注射狂犬疫苗。要注意局部碘伏消毒，防止出现感染。注意饮食要清淡，不能吃辛辣的食物。</t>
  </si>
  <si>
    <t>支付宝可以借贷吗</t>
  </si>
  <si>
    <t>支付宝贷款在支付宝钱包的服务里可以找到，随身贷，这是需要经过支付宝信用评价之后才能确定额度的，信用分越高，额度越大</t>
  </si>
  <si>
    <t>贴吧名能改吗</t>
  </si>
  <si>
    <t>百度账号也叫“百度ID”、“百度用户名”等。一经注册就无法修改，是终身使用的。如果不想使用这个百度账号了，可以重新注册新的、自己喜欢的百度账号。</t>
  </si>
  <si>
    <t>top以前很胖吗</t>
  </si>
  <si>
    <t>TOP以前高中的时候是很胖的,当初是为了进YG做练习生才去减肥的,TOP当时是有地下乐队的，在夜店演出神马的，老杨听说他的rap很好，就去看了下，结果看到他这个人就转身走了，所以偶吧就受了刺激;每天起床只吃一点点的饭就去健身房，回家就睡觉，醒来再去健身房,就这样减下来了,进了YG出道之后更有专门的教练所以现在的身材保持的都很好.</t>
  </si>
  <si>
    <t>无机房电梯有吊钩吗</t>
  </si>
  <si>
    <t>无机房电梯有吊钩的，安装时要用，日后维修也是要用的</t>
  </si>
  <si>
    <t>鬼夫恐怖吗</t>
  </si>
  <si>
    <t>网上说有三部说的是按年份来区别的。不一样的。鬼夫这故事在泰国蛮出名的再说马里奥演的版本。本人觉得一点都不恐怖反而有很多的笑点和温馨。特别是最后的部分。</t>
  </si>
  <si>
    <t>鬼王的金牌宠妃好看吗</t>
  </si>
  <si>
    <t>鬼王的金牌宠妃不错啊，刚完结了。</t>
  </si>
  <si>
    <t>有人用过京东白条吗</t>
  </si>
  <si>
    <t>白条还行，我分期了一个两千多元的东西，12期。一月两百带点。</t>
  </si>
  <si>
    <t>孟加拉国过圣诞节吗</t>
  </si>
  <si>
    <t>孟加拉国不过圣诞节，开斋节（EID-UL-FITR）：根据回历推算，每年有变化；宰牲节，EID-UL-AZHA）：根据回历推算，每年有变化；独立日和国庆日（Independence Day）：3月26日；国民团结日（National Solidarity Day）：11月7日；胜利日（Victory Day）：12月16日：烈士日（Shaheed dibash）：2月21日。</t>
  </si>
  <si>
    <t>英雄联盟有港服吗</t>
  </si>
  <si>
    <t>各个地区都有自己的服务器，例如大陆就是国服，香港就是港服，台湾就是台服，美国就是美服。</t>
  </si>
  <si>
    <t>坚果手机支持otg吗</t>
  </si>
  <si>
    <t>你说的这个是otg功能，坚果手机不支持</t>
  </si>
  <si>
    <t>奥克斯电磁炉好吗</t>
  </si>
  <si>
    <t>热的特别快，好评真的，没想到100的电磁炉这么好用！！！</t>
  </si>
  <si>
    <t>用着不怎么好，功能健不能用，</t>
  </si>
  <si>
    <t>还不错，就是火锅保持沸腾状态功率太高了！</t>
  </si>
  <si>
    <t>多种维生素可以一起吃吗</t>
  </si>
  <si>
    <t>可以, 但维生素AD丸和维生素E是属于脂溶性维生素,是会在体内沉积的,因此不宜长期服用,服用一个月就要停一段时间,维生素B1,B2,维生素C是水溶性维生素,可以服用时间长一些,但是药三分毒,所以还是要控制时间.</t>
  </si>
  <si>
    <t>买楼有必要买储藏室吗</t>
  </si>
  <si>
    <t>个人感觉有必要</t>
  </si>
  <si>
    <t>根本不需要</t>
  </si>
  <si>
    <t>婚恋网找对象靠谱吗</t>
  </si>
  <si>
    <t>靠不靠谱要看人，所谓的网站没有靠谱直说，重点还是看人是否靠谱。 现在的婚恋网实际就和求职网一样，只提供可供选择的对象，至于对象是否真实、是否可靠是无法保证的。毕竟，骗子处处有，作为一个平台，即使本身正规，依旧可能被骗子混入。  所以，找对象看人，靠不靠谱要接触了才知道。总之，和求职一样，条件太好要求太少的大多是骗人的！</t>
  </si>
  <si>
    <t>怪物猎人ol可以pk吗</t>
  </si>
  <si>
    <t>好像暂时还没有玩家PK的对战模式。怪物猎人主要是玩家组队狩猎的狩猎游戏</t>
  </si>
  <si>
    <t>香肠没晒干能吃吗</t>
  </si>
  <si>
    <t>香肠没有晒干，吃了也不会有事的。。因为吃的时候是煮熟或者是蒸熟了的。肉类等煮熟了是可以吃的。没晒干只是影响了它的储存。没晒干的香肠因为水分高，易滋生细菌，肉类易变质。</t>
  </si>
  <si>
    <t>单反电池可以带上飞机吗</t>
  </si>
  <si>
    <t>相机里的电池可以带上飞机，不能带液体、凝胶及喷雾类物品也不可以带，如:矿泉水、乳霜、凝胶等；刀具，螺丝刀，扳手之类的也不能带；打火机，火柴等可以点燃的也不可以带。</t>
  </si>
  <si>
    <t>欧派有油烟机吗</t>
  </si>
  <si>
    <t>有油烟机.</t>
  </si>
  <si>
    <t>气血不足影响怀孕吗</t>
  </si>
  <si>
    <t xml:space="preserve"> 你好，气血不足和月经不调都会影响怀孕，怀孕的机会不大</t>
  </si>
  <si>
    <t>富阳是杭州的吗</t>
  </si>
  <si>
    <t>属于，2001年3月12日,杭州市政府正式宣布,经国务院和浙江省人民政府批准,撤消萧山市和余杭市,同时设立萧山区和余杭区,与杭州市原6个区一起构成一个新杭州,成为长江三角洲地区仅次于上海的第二个区域性大都市。</t>
  </si>
  <si>
    <t>饥荒冬天有蜜蜂吗</t>
  </si>
  <si>
    <t>都知道冬天的时候蜜蜂会因为温度太低而减少活动量，所以就不会产生多少蜂蜜，而在饥荒中也是如此，蜜蜂到冬天不采蜜让很多玩家难以获取到蜂蜜，但是也有个小技巧可以实现蜜蜂采蜜，首先要有一个蜂箱，其次蜂箱周围有一定数量的花朵，最后蜂箱还能采一次蜜。</t>
  </si>
  <si>
    <t>光驱淘汰了吗</t>
  </si>
  <si>
    <t>都用U盘了谁还要光驱啊！现在的配置不要光驱。已经淘汰了。如果要用可以考虑外置光驱！</t>
  </si>
  <si>
    <t>卵泡太大能受孕吗</t>
  </si>
  <si>
    <t xml:space="preserve">    可以受孕的，。每个人的卵泡都是不一样的，常规的只是平均值。</t>
  </si>
  <si>
    <t>喝柠檬水降火吗</t>
  </si>
  <si>
    <t>柠檬可以降火</t>
  </si>
  <si>
    <t>新天堂2剑斗士厉害吗</t>
  </si>
  <si>
    <t>剑斗士是格斗型斗士，使用剑气系统，可以储蓄剑气。而双手持剑的形象则很明显说明他精通二刀流。</t>
  </si>
  <si>
    <t>禁止想象有镜头么</t>
  </si>
  <si>
    <t xml:space="preserve">刚看完这部剧，突然感觉好想再经历一次这么蠢蠢的羞涩啊！ </t>
  </si>
  <si>
    <t>牛仔裤 莱卡好吗</t>
  </si>
  <si>
    <t>LYCRA®莱卡®纤维有一种叫LYCRA® lastingFIT，就是用在牛仔中的，它是一种低弹性的纤维，它会让牛仔裤穿着更舒适，它具有缩水率低、卓越回复性、透气排汗的功能。使牛仔裤在长期穿着后依然能够不变型、贴身、舒适。</t>
  </si>
  <si>
    <t>三维和四维有区别吗</t>
  </si>
  <si>
    <t>三维彩超和四维彩超的区别就在于在时间维度参数的不通，也就是说，三维彩超是图片，四维彩超是录像，可以让孕妇看到胎儿一连串的动作。</t>
  </si>
  <si>
    <t>游泳能瘦腿吗</t>
  </si>
  <si>
    <t>假如是脂肪堆积类型的话，是可以瘦腿的</t>
  </si>
  <si>
    <t>药店的珍珠粉是真的吗</t>
  </si>
  <si>
    <t>药店都有，但是不保证真的。推荐几个质量有保证的好牌子：越翠、同仁堂、晶美、上药。买的时候要注意看有没有gmp认证，太便宜的不要买，肯定很次，不纯</t>
  </si>
  <si>
    <t>桥牌好玩吗</t>
  </si>
  <si>
    <t>桥牌很好玩，不过你首先要找一个跟你一样愿意学的并且默契非常好的队友。</t>
  </si>
  <si>
    <t>桥牌好玩也不好玩：好玩是因为桥牌是人类合作智慧的完美体现，有好牌不一定有结果，要靠队友之间默契的配合，需要利用规则在有限的空间里，了解对手、同伴的牌情，并迅速采取行动，涉及竞技、博弈、心理学、桥牌规则、概率论等等多方面的知识。不好玩就是桥牌比照围棋象棋一般扑克牌来说难学难精，首先，叫牌难，你必须学会一种叫牌方法，而且还要了解常用的一些叫牌法。</t>
  </si>
  <si>
    <t>副主任医师是专家吗</t>
  </si>
  <si>
    <t>副主任医（护）师，主任医师、主任护师是高级职称，现在把有高级职称的医生称为专家，他们的日常工作之一就是专家门诊。有的医院把主治医生也称为专家，但他们的专家门诊挂号费相对便宜一点。</t>
  </si>
  <si>
    <t>可瑞康奶粉上火吗</t>
  </si>
  <si>
    <t>奶粉上不上火，主要还是看宝宝体质</t>
  </si>
  <si>
    <t>重庆渝中区第三人民医院好不好</t>
  </si>
  <si>
    <t>总之就是坑爹的，钱花了，病是看了一点用都没得，典型的忽悠人，挂狗头卖羊肉说的就是这种坑爹的医院，要去的请慎重啊。</t>
  </si>
  <si>
    <t>红木家具可以出口吗</t>
  </si>
  <si>
    <t>可以的 ，大批红木家具打包要出口到国外，只要手续齐全，程序办好   都可以出口到国外的</t>
  </si>
  <si>
    <t>大专可以考事业单位吗</t>
  </si>
  <si>
    <t>专科生理论上是可以报考事业单位，有的部分职位是要求专科及以上的学历</t>
  </si>
  <si>
    <t>纹眼线有没有副作用</t>
  </si>
  <si>
    <t>广州美莱医生表示，美莱纹眼线是没有副作用的!美莱纹眼线安全、美观、值得选择，是因为美莱纹眼线与别的纹眼线不一样。</t>
  </si>
  <si>
    <t>电磁炉有危害吗</t>
  </si>
  <si>
    <t>关于电磁炉的危害问题也成为了人们关注的焦点，特别是越来越多的科学实践表明，电磁炉电辐射对人体有很大的伤害性</t>
  </si>
  <si>
    <t>g303国道好走吗</t>
  </si>
  <si>
    <t>303封路啦</t>
  </si>
  <si>
    <t>8个月宝宝能吃猕猴桃吗</t>
  </si>
  <si>
    <t>猕猴桃果实中的Vc、Mg及微量元素含量最高，桔子和橙子维生素含量也较高，可以适量给宝宝添加，但是添加猕猴桃时一定要从少量开始，注意观察有无过敏反应，另外猕猴桃不要与牛奶同食。因为维生素C易与奶制品中的蛋白质凝结成块，不但影响消化吸收，还会出现腹胀、腹痛、腹泻，所以食用富维生素C的猕猴桃后，一定不要马上喝牛奶或吃其他乳制品。</t>
  </si>
  <si>
    <t>杀人自首能免除死刑吗</t>
  </si>
  <si>
    <t>杀人后自首“不一定”能免死</t>
  </si>
  <si>
    <t>根据杀人性质来判别是否死刑，很恶劣的杀人案件还是得死刑</t>
  </si>
  <si>
    <t>故意杀人按照量刑处罚标准可能会被判处十年以上有期徒刑无期徒刑死刑</t>
  </si>
  <si>
    <t>17岁可以考驾照</t>
  </si>
  <si>
    <t>小苏打能治妇科病吗</t>
  </si>
  <si>
    <t xml:space="preserve"> 小苏打水能帮助治疗阴道炎，因为能改变阴道环境，不利于霉菌生长，去药店买小苏打，用一勺配着半盆水坐浴就可以了，每次五分钟，连续七天。</t>
  </si>
  <si>
    <t>前小苏打水呈碱性，冲洗阴道会破坏阴道正常菌群，导致阴道炎的情况。</t>
  </si>
  <si>
    <t>法拉利458停产了吗</t>
  </si>
  <si>
    <t>458已经停产了，但是买还是能买到的，不过都是之前生产没卖掉的准新车。</t>
  </si>
  <si>
    <t>建行工资卡有年费吗</t>
  </si>
  <si>
    <t>按照银监会相关规定，2014年8月1日起，这两项费用（银行卡小额账户管理费和年费）将“双免”，但需持身份证和银行卡主动到银行网点申请，才能免除这两项费用，而且一家银行只能申请一个“双免”账户。申请时，既可以对一张卡进行“双免”，也可以单独免除一张卡的年费同时免除另一张卡的小额账户管理费。</t>
  </si>
  <si>
    <t>做爱很累吗</t>
  </si>
  <si>
    <t>1在性爱过程当中，身体都处于一个较为亢奋的作态，所以会消耗比较多的能量。而在性爱结束之后，身体就处于松弛的状态了，这样就会有疲劳的感觉这也是机体需要休息恢复的信号。2 而如果在性爱之后，频繁的有疲惫的感觉，那么就要考虑是否有肾虚和体虚的现象了这时期最好可以服用知柏地黄丸和济生肾气丸调理，同时，在日常饮食中可以多吃一些水果和富含纤维素的食物。3 建议在性爱之后出现的全身无力和腰酸腿软等现象时，那么就应当要在性方面有所节制了，最好可以暂停性爱一段时间，而健康的性爱状态是要在性生活后第二天还可以精神饱满，身心愉快。</t>
  </si>
  <si>
    <t>哺乳期能喝燕麦粥吗</t>
  </si>
  <si>
    <t>哺乳期可以吃燕麦片。哺乳期吃燕麦片的原因：尽管燕麦与小麦、大麦同属禾木科，燕麦和小麦是两种不同的谷物。食用并不会对母乳分泌产生回乳现象，而且不少地区还将燕麦面汤作为产妇产后恢复的食补之品。另外，燕麦可以有效地降低人体中的胆固醇，对心脑血管病起到一定的预防作用；它还可以改善血液循环，缓解精神压力；含有的钙、磷、铁、锌等矿物质有预防骨质疏松、促进伤口愈合、防止贫血的功效，是补钙佳品；对哺乳期的妈妈有好处。</t>
  </si>
  <si>
    <t>比亚迪宋好吗</t>
  </si>
  <si>
    <t>比亚迪宋 全景天窗，齐全的电子设备，还有后面空间真的很大。加速的时候一脚油门小车就飞起来了，速度杠杠的。 外观时尚动感，配置高。</t>
  </si>
  <si>
    <t>笔记本14寸屏幕通用吗</t>
  </si>
  <si>
    <t>不一定的。要看这两个屏 的参数定义是不是一样，1是需求的电压电流，2 是各连接部分的管脚顺序。如果用错了是会烧坏屏甚至烧掉主板的。</t>
  </si>
  <si>
    <t>粉刺针有用吗</t>
  </si>
  <si>
    <t>粉刺针的使用主要针对轻微粉刺黑头，对于已成熟的痘痘也可以适当使用，但如果粉刺还在发炎，摸上去硬硬的，还有点痛的时候，一定不要使用粉刺针来强行挤出痘痘，不然会越来越严重。</t>
  </si>
  <si>
    <t>蒋瑶嘉是t吗</t>
  </si>
  <si>
    <t>张欣奕和蒋瑶嘉都是那种比较痴情的t，特别是蒋瑶嘉，痴情到令好多les都哭了，6年就爱了一个女人，还是个家境特别贫寒的白穷美，她的全部学费，生活费，旅游费都是蒋瑶嘉出的，她俩是异地恋，蒋瑶嘉那时候学业都荒废，一有时间就去河北找她，浙江和河北其实蛮远的，她在美国的时候，其实那时候她俩已经分手了，还把女朋友的名字纹身在自己身上，分手后还给女朋友打生活费 。</t>
  </si>
  <si>
    <t>邮政平邮会送货上门吗</t>
  </si>
  <si>
    <t>不用再往邮局跑！今后邮政包裹将直接送上门</t>
  </si>
  <si>
    <t>如果是市区会送的，如果是郊区只送到村委会</t>
  </si>
  <si>
    <t>广州有钱人多吗</t>
  </si>
  <si>
    <t>广州好多有钱人</t>
  </si>
  <si>
    <t>草鞋底有毒吗</t>
  </si>
  <si>
    <t xml:space="preserve">  小虫没什么毒，</t>
  </si>
  <si>
    <t>仙剑奇侠传5好不好玩</t>
  </si>
  <si>
    <t>个人感觉不同</t>
  </si>
  <si>
    <t>喝菜汤好吗</t>
  </si>
  <si>
    <t>菜汤喝不喝，要具体问题具体分析：1，用炸、煎、烧的加工方法烹调出的菜肴，汤汁中脂肪含量高，菜汤不宜食用。2，麻辣口味的菜肴，以及烧茄子、虎皮尖椒、地三鲜、宫保鸡丁等菜肴，菜汤里不仅油大，盐也多，这样的菜汤最好弃去。3，蒸菜、炖菜的菜汤，往往脂肪含量低，如果口味比较清淡，你的血压又正常，喝掉也无妨。4，对于凉拌蔬菜，例如糖醋心里美，菜汤中油脂含量低，盐用的也少，而且菜汤中溶解了许多天然色素、维生素和矿物质，这样的菜汤，营养丰富，低盐低脂，可以喝掉。</t>
  </si>
  <si>
    <t>红糖和黑糖能一起喝吗</t>
  </si>
  <si>
    <t>可以一起喝</t>
  </si>
  <si>
    <t>买了个乌龟石头放家里好吗</t>
  </si>
  <si>
    <t>看方位来摆放。</t>
  </si>
  <si>
    <t>摆放在西南及西北方即可，周围无需放其他物品</t>
  </si>
  <si>
    <t>引产要开证明吗</t>
  </si>
  <si>
    <t>怀孕十六周以上的才要开引产证明。因为现在性别比失调，为防止人为地选择性的终止妊娠，一般在怀孕十六周就可以看出胎儿的性别，所以现在是怀孕十六周以上的才要引产证明。</t>
  </si>
  <si>
    <t>吃完海鲜能吃西瓜吗</t>
  </si>
  <si>
    <t>最好不吃，吃完海鲜马上吃水果，不但影响人体对蛋白质的吸收，海鲜中的钙还会与水果中的鞣酸相结合，形成难溶的钙，会对胃肠道产生刺激，甚至引起腹痛、恶心、呕吐等症状。最好间隔2小时以上再吃</t>
  </si>
  <si>
    <t>买房贷款利率是固定的吗</t>
  </si>
  <si>
    <t>不固定</t>
  </si>
  <si>
    <t>在日本强奸犯法吗</t>
  </si>
  <si>
    <t>是的，犯法的。</t>
  </si>
  <si>
    <t>雄霸天下好看吗</t>
  </si>
  <si>
    <t>个人觉得雄霸不错</t>
  </si>
  <si>
    <t>好看得很！</t>
  </si>
  <si>
    <t>怀孕后能吃巧克力吗</t>
  </si>
  <si>
    <t xml:space="preserve">怀孕期间，每天食用不超过100克的巧克力对孕妇健康是大有益处，但是不能多吃。首先每块标准大小的巧克力含有50毫克的咖啡因。如果怀孕期间每天摄取300毫克以上的咖啡因可能会导致流产，使胎儿体重下降，也有可能导致早产。其次，过多食用巧克力会使一些必需的营养素缺乏，这就会影响孕妇的身体健康，不利于胎儿的生长发育。 </t>
  </si>
  <si>
    <t>ipadmini2可以用4g吗</t>
  </si>
  <si>
    <t>ipad mini2有两个版本型号：1：A1490：支持移动2G（不支持移动3G，4G）,支持联通和电信3G,4G。2：A1491：支持移动和联通3G,4G。支持电信4G（但不支持电信3G)。如果 港版ipad mini2是A1491型号，则可以使用移动4g网络。</t>
  </si>
  <si>
    <t>马桶盖要盖上吗</t>
  </si>
  <si>
    <t>纽约大学菲利普博士指出，如果冲水时马桶盖打开，马桶内的瞬间气旋最高可以将病菌或微生物带到6米高的空中，并悬浮在空气中长达几小时，进而落在墙壁和牙刷、漱口杯、毛巾上。现在大部分家庭中，如厕、洗漱、淋浴都在卫生间里进行，牙刷、漱口杯、毛巾等与马桶共处一室，自然很容易受到细菌污染</t>
  </si>
  <si>
    <t>鞋子穿过了能退吗</t>
  </si>
  <si>
    <t>建议关注鞋子三包条例，在三包期内（凭发票），非人为原因，鞋子的质量问题可以找供应商或制鞋企业解决。</t>
  </si>
  <si>
    <t>大九湖露营收费吗</t>
  </si>
  <si>
    <t>神农架大九湖自驾露营免费的，还不错</t>
  </si>
  <si>
    <t>带hdmi接口的显示器都有音箱吗</t>
  </si>
  <si>
    <t>因为显示器和液晶电视不一样，显示器主要是用来显示，没有内置音箱的HDMI接口的显示器音频需要单独连接外置音响才可以，有内置音箱的hdmi接口显示器又比没有内置音箱的hdmi接口显示器优点就是没有外置音箱也可以使用其看网络视频 听歌等，其他都一样</t>
  </si>
  <si>
    <t>吃了阿莫西林能要宝宝吗</t>
  </si>
  <si>
    <t>服用了阿莫西林以后，是不会影响你怀孕要孩子的，</t>
  </si>
  <si>
    <t>接到浦发信用卡电话征信,是不是能批卡了</t>
  </si>
  <si>
    <t>只要接电话和你填写的表格资料相符，那下卡的问题不大的。</t>
  </si>
  <si>
    <t>如果回答问题不出错，一定会下卡的。</t>
  </si>
  <si>
    <t>婴儿能不能穿羽绒服</t>
  </si>
  <si>
    <t>3岁以下的婴幼儿，由于抵抗力较弱，很容易在接触一些不合标准的服装后出现皮肤过敏的情况。由于羽绒衣中的羽绒容易引发过敏及哮喘等情况。因此一般不建议给小宝宝穿，当宝宝三岁的时候可以穿羽绒服。宝宝本身体温调节能力较差，羽绒衣可能会引起宝宝体温过高，可以给宝宝穿棉袄。</t>
  </si>
  <si>
    <t>趣分期毕业生能用吗</t>
  </si>
  <si>
    <t>平台只为在校大学生进行受理贷款业务的，毕业了不能进行申请了。</t>
  </si>
  <si>
    <t>曹贼 好看吗</t>
  </si>
  <si>
    <t>整体来说是本不错的架空三国的书，慢热来说的话一般架空历史都不太会一开篇就高潮迭起，历史的厚重感才是架空历史的特色，所以要耐心看情节发展。</t>
  </si>
  <si>
    <t>杭州有飞机场吗</t>
  </si>
  <si>
    <t>杭州有萧山机场</t>
  </si>
  <si>
    <t>肌苷片能长期服用吗</t>
  </si>
  <si>
    <t>可以长期服用，但是一定要在医生的指导下用药。</t>
  </si>
  <si>
    <t>肌苷片的副作用不大，但毕竟“是药三分毒”，如果长期服用肌苷片的话，会导致体内毒素聚集，对人体有害。</t>
  </si>
  <si>
    <t>手机店可以刷卡吗</t>
  </si>
  <si>
    <t>能不能刷卡购买手机关键在于购买手机的手机店支不支持刷卡支付，一般像大型的手机连锁店购买手机，应该都可以刷卡支付的，毕竟现在刷卡支付手段也是越来越普遍了。</t>
  </si>
  <si>
    <t>nt检查需要抽血吗</t>
  </si>
  <si>
    <t>做nt检查不需要抽血，是像做B超检查一样的。</t>
  </si>
  <si>
    <t>速腾很差吗</t>
  </si>
  <si>
    <t>速腾车主绝对是一群绝顶聪明的车主，在和厂商的博弈中，玩得游刃有余</t>
  </si>
  <si>
    <t>不光车差！生产商更差！！！</t>
  </si>
  <si>
    <t>小便后有白色液体 严重吗</t>
  </si>
  <si>
    <t>您好，根据您的情况属于尿滴白的可能。尿滴白是因为在年轻人中由于体内的雄激素水平较高，前列腺液分泌量较多，经常的前列腺充血可使腺管扩张，在排尿时由于前列腺平滑肌的被动收缩，很容易造成前列腺液的溢出，尤其是在夜间，由于阴茎持续被动勃起，更刺激腺液分泌，以至在晨起排尿时便出现尿滴白。或者由于排便时前列腺受到挤压，排尿时都可出现间断的尿滴白现象。但是在患有慢性前列腺炎时，由于炎症刺激也容易出现尿滴白现象，若尿道滴白不能得到有效治疗，可发展严重的前列腺炎和频繁遗精、滑精太早，给患者造成心理压力。其次因运动过量、饮水较少或过食肉类及蔬菜后，导致辞草酸盐、磷酸盐类代谢过剩，而产生盐类结晶尿，积于膀胱排尿时，小便会混浊或出滴白，这时患者合并有小腹小坠、不适，有时放射致双侧腹股沟，阴囊潮湿发粘等症状。建议到正规员进行检查治疗，以免延误病情。</t>
  </si>
  <si>
    <t>人类之前有文明吗</t>
  </si>
  <si>
    <t>传说的有这些 ：一。根达亚文明，（超能力文明）；二。米索不达亚文明（饮食文明）；三。穆里亚文明（生物能文明）；四。亚特兰缔斯文明（光的文明）；五。我们存在的文明 (情感的文明)</t>
  </si>
  <si>
    <t>苔原猎手有特效吗</t>
  </si>
  <si>
    <t>当然有，比如R变成了鲸鱼，W就是武器变了，E也是武器变了。</t>
  </si>
  <si>
    <t>只是形状变了，没什么特殊效果。</t>
  </si>
  <si>
    <t>健康活氧解毒机有用吗</t>
  </si>
  <si>
    <t>健康活氧是最清洁的氧化剂和消毒剂</t>
  </si>
  <si>
    <t>从化学角度来讲，这些只是炒作概念</t>
  </si>
  <si>
    <t>手机淘宝和电脑淘宝账号一样么</t>
  </si>
  <si>
    <t>手机客户端的和电脑上都是一样的，直接登录就好了。</t>
  </si>
  <si>
    <t>脸上的毛可以刮吗</t>
  </si>
  <si>
    <t>一、对女性而言，脸上的汗毛是坚决不能刮的。二、对男性而言，如果你想更有男人气概和风度，可以考虑刮一下汗毛。三、未成年人如果脸上有汗毛也是坚决不能刮的。</t>
  </si>
  <si>
    <t>纳米鱼漂好用吗</t>
  </si>
  <si>
    <t>纳米浮漂不变目不吃水，同等体积吃铅大，漂身有轻微损坏不影响使用，稳定而耐用。</t>
  </si>
  <si>
    <t>胆固醇高能吃蜂蜜吗</t>
  </si>
  <si>
    <t>胆固醇高能吃蜂蜜。蜂蜜，味甘；性平，归经：脾；胃；肺；大肠经。调补脾胃；缓急止痛；润肺止咳；润肠通便；润肤生肌；解毒。胆固醇高主要是和进食高脂肪的食物有关的，而蜂蜜是不会引起胆固醇高的，并且蜂蜜有很好的补益作用，是可以食用的！</t>
  </si>
  <si>
    <t>巴蒂斯塔赢过送葬者吗</t>
  </si>
  <si>
    <t>战胜过</t>
  </si>
  <si>
    <t>浦东机场可以过夜吗</t>
  </si>
  <si>
    <t>上海浦东机场是24小时营业，所以可以在里面过夜，而且据说在二号航站楼过夜，还是算挺舒服的，座椅休息、睡觉也很舒服</t>
  </si>
  <si>
    <t>qb可以转现金吗</t>
  </si>
  <si>
    <t>Q币目前在官方没听说过有能兑换回现金的可能。</t>
  </si>
  <si>
    <t>泡温泉后能喝酒吗</t>
  </si>
  <si>
    <t>泡完温泉后，身体放松喝点酒感觉是很惬意的</t>
  </si>
  <si>
    <t>胶体带点吗</t>
  </si>
  <si>
    <t>氢氧化铁胶粒和胶体的区别。为什么胶粒带电，胶体不带点？</t>
  </si>
  <si>
    <t>青霉素是真菌吗</t>
  </si>
  <si>
    <t>是青霉菌的产物，不是菌类</t>
  </si>
  <si>
    <t>网上贷款是否可靠</t>
  </si>
  <si>
    <t>急需用钱的话，选择网上贷款应该会比去银行要快。经过几年的快速发展，互联网金融已经成为了我国金融领域一支不可忽视的力量，当然选择网上贷款还是要选择符合自己的，你这急需用钱就得选个门槛低，到账快，种类多的来快速解决自己的燃眉之急。闪光贷，可以在网上直接申请，文件简单、审批也挺快的，具体的你要去网上咨询一下才知道。</t>
  </si>
  <si>
    <t>要看是不是有担保，一般有担保的会相对可靠些#一，大多数的网上的信用贷款公司都是骗人的。二，信用贷款是指以借款人的信誉发放的贷款，借款人不需要提供担保。其特征就是债务人无需提供抵押品或第三方担保仅凭自己的信誉就能取得贷款，并以借款人信用程度作为还款保证的。这种信用贷款是我国银行长期以来的主要放款方式。由于这种贷款方式风险较大，一般要对借款方的经济效益、经营管理水平、发展前景等情况进行详细的考察，以降低风险。三、目前信用贷款业务，主要通过银行、贷款公司、电子金融机构办理。国内有信用贷款产品的银行有花旗银行，渣打银行，平安银行，宁波银行等 。国内正规信用贷款公司，如宜信。</t>
  </si>
  <si>
    <t>闪送开车合适吗</t>
  </si>
  <si>
    <t>经过我多次预算 开车跑的话不要跑大单 实际距离你只能赚一半 有的一半都没有 尽量多跑点小单 我今天到现在跑了三个19的单 87块钱 才跑了37公里 如果你跑个37公里的多少钱 除了油费 我说的绝对是真理。</t>
  </si>
  <si>
    <t>月经期可以吃蜂王浆吗</t>
  </si>
  <si>
    <t>女性经期是可以适量的吃点蜂王浆的，这有助于缓解经期的精神紧张，减轻女性心理压力。</t>
  </si>
  <si>
    <t>黄家驹吸毒吗</t>
  </si>
  <si>
    <t>虽然严淑明对于黄家驹吸毒事件给予了否认，但是很多粉丝们依旧不买账，甚至有人认为她是想借着Beyond黄家驹的人气来炒作!</t>
  </si>
  <si>
    <t>不吸，黄家驹是在演艺圈里绯闻最少的明星！</t>
  </si>
  <si>
    <t>弱视会越来越严重吗</t>
  </si>
  <si>
    <t>不会严重起来</t>
  </si>
  <si>
    <t>点痦子疼不疼</t>
  </si>
  <si>
    <t>激光点痣的话，通常会有一点疼，一般一周左右就可以恢复好。</t>
  </si>
  <si>
    <t>激光点痣的疼痛是一般人都可以承受的，虽然会痛但是疼痛感不强。</t>
  </si>
  <si>
    <t>黄粉能治白点病吗</t>
  </si>
  <si>
    <t>黄粉是消炎灭菌用的，不治白点，如果确定是白点，用白点净很见效。</t>
  </si>
  <si>
    <t>药店有胶原蛋白吗</t>
  </si>
  <si>
    <t>各大药店都是有买胶原蛋白的。</t>
  </si>
  <si>
    <t>手游赚钱吗</t>
  </si>
  <si>
    <t>正规的手游赚钱，不正规的游戏就不好说</t>
  </si>
  <si>
    <t>俄罗斯好找老婆吗</t>
  </si>
  <si>
    <t>俄罗斯女人嫁到中国来其实就是少数，所以说什么俄罗斯女人喜欢中国男人自身就算是个谣言</t>
  </si>
  <si>
    <t>在steam上买gta5必须在线下载吗</t>
  </si>
  <si>
    <t>把拷的文件放倒steamapps文件夹里 打开steam，扫描添加 再验证下游戏完整性 记住gta5的文件夹一定是英文全称</t>
  </si>
  <si>
    <t>子宫肌瘤手术后还能怀孕吗</t>
  </si>
  <si>
    <t>至少避孕半年再怀孕，但是疾病需要药物治疗，如GnRH针，2000元一针的，建议术后药物治疗3个月，月经第一天注射，每28天一次。药物治疗后可能还有希望</t>
  </si>
  <si>
    <t>有1000元的人民币吗</t>
  </si>
  <si>
    <t>现在流通人民币最大面额仍是100元。</t>
  </si>
  <si>
    <t>孕妇能闻膏药味吗</t>
  </si>
  <si>
    <t>你好，根据你的描述，你的这种情况对宝宝的发育有点影响的，不怎么好，但是影响很小。</t>
  </si>
  <si>
    <t>ipad3可以升级ios8吗</t>
  </si>
  <si>
    <t>支持IOS8.1的机型有ipad3</t>
  </si>
  <si>
    <t>青岛科技大学有专科吗</t>
  </si>
  <si>
    <t>青岛科技大学有专科</t>
  </si>
  <si>
    <t>机顶盒 能改装吗</t>
  </si>
  <si>
    <t>机顶盒是可以自己能安装的</t>
  </si>
  <si>
    <t>狗狗晚上睡觉吗</t>
  </si>
  <si>
    <t>狗没有较固定的睡眠时间，一天24小时都可以睡，有机会就睡。但比较集中的睡眠时间多在中午前后，凌晨二三点钟。每天的睡眠时间长短不一。</t>
  </si>
  <si>
    <t>菊花需要晒太阳吗</t>
  </si>
  <si>
    <t>菊花是喜阳植物，栽种菊花要想它生长旺盛，必须给它提供充沛的阳光环境。</t>
  </si>
  <si>
    <t>摩托车跑车能上牌吗</t>
  </si>
  <si>
    <t>摩托车跑车可以上牌中国明文规定250cc以下，不包括250cc可以上正规牌照，但是近几年国产又出大排也能上牌</t>
  </si>
  <si>
    <t>分期付款可以提前还款</t>
  </si>
  <si>
    <t>可以提前终止分期付款的</t>
  </si>
  <si>
    <t>防火板防水吗</t>
  </si>
  <si>
    <t>防火板不能防水</t>
  </si>
  <si>
    <t>中国有股票退市吗</t>
  </si>
  <si>
    <t>根据东方财富Choice数据统计，自1999年以来，共有106家公司退市(包含B股)，若剔除吸收合并的股票以及B股以外，有61家A股公司因亏损、欺诈或重大信披违法等原因被退市。</t>
  </si>
  <si>
    <t>尿蛋白一个加号严重吗</t>
  </si>
  <si>
    <t>具体诊断要结合检查指标和其他症状综合判定的。</t>
  </si>
  <si>
    <t>家乐氏好吃吗</t>
  </si>
  <si>
    <t>我真心的觉得还不错，其实主要是给自己家小孩吃的，挺适合他们的口味的，最主要也是有营养。</t>
  </si>
  <si>
    <t>手机信息可以转移吗</t>
  </si>
  <si>
    <t>您好，目前有短信转移业务：您可以将发给自己手机号码的短信转移到另外一个手机号码上，只允许转移一次。</t>
  </si>
  <si>
    <t>长痘痘可以打水光针吗</t>
  </si>
  <si>
    <t>先治痘，有痘多的话不能打的</t>
  </si>
  <si>
    <t>最好等痘痘稳定了再打</t>
  </si>
  <si>
    <t>最好先别有祛痘针自己用微针滚轮弄的效果不错你是油性皮肤吗</t>
  </si>
  <si>
    <t>乳腺增生到底能不能喝豆浆</t>
  </si>
  <si>
    <t>豆桨对于乳腺增生的女性朋友来说，是一个非常不错的饮品，豆桨的营养成分及价值，它所含的那些物质非常有利乳腺组织的康复营养。除了这些功效之外，豆桨对于女性的的身体素质，还有心态的调节，都有着明显的改善效果，每天喝上五百毫升左右豆桨，不仅健康营养，而且又美容养颜，对于延缓衰老还可以起到一定的作用。</t>
  </si>
  <si>
    <t>豆浆上含有雌激素，有乳腺增生的话，建议还是不要喝，以免引起症状反复发作。</t>
  </si>
  <si>
    <t>ppsspp模拟器能玩ps游戏吗</t>
  </si>
  <si>
    <t>当然不能</t>
  </si>
  <si>
    <t>用方管阁楼搭建可以吗</t>
  </si>
  <si>
    <t>那要看你阁楼承受重量及面积来取决你材料的规格，选材确定好最好用国标型的。</t>
  </si>
  <si>
    <t>幽门螺杆菌不治疗会好吗</t>
  </si>
  <si>
    <t>幽门螺杆菌只有通过治疗才能消除</t>
  </si>
  <si>
    <t>并非所有幽门螺杆菌阳性患者都需要根除治疗，根据最新专家共识意见，以下四类人群推荐进行治疗：患有消化性溃疡的人群；慢性胃炎有胃癌家族史的人群；胃癌术后的人群及其一级家属；患有胃黏膜相关淋巴组织淋巴瘤的患者。如个人强烈要求治疗时亦可治疗。除上述情况外，特别是幽门螺杆菌感染无症状者不推荐治疗，否则可能会因滥用抗生素治疗，导致细菌耐药性大大增加，根除率越来越低。</t>
  </si>
  <si>
    <t>感冒后洗澡好吗</t>
  </si>
  <si>
    <t>有一种说法，开始感冒和发烧的时候，包括退烧后二三天内最好不要洗澡，许多人也都是这么做的。对结核病人等的研究发现，洗澡确实消耗人的能量和体力</t>
  </si>
  <si>
    <t>人和狗可以交配吗</t>
  </si>
  <si>
    <t>在现实生活中人与狗性交的情况是有的，但是人与狗进行性交容易传染狗狗身上的细菌导致患病。</t>
  </si>
  <si>
    <t>6s比6厚吗</t>
  </si>
  <si>
    <t>iPhone 6s比iPhone 6会稍微厚一点，iPhone 6s的厚度为7.1mm，而此前苹果宣称iPhone 6的厚度为6.9mm，也就意味着整体变化不大，甚至很多保护壳都可以兼容。</t>
  </si>
  <si>
    <t>2016年煤炭市场会好吗</t>
  </si>
  <si>
    <t>不会的，煤炭行业还会持续走低，未来15年内不会有好转，2015年以来，山西六大国营煤矿亏损接近一万亿，受比影响山西GDP全国倒数第三，而且钢铁行业也不景气，供大于求，国外进口价格低于我国煤炭价格，受诸多因素影响不会好转</t>
  </si>
  <si>
    <t>实况足球2014xp能玩吗</t>
  </si>
  <si>
    <t>实况足球2014,支持Windows XP，但并不支持DX10或DX11。</t>
  </si>
  <si>
    <t>led灯管伤眼睛吗</t>
  </si>
  <si>
    <t>专家称，节能灯伤眼目前没有科学依据</t>
  </si>
  <si>
    <t>质量合格的LED灯，是护眼佳品，不伤眼睛。但是，目前市场上有不少LED灯的质量不合格，有可能对眼睛视力有害。</t>
  </si>
  <si>
    <t>air看图片模糊不</t>
  </si>
  <si>
    <t>新买的air看图片不清晰</t>
  </si>
  <si>
    <t>紧致焕肤秀身乳有效果吗</t>
  </si>
  <si>
    <t>反正我用着后来效果是不太好。总体没瘦多少</t>
  </si>
  <si>
    <t>木耳会过期吗</t>
  </si>
  <si>
    <t>会过期，每一样食物都有它的保质期，过期的木耳会发霉颜色也会变</t>
  </si>
  <si>
    <t>怀孕十几天用一块钱的试纸能测出来吗</t>
  </si>
  <si>
    <t>一般是可以的。在月经周期推迟7天以后就可以用早早孕试纸检查出来的,测试纸上显示两条红线 表示阳性,即是怀孕</t>
  </si>
  <si>
    <t>风寒感冒喝冰糖雪梨吗</t>
  </si>
  <si>
    <t>如果是风寒感冒，那么不能够吃生梨，只能够煮熟了再吃，梨生的时候是属于寒性的，风寒感冒在吃这种寒性的食物，只能够使症状更严重。不过如果把梨炖熟，放冰糖这样子就没有关系，这时可以起到润肺的作用，寒性也去除掉了。</t>
  </si>
  <si>
    <t>可以喝，但是一定要喝温的或者热的。</t>
  </si>
  <si>
    <t>最好不喝的，风寒型：症候：恶寒重发热轻，身痛较重，头痛，无汗，鼻塞流涕，咽痒咳嗽，痰稀，四肢酸楚，苔薄白而润，脉浮。</t>
  </si>
  <si>
    <t>暗黑元首可以抓大龙吗</t>
  </si>
  <si>
    <t>不能吧</t>
  </si>
  <si>
    <t>之前能拉，我见过视屏</t>
  </si>
  <si>
    <t>私家车每年都要年检吗</t>
  </si>
  <si>
    <t>2014年9月1日起，6年以内的非营运轿车和其他小型、微型载客汽车(面包车、7座及7座以上车辆除外)免检制度。在此期间，每2年提供交强险凭证、车船税纳税或免征证明后，直接向公安交管部门申领检验标志。</t>
  </si>
  <si>
    <t>净颜小筑好用吗</t>
  </si>
  <si>
    <t>感觉这款粉底控油很好，妆很自然之前一直都想买一瓶能同时具备多种效果的粉底。净颜小筑胶原蛋白慕斯粉底，超强遮瑕的同时，促进肌肤再生，胶原能供给肌肤丰富养分。</t>
  </si>
  <si>
    <t xml:space="preserve">  我只用过他家的睫毛膏，黄色的一个，感觉很好比不同的睫毛膏量大很多而且还不会有苍蝇腿纤长效果也好 。</t>
  </si>
  <si>
    <t>板栗可以冷冻保存吗</t>
  </si>
  <si>
    <t>可以 板栗在常温下贮藏,由于板栗栗果含水量较高,栗果及病原菌呼吸及代谢均十分活跃,很容易造成栗果的腐烂。而在低温下贮藏,则可降低栗果及病原菌的代谢活动,降低水分的损失,有利于贮藏。</t>
  </si>
  <si>
    <t>车净宝有用吗</t>
  </si>
  <si>
    <t>车净宝能快速分解甲醛/苯/氨/TVOC等有害物质，专治醛污染！3秒极速见效，强效灭杀99.999%有害病菌，并且是医疗级健康汽车养护用品，亲肤不伤身，无色无味无毒无刺激不残留，使用便捷舒适，随时随身除异味，全方位净化车内环境。让您拥有一个舒适的乘驾环境，一路畅享健康！是时尚型的极速除醛杀菌去味神器~</t>
  </si>
  <si>
    <t>复合肥有毒吗</t>
  </si>
  <si>
    <t>吸入复合肥以后，对人体肯定是有害的</t>
  </si>
  <si>
    <t>天涯明月刀心法可以换吗</t>
  </si>
  <si>
    <t>自然可以。右击心法卸下，或者左键拖住心法拉下来。</t>
  </si>
  <si>
    <t>林心如任重真的在一起了吗</t>
  </si>
  <si>
    <t>任重林心如为什么没有走到一起？#林心如在《我们相爱吧》与任重组CP，任重掏心掏肺，为什么林心如不喜欢任重呢？#女神林心如和老实任重，真的能公然相爱吗？</t>
  </si>
  <si>
    <t>真有西方极乐世界吗</t>
  </si>
  <si>
    <t>从佛祖开始，历代高僧大德都在实修实证，用他们的经验告诉我们，西方极乐世界真实不虚的存在，真是无比庄严殊胜，那我们也要深信不疑，发愿有一天能够前往那片让无数众生心仪神往的伟大净土！</t>
  </si>
  <si>
    <t>你要信，能去就是真的。不信那就是假的。</t>
  </si>
  <si>
    <t>房产加名字后是否就是共有财产</t>
  </si>
  <si>
    <t>房产证上加名字之后就变成是共有财产</t>
  </si>
  <si>
    <t>泰国汽车贵吗</t>
  </si>
  <si>
    <t>泰国的车价比起其它国家要贵的多</t>
  </si>
  <si>
    <t>孕妇奶粉需要喝吗</t>
  </si>
  <si>
    <t>对于准妈妈来说，即使身体各方面都较为均衡，仅仅通过日常饮食还是难以满足孕期身体的特殊营养需求。而孕妇奶粉中具有多种黄金元素，可以很好地弥补这一缺失。因此，在经济条件允许的前提下，孕妇应该长期饮用。</t>
  </si>
  <si>
    <t>八哥需要鸟窝吗</t>
  </si>
  <si>
    <t>八哥不是鹦鹉 所以不进窝</t>
  </si>
  <si>
    <t>不需要的 你要想搞繁殖才需要鸟窝</t>
  </si>
  <si>
    <t>八哥一般做巢都很高，离地大概十几米。农村多数在喜鹊的旧窝中，还有大树树洞中，房檐下都是八哥们喜爱筑巢的地点。大多数在五六月份孵小八才需要鸟窝</t>
  </si>
  <si>
    <t>脑涨落分析是假的么</t>
  </si>
  <si>
    <t>可能是肾囊肿，目前医学上缺少特效的肾囊肿治疗方法。无症状时普遍认为肾囊肿不需要做任何治疗，只须要定期复查，观察囊肿是否继续增大；</t>
  </si>
  <si>
    <t>醋蛋液可以直接涂脸上吗</t>
  </si>
  <si>
    <t>可以美容，可以涂在脸上。鸡蛋清加白醋有收缩毛孔的功效</t>
  </si>
  <si>
    <t>醋蛋液擦脸不可以天天擦，这是因为醋蛋液是由白醋制作而成的，白醋具有一定的剥脱作用，如果天天用醋蛋液擦脸会使得脸上的角质层变薄，因此不适合天天擦脸。</t>
  </si>
  <si>
    <t>宝宝a群轮状病毒腹泻吃腹泻奶粉好吗</t>
  </si>
  <si>
    <t>腹泻奶粉是针对宝宝对乳糖或者牛奶蛋白过敏而设计的特殊配方的奶粉，宝宝感染性腹泻，与这个没有太大关系，当然，奶粉也是可以吃的。</t>
  </si>
  <si>
    <t>宝宝拉肚子期间做好还是不要吃止泻的，宝宝拉肚子也是体内的病毒排除的方式，如果止泻了，就会影响病毒的排出 的，建议吃普通的奶粉就可以。</t>
  </si>
  <si>
    <t>胃炎能吃胡萝卜吗</t>
  </si>
  <si>
    <t>胃炎可以吃红萝卜意见建议：胃炎是可以吃红萝卜的，对于有胃炎的人群来说，日常饮食可以选择蛋白质含量高、维生素含量多、易消化的食物进食。不易选择的食物为辛辣有刺激性的食物、生冷不易消化的食物。在饮食方面还应该注意有规律，不易过渡饥饿或者过渡饱腹，原则上最好是少吃多餐，每天可以进食4~5餐，每一餐吃个7分饱左右就可以了。</t>
  </si>
  <si>
    <t>星际争霸2值得购买吗</t>
  </si>
  <si>
    <t>免费也能玩，不过只能打打电脑和自定义，战役啊天梯啊什么的要买了才能玩，仅仅为了体验一下的话不买也可以</t>
  </si>
  <si>
    <t>孕妇可以吃甜酒冲蛋吗</t>
  </si>
  <si>
    <t>是可以吃的，但是要适当少量吃;因为酒里面含有酒精，吃多了对胎儿发育有影响，容易导致早产。</t>
  </si>
  <si>
    <t>马来西亚能落地签吗</t>
  </si>
  <si>
    <t>可以落地签，330马币，换成人民币要660多元，14天内的有效机票。</t>
  </si>
  <si>
    <t>根据马来西亚规定，仅对符合特定条件的中国旅行者，允许申请落地签或过境签证。同时马来西亚并不在中国边检的放行列表之内。</t>
  </si>
  <si>
    <t>美国贪官多吗</t>
  </si>
  <si>
    <t>美国是资本主义国家，中国是社会主义国家，美国的法律细，中国的法律松，美国的人文价值观与中国人不同。 很简单，举个例子，在中国你犯了错误，但是你的领导和你是一个政党，其他所有部门所有人都和你是一个政党的，但是在美国，有另外一个政党时刻准备揪你的小辫子，想夺权，所以你所在的政党就要求他所有的人必须刚正不阿，不需留下任何把柄，当然就没有那么多人贪污了，这就是差别，一党专政的结果。</t>
  </si>
  <si>
    <t>蒸馏水是氧化物吗</t>
  </si>
  <si>
    <t>蒸馏水是由两种元素组成的且有一种是氧元素的化合物，属于氧化物.</t>
  </si>
  <si>
    <t>手机qq铃声能自定义吗</t>
  </si>
  <si>
    <t>怎么设置手机QQ自定义铃声，自定义手机QQ提示铃声教程</t>
  </si>
  <si>
    <t>提示声音是软件版本默认，暂不支持修改或设置。根据手机的型号不同，有分和炫的高低，因此提示音也会有所差异。</t>
  </si>
  <si>
    <t>女性慢性淋病能治好吗</t>
  </si>
  <si>
    <t>你好，这个慢性淋病可以治愈，建议注射头孢曲松钠治疗，一般一年没有复发才属于痊愈。</t>
  </si>
  <si>
    <t>零基础可以学健身教练吗</t>
  </si>
  <si>
    <t>零基础是完全可以学习健身教练的，所谓的零基础是没有参加过学习，或者没有接触过健身。查遍所有健身学院都是针对零基础的培训，同时课程的设计和学习，都是针对零开始的，从学习理论和实践开始，由浅入深，由简入繁的学习。</t>
  </si>
  <si>
    <t>晚上睡前吃香蕉好吗</t>
  </si>
  <si>
    <t>睡前尽量不要吃香蕉</t>
  </si>
  <si>
    <t>社保能退保吗</t>
  </si>
  <si>
    <t>社保从2008年开始就不可以再退的了，若因工作变动不能在原城市续交，可以转出之前缴费的城市，能转多少每个城市标准不一。</t>
  </si>
  <si>
    <t>可以退。社保退保有严格的条件限制，仅有以下几个情形可以退保可以办理退保：(1)参保人员达到退休年龄而未缴满15年；(2)重复参保且结束劳动关系的可退保；(3)参保人员出国定居；(4)参保人员死亡。</t>
  </si>
  <si>
    <t>为消乐能治痔疮吗</t>
  </si>
  <si>
    <t xml:space="preserve">  你好，这种情况多是由于上火或者其它原因引起的，为消乐可以适当的使用。</t>
  </si>
  <si>
    <t>常熟行政审批中心周六上班吗</t>
  </si>
  <si>
    <t>只要不是工作日，周六是不可能上班的！！</t>
  </si>
  <si>
    <t>周六上班的。</t>
  </si>
  <si>
    <t>星期六 早上9点到下午4点</t>
  </si>
  <si>
    <t>不办公，行政机关周未都不上的</t>
  </si>
  <si>
    <t>skii有依赖性吗</t>
  </si>
  <si>
    <t>是的，里面有酶素</t>
  </si>
  <si>
    <t>SK-II的神仙水是没有依赖性的。所谓依赖性更多的是，这阵子用了皮肤变好了，过阵子没用皮肤又变差的感觉。本质上和药理上的依赖是没有关系的。</t>
  </si>
  <si>
    <t>i苹果软件好用吗</t>
  </si>
  <si>
    <t>我觉得非常好用，起码不闪退，还能不用越狱免费下在正版，比一般的助手好用，有优势，我觉得你可以试试</t>
  </si>
  <si>
    <t>我今天下了一个i苹果助手被坑了</t>
  </si>
  <si>
    <t>黑咖啡就是美式咖啡吗</t>
  </si>
  <si>
    <t>不添加糖、奶的美式咖啡属于黑咖啡,加了糖、奶的美式咖啡就跟黑咖啡没有关系了</t>
  </si>
  <si>
    <t>标致301烧机油影响使用吗</t>
  </si>
  <si>
    <t>每个车都烧机油，需求量不一样，程度也不一样，不影响行驶</t>
  </si>
  <si>
    <t>应付职工薪酬属于管理费用吗</t>
  </si>
  <si>
    <t>应付职工薪酬属于负债；管理费用属于期间费用，属于损益。两个风牛马不相及的科目，怎会应付职工薪酬属于管理费用。</t>
  </si>
  <si>
    <t>微信公众号的功能介绍后期可以改吗</t>
  </si>
  <si>
    <t>微信公众号的介绍可以修改的，在后台的公众号设置里面，一个月可以修改五次。</t>
  </si>
  <si>
    <t>注册资本1000万 算中小企业吗</t>
  </si>
  <si>
    <t>是小企业，一般是一亿以上是中型的。</t>
  </si>
  <si>
    <t>小企业主要包括三个标准，一是资产总额，工业企业不超过3000万元，其他企业不超过1000万元；二是从业人数，工业企业不超过100人，其他企业不超过80人；三是税收指标，年度应纳税所得额不超过30万元，符合这三个标准的才是税收上说的小微企业。</t>
  </si>
  <si>
    <t>ez好吗</t>
  </si>
  <si>
    <t>技能非常极其特别的恶心。前期一个会黏人的EZ能把单线压到爆。这货出来三项基本上一对一在装备不是很优势的情况下别想跑了 和他死拼吧。</t>
  </si>
  <si>
    <t>EZ这版本好废。</t>
  </si>
  <si>
    <t>很明显是并不强，毕竟不是T1级别，但是弱不弱就不好说了。</t>
  </si>
  <si>
    <t>ez在线上发育不容易被压，然后poke能力也不错，如果装备不是全场最好的，团战的时候基本就是酱油，在后面QQQR，虽然伤害不低，但团战能力不高，选择他至少面板数值好看。</t>
  </si>
  <si>
    <t>仙人球会开花吗</t>
  </si>
  <si>
    <t>每一种仙人掌类植物都能开花，其中很多种类只要栽培得当，很快就可开花。</t>
  </si>
  <si>
    <t>张颌厉害吗</t>
  </si>
  <si>
    <t>张郃的才能举世目睹，他在行军打仗中表现出来的天赋才能即使是诸葛亮这样智多近妖的人物都不得不感叹其智勇过人，并将其定为不可不除的劲敌。</t>
  </si>
  <si>
    <t>在三国这个特殊的时代，无数能人志士出现在人们的视野，张郃便是其中让人瞩目的一位。仔细翻查张郃的一生，他率领军队进行的战斗极少战败，世人赞颂其智慧与谋略。</t>
  </si>
  <si>
    <t>张郃武力高出常人这是显而易见的，但根据他与其他名将的战斗记录来看，张郃的实力非常的不稳定。在与赵云的两次对战，长坂坡一战以及汝南一战中，赵云先是在长坂坡时与张郃战斗十回合便逃走，而在汝南一战则在30回合内便击败张郃，如此起伏的战绩让人无法真正的了解张郃的武力。</t>
  </si>
  <si>
    <t>搜狗输入法支持手写吗</t>
  </si>
  <si>
    <t>是的，搜狗输入法支持手写。</t>
  </si>
  <si>
    <t>捉鬼敢死队好看吗</t>
  </si>
  <si>
    <t>本片荣获1985年第57届奥斯卡金像奖，最佳视觉效果、最佳原创歌曲提名，被誉为影史上最受欢迎、最好笑的喜剧之一。</t>
  </si>
  <si>
    <t>广岛和长崎现在能住人吗</t>
  </si>
  <si>
    <t>原子弹爆炸造成核污染，使人类无法居住，只限于地面核爆炸和超低空核爆炸的情况</t>
  </si>
  <si>
    <t>柯基犬有尾巴吗</t>
  </si>
  <si>
    <t>小狗都有尾巴的，为了保持外观或是血统的纯正，柯基或是雪纳瑞这些无尾狗都是小时候做了断尾的。</t>
  </si>
  <si>
    <t>子宫内膜诊刮疼吗</t>
  </si>
  <si>
    <t>只是做诊刮治疗疼痛方面是会有些的，但也不是说特别严重的，这个也不要太担心了</t>
  </si>
  <si>
    <t>haba有面霜吗</t>
  </si>
  <si>
    <t>HABA以前是没有面霜产品的，以一款鲨烯面油作为护肤的最后一道工序。但夏天用面油实在是营养过剩。于是推出了第一款面霜——三重美白保湿霜。</t>
  </si>
  <si>
    <t>电信5s能用4g吗</t>
  </si>
  <si>
    <t>苹果5s不能用电信4g。</t>
  </si>
  <si>
    <t>经常吃生花生米好吗</t>
  </si>
  <si>
    <t>花生中蛋白质含量高，对您的需求是有一些帮助的，也就是美白、丰胸，但是您说的这两中功效其他方面都很关键，就比如说美白皮肤讲究的是内调外养，睡眠、环境、营养、情绪等等方面都有关系。长期吃花生对身体是有害的化学因为花生里的油脂成分很多，过多的话会增加体内的血脂含量，不建议是长期吃的</t>
  </si>
  <si>
    <t>8周阴可以排除艾滋病吗</t>
  </si>
  <si>
    <t>已经8周是阴性，可以排除艾滋病了。</t>
  </si>
  <si>
    <t>赛尔号雷锘厉害吗</t>
  </si>
  <si>
    <t>赛尔号雷锘的种族值就是660的超高种族值！这高的有点不像话的种族值，注定会成为一个妖孽；141的高体力成长可以保证雷锘有着冲锋陷阵的本钱；126的不俗攻击成长也说明了雷锘的输出绝不会令人失望；103的双防也是让对手汗颜；至于70的特攻可以说是将种族值合理的分布；最后117速度虽说并不是最优秀的，但是只能说真的不慢了。</t>
  </si>
  <si>
    <t>博士学位有用吗</t>
  </si>
  <si>
    <t>高学历高起点，学历越高在企业里面刚开始就拿很高的薪金。</t>
  </si>
  <si>
    <t>乌豆花蜂皇浆治疗卵巢早退吗</t>
  </si>
  <si>
    <t>效果好，并且不用担心激素致癌，就是吃着不如药物方便</t>
  </si>
  <si>
    <t>只是效果不错而已，也没说的那么厉害，蜂皇浆要坚持喝才有效果。</t>
  </si>
  <si>
    <t>女人喝大麦茶好吗</t>
  </si>
  <si>
    <t>大麦具有健脾消食、除热止渴、下气利水等功效。大麦茶主要用于消温解毒,健脾减肥,清热解暑,去腥膻,去油腻,助消化,润肤乌发，也可美白。</t>
  </si>
  <si>
    <t>reference assemblies能删除吗</t>
  </si>
  <si>
    <t>删掉的掉的</t>
  </si>
  <si>
    <t>货币是商品吗</t>
  </si>
  <si>
    <t>金银天然不是货币,货币天然是金银那么因为金银是商品,所以货币也是商品</t>
  </si>
  <si>
    <t>货币是充当一切商品的等价物的特殊商品.货币是价值的一般代表,可以购买任何商品.一般等价物是从商品中分离出来的充当其它一切商品的统一价值表现材料的商品,</t>
  </si>
  <si>
    <t>不是，商品有自己的价值，货币没有</t>
  </si>
  <si>
    <t>货币不是从商品中分离的一般等价物吗当然是啊</t>
  </si>
  <si>
    <t>邀请招标需要发布招标公告吗</t>
  </si>
  <si>
    <t>有人说，邀请招标不发公告，招标文件只送几家，使整个招投标的时间大大缩短，招标费用也相应减少。这种认识是极端错误的。邀请招标不仅需要发公告，而且在操作中还多了一个资格预审的环节，所以需要的采购周期还更长。</t>
  </si>
  <si>
    <t>不需要公告，应该向特定人通知。</t>
  </si>
  <si>
    <t>拉布拉多好养么</t>
  </si>
  <si>
    <t>我养的就是拉布拉多，简单给你介绍一下我家喜丽，现在快两岁了，一个月10天的时候抱来的，我爱人不上班，可以整天在家，如果你不能经常陪，需要慎重考虑，拉拉小时候没人陪或没狗玩是会得忧郁症的。其次，拉拉会吃，食物对于她来说只有两类，一类好吃，一类很好吃，不过爱吃的特点反倒使得拉拉较容易训练。第三，拉拉好动，你需要多让她运动，如果你没有条件陪她运动，你还是要慎重考虑，缺乏运动的拉拉比较狂躁，会咬东西来发泄，需要注意</t>
  </si>
  <si>
    <t>《语文教学与研究》要版面费吗</t>
  </si>
  <si>
    <t>凡是正式公开发行的刊物，都不会收取版面费</t>
  </si>
  <si>
    <t>没房子能结婚吗</t>
  </si>
  <si>
    <t>别说女孩子现实，你好意思说这话啊！努力挣钱买啊，挣个几年交首付，以后慢慢还，买房子其实不是很难！不过要考虑房子的位置，还有人家女孩子嫁给你你都给不了人家安定的生活，你自己觉得过得去吗！如果是我，我宁可不要，如果她等我，我就玩命去努力，争取在最短的时间内让她有自己的房子~</t>
  </si>
  <si>
    <t>梅溪湖是人工湖吗</t>
  </si>
  <si>
    <t>从发展的角度来讲它是人工湖，以前这块地方大概就是像现在某些农村那样，一些小池塘啊，小洼地啊，小溪啊；后面人为整成现在这样子了。</t>
  </si>
  <si>
    <t>梅溪湖，这样一个具有想象力的名字，却“无梅、无溪、无湖”。2007年，为积极响应“两型“试验区建设，3080亩“天露”葡萄基地陆续迁往三环以外的中塘村和天顶村。</t>
  </si>
  <si>
    <t>上海皮卡能进市区吗</t>
  </si>
  <si>
    <t>客货两用皮卡属于轻型货车，进上海市区受时间和道路严格限制的。</t>
  </si>
  <si>
    <t>邮政小包贵吗</t>
  </si>
  <si>
    <t>邮政小包就是普通的送货，邮政小包慢的要死，但是便宜</t>
  </si>
  <si>
    <t>商铺能注册公司吗</t>
  </si>
  <si>
    <t>商铺可以注册一般批发、零售、服务业、餐饮业执照，但不可以注册生产型公司。</t>
  </si>
  <si>
    <t>宫腔占位一定要手术吗</t>
  </si>
  <si>
    <t>尽快手术，可以选择宫腔镜，继能诊断又能治疗，取出来的东西还可以做病理检查，进一步确诊。术后可以预防性应用消炎药物。</t>
  </si>
  <si>
    <t>尿检前能喝水吗</t>
  </si>
  <si>
    <t>可以喝水但不能进食</t>
  </si>
  <si>
    <t>如果你在尿检前很近的时间喝水，那可能影响检查结果，使数值降低，一般情况下尿检前的8小时就不要喝水了。</t>
  </si>
  <si>
    <t xml:space="preserve"> 1、如果第二天早上起床后感觉很口渴，可以喝小杯水，不要超过200ml。一般不会影响化验结果。      2、如果离医院不是很远，尿最好还是憋着，可以过去直接做泌尿系的B超检查，然后排尿化验尿常规。否则到了医院还需要重新憋尿，浪费时间。</t>
  </si>
  <si>
    <t>高考政治难吗</t>
  </si>
  <si>
    <t>真心不难学 ！！ 我高考政治大概96分。。。非常简单</t>
  </si>
  <si>
    <t>自封袋有毒吗</t>
  </si>
  <si>
    <t>PE袋其实是无毒的，而且骨袋可以装食品。</t>
  </si>
  <si>
    <t>其原材料虽无毒性，但在制作塑料的过程中加入了有毒的增塑剂。另外，有些塑料制品加入了稳定剂，而这些稳定剂主要是硬脂酸铅，也有毒性，并且这种铅盐极易析出，一旦进入人体就会造成积蓄性铅中毒。现在市面上使用的大都是不允许盛装食品的塑料袋。卖鱼的摊位经常使用颜色特别深的塑料袋，如黑色、红色和深蓝色的，这些深色调的塑料袋大都是用回收的废旧塑料制品重新加工而成，对人体有危害。</t>
  </si>
  <si>
    <t>qq空间相册删除的照片还能找回来吗</t>
  </si>
  <si>
    <t>QQ空间删掉的照片或者相册，如果有启用空间日志的回收站功能，可到回收站里进行恢复。</t>
  </si>
  <si>
    <t>QQ空间照片删除怎么找回，QQ空间照片删除找回操作流程。现在还是有很多小伙伴都在玩QQ空间，也喜欢在QQ空间发一些动态，但是有时也会把自己觉得看不下去的说说删除，顺带着删除了照片，不过今日QQ推出了回收站的功能，照片删除是可以找回的哦</t>
  </si>
  <si>
    <t>证券从业有用吗</t>
  </si>
  <si>
    <t>消防工程师考试难吗</t>
  </si>
  <si>
    <t>消防工程师一年比一年难考</t>
  </si>
  <si>
    <t>不难，但考得灵活</t>
  </si>
  <si>
    <t>2017年一级注册消防工程师考试难度较2016年降低。</t>
  </si>
  <si>
    <t>魔力红sugar mv 是真的吗</t>
  </si>
  <si>
    <t>假的，摆拍的</t>
  </si>
  <si>
    <t>有逾期可以房贷吗</t>
  </si>
  <si>
    <t>有逾期记录能不能贷款买房要看你是商贷、公积金还是组合贷款。1.如果是商贷只要连续逾期不超过3个月，逾期额度不是很大是可以贷款买房的。2.如果是公积金贷款，不受影响。3.如果是组合，还是商贷部分，公积金贷款买房部分不受影响，如果因逾期时间超出或者大额逾期，公积金银行会让你去所在逾期银行开说明资料，说明你因为这个情况由于逾期商贷部分不会影响你公积金贷款。</t>
  </si>
  <si>
    <t>dnf装备卖了能找回吗</t>
  </si>
  <si>
    <t>首先明确一点什么是误操作所谓误操作就是误把装备扔到地上或者卖给npc 误操作后如果处理得当是可以找回的。虽然可以找回不过建议大家不要没事把ss卖商店 然后找回来，误操作是有限制的 大概一个月允许一次。</t>
  </si>
  <si>
    <t>顾大嫂麻辣烫好吃吗</t>
  </si>
  <si>
    <t>我觉得可以个人有个人的想法您看着办</t>
  </si>
  <si>
    <t>孕妇可以吃辣鱼仔吗</t>
  </si>
  <si>
    <t>孕妇可以吃自己喜欢吃的东西，可以适当的少吃点的。</t>
  </si>
  <si>
    <t>不可以的, 孕期饮食尽可能广泛多样化.多吃高蛋白优质蛋白食物多吃蔬菜水果.不要喝酒咖啡.防止感冒等.忌辛辣食物.</t>
  </si>
  <si>
    <t>吃肯定是可以的，但是肯定不能多吃的这个鱼子的话，胆固醇含量是很高的，这个对于正常人和孕期女性是不适宜多吃的，</t>
  </si>
  <si>
    <t>被艾滋病人抓伤会传染吗</t>
  </si>
  <si>
    <t>艾滋病病毒是通过性生活，母婴和血制品传染的，艾滋病病毒存在于血液、精液、阴道分泌物、乳汁、伤口渗出液中，被艾滋病患者抓破手，如果他没有伤口与您接触，是不会感染艾滋病的。</t>
  </si>
  <si>
    <t>煤油是柴油吗</t>
  </si>
  <si>
    <t>煤油不是柴油</t>
  </si>
  <si>
    <t>洁面乳有用吗</t>
  </si>
  <si>
    <t>用洗面奶当然是有好处还没听说过有坏处的，无论男女尤其是女性到了一定年龄就要开始保养皮肤，清洁皮肤用的洗面奶是基础。</t>
  </si>
  <si>
    <t>手机信号增强器真的有用吗</t>
  </si>
  <si>
    <t>这个基本上对3G和4G信号的改善并没有什么帮助，但是却它对2G信号的改善是非常明显的。</t>
  </si>
  <si>
    <t>一梯一户好吗</t>
  </si>
  <si>
    <t>1、主要看买房的具体预算，条件允许的话1梯1户是最佳选择;2、最好是1梯2户，如果比例还可以降低的话，会提高相应的舒适度;3、综合考虑梯户比过高，边套、中间套的优缺点从而进行选购。</t>
  </si>
  <si>
    <t>兰亭序是烟花区吗</t>
  </si>
  <si>
    <t>是烟花区，人少5开多</t>
  </si>
  <si>
    <t>伊朗捕获世界上最大的巨蟒是真的吗</t>
  </si>
  <si>
    <t>拒推测是假的，因为主流媒体都没报道，只是一些娱乐网站有报。</t>
  </si>
  <si>
    <t>产假只能提前15天休吗</t>
  </si>
  <si>
    <t>是否提前15日休产假，凭女职工自愿，生育孩子之前，15天内可休，可不休，不用开病假条，包括在产假的假期内。</t>
  </si>
  <si>
    <t>厦门吃饭贵吗</t>
  </si>
  <si>
    <t>出去玩比较贵的就是住宿+交通。</t>
  </si>
  <si>
    <t>制皮可以做锁甲吗</t>
  </si>
  <si>
    <t>当然可以</t>
  </si>
  <si>
    <t>崔胜贤会开车吗</t>
  </si>
  <si>
    <t>拍摄期间，Big Bang乘车到汉江与"无限挑战"的成员见面，郑俊河(音译)负责开车，并说"我将车钥匙给老大"。试图将车钥匙交给T.O.P。胜利坐在后座，对这位俊河哥的行为感到讶异，并说"T.O.P哥还不会开车"，T.O.P随后也证实胜利的话并说"我还没取得驾照"</t>
  </si>
  <si>
    <t>uv镜有用么</t>
  </si>
  <si>
    <t>牛头还是有必要的，起码起保护作用</t>
  </si>
  <si>
    <t>上海居住证满120分可以转上海户口吗?</t>
  </si>
  <si>
    <t>居住证、积分、居转户是三件事情，长期居住证是积分和居转户的必要前置条件，积分是与学历、职称、社保基数有关的，居转户与学历、120积分无关，主要看的是居住证持证期间缴纳社保年限和社保基数。</t>
  </si>
  <si>
    <t>流氓高手好看吗</t>
  </si>
  <si>
    <t>无罪写的流氓高手1、2都非常好看，我看了不下5遍，说星际争霸的，诙谐幽默，情节也很紧张刺激，因为作者以前也玩过星际，所以写得相当细腻，值得一看！</t>
  </si>
  <si>
    <t>计提工资要附工资表吗</t>
  </si>
  <si>
    <t>计提工资时不需要附工资表。可以付表简单说明:计发管理人员工资XXX 计发销售人员工资XXX计发生产人员工资XXX</t>
  </si>
  <si>
    <t>山东理工纺织工程能不能调专业</t>
  </si>
  <si>
    <t>一般不让随便改的。</t>
  </si>
  <si>
    <t>发票丢失可以重开吗</t>
  </si>
  <si>
    <t>《广东省地方税务局关于纳税人丢失已填开发票处理问题的批复》（粤地税函[2004]314号）四、取得发票的一方丢失已填开的发票联，可向开具发票方申请出具曾于X年X月X日开具XX发票，说明取得发票单位名称、购货或服务的单位数量、单价、规格、大小写金额、发票字轨、发票编码、发票号码等的书面证明，或要求开具发票方提供所丢失发票的存根联或记帐联复印件，经主管税务机关审核后作为合法凭证入帐，一律不得要求开票方重复开具发票。</t>
  </si>
  <si>
    <t>信用卡逾期还能提额吗</t>
  </si>
  <si>
    <t>您的信用卡产生了逾期，那么持卡人一定要尽快还清欠款。如果您连续3个月连最低还款都没有还清的话，那么就会被银行列入黑名单，从此就基本可以和银行业务告别了。</t>
  </si>
  <si>
    <t>孕妇可以修脚吗</t>
  </si>
  <si>
    <t>怀孕期间做足疗是特别有用的，孕妇在怀孕期间尝试做家庭足疗。</t>
  </si>
  <si>
    <t>铁拳6有pc版吗</t>
  </si>
  <si>
    <t>首先百度搜索ppsspp。官网下载pc版的。然后下载铁拳6这个游戏。电玩巴士下载psp版的即可。下完记住要解压一次。打开ppsspp</t>
  </si>
  <si>
    <t>陈欠取暖费可卖房吗</t>
  </si>
  <si>
    <t>实在不行,卖方要着急卖房,就从卖房款中扣除陈欠的采暖费,然后卖方再向单位主张权利.</t>
  </si>
  <si>
    <t>公司团购的火车票能退吗</t>
  </si>
  <si>
    <t>可以的，无论什么方式购的火车票，只要在开车前带身份证都火车站退票窗口均可以办理退票</t>
  </si>
  <si>
    <t>可以只退一个人，也可以都退；看你自己选择</t>
  </si>
  <si>
    <t>口译可以自学吗</t>
  </si>
  <si>
    <t>可以自学。第一，英语到汉语的口译，要有较高的听力水平。如果听力欠佳，需要先练好听力。练习材料可以是BBC、VOA、CNN新闻，也可以是Obama、Clinton等人的演讲。第二，先练习交替传译，分记忆力练习、复述、笔记等方面。同传的话，要练习视译、影子练习等。</t>
  </si>
  <si>
    <t>盐酸贝那普利片好吗</t>
  </si>
  <si>
    <t>盐酸贝那普利片用于各期高血压，充血性心力衰竭，作为对洋地黄和/或利尿剂反应不佳的充血性心力衰竭病人(NYHA分级II-IV)的辅助治疗。</t>
  </si>
  <si>
    <t>核能手表会爆炸吗</t>
  </si>
  <si>
    <t>百分之百安全可靠</t>
  </si>
  <si>
    <t>一般情况下是不会爆炸的，遇到高温的可能会爆炸</t>
  </si>
  <si>
    <t>孕早期吃葡萄好吗</t>
  </si>
  <si>
    <t>你好，孕期饮食和孕前没有很明显的差异。但是不管什么水果都是要注意量！葡萄一般属于性寒性水果，过度进食可能会导致宫缩，腹痛或者其他不适，所以可以吃，但是要注意控制的量！个人体质不同，反应也是不同的！孕期要注意合理膳食，营养丰富</t>
  </si>
  <si>
    <t>ios 9.2.1好用吗</t>
  </si>
  <si>
    <t>很明显很好用，不卡，不发热，电量也不是耗的很快。</t>
  </si>
  <si>
    <t>毛病很多，有时候发不出电话去，耗电，别升级了。</t>
  </si>
  <si>
    <t>近视泳镜好不好</t>
  </si>
  <si>
    <t>对于近视患者来说，去游泳放松往往要面对摘下眼镜视力不佳的问题，特别是高度近视眼，会遇到很多不方便的问题。现在有一些专为近视眼设计的近视泳镜，这些泳镜对于近视眼患者来说，是一个很好的选择。近视泳镜其实就是有度数的游泳眼镜，它不仅可以起到普通泳镜那样在水中保护眼睛的作用，还能让近视眼在水中保证一定的视力</t>
  </si>
  <si>
    <t>一切都是命中注定的吗</t>
  </si>
  <si>
    <t>命是天定的，运是靠自己创造的，听凭命运安排是错误的，命运掌握在自己手中，命运是可以再造的。</t>
  </si>
  <si>
    <t>平菇是不是发物</t>
  </si>
  <si>
    <t>平菇不是发物。平菇含有抗肿瘤细胞的硒、多糖体等物质，对肿瘤细胞有很强的抑制作用，且具有免疫特性；平菇含有的多种维生素及矿物质可以改善人体新陈代谢、增强体质、调节植物神经功能等作用，故可作为体弱病人的营养品，对降低血胆固醇和防治尿道结石也有一定效果，同时对妇女更年期综合症可起调理作用。</t>
  </si>
  <si>
    <t>发物是指有辛辣刺激或者是有香味的食物，所以平菇是属于发物的，多吃了平菇可能会引起身体不适或者是头痛甚至是过敏等症状，但是这种现象也是少数的，所以一般都是可以放心食用的，平菇中含有丰富的维生素和矿物质元素，能帮助人体很好的补充营养，另外平菇可以帮助释放其他食物中的营养成分，所以可以用平菇与其他食物一同炖汤吃，这样能很有营养。</t>
  </si>
  <si>
    <t>可以只交公积金不交社保吗</t>
  </si>
  <si>
    <t>不可以的。因为国家相关法律规定：是强制性的，任何单位和企业必须为员工办理社会保险，不得有误。一经查实必重罚。</t>
  </si>
  <si>
    <t>带吧台的冰箱好不好</t>
  </si>
  <si>
    <t>看个人所需，带吧台的话可以闲暇时刻与亲朋好友喝杯红酒，方便高端。 当然带吧台的冰箱要贵一些，耗电量要稍微高一点点。</t>
  </si>
  <si>
    <t>索尼z2能用电信卡吗</t>
  </si>
  <si>
    <t>过生日能送鞋吗</t>
  </si>
  <si>
    <t>不能，那是送行的意思。</t>
  </si>
  <si>
    <t>看是什么人了，如果是男女朋友的关系不能送鞋子，迷信的说法就是送了就跑了，不过送了也可以，然后再给他或她1元钱，就可以了，这个只是民间的风俗说法，其实也没什么，信则有不信则无。</t>
  </si>
  <si>
    <t>dhc卸妆油孕妇可以用吗</t>
  </si>
  <si>
    <t>问题分析： 在受孕期间，孕妇是不适合化妆或用化学性的化妆品和护肤品的。意见建议：卸妆油最好也不使用，这些都是对孕期不利的物品。</t>
  </si>
  <si>
    <t>在国内读完博士再去美国读博后,能在美国找到工作吗</t>
  </si>
  <si>
    <t>我不知道抽签说的具体是什么，PHD学位读完后需要看你的综合成绩，以及你的学校对你的评估，是否让你留校，不然还是得申请绿卡</t>
  </si>
  <si>
    <t>买基金会亏吗</t>
  </si>
  <si>
    <t>大部分基金都是有风险的，存在赔钱的可能</t>
  </si>
  <si>
    <t>奢女皇有实体店吗</t>
  </si>
  <si>
    <t>是没有的! 那是有人恶意山寨的!千万别被骗</t>
  </si>
  <si>
    <t>雷达诱捕动物是真的吗</t>
  </si>
  <si>
    <t>这种产品有但不一定买到真的。</t>
  </si>
  <si>
    <t>信用卡有年龄限制吗</t>
  </si>
  <si>
    <t>购买金税盘的发票需要认证吗</t>
  </si>
  <si>
    <t>小规模纳税人收到的税控系统维护费专票不需要认证</t>
  </si>
  <si>
    <t>dhl有国内快递吗</t>
  </si>
  <si>
    <t>有 ，你放心！奥运期间，浙江到重庆可以用DHL快递，TNT快递，EMS快递，宅急送，和各种私人物流公司！ 不用担心！</t>
  </si>
  <si>
    <t>翻译资格证书有用吗</t>
  </si>
  <si>
    <t>用处挺大的。如果从事英语翻译工作，那这个资格证可是十分重要的职业保证；若是其他英语相关工作也会大有裨益。</t>
  </si>
  <si>
    <t>怀孕5个月能吃巧克力吗</t>
  </si>
  <si>
    <t>当然是可以吃巧克力的。据说与那些在妊娠期间很少吃巧克力的孕妇所生的宝宝相比，在孕期爱吃巧克力的孕妇所生的宝宝在出生6个月后更喜欢微笑或表现出开心的样子。</t>
  </si>
  <si>
    <t>换身份证需要户口本吗</t>
  </si>
  <si>
    <t>需要，申报材料： 1、居民户口簿； 2、填写《第二代居民身份证换领申请表》（公安机关提供）； 3、填写《临时居民身份证申领登记表》（公安机关提供）；</t>
  </si>
  <si>
    <t>皮肤黑适合深蓝色吗</t>
  </si>
  <si>
    <t>不宜，不要穿大面积的深蓝色，深红色等显得灰暗的颜色</t>
  </si>
  <si>
    <t>羊肉可以放姜吗</t>
  </si>
  <si>
    <t>可以放姜，去膳去腥</t>
  </si>
  <si>
    <t>钢化膜难贴吗</t>
  </si>
  <si>
    <t>钢化玻璃是硬的，很容易对准，好的钢化玻璃膜还是静电吸附的，没贴好还可以掀开继续对准贴下</t>
  </si>
  <si>
    <t>红牛有作用吗</t>
  </si>
  <si>
    <t>原因在于其中含有大量的牛磺酸、赖氨酸等功能因子，在肌醇、烟酰胺、维生素B6、维生素B12等B族维生素的辅助下促使人体储存的糖元和饮料中的糖分被分解、转化，可迅速补充人们在工作、学习、生活等活动中造成的能量物质流失。</t>
  </si>
  <si>
    <t>红牛饮料里含有补充体能牛磺酸、维生素、维他命多种元素，所以喝了可以增加人体能量，红牛饮料中含咖啡因，对人体有亢奋作用，用于提神。</t>
  </si>
  <si>
    <t>中评可以改吗</t>
  </si>
  <si>
    <t>中评可以修改成好评也可以直接删除评价。</t>
  </si>
  <si>
    <t>可以修改的，在评价后3天内可以进行修改成好评，但是不能修改成差评，简单点说就是差的可以改成好的，但好的不能改成差的。</t>
  </si>
  <si>
    <t>被差评时要在十五天内解决好。评价是不能删除的，可以让客户修改为好评的！</t>
  </si>
  <si>
    <t>中评或差评只能修改为好评或删除，且只有一次机会，如差评修改为好评后，将不能再删除或修改。</t>
  </si>
  <si>
    <t>台湾人看花千骨吗</t>
  </si>
  <si>
    <t>我刚从youtube出来，井蛙都点赞呢，好多井蛙在看，还有其他国家的</t>
  </si>
  <si>
    <t>正义红师好看吗</t>
  </si>
  <si>
    <t>绝对好看。《正义红师》讲了维和队维护宇宙和平的故事，里面有很多热血沸腾的机战场景，让看着人热血沸腾。</t>
  </si>
  <si>
    <t>自考要上课吗</t>
  </si>
  <si>
    <t>全日制自考就是全天上课，业余制是业余时间进行上课#全日制自考就是全天上课，业余制是业余时间进行上课，</t>
  </si>
  <si>
    <t>无论是短线自考还是 长线自考，不需要去上课。到时间去考试就行了。#自考是自学考试，不上课为什么还要收取学费？</t>
  </si>
  <si>
    <t>自考有分两种，一种是完全自学然后参加考试，另一种，是参加上课#</t>
  </si>
  <si>
    <t>国外带回来的苹果在国内可以用吗</t>
  </si>
  <si>
    <t>国外带回来的iphone在国内可以用，把语言设置为中文即可。</t>
  </si>
  <si>
    <t>国外带回来的机器只要不是有锁版的就可以在国内正常使用，一般来说美国销售的苹果手机分为零售版和合约版，合约版一般都是at&amp;t这样的运营商定制的，网络锁定了只能使用该运营商的SIM卡，其他运营商的卡插进去都没法用，用卡贴也很麻烦，所以别买有锁版的。</t>
  </si>
  <si>
    <t>跑步能不能瘦肚子</t>
  </si>
  <si>
    <t>步是一个全身心性的有氧运动，只要大家长期坚持运动锻炼，并且保持良好的饮食习惯，那么相信跑步是一定可以瘦肚子的。</t>
  </si>
  <si>
    <t>蜂胶胶囊可以长期吃吗</t>
  </si>
  <si>
    <t>蜂胶可以长期食用，无毒副作用。蜂胶是一个天然的小“药库”，它能预防和治疗疾病，同时无毒无副作用，没有抗药性，温和缓慢，安全可靠，长期服用对人体只有好处，没有坏处，它对人体各脏器都有一个全面调节和修复的作用。蜂胶性平无毒，可放心食用。</t>
  </si>
  <si>
    <t>途牛宝靠谱吗</t>
  </si>
  <si>
    <t>1.途牛宝是途牛旗下理财产品，背景实力雄厚。2.资金闭环流动 ，坚持原卡进原卡出原则，基金赎回款只能回到客户本人实名认证的银行卡中，确保资金安全。</t>
  </si>
  <si>
    <t xml:space="preserve">途牛宝欺骗消费者 红包活动是假的，转入途牛宝现金成死账，不想存了提不出来 </t>
  </si>
  <si>
    <t>月经的最后一天可以同房吗</t>
  </si>
  <si>
    <t>行经期要禁止同房，不论是什么时候，只要还有月经，那么就要避免做爱</t>
  </si>
  <si>
    <t>虚拟机只能装c盘吗</t>
  </si>
  <si>
    <t>不是的，可以安装在任意的盘中</t>
  </si>
  <si>
    <t>报到证有用么</t>
  </si>
  <si>
    <t>报到证很重要，千万不要弄丢了，既然他们那样要求，你就那么做就行了。如果你以后去私企或者自己创业，那么报到证的用处可能不大，但如果去事业单位或者国企等，那么报到证就非常重要，因为它是调档案的重要凭证，好像户口迁移什么的都需要这个，必须保管好。如果你在短时间内找不到可以接受档案的工作，建议考虑人事代理，这样就可以计算工龄了，对进事业单位等很有用。</t>
  </si>
  <si>
    <t>借贷宝可信么</t>
  </si>
  <si>
    <t>可信</t>
  </si>
  <si>
    <t>儿童可以上火车补票吗</t>
  </si>
  <si>
    <t>在1.2米—1.5米间补硬座半票，1.2米以下免费。车上是可以补票的</t>
  </si>
  <si>
    <t>念珠菌龟头炎是性病吗</t>
  </si>
  <si>
    <t>念珠菌性龟头炎属于性病的</t>
  </si>
  <si>
    <t>盛南公馆买得过吗</t>
  </si>
  <si>
    <t>1、地处佛山商贸中心，财富之地，6年返租，第一、二年不变，从第三年起在前一年的基础上递增4%，投资首选。 2、交通便利，两条主干道的交汇处，三横两纵佛山交通主干道，双地铁在旁，为板块升值加速。 3、周边配套重点学校及三甲医院，教育、医疗配套齐全。 4、政策利好，旅游业助长经济消费，公寓城投资主流；酒店式管理，可观租金回报。</t>
  </si>
  <si>
    <t>清宫需要住院吗</t>
  </si>
  <si>
    <t>一般是不需要住院的，手术时间是在半个小时左右</t>
  </si>
  <si>
    <t>电脑能设闹钟吗</t>
  </si>
  <si>
    <t>可以设置定时闹钟功能。通过“计划和任务”来实现闹钟。</t>
  </si>
  <si>
    <t>网上做兼职打字员是真的吗</t>
  </si>
  <si>
    <t>有真的有假的</t>
  </si>
  <si>
    <t>日本车保值吗</t>
  </si>
  <si>
    <t>保值率最高的6款车，日系车占4席</t>
  </si>
  <si>
    <t>特应性皮炎能根治吗</t>
  </si>
  <si>
    <t>特应性皮炎并非绝对不能够治愈。首先，并不是所有患者都存在遗传性皮肤屏障功能异常，有些是后天因素造成的，只要避免了致病因素，既可以恢复。再者，即便是遗传性的皮肤屏障功能异常，只要注意保护和恢复皮肤屏障功能，仍然可以消除皮损。过敏的问题也是如此，如果明确了过敏原，确实能够避免该过敏原，也可以达到无病状态。</t>
  </si>
  <si>
    <t>淘宝可以搜图片吗</t>
  </si>
  <si>
    <t>可以。淘宝上用图片搜索的步骤：进去淘宝网站首页后，上边有一个“搜索”栏，不用输入任何内容点击一下。页面会跳转到具体搜索页面，搜索栏的后方有一个照相机的图标，把鼠标移动过去，点击这个图标，会跳出一个选择方框。当页面弹出一个选择对话框的时候，找到需要搜索图片的位置，点击一下想要搜索的物品图片，等系统反应一会 。系统反应过来后，页面会加载出与想要物品的相同款或者是相似款的链接就都呈现出来了，相似度越高的物品排位越靠前。如果图片显示的部位不是想要的物品部位的时候，可以拖动图标进行调整的。如下图把方框调整到右方的黑色衣服上边，再次搜索。搜索结果根据调整推荐出的结果会更加理想化。</t>
  </si>
  <si>
    <t>补牙的材料有毒吗</t>
  </si>
  <si>
    <t xml:space="preserve">补牙的材料没有副作用，通常最让人怀疑的是银汞合金，结合汞对人体有害，易造成汞中毒，补牙用的银汞合金，游离汞的含量极微，不会有危害。 </t>
  </si>
  <si>
    <t>孕早期可以吃桂圆吗</t>
  </si>
  <si>
    <t>你好，你说的这种情况的话。这个是完全可以吃的。</t>
  </si>
  <si>
    <t>你好，怀孕初期是不能吃桂圆的，因为桂圆有活血化瘀的作用，容易导致先兆流产出血的，怀孕早期饮食上注意清淡容易消化的食物，因为有早期妊娠反应，最好不要吃油腻的食物。</t>
  </si>
  <si>
    <t>生姜有生发的功效吗</t>
  </si>
  <si>
    <t>当用生姜擦头皮的时候使头皮充血，血液循环更顺畅，从而达到生发的目的。</t>
  </si>
  <si>
    <t>自由之战费流量吗</t>
  </si>
  <si>
    <t>有人机模式，在人机模式里，玩的时候是不消耗流量的，但是数据套一只开着网络的话，是很消耗流量的，10分钟40m左右</t>
  </si>
  <si>
    <t>非诚勿扰会改名吗</t>
  </si>
  <si>
    <t>2016年1月4 日，江苏卫视被判停止使用《非诚勿扰》栏目名称 目前江苏卫视被法院终审判决停止使用《非诚勿扰》栏目名称，历经三年的非诚勿扰商标侵权案终于尘埃落定，盈科律师代理原告获得终审胜诉。</t>
  </si>
  <si>
    <t>公务员面试要报班吗</t>
  </si>
  <si>
    <t>不一定，要想在公务员面试中要获取高分，必须经过充分的准备和练习，才能使自己在面试中大放异彩。</t>
  </si>
  <si>
    <t>合法的c语言字符常数是</t>
  </si>
  <si>
    <t>首先看定义,用单引号括起来的单个字符,或用双引号括起来的一串字符即字符常量.</t>
  </si>
  <si>
    <t>安卓系统安全吗</t>
  </si>
  <si>
    <t>全球最安全的手机使用的却都是安卓系统</t>
  </si>
  <si>
    <t>安卓系统安全性最差</t>
  </si>
  <si>
    <t>大便出血就是痔疮吗</t>
  </si>
  <si>
    <t xml:space="preserve"> 便血，意味着消化道出血，而消化道出血又高位出血和低位出血两种。痔疮并非仅有便血这一症状。</t>
  </si>
  <si>
    <t>大便出血有可能是痔疮或者是直肠息肉引起的</t>
  </si>
  <si>
    <t>产妇可以吃海鱼吗</t>
  </si>
  <si>
    <t>一般产妇都可以吃深海鱼的。</t>
  </si>
  <si>
    <t>真探有第三季吗</t>
  </si>
  <si>
    <t>真探第3季将是一出发生在美国亚拉巴马州欧扎克市的恐怖犯罪故事，一个神秘事件在过去数十年一直叨扰着这座城市，剧集也将以三条不同时间线并行。阿里将饰演Wayne Hays，一名西北阿肯色州的州警，第3季预计2018年开播，但集数尚未公布，具体回归日期也未定。</t>
  </si>
  <si>
    <t>上海火车站送人可以进车站吗</t>
  </si>
  <si>
    <t>上海火车站现在没有站台票了，正常情况下不能送到站台了。但是小孩，老人还有残疾人病人之类的，可以申请火车站服务，可能会让一个陪同人员送到站台那里，但也有工作人员在旁边的。</t>
  </si>
  <si>
    <t>刷客网可信吗</t>
  </si>
  <si>
    <t>有的是真的 有的不是 注意区别</t>
  </si>
  <si>
    <t>cf体验cf点可以积累吗</t>
  </si>
  <si>
    <t>是能，不过仅限于体验服内。正式版启用后或者说体验服一期结束后，其内的CF点都会自动清空。不过体验服每期每人都会赠送一定的CF点，体验下新武器等等。。。。</t>
  </si>
  <si>
    <t>金毛晕车吗</t>
  </si>
  <si>
    <t>种事跟人差不多，有的晕有的不晕。</t>
  </si>
  <si>
    <t>吸电子烟能戒烟吗</t>
  </si>
  <si>
    <t>用电子烟辅助戒烟的说法，是没有科学依据的。</t>
  </si>
  <si>
    <t>科目三中途可以停车吗</t>
  </si>
  <si>
    <t>我们这里科目三全程随时可以停车，然后挂一档双踩，等待重新起步。加减档时候要注意别停了，靠边停车时候注意打完转向灯就不能随意停了</t>
  </si>
  <si>
    <t>肯定可以停车，但是起步一档只能走100米，换档很容易跑偏，也有教练教学员三档快速跑完。</t>
  </si>
  <si>
    <t>平板能开热点吗</t>
  </si>
  <si>
    <t>可以，但是开启热点就会自动关闭连接wifi，也就是把wifi的接收功能转换为发射功能</t>
  </si>
  <si>
    <t>外墙可以用轻质砖吗</t>
  </si>
  <si>
    <t>轻质砖有加气混凝土砌块、轻集料混凝土砌块、陶粒混凝土砌块等轻型砌块，有保温、吸音、质轻等特点，适合使用在二次结构砌体隔墙的施工中，但不适用于外墙。</t>
  </si>
  <si>
    <t>南京事业单位考试难吗</t>
  </si>
  <si>
    <t>我觉得难，至少比去年感觉难点</t>
  </si>
  <si>
    <t>蛋白粉和牛奶能一起吃吗</t>
  </si>
  <si>
    <t>蛋白粉和牛奶是能一起喝，蛋白粉有乳清蛋白，大豆蛋白，酪蛋白以及卵蛋白这四种，其中乳清蛋白就是从牛奶中提取出来的蛋白质，因此，这两种一起食用是不会产生食物相克的问题的。</t>
  </si>
  <si>
    <t>浪漫满屋2好看吗</t>
  </si>
  <si>
    <t>个人觉得打着浪漫满屋第2部的幌子而已，其实剧情完全没有联系，演员都不错，只是剧本不好，演的比较夸张</t>
  </si>
  <si>
    <t>养金鱼的水可以浇花吗</t>
  </si>
  <si>
    <t>养鱼水可以浇花，并且养鱼水浇花还有很多好处，希望大家能对养鱼水合理利用。</t>
  </si>
  <si>
    <t>有的鱼缸水能浇花，有的不可以，不同的植物对土壤的盐碱度要求不同，如果你倒入花盆的水会改变土壤的盐碱度，你就不可以轻易用。这个很好理解。另一个原因是，有些鱼缸水里含有近期下的药，就必须区别对待了。有的药可以放进花盆，有的还真不行。</t>
  </si>
  <si>
    <t>提车看日子吗</t>
  </si>
  <si>
    <t>一定要看日子，不能随便提车，去提的时候不光是日期，连时辰也要看好，再带个假和尚一路，给车子开个光。</t>
  </si>
  <si>
    <t>提车应该不需要看日子吧，技术好啥日子都没问题。</t>
  </si>
  <si>
    <t>stp折扣吗</t>
  </si>
  <si>
    <t>是的，STP的折扣主要分为两类，”直减“和”叠加优惠“。</t>
  </si>
  <si>
    <t>腰窝是不是每个人都有</t>
  </si>
  <si>
    <t>腰窝又称为维纳斯的酒窝，据统计，世界上平均只有3%的女性有腰窝</t>
  </si>
  <si>
    <t>血脂康胶囊可以长期吃吗</t>
  </si>
  <si>
    <t>血脂康胶囊可以按疗程服用，根据病人的情况，一个疗程一般为2-3个月不等，但是它并不是一定要长期服用的，要根据不同的情况遵医嘱服用。</t>
  </si>
  <si>
    <t>减肥需要多喝水吗</t>
  </si>
  <si>
    <t>多喝水是有利于身体里面更好的排除毒素 对减肥也是很有利的</t>
  </si>
  <si>
    <t>狐臭自己可以闻到吗</t>
  </si>
  <si>
    <t>能闻得到。</t>
  </si>
  <si>
    <t>不能，人对自己的体味习以为常</t>
  </si>
  <si>
    <t>不一定能闻到</t>
  </si>
  <si>
    <t>乡村爱情会拍9吗</t>
  </si>
  <si>
    <t>《乡村爱情9》把宋晓峰捧上了天 可赵本山的真正底牌却是他！还会拍乡村爱情10吗？#这个8已经出完了，9已经在紧张的筹备当中了#《乡村爱情10》还会拍吗？今日《乡9》秘书扮演者透露消息</t>
  </si>
  <si>
    <t>鱼缸需要钢化玻璃吗</t>
  </si>
  <si>
    <t>很多人都不建议钢化，因为担心鱼缸一旦破裂便无补救可能。但是抗弯和抗冲击，钢化后的强度会是非钢化玻璃的N倍。</t>
  </si>
  <si>
    <t>目测鱼店的鱼缸，食用鱼的鱼缸都是钢化。</t>
  </si>
  <si>
    <t>鱼缸最主要的还是讲究安全第一。首先钢化玻璃会自爆，有这个问题存在做鱼缸就不合适了，万一哪一天钢化玻璃自爆了，那鱼不得干死了啊。普通玻璃做鱼缸，最小厚度在10mm以上安全。还有看你做多大的鱼缸，如果一个鱼缸要做几平米的话，建议用钢化夹胶玻璃。这样既有强度，又能防止万一自爆带来的损失。</t>
  </si>
  <si>
    <t>蚂蚁算昆虫吗</t>
  </si>
  <si>
    <t>昆虫纲是节肢动物门中的一个主要纲，其主要特征是身体分头、胸、腹三部分；头部具一对触角；胸部具三对附肢(足)，大多数种类还具两对翅。所以蚂蚁是昆虫</t>
  </si>
  <si>
    <t>手淫导致的阳痿早泄能治好吗</t>
  </si>
  <si>
    <t>由于过度的手淫造成的阳痿早泄是可以治愈的。</t>
  </si>
  <si>
    <t>流程图可以没有结束吗</t>
  </si>
  <si>
    <t>是的，它描述一个完整的程序流程。一般都有结束条件，不然不成了“永动机</t>
  </si>
  <si>
    <t>宫颈管少量积液严重吗</t>
  </si>
  <si>
    <t>你好，感谢你的咨询。宫颈管内的积液也就是经血。如果是这种情况的话，是不用担心的，也是不需要治疗的。但是如果做B超的时候，不是经期，也没有流血的现象的话，那么宫颈管积液就考虑是宫颈炎引起的了。宫颈炎一般是没有注意经期和性生活的卫生引起的。</t>
  </si>
  <si>
    <t>淘宝配镜需要资质吗</t>
  </si>
  <si>
    <t>第三方医疗器械销售资质，还得有什么药房的营业许可证，还要有一些护理液跟隐形眼镜的三方医疗器械证书。</t>
  </si>
  <si>
    <t>ipad可以下载photoshop吗</t>
  </si>
  <si>
    <t>可以， 有专用的Ipad  PS  APP。 去itunes 里下载就是了</t>
  </si>
  <si>
    <t>双击解锁费电吗</t>
  </si>
  <si>
    <t>是费电，不过费多少不清楚。</t>
  </si>
  <si>
    <t>一般对于内置息屏操作的手机来说，在待机状态下，屏幕会以每小时低于1mAh的微弱电流来运行，这对于大多数平均容量在3000mAh左右的手机来说几乎可以忽略不计，就算极端的待机24个小时，也不过需要多消耗24mAh。</t>
  </si>
  <si>
    <t>尽管双击唤醒功能本身并不会造成太大的电量消耗，但是误触的概率还是存在的，而当手机处于裤兜中不小心点亮了手机的屏幕，自然会造成功耗的增加，如此一来，手机的续航时间就变得难以估算了，这也是很多开启息屏操作的朋友感觉耗电量增加的原因。</t>
  </si>
  <si>
    <t>破解游戏犯法吗</t>
  </si>
  <si>
    <t>不同的国家和地区的法律是不一样的。所以同样的行为在不同的国家是否违法是不一样的。</t>
  </si>
  <si>
    <t>街头篮球有外挂吗</t>
  </si>
  <si>
    <t>目测，还是有一些的，大概10局遇到2个的样子。现在的用挂的人都比较聪明了，隐蔽的比较好（就是会装），还有些就等2.30后才开，或者最后1分钟开。一般有些比较明显的特点，比如身形飘忽，网络一直是红的（当然说不定是真卡B），再就是各种空心，加速这种有点经验的都看得出来了。</t>
  </si>
  <si>
    <t>柴油比汽油便宜吗</t>
  </si>
  <si>
    <t xml:space="preserve"> 一般的市场行情是，按吨算汽油贵，按升算的话柴油贵，因为柴油的比重比汽油大，按经济性来说柴油比汽油省#</t>
  </si>
  <si>
    <t>印尼人与华人通婚吗</t>
  </si>
  <si>
    <t>印尼华人不和当地人通婚，所以即使华人移民印尼几百年了，你还能看见面孔纯正的华人。</t>
  </si>
  <si>
    <t>摩托车档位和速度</t>
  </si>
  <si>
    <t>一般情况下，我不看时速看转速，正常时，我3500~4000转换挡，这样可以为升档后的提速做准备，但有时超车时，我会加大转速再换挡。怠速问题：只要松开油门不灭火就好，但是也不能太低，因为太低会造成机油泵泵油无力，导致润滑不良。机油可看你车的工作环境，要是特别脏，就亲换点，一般正常时1000KM左右，总之勤换机油对车有好处,另外，空气滤芯也要常清理，最好4000KM换新的。</t>
  </si>
  <si>
    <t>雾化器用水可以吗</t>
  </si>
  <si>
    <t xml:space="preserve"> 根据你的描述由于仪器型号不同使用方法也不同，但是都是大同小异的，一般在水槽里加凉水到浮子飘起的，而药液里面不用加水的，只是用生理盐水加药物放入喷雾的容器内就可以了。</t>
  </si>
  <si>
    <t>带了避孕套还会怀孕</t>
  </si>
  <si>
    <t>带避孕套并不是百分之百可以避孕的， 避孕套只是避孕的效果最好，也可能是避孕套会在生产时有质量问题或者使用过程中会遭到破坏。</t>
  </si>
  <si>
    <t>星期狗能治好吗</t>
  </si>
  <si>
    <t>细小的话治愈机会比较大，看是前中期吧，前期专业的治疗应该有八十到五十几率，看治疗过程的方式，犬瘟前期百分之五十，中期百分之三十，后期基本完了，但是一般没后期</t>
  </si>
  <si>
    <t>mac装win7好不好</t>
  </si>
  <si>
    <t>Mac装win的话有伤机器的可能。 主要是一些驱动不完善，所以导致整体耗电量和发热量较大，不过没有什么大碍。</t>
  </si>
  <si>
    <t>南京航空航天大学是不是985</t>
  </si>
  <si>
    <t>南京航空航天大学是211不是985，江苏省只有南京大学和东南大学是985。</t>
  </si>
  <si>
    <t>考公务员要不要报班</t>
  </si>
  <si>
    <t>如果你的自觉性高，可以很好的把握自己，一旦学习就会进入忘我状态，不受打扰，那就可以看看自己的学习效率，再决定报班与否。如果你的自觉性比较差，不能做到闻鸡起舞，屏蔽手机、电脑、王者荣耀、英雄联盟，偶尔跑神，心思飘忽不定，那就不如报个班。如果你自己学习能力很强，自己平时能总结出很多的各种学习方法，那你学习成绩肯定很好，那么考研那点东西对你来说就不是什么大问题了，虽然考公务员试题很难，但是靠你的学习能力与很大的汗水还是可以拿下的，报班就不是很需要了。假设你的学习能力一般，难一点的东西你需要看几遍才能看懂，那说明你的学习方法有问题，那我建议你报个班，听老师多讲解几遍，再总结一些方法与技巧，你能省去很多弯路。毕竟磨刀不误砍柴工。</t>
  </si>
  <si>
    <t>苏州治疗肩周炎好不好</t>
  </si>
  <si>
    <t>苏州大学附属第一医院 苏州大学附属第二医院 常熟市第一人民医院 昆山市第四人民医院</t>
  </si>
  <si>
    <t>不用360可以吗</t>
  </si>
  <si>
    <t>鲁大师定时清内存，读取核心温度数据，硬件信息检测，跑分稳定性测试都很实用。360断网急救箱，优化加速，电脑清理，人工服务，对大众来说都有用，没有理由不用。</t>
  </si>
  <si>
    <t>建议用免费的金山毒霸和金山卫士，安全性比360好太多，两者不是一个级别的。</t>
  </si>
  <si>
    <t>k7746经常晚点吗</t>
  </si>
  <si>
    <t>今日邯郸发往天津的k7746次列车，正点13:53开，但14:57才开始检票，都15:30了还没开车，晚点了也没个说法，大家等车的时候也没有人出来说话有什么事，就让大家干等着，哎，铁路部门的服务也太差了</t>
  </si>
  <si>
    <t>在国外收短信要钱吗</t>
  </si>
  <si>
    <t>接收短信不要钱</t>
  </si>
  <si>
    <t>健身操减肥吗</t>
  </si>
  <si>
    <t>减肥健身都是有氧与无氧的结合，需要时间的坚持，不是说练哪里就能减哪里的，那些吹嘘什么什么能很快减下来的，都是靠不住的，即使瘦下来，也容易反弹，唯有锻炼才是最可靠的。</t>
  </si>
  <si>
    <t>德国大学免费吗</t>
  </si>
  <si>
    <t>德国大学免费与收费，免费政策只局限于公立学校，上私立大学还是需要交费的。</t>
  </si>
  <si>
    <t>西班牙吃饭贵吗</t>
  </si>
  <si>
    <t>西班牙一年四季的餐费都差不多。主要区别是周一~周五，中午~晚上，居民区~景区的价格差别。大城市之间的差别比较小。中餐厅和西餐厅的价格差别不大。</t>
  </si>
  <si>
    <t>离高压线近可以退房吗</t>
  </si>
  <si>
    <t>退房的可能性几乎没有。</t>
  </si>
  <si>
    <t>地板砖有毒吗</t>
  </si>
  <si>
    <t>多种情况，有的有，有的没有</t>
  </si>
  <si>
    <t>2个卫生间有必要吗</t>
  </si>
  <si>
    <t>用了你就知道俩个好了</t>
  </si>
  <si>
    <t>有没有人特别讨厌主卧里带卫生间的设计的？？？这个卫生间真的有用吗？？</t>
  </si>
  <si>
    <t>对于三口之家，单卫就够用了。单卫对房屋面积的使用更加均衡。相较于双卫也能省下一笔钱。双卫的好处在于保护隐私，对于家庭成员多，三世同堂的家庭比较适合。相对而言，多一个卫生间，面积上也要多出10平米左右，买房成本也就要高上一些。</t>
  </si>
  <si>
    <t>迈锐宝会自动落锁吗</t>
  </si>
  <si>
    <t>不会落锁。除非已经锁车，再次开锁但没开车门。</t>
  </si>
  <si>
    <t>狗可不可以喝牛奶</t>
  </si>
  <si>
    <t>其实断奶后的幼犬，只要饲料搭配合理，不需要补给奶粉。如果一定要给幼犬补充奶食的话，最好是使用专用的狗奶粉。如果实在买不到的话，可用少量的婴儿奶粉调在米糊中给幼犬食用，开始先小量，待幼犬逐步适应后才进一步增加奶粉的用量。</t>
  </si>
  <si>
    <t>并不是所有的狗狗都不适宜喂牛奶，只是无论是从营养角度还是安全角度对于狗狗来说都不适最佳的选择，而对于某些特殊情况的狗狗更是不能喂食牛奶。</t>
  </si>
  <si>
    <t>鲜奶里的细菌（注意不是病菌哟）要比其它牛奶要多许多，而且乳糖、脂肪的含量也很高，小狗喝了肯定会拉稀，还容易引起其它的肠胃疾病。</t>
  </si>
  <si>
    <t>移植后肚子小痛正常吗</t>
  </si>
  <si>
    <t>试管婴儿移植后肚子疼。 经常有很多患者抱在怨移植后腹部不舒服，甚至腹痛。她们担心这种情况会对怀孕有影响。其实这些症状是要区别对待的。例如轻度腹痛，有时像针扎一样，部位不定，时间不定---这种情况一般不要紧。</t>
  </si>
  <si>
    <t>便秘能吃柚子吗</t>
  </si>
  <si>
    <t>柚子的话，也可以的</t>
  </si>
  <si>
    <t>肝血管瘤会癌变吗</t>
  </si>
  <si>
    <t>其实，肝血管瘤不是真正意义上的肿瘤，而是肝内血管异常聚集所致，不会恶变，大可不必紧张。</t>
  </si>
  <si>
    <t>男的每天喝豆浆好吗</t>
  </si>
  <si>
    <t>这个无所谓，可以喝的</t>
  </si>
  <si>
    <t>狗狗吃鱼好吗</t>
  </si>
  <si>
    <t>严格来说，狗可以吃鱼</t>
  </si>
  <si>
    <t>青金石有收藏价值吗</t>
  </si>
  <si>
    <t>青金石有收藏价值，这是一种较为罕有的宝石，呈蓝色的青金石古器往往甚为珍贵。青金石是方钠石的蓝色变种。青金石色是藏传佛教中药师佛的身色，常戴可保佑平安健康，无病无灾。</t>
  </si>
  <si>
    <t>一个网线可以接两个无线路由器吗</t>
  </si>
  <si>
    <t>一根宽带网线，是可以连接两个无线路由器的，经过合理的设置后，这两个无线路由器都是可以上网的</t>
  </si>
  <si>
    <t>女性hpv阳性不及时治疗能致癌吗</t>
  </si>
  <si>
    <t>hpv感染引起的尖锐湿疣是常见的性传播疾病，HPV阳性是尖锐湿疣，女性hpv病毒感染如果不及时去治疗，随着病情的发展，会导致宫颈癌的发生</t>
  </si>
  <si>
    <t>HPV阳性说明感染人乳头瘤病毒了，有病毒感染不一定都要导致宫颈病变甚至宫颈癌。</t>
  </si>
  <si>
    <t>锦湖轮胎好吗</t>
  </si>
  <si>
    <t>比较差，质量问题多</t>
  </si>
  <si>
    <t>弹弓打斑鸠违法吗</t>
  </si>
  <si>
    <t>斑鸠是国家二类保护动物，现在捕杀和贩卖都是违法的</t>
  </si>
  <si>
    <t>三伏天出汗多好吗</t>
  </si>
  <si>
    <t>出汗虽好但不宜贪多，尤忌大汗淋漓。因为汗液中不但含有碱、酸、盐等还有钙，每天正常出汗仅会损失15毫克左右的钙，不会对人体造成伤害。</t>
  </si>
  <si>
    <t>公积金贷款更换担保人,能换担保公司吗?</t>
  </si>
  <si>
    <t>可以变更，按照以下程序办理：1、借款人首先向贷款科（或所在管理部、分中心，下同）提出申请，经贷款科同意，由贷款科向贷款经办银行开具《住房公积金贷款担保人变更通知书》。2、银行经办人员应按照《住房公积金贷款担保人变更通知书》的内容，通知借款人、新增担保人、原所有担保人，持本人身份证原件，到银行现场签订《个人住房公积金贷款保证人变更协议》，本人签字并按手印，协议各方签字齐全后，担保人变更有效。3、银行经办人员根据变更内容，修改住房公积金贷款担保人信息，并通知贷款科变更手续完成。4、贷款科解冻被替换担保人住房公积金帐户，冻结新增担保人住房公积金帐户。</t>
  </si>
  <si>
    <t>新加坡有沙滩吗</t>
  </si>
  <si>
    <t>新加坡有沙滩又有酒店的地方也就圣淘沙岛了。岛上的沙滩也就最南端一块，但酒店区域集中在岛的西侧（东侧基本是娱乐景点）。节庆酒店到沙滩最起码也有两公里。不过可以坐圣淘沙上的公交车，3#路线，可以从酒店到岛上各个景点。</t>
  </si>
  <si>
    <t>养猪有没有补贴</t>
  </si>
  <si>
    <t>2017年养猪补贴新政策和标准，规模补贴标准和补贴数额①生猪养殖规模3000头以上的，补贴80万。②生猪养殖规模2000到2999头的，补贴60万。③生猪养殖规模1000到1999头的，补贴40万。④生猪养殖规模500到999头的，补贴20万。</t>
  </si>
  <si>
    <t>黑莓手机安全吗</t>
  </si>
  <si>
    <t>黑莓采用GrSecutity Liunx内核，并不支持root，在底层提高软件攻破的门槛。每一台黑莓KEYone均有唯一识别码，启动过程中将对硬件、系统、应用程序进行检测，防止被篡改。还有FIPS 14-2全磁盘加密、BlackBerry Infrastructure 网络安全系统、BES12企业移动管理平台等一系列陌生的名词，都是在系统底层做好安全。正是对安全的要求，Google与黑莓共同打造Android for Work，给企业以及个人提供数据安全解决方案。所以黑莓号称自己的手机，是全世界最安全的Android手机，一点都不过分。</t>
  </si>
  <si>
    <t>高度安全性一直是黑莓公司标榜的优点，令人叹息的是，在手机销量大滑坡的同时，就连黑莓手机的安全性也大打折扣，昔日最安全的黑莓，等到黑莓10 OS之后，却成为了最危险的系统。软件应用匮乏一直是黑莓平台的软肋，为了弥补，黑莓出重金邀请开发者开发黑莓10应用，不过效果依然不如人意。为此，黑莓干脆解锁了Android模拟器，允许用户直接下载安装Android应用。此种“福利”造成的后果是，用户很少去往Google Play store，而是在盗版和恶意程序遍布的第三方应用市场中下载APP。</t>
  </si>
  <si>
    <t>出轨的婚姻能否幸福</t>
  </si>
  <si>
    <t>出轨后的婚姻能否幸福，要看不同的出轨情况或夫妻双方的性格态度及对出轨这件事的承受底线。</t>
  </si>
  <si>
    <t>青山沟好吗</t>
  </si>
  <si>
    <t>公司旅游组织的，两天一夜，风景还好了，主要大家一起就觉得不错。#漂流不错，难得的清凉！满族风情园，地方不大，盖有几间满族风情的房子，皮影戏很吸引人，但时间很短。其他室内展示物品和表演也很精彩！#</t>
  </si>
  <si>
    <t>神仙肉好看吗</t>
  </si>
  <si>
    <t>神仙肉算是不错文，特别适合书荒的妹子。</t>
  </si>
  <si>
    <t>北京买车能在外地上牌吗</t>
  </si>
  <si>
    <t>瑞穗金融是骗子吗</t>
  </si>
  <si>
    <t>是的，骗人的，不知道有多少人被骗</t>
  </si>
  <si>
    <t>临时工超过800就要交税?</t>
  </si>
  <si>
    <t>临时工因没有签定用工合同，所以工资支付方会以劳务支出来代扣个人所得税。按个税法，劳务费扣除额为800元，超过部分计算劳务所得个税。</t>
  </si>
  <si>
    <t>号码不用快一个月了别人还能定位吗</t>
  </si>
  <si>
    <t>hp笔记本有蓝牙吗</t>
  </si>
  <si>
    <t>同型号不同批次的机器配置也有可能有差别的，如果你需要知道机器是否带有蓝牙功能，可以按照下面的步骤操作一下，检测一下是否具有蓝牙设备。1. 右键单击“我的电脑”－选择“属性”－选择“硬件”－选择“设备管理器”检查是否有“蓝牙如何删除蓝牙的多余端口设备” 2. 检查机器背面的 20 位配置代码的倒数第五位如果是“ I ”“ K ”“ M ”“ P ”中的任意一个那么该机型也是标配蓝牙</t>
  </si>
  <si>
    <t>马克币投资有风险吗</t>
  </si>
  <si>
    <t>投资“马克币”血本无归</t>
  </si>
  <si>
    <t>驾校报名可以刷卡吗</t>
  </si>
  <si>
    <t>一般是可以的刷卡现金都是可以的不过不同驾校的方式不一样你问问你的准备报名的驾校就可以了</t>
  </si>
  <si>
    <t>别人能拿我的身份证办信用卡吗</t>
  </si>
  <si>
    <t>根据《商业银行信用卡业务监督管理办法》第三十八条的规定:发卡银行应当公开、明确告知申请人需提交的申请材料和基本要求，申请材料必须由申请人本人亲自签名，不得在客户不知情或违背客户意愿的情况下发卡。</t>
  </si>
  <si>
    <t>powerpoint就是ppt吗</t>
  </si>
  <si>
    <t>可以这么说。但不一定全对。</t>
  </si>
  <si>
    <t>冰糖是用白砂糖做的 对不对</t>
  </si>
  <si>
    <t>对，冰糖是用白砂糖做的。</t>
  </si>
  <si>
    <t>笔记本低电压版好吗</t>
  </si>
  <si>
    <t>对于处理器准电压与低电压哪个好，其实没有绝对的答案，如果注重性能，标准电压笔记本CPU肯定更为值得推荐，不过低电压笔记本CPU通常用于轻薄时尚笔记本中，此类笔记本具备轻薄便携、外观漂亮特点，因此关于笔记本CPU标准电压与低电压哪个好，主要根据用途来看，CPU如今并不是笔记本瓶颈，低电压i5处理器也可以满足办公、影音娱乐以及大多数一般网络游戏，注重外观的用户通常值得考虑；如果是玩片大型游戏，对性能要求较高的话，首先当然是标准电压CPU。</t>
  </si>
  <si>
    <t>汽车可以加装定速巡航吗</t>
  </si>
  <si>
    <t>定速巡航系统是可以后期加装的。但是需要先用电脑进行检测，以此确定车辆的电脑版本是否可以加装定速巡航。</t>
  </si>
  <si>
    <t>高盛厉害吗</t>
  </si>
  <si>
    <t>高盛集团2014年全球500强第270位，营业收入408.74亿美元，利润8040亿美元。高盛集团（GoldmanSachs），一家国际领先的投资银行和证券公司，向全球提供广泛的投资、咨询和金融服务，拥有大量的多行业客户，包括私营公司、金融企业、政府机构以及个人。在香港设有分部，并分别在23个国家和地区设有41个办事处。高盛集团同时拥有丰富的地区市场知识和国际运作能力。</t>
  </si>
  <si>
    <t>健康人cd4低于500吗</t>
  </si>
  <si>
    <t>成人的CD4细胞为每毫升500~1600个,艾滋病病毒感染者的CD4细胞可能会出现进行性或不规则性下降,提示感染者的免疫系统受到了严重损害,</t>
  </si>
  <si>
    <t>舒尔特方格有用吗</t>
  </si>
  <si>
    <t>舒尔特方格是全世界范围内最简单，最有效也是最科学的注意力训练方法。</t>
  </si>
  <si>
    <t>看电影小孩要买票吗</t>
  </si>
  <si>
    <t>如果儿童要占一个座位，是需要购票的，有的影院是不足一米二的儿童不用购票，需要家长抱着孩子；也有不足一米三的儿童不用购票。超过身高的儿童购买半价票。具体还是看各个电影院的安排。</t>
  </si>
  <si>
    <t>疾风之刃幻魔宫能组队吗</t>
  </si>
  <si>
    <t>不能组队</t>
  </si>
  <si>
    <t>贫血对怀孕有影响吗</t>
  </si>
  <si>
    <t>孕前贫血时人体已经处于缺铁状态，孕后铁的需求增多，会导致贫血加重影响到胎儿的发育。</t>
  </si>
  <si>
    <t>中信证券理财产品是否安全</t>
  </si>
  <si>
    <t>投资理财最重要的是选择比较安全的#中信证券是券商的龙头，国家队资金都在中信，理财产品应没什么问题#不过,中信证券是中国证监会核准的第一批综合类证券公司,是国内规模最大的证券公司，兜底能力相对也比较强,刚性兑付的承诺目前还没有被打破,因此是比较安全的#</t>
  </si>
  <si>
    <t>不过理财嘛高收益代表着高风险，绝对安全肯定没有的</t>
  </si>
  <si>
    <t>星球大战7里有卢克吗</t>
  </si>
  <si>
    <t>《星球大战7原力觉醒》中蕾伊和卢克两人之间似乎有着一层关系。</t>
  </si>
  <si>
    <t>天行者卢克没有子女，而且三十年来他的去向成谜，也没有人再见过他。人们都以为绝地武士绝迹了。</t>
  </si>
  <si>
    <t>孕妇感冒可以吹空调吗</t>
  </si>
  <si>
    <t>空调可以开的，温度控制在28度左右。不要对着吹就可以。</t>
  </si>
  <si>
    <t>京东有没有试用</t>
  </si>
  <si>
    <t>试用审核通过的用户，会有短信通知您，请注意查看京东的短信哦!若您手机信号开小差，没有收到短信，也可以登陆“我的试用”查看申请是否审核通过！</t>
  </si>
  <si>
    <t>正当防卫3能不能联机</t>
  </si>
  <si>
    <t>《正当防卫3》多人联机模式Mod演示：他们公布的视频显示联机Mod已经可以让玩家进行赛车，赛艇，赛飞机，并且玩家间的同步率和碰撞表现正常。载具的正常联机是很重要的部分，这对于联机Mod开发是很大的一步，玩家间的同步是最重要的。</t>
  </si>
  <si>
    <t>韩国代购挣钱吗</t>
  </si>
  <si>
    <t>不赚钱，所以没做了，只是每次放假回国的时候带一点化妆品什么的给朋友。</t>
  </si>
  <si>
    <t>巴萨有钱吗</t>
  </si>
  <si>
    <t>巴萨常年来的一个软肋。欧洲前六的商业收入中，巴萨是最低的，甚至比拜仁少了1亿多的商业收入。而上赛季，巴萨在这一块领域完成了33%的增长，终于跨入了2亿欧的门槛，这一点来说还是非常让人欣喜的。巴萨在比赛日和转播收入方面是有一定的优势的，只要将商业收入发展起来，未来巴萨就有可能牢牢占据总收入的第一把交椅。</t>
  </si>
  <si>
    <t>头文字d动漫好看吗</t>
  </si>
  <si>
    <t>动画和漫画，都很好看</t>
  </si>
  <si>
    <t>微信可以约炮吗</t>
  </si>
  <si>
    <t>微信是很火的社交软件,当然也可以用来约炮,微信约炮宝典,只要你想就可以这么做</t>
  </si>
  <si>
    <t>武汉公交转地铁免费吗</t>
  </si>
  <si>
    <t>地铁换乘公交，公交换乘地铁都不享受免费换乘</t>
  </si>
  <si>
    <t>颈椎引起高血压吗</t>
  </si>
  <si>
    <t>颈椎病会导致高血压，是颈椎病的并发症。</t>
  </si>
  <si>
    <t>银行流水作假可以通过吗</t>
  </si>
  <si>
    <t>有些人钻了金融机构的空子，凭借假银行流水拿到了贷款，但是贷款还有后期的贷后管理，一旦发现，轻则被收回贷款、缴纳违约金，重则会被银行以“骗取贷款罪”上诉到法院</t>
  </si>
  <si>
    <t>伪造的银行流水就算再以假乱真，它也是假的，审贷部门会有人专门做资料的审查工作，真假流水在他们眼里一辨就明，假流水想逃过工作人员的法眼，简直比登天还难！所以，通常情况下，想靠假的银行流水贷款根本是条走不通的路。</t>
  </si>
  <si>
    <t>子弹是旋转的吗</t>
  </si>
  <si>
    <t>子弹受到了膛线的作用发生了旋转。</t>
  </si>
  <si>
    <t>注射人血白蛋白会感染疾病吗</t>
  </si>
  <si>
    <t xml:space="preserve">人血白蛋白是从人血浆中提取的非变性、纯净的白蛋白制剂。目前使用的人血白蛋白是在有稳定剂时，经60℃加温灭活病毒10小时，在这种条件下，HBV、HCV、HIV等病毒均已丧失传染性；且白蛋白无抗原性，可反复输注，比输注血浆或全血安全很多。 </t>
  </si>
  <si>
    <t>前列腺癌遗传吗</t>
  </si>
  <si>
    <t>前列腺癌并没有明显的遗传属性。前列腺癌这个疾病病因不明，与遗传也是有一定关系的，但不是一定会患病，只是患病可能性比一般人高出许多。有一部分前列腺癌具有家族遗传性。遗传性前列腺癌的特征性遗传模式是指特定的致病基因由父亲遗传给儿子，或者由外祖父遗传给母亲。再由母亲遗传给儿子。</t>
  </si>
  <si>
    <t>花呗必须10号还款吗</t>
  </si>
  <si>
    <t>用花呗支付的话，不管什么时候买的，只根据确认收货的时间来生成账单，不管是本月几号确认收货的，下个月 1 号就会生成账单，10号之前还款。</t>
  </si>
  <si>
    <t>宝露露儿童面霜好用吗</t>
  </si>
  <si>
    <t>最好用的儿童面霜，口碑和销量NO.1～韩国PORORO宝露露小企鹅儿童面霜，补水保湿润肤、温和无刺激。</t>
  </si>
  <si>
    <t>植鞣绵羊皮好吗</t>
  </si>
  <si>
    <t>植鞣皮是以植物鞣剂加工皮革而形成的皮具原料。植鞣羊皮就是用这种工艺制作的羊皮，一般为绵羊皮。具有真正意义上的环保特性。</t>
  </si>
  <si>
    <t>感冒能吃木瓜吗</t>
  </si>
  <si>
    <t>感冒咳嗽者可以吃木瓜，对病情没有什么不良影响。</t>
  </si>
  <si>
    <t>快播还能看黄吗</t>
  </si>
  <si>
    <t>中国的互联网企业的发展模式往往遵循“灰色起家再洗白”的路径，也正如快播方面承认，“低俗内容和版权问题一直是（中国互联网）背负的原罪”。快播正想洗白之际，却碰上了“净网2014”网络扫黄的钉子。</t>
  </si>
  <si>
    <t>fifaol3孙兴民好用吗</t>
  </si>
  <si>
    <t>孙兴民属于小快灵类型球员，能够打前锋、边锋、边前卫等位置，由于其属性优异，门前嗅觉灵敏，强烈建议打前锋位置。</t>
  </si>
  <si>
    <t>挂载皮肤别人能看到吗</t>
  </si>
  <si>
    <t>可以，这些皮肤都是有用的。</t>
  </si>
  <si>
    <t>挂载就是指修改你本地的信息，别人是看不见的。</t>
  </si>
  <si>
    <t>iphone6是双核吗</t>
  </si>
  <si>
    <t>iPhone6不是四核处理器，iPhone6使用的A8处理器是一款双核处理器</t>
  </si>
  <si>
    <t>日本买川久保玲便宜吗</t>
  </si>
  <si>
    <t>日币和人民币是得兑换的，不同系列的， 什么价位的都有如果是play系列的话，这个比较便宜，折合RMB大概400-700一件吧，如果是川久保玲的高端系列就贵了。</t>
  </si>
  <si>
    <t>维特利亚理工学院好吗</t>
  </si>
  <si>
    <t>维特是一般的理工学校，取决于个人想学习的专业，不同的理工学校擅长的专业是不一样的。</t>
  </si>
  <si>
    <t>驾照没满一年可以上高速吗</t>
  </si>
  <si>
    <t>明确规定驾驶人在实习期内可以驾车上高速公路，但设置了限制条件，必须由持相应或者更高准驾车型驾驶证三年以上的驾驶人陪同，否则将被处200元罚款。</t>
  </si>
  <si>
    <t>日本学生压力大吗</t>
  </si>
  <si>
    <t>日本的升学压力不比中国小，在日本如果想升学，高二就要开始找补习班的了。</t>
  </si>
  <si>
    <t>英国卫裤效果真有吗</t>
  </si>
  <si>
    <t>其实什么内裤都可以，不要听信广告上的一些产品，没有很好的效果的</t>
  </si>
  <si>
    <t>茶物语奶茶好喝吗</t>
  </si>
  <si>
    <t>好喝，关键是绿色健康</t>
  </si>
  <si>
    <t>去美国旅游需要体检吗</t>
  </si>
  <si>
    <t>美国旅游签证是不需要体检的</t>
  </si>
  <si>
    <t>note3后盖是皮的吗</t>
  </si>
  <si>
    <t xml:space="preserve">Note3系列手机后盖采用工程塑料（后盖为仿皮质手感，边框为金属质感，并非金属材质）。 </t>
  </si>
  <si>
    <t>中国汽车出口朝鲜吗</t>
  </si>
  <si>
    <t>中国车比较便宜，而且中国是唯一一个能向朝鲜出口的国家。</t>
  </si>
  <si>
    <t>狗狗死了有灵魂吗</t>
  </si>
  <si>
    <t>狗死后没有中阴身和灵魂之说</t>
  </si>
  <si>
    <t>花甲里的全部能吃吗</t>
  </si>
  <si>
    <t>壳里的都可以吃</t>
  </si>
  <si>
    <t>飞机上可以玩平板</t>
  </si>
  <si>
    <t>在飞机起降阶段是严禁使用的。</t>
  </si>
  <si>
    <t>70天能考上研究生吗</t>
  </si>
  <si>
    <t>看基础了和考得专业了</t>
  </si>
  <si>
    <t>节电宝有用吗</t>
  </si>
  <si>
    <t>据家电专家梁振鹏介绍，节电器能省电20%-50%根本就是一个骗局。节电器里面主要由电容，可控硅，线圈以及保险组成。电容主要对冰箱，空调等有电机类负载有无功补偿的作用。对于用户来说，计量的是有功用的电量，所以不会省电。</t>
  </si>
  <si>
    <t>乐缘网是真是假</t>
  </si>
  <si>
    <t>估计是假的，很多相亲类的网站都是让你交vip，然后交友的都是虚假的计算机。</t>
  </si>
  <si>
    <t>缺血性视神经病变能治好吗</t>
  </si>
  <si>
    <t>这个缺血性视神经病变是没有什么好办法治疗的，基本上是进行药物治疗的，但治疗的效果很差的。</t>
  </si>
  <si>
    <t>苹果iso9好用吗</t>
  </si>
  <si>
    <t>苹果iso9不好用</t>
  </si>
  <si>
    <t>月经期间可以吃灵芝吗</t>
  </si>
  <si>
    <t>女性经期是可以吃灵芝的，可以起到补血的功能</t>
  </si>
  <si>
    <t>月经推迟30天正常吗</t>
  </si>
  <si>
    <t>30天没来月经不正常</t>
  </si>
  <si>
    <t>婴儿能看见东西吗</t>
  </si>
  <si>
    <t>有研究显示，刚出生的宝宝视野只用45度左右，只能追视向前18-38公分内的人或者物体。动力视网膜镜测试发现，新生儿的最优视焦距是19厘米</t>
  </si>
  <si>
    <t>药流加清宫伤害大吗</t>
  </si>
  <si>
    <t>也就是先用药物打胎然后再清宫。当然对子宫伤害肯定要比无痛人流要大</t>
  </si>
  <si>
    <t>冬天下雪后用洗车吗</t>
  </si>
  <si>
    <t>下雪后，为了融雪要在马路上撒盐，马路上的泥水里就会夹杂着盐分和多种碱性成分，如果长时间附着在车身、轮胎、轮毂和底盘上，不及时清洗，腐蚀程度会进一步加重，可见，雪后尽快洗车是很有必要的。</t>
  </si>
  <si>
    <t>战地4有单机吗</t>
  </si>
  <si>
    <t>战地4是一款单机游戏。</t>
  </si>
  <si>
    <t>地瓜会开花吗</t>
  </si>
  <si>
    <t>地瓜原产于热带，属于喜温的短日照作物。它具有开花的特性，一般每天有8小时光照就能开花，10小时以上光照就不合适了。因此一般在北纬23°以北就不能正常开花了，所以开花在南方比较常见，在北方却极其罕见。</t>
  </si>
  <si>
    <t>针灸能祛斑吗</t>
  </si>
  <si>
    <t>针灸是我国的老传统了，挺不错的，也是瑰宝啊！但还没有听说过针灸对祛斑有一定的疗效啊</t>
  </si>
  <si>
    <t>打印机辐射影响胎儿吗?</t>
  </si>
  <si>
    <t>打印机只有轻微辐射，不必担心，一般不会有事。</t>
  </si>
  <si>
    <t>iphone5越狱后可以直接升级吗</t>
  </si>
  <si>
    <t>越狱后不可以直接升级</t>
  </si>
  <si>
    <t>能自学英语吗</t>
  </si>
  <si>
    <t>可以的，我32岁学的外语，用了三年达到流利</t>
  </si>
  <si>
    <t>猫和狗可以生宝宝么</t>
  </si>
  <si>
    <t>猫和狗，一个猫科，一个犬科，基因有很大差异，双方的生殖系统不同，不可能交配</t>
  </si>
  <si>
    <t>怀孕肚脐内陷是男是女</t>
  </si>
  <si>
    <t>孕妇肚脐是否凸起，不能作为判断孕妇生男生女的依据</t>
  </si>
  <si>
    <t>保亭 房子该不该买</t>
  </si>
  <si>
    <t>保亭的环境气候很好，但是生活配套方面较为落后，不适宜年轻人。</t>
  </si>
  <si>
    <t>冰糖可以长时间煮吗</t>
  </si>
  <si>
    <t>小火可以，但时间不能太长。</t>
  </si>
  <si>
    <t>北京买房可以落户吗</t>
  </si>
  <si>
    <t>根据《北京市郊区小城镇建设试点城镇户籍管理试行办法》的规定，在北京买房办户口，有三个条件：其一，必须是在试点城镇有合法固定住所和稳定生活来源的外地人员;其二，得在试点城镇进行一定比例的投资;其三，受聘于试点城镇企事业单位有突出贡献的具有专业职称的科技、教育、管理等人才。“并不是简单地只要买房就能办户口。”</t>
  </si>
  <si>
    <t>谷丙转氨酶75严重吗</t>
  </si>
  <si>
    <t>不严重，近期注意多休息，别喝酒，不要过度劳累，过段时间再做个复查，应该就正常了。</t>
  </si>
  <si>
    <t>净丝仪有用吗</t>
  </si>
  <si>
    <t>全能光学系列的产品，都可以利用不同的波段治疗红血丝的，要是净丝仪，是更专业的治疗红血丝的产品，效果肯定比原有的e光产品更专业，而且是无痛治疗，无复发，值得推荐。</t>
  </si>
  <si>
    <t>红血丝要修复，用仪器会更严重</t>
  </si>
  <si>
    <t>中国好声音有qq抽奖活动吗</t>
  </si>
  <si>
    <t>没有，你要是收到了那可能是骗子。不要相信。</t>
  </si>
  <si>
    <t>宫颈炎会有水样白带吗</t>
  </si>
  <si>
    <t>水样白带是一个症状，好多病都可以导致水样白带，比如阴道炎、宫颈炎，宫颈癌的早期可能都会出现这一个症状。本身这个症状并没有什么特意性，并没有指向是哪个病特有的症状。所以有水样白带也确实要提高警惕，定期到医院做检查。宫颈防癌刮片一般可以让你除外一些恶性肿瘤存在的情况。</t>
  </si>
  <si>
    <t>女生的阴道可以用舌头舔吗</t>
  </si>
  <si>
    <t>可以的，如果你喜欢的话，没有什么问题</t>
  </si>
  <si>
    <t>最好不要口交的，如果性器官感染梅毒、淋病、疱疹、菜花、非淋菌性尿道炎等性病，或是有霉菌、细菌性皮肤感染时，都可能由口交传染给性伴侣，因此不宜口交；另外，嘴里有伤口时，也应该避免口交。</t>
  </si>
  <si>
    <t>性交时接触性器官需要将性器官清洗干净，清洗后是可以口交的。</t>
  </si>
  <si>
    <t>iphone有来电归属地吗</t>
  </si>
  <si>
    <t>iPhone手机一直都不支持来电归属地显示</t>
  </si>
  <si>
    <t>上传视频赚钱吗</t>
  </si>
  <si>
    <t>当然可以，纯黑和谷歌铁定赚翻了，一月没有上万也有5000，没有5000也有2000，因为纯黑和黑桐谷歌是攻略视频，一个视频5天左右出一次，不像别人混钱的。可以下载一个IKU,是youku网推出的视频下载软件,可以下载优酷网视频,类似土豆网的iTudou。</t>
  </si>
  <si>
    <t>住房公积金可以断吗</t>
  </si>
  <si>
    <t>住房公积金能断,现实中,当职工与单位解除劳动关系,公积金自然就停交了;职工与单位恢复劳动关系或找到了新的工作单位,公积金自然就续交了,很多人都有换工作的经历,自然就有断交和续交的情况。</t>
  </si>
  <si>
    <t>赫拉黑珍珠好用吗</t>
  </si>
  <si>
    <t>关于赫拉黑珍珠与普通款区别：普通款为夏日版，SPF50，分N,C系列。黑珍珠为秋冬专用款，SPF34，4.2倍含水量高保湿，不分N,C系列，只有13，21，23三个色号。关于色号选择（遮瑕效果一样，只有色号区分）：13号嫩白色，适合肤色本身比较白皙的人或者想要特别白效果的人使用。21号自然白（等同于原来的C21），适合中等肤色，有色斑或者稍有偏黄的肤色使用。23号象牙米白，适合皮肤暗黄或者偏黑的肤色使用</t>
  </si>
  <si>
    <t>提车要给销售员红包吗</t>
  </si>
  <si>
    <t>买车要给红包从来没听过</t>
  </si>
  <si>
    <t>泰诺是不是抗生素</t>
  </si>
  <si>
    <t>泰诺是感冒药物，不是抗菌素</t>
  </si>
  <si>
    <t>黄金青铜可以双排吗</t>
  </si>
  <si>
    <t>不可以排， 就是不可以越两个段位以上  比如你青铜 只可以找上下一个段位的也就是说可以和白银的排</t>
  </si>
  <si>
    <t>桃地再不斩厉害吗</t>
  </si>
  <si>
    <t>首先说综合实力，再不斩真正实力其实在卡卡西之上，从头到尾一直在吊打卡卡西，死也是死在鸣人的主角光环之下，再不斩以这个为起点的话，后期的成长绝对要逆天。</t>
  </si>
  <si>
    <t>斯汀厉害吗</t>
  </si>
  <si>
    <t>如果你说是wwe的，只能说还可以，但他的摔角生涯无疑是摔角界最辉煌的，在这里就不一一说了，可以百度百科一下，敬仰就好。</t>
  </si>
  <si>
    <t>3岁宝宝能喝柠檬水吗</t>
  </si>
  <si>
    <t>柠檬中含有大量的维生素C，可以增强免疫力，每天喝一杯可以预防感冒，对孩子健康是有好处的。</t>
  </si>
  <si>
    <t>孕妇可以吃头孢呋辛酯片吗</t>
  </si>
  <si>
    <t>可以的，这个药物属于头孢类，还是很安全的</t>
  </si>
  <si>
    <t>人流后没出血正常吗</t>
  </si>
  <si>
    <t>人流后没有出血是正常的，说明你手术很成功。</t>
  </si>
  <si>
    <t>广州车牌可以交易吗</t>
  </si>
  <si>
    <t>广州车牌指标，有效期6个月，且有效期内禁止转让！过期未购车，上牌的，车牌指标将视为自动放弃。摇号获得指标的，还将受到2年内不得参与车牌摇号竞价的处罚。</t>
  </si>
  <si>
    <t>c证需要年审吗</t>
  </si>
  <si>
    <t>不要,,只有C以上的才要年审,C照6年去一下就可以了</t>
  </si>
  <si>
    <t>鹿肉上火吗</t>
  </si>
  <si>
    <t>鹿肉属于纯阳之物，补益肾气之功为所有肉类之首，性偏温，多吃是容易上火的。</t>
  </si>
  <si>
    <t>开关电源能给电瓶充电吗</t>
  </si>
  <si>
    <t>由于开关电源过流点太高，容易烧电源。因此不能当作充电器用。</t>
  </si>
  <si>
    <t>少女时代是处吗</t>
  </si>
  <si>
    <t>这种问题，没人能给出确切的答案，但是的几率很大，傻帽公司是韩国最大的娱乐公司，那些潜规则基本上都是小公司的，这种自损形象的事不回去干的，就算保密能力再强，也会透露出风声的，但之前一直没听说过。</t>
  </si>
  <si>
    <t>奔驰a170好吗</t>
  </si>
  <si>
    <t>奔驰本身质量是不错的，07年的A系2万刀感觉有点贵。具体行情你可以查查www.kbb.com上的报价</t>
  </si>
  <si>
    <t>国企好混吗</t>
  </si>
  <si>
    <t>说实话，现在的国企有很多是很不错的，也造就了很多厉害人物，并不是无所事事或者毫无激情。相反，只要不断严格要求自己，即掌握了业务，又琢磨透了为人处事的学问，那将是令人骄傲的。</t>
  </si>
  <si>
    <t>怀孕初期hcg增长慢后来又升上去了要紧吗</t>
  </si>
  <si>
    <t>HCG因人而异,人与人之间没有可比性,只能和自己的值比.因为每人经期周期不同，着床时间也不同，没有人可以在早孕期间准确的计算出自己宝宝的实际天数，医生按照末次月经计算，显然对有些准妈妈来说，是不合理的。准妈妈担心自己的值比别人的值低，孩子是不是发育的不好？其实不需要有这样的担心，只要自己的HCG在增涨的状态，就可以。</t>
  </si>
  <si>
    <t>没开网银能绑定支付宝吗</t>
  </si>
  <si>
    <t>绑定银行卡并不需要该卡开通网上银行卡，只要此银行卡是支付宝合作的银行就可以绑定支付宝。</t>
  </si>
  <si>
    <t>隐形眼镜能游泳吗</t>
  </si>
  <si>
    <t>戴隐形眼镜 游泳不是不可以</t>
  </si>
  <si>
    <t>博朗电动牙刷充电结束提醒么</t>
  </si>
  <si>
    <t>此款为感应式充电不带有充电指示灯，您用完后放回充电即可，此款不带定时提醒，带有定时提醒的标注为本系列悦享款。</t>
  </si>
  <si>
    <t>爱奇艺直播阅兵吗</t>
  </si>
  <si>
    <t>《爱奇艺全程完整直播》，CCTV1及CCTV4同步直播，2015中国大阅兵完整版，中国大阅兵2015完整版，中国抗战胜利70周年大阅兵2015年9月3日完整视频，中国抗战胜利70周年大阅兵2015.9.3完整视频，【2015中国大阅兵完整版】，</t>
  </si>
  <si>
    <t>黄金和银能一起戴吗</t>
  </si>
  <si>
    <t>银饰品不能和金饰品同时佩戴。银饰品中含有锗，银首饰中的锗是通过接触皮肤以微量形式融入表皮进入人体，因此最好经常配戴。需要注意的是，银饰在制作时大多粗糙坚硬，而黄金饰品质地较软，做工精细，当两者同时佩戴时，由于日常的活动会使二者经常发生碰撞，银制品会划伤黄金饰品的表面，一方面破坏黄金饰品的美观，另一方面，银表面沾上了微量的金离子，使其中的锗不能直接和皮肤接触，从而影响了其保健功效，所以锗银饰品不要与黄金饰品一起佩戴</t>
  </si>
  <si>
    <t>网上卖的缅甸a货翡翠是真的吗?</t>
  </si>
  <si>
    <t>由于翡翠制品价值差别大，仅凭肉眼难免出错。这时就要依靠鉴定证书。鉴定结果如果是A货，则鉴定书上是“翡翠手镯”等；如果不是A货，则会是“优化翡翠手镯”。</t>
  </si>
  <si>
    <t>替比夫定能怀孕吗</t>
  </si>
  <si>
    <t>肝功能异常时不建议怀孕。替比夫定对胎儿影响较小，但也需夫妻双方同意情况下应用。</t>
  </si>
  <si>
    <t>血糖高可以吃瓜子吗</t>
  </si>
  <si>
    <t>血糖控制不理想不建议食用瓜子</t>
  </si>
  <si>
    <t>丝状疣能用剪刀剪掉吗</t>
  </si>
  <si>
    <t>不可以，会使其他正常的肌肤感染。丝状疣可由直接或间接接触而传染，也可自体接种。点擦点尤克舒软膏（2-6周时间不等），自己慢慢脱掉，还有注意不要熬夜喝酒啥的。</t>
  </si>
  <si>
    <t>中国行政区域重新划分是真的吗</t>
  </si>
  <si>
    <t>中国民政部区划地名司司长戴均良在香港接受媒体采访时透露，中国的行政区 划改革将在2015年内正式启动，改革方案将于今后两年内完成。</t>
  </si>
  <si>
    <t>ios9好用吗</t>
  </si>
  <si>
    <t>iPhone6升级iOS9兼容性还是很不错的，没有出现很多问题，运行也很流畅，耗电也正常，大家可以大胆尝试</t>
  </si>
  <si>
    <t>系统重装后c盘是空的吗</t>
  </si>
  <si>
    <t>不是。系统文件会占用一定空间。要是你安装在其他盘里，c盘里还是会保存原来的系统。在安装的时候记得格式化，在将系统安装在其他盘就行了.</t>
  </si>
  <si>
    <t>openal有必要装吗</t>
  </si>
  <si>
    <t xml:space="preserve">前一段玩剑灵很卡，后来装完OPENAL后就流畅多了，不卡了，是一个开放的音频库(Open Audio Library) 如同OpenGL是一个图形API一样，OpenAL是一个声音系统的API. OpenAL是对音频硬件的一个软件接口，给程序员提供一个产生高质量多通道输出的能力。OpenAL是在模拟的三维环境里产生声音的一种重要方法。 也有一个强大的声音管理软件叫做al OpenAL  </t>
  </si>
  <si>
    <t>微波炉可以杀菌吗</t>
  </si>
  <si>
    <t>微波炉有消毒杀菌功能。可以消杀一般杂菌，用于家庭的灭菌消毒处理，具有较好效果。</t>
  </si>
  <si>
    <t>假身份证可以用吗</t>
  </si>
  <si>
    <t>为了证明居住在中华人民共和国境内的公民的身份，保障公民的合法权益，便利公民进行社会活动，维护社会秩序，我国专门制定了《中华人民共和国居民身份证法》。由公安机关统一制作和发放居民身份证，任何单位和个人均不得伪造、变造，也不得购买、出借、使用伪造、变造的身份证，否则将承担相应的法律责任。《中华人民共和国居民身份证法》第十七条 有下列行为之一的，由公安机关处二百元以上一千元以下罚款，或者处十日以下拘留，有违法所得的，没收违法所得：（一）冒用他人居民身份证或者使用骗领的居民身份证的；（二）购买、出售、使用伪造、变造的居民身份证的。</t>
  </si>
  <si>
    <t>拔完牙会疼吗</t>
  </si>
  <si>
    <t>肯定会疼痛的，只要麻醉的药效一过就会开始疼痛的</t>
  </si>
  <si>
    <t>田螺能净化水质吗</t>
  </si>
  <si>
    <t>田螺通过吸食污泥中的细菌和有机碎屑，残渣剩饵所致的有机营养物质，又能改善水体底质，能较好地净化水质，提高水的透明度。</t>
  </si>
  <si>
    <t>原油正规吗</t>
  </si>
  <si>
    <t>原油平台等国内任何批文，都是假的，国内的所有这类型平台其实都不受法律保护，交易模式都是为MM模式，俗称对赌平台，具体的一个概念建议可以百度去咨询何为MM模式，所以你就应该知道国内到底有没有正规的原油平台了。</t>
  </si>
  <si>
    <t>gs4 1.3t够用吗</t>
  </si>
  <si>
    <t>质量还行，动力足够。</t>
  </si>
  <si>
    <t>如果只是在城市道路上足够用了。</t>
  </si>
  <si>
    <t>英文缩写后面有点吗</t>
  </si>
  <si>
    <t>英语中的缩写有两大类,一类是部分字母缩写,这时需要加点,例如Friday,缩写成Fri.一类是首字母缩写,这时不需要加点,例如:World Health Organization 缩写成WHO</t>
  </si>
  <si>
    <t>科目三是电脑考试吗</t>
  </si>
  <si>
    <t>科目三分两个部分，路考是有交通局派考官来考试，第二部分是文明驾驶，需要电脑答题，50题，90分及格。</t>
  </si>
  <si>
    <t>丰乳霜有没有副作用</t>
  </si>
  <si>
    <t>现在市面上的丰胸产品有很多，不过基本上都会存在着或多或少的激素，并不建议用，因为有引起体内内分泌失调或是不孕的潜在危险</t>
  </si>
  <si>
    <t>ios9地图可以离线吗</t>
  </si>
  <si>
    <t>用户不能选择保存数据以备离线使用。</t>
  </si>
  <si>
    <t>苹果5可以改成5s吗</t>
  </si>
  <si>
    <t>原来市面上很多的低价iPhone 5s其实是由iPhone 5改装而来的!如果没看下面的鉴别教程，90%的小白买家都会上当受骗!因为只要把iPhone 5的home键和闪光灯进行改造iPhone 5s的，伪造序列号等系统信息，一般人根本认不出来!</t>
  </si>
  <si>
    <t>飞机上能开ipad吗</t>
  </si>
  <si>
    <t>飞机上可以用iPad，请将WiFi功能关掉。飞行模式是可以在飞机上打开的，但是主要作用在WiFi版iPad上不起作用，它是关闭3G信号的，所以，只要在飞机上把WiFi关上，就没事了</t>
  </si>
  <si>
    <t>宝宝4个月长牙正常吗</t>
  </si>
  <si>
    <t>宝宝一般在4-10个月长牙，所以，你的宝宝是正常的。</t>
  </si>
  <si>
    <t>办理初级职称助理工程师要提交申请么</t>
  </si>
  <si>
    <t>是的，资格审查合格后，办理申报手续。</t>
  </si>
  <si>
    <t>附睾炎会复发吗</t>
  </si>
  <si>
    <t>附睾炎会复发这种一个不争的事实</t>
  </si>
  <si>
    <t>一台电脑上可以装两个版本的office吗</t>
  </si>
  <si>
    <t>可以安装的。</t>
  </si>
  <si>
    <t>cdrom可以刻录吗</t>
  </si>
  <si>
    <t>是不可以刻录的</t>
  </si>
  <si>
    <t>宋承宪有没有整过容</t>
  </si>
  <si>
    <t>关于宋承宪整容的传闻不断,网友还贴出了宋承宪整容前照片,与现在照片做对比,从宋承宪整容前后对比照片来看,前后没有什么变化,只是变得越发成熟了,之前比较青涩而已,如今变成熟男人了!</t>
  </si>
  <si>
    <t>苯酚甘油滴到耳朵里,需要清洗吗</t>
  </si>
  <si>
    <t>这是因外耳道耵聍腺分泌过旺，与脱落的上皮细胞、异物积聚面黑赭色块状物，坚硬如石，阻塞外耳道，影响听力，导致耳痛、耳鸣，称为耳结石。没症状不用治。影响听力的情况下可以去五官科洗耳，再严重点可以做手术。 自己是没办法治疗的。</t>
  </si>
  <si>
    <t>cps广告联盟挂机是真的吗</t>
  </si>
  <si>
    <t>怎么可能，一般广告联盟都是不需要交会员费的除非你要在上面推你的广告像百度，搜啊联盟和阿里都没得这规定呀</t>
  </si>
  <si>
    <t>卖学生用品赚钱吗</t>
  </si>
  <si>
    <t>1学生用品店可卖的东西动，2易卖!学生用品店投资小3.学生用品店利润高!</t>
  </si>
  <si>
    <t>一般而言，高的顾客流量水平会增加销售。但是，过量的顾客流量也会由于太拥挤而阻止购买者前往。同时也要分析步行交通，以便确定步行者的特征是否与拟设这个位置的学生用品加盟连锁店的目标市场相一致。</t>
  </si>
  <si>
    <t>九寨沟值得去吗</t>
  </si>
  <si>
    <t>九寨沟绝对是大自然的恩赐</t>
  </si>
  <si>
    <t>天天吃方便面会瘦吗</t>
  </si>
  <si>
    <t>不能！天天吃方便面不会瘦。</t>
  </si>
  <si>
    <t>多囊会排卵吗</t>
  </si>
  <si>
    <t>多囊卵巢综合征是一种性激素水平紊乱的疾病。特点是：不排卵，卵巢增大而且多囊。</t>
  </si>
  <si>
    <t>笔记本内存容量越大越好吗</t>
  </si>
  <si>
    <t>一般来说，内存的容量越大，对整个系统运行速度的提升有很大帮助。但是，影响电脑速度的，不光只有内存一个因素。像处理器、硬盘、显卡也是其中的比较重要的部分。所以说，内存是够用就好，不一定是越大越好.</t>
  </si>
  <si>
    <t>特地瓷砖好不好</t>
  </si>
  <si>
    <t>一流的。质量好得没话说,牌子果然就是质量好</t>
  </si>
  <si>
    <t>摆摊卖菜赚钱吗</t>
  </si>
  <si>
    <t>挣钱，现在物价高，当然你要有便宜的货源</t>
  </si>
  <si>
    <t>婴儿感冒了可以洗澡吗</t>
  </si>
  <si>
    <t>可以洗澡的，但水温要热些，避免再次着凉，宝宝流鼻涕</t>
  </si>
  <si>
    <t>隐形眼镜到底好不好</t>
  </si>
  <si>
    <t>隐形眼镜已经被数百万的配戴者证实为有效、健康和安全的视力矫正方式之一，但是隐形眼镜配镜师还得根据配戴者的个体眼睛状况为其选择合适的镜片，并提供配戴后的复查跟踪服务。事实上证明，隐形眼镜引起的感染极少，而且多数跟不规范配戴有关，如果您按照规定规范配戴隐形眼镜，隐形眼镜应该说是非常安全的。</t>
  </si>
  <si>
    <t>上海房价还会跌吗</t>
  </si>
  <si>
    <t>从历史数据显示,上海房价没有跌过,因为物价是增值的,目前属于平稳回落期,入手最佳</t>
  </si>
  <si>
    <t>韩国乐天国际有假货吗</t>
  </si>
  <si>
    <t>总觉得你说的哪里怪怪的，韩国乐天就是指lotte而已，就是个集团，他家还有酒店呢，你说的g网怎么感觉好像和乐天免税店混在一起的样子，gmarket性质就像淘宝，有品牌官方的店也有个人开的店，所以难免有假货嘛，在多家同时下单直邮的会先发送到乐天的仓库然后由乐天仓库合箱直接快递来，就是这样的网站而已。</t>
  </si>
  <si>
    <t>mx5后盖可以更换吗</t>
  </si>
  <si>
    <t>这款手机采用的是一体机设计，不支持用户自行更换后盖。您可以携带相关产品前往售后服务中心进行更换。不建议自行更换的，自行更换会损坏其他部件。</t>
  </si>
  <si>
    <t>乱斗西游2花钱吗</t>
  </si>
  <si>
    <t>零元党无非是活力少，元宝少，经验少，导致装备少，么关系，跟土豪比肯定有差距，但是能够缩小差距，这就是攻略存在的意义。</t>
  </si>
  <si>
    <t>网申需要寄成绩单吗</t>
  </si>
  <si>
    <t>这个看学校的，有的学校只要网申提交unofficial transcripts或者scanned transcripts就行，然后纸质版的等AD或OFFER到的时候再寄；有的网申和邮寄都要到才开始申，你去网页上看清楚就行。。邮寄地址的话一般在admission page里都能找到</t>
  </si>
  <si>
    <t>中国银行国庆节上班吗</t>
  </si>
  <si>
    <t>中国银行在国庆节上班营业的。</t>
  </si>
  <si>
    <t>检查一和五阳性是不具有传染性</t>
  </si>
  <si>
    <t>乙肝表面抗原和核心抗体阳性，属于慢性乙肝携带者，传染性的大小主要是看病毒DNA的水平。慢性乙肝携带者，只要肝功能正常，就可以正常的生育，多注意肝功能的情况，等孩子出生后及时做好阻断措施就可以。</t>
  </si>
  <si>
    <t>自适应巡航可以加装吗</t>
  </si>
  <si>
    <t>不建议后期加装，技术问题，布线布局都和原厂没法比，搞不好有很大安全隐患，权衡利弊还是不加装为好</t>
  </si>
  <si>
    <t>房前有大树好不好</t>
  </si>
  <si>
    <t>大树能把你那房子附近的地气旺气全吸干，所以有大树的地方的房子的风水都不好。在大树的附近住的人，以后要么身体不好，要么财运事业不好，要么子女运很差，甚至生不了小孩。事实证明，有很多在大树附近住的人，都没有后人了。庙里的古树大树特别多，你看庙里都住的什么人啊？如果是在农村，是自己的树长大了就该砍掉了，否则家运都很差的。不信的话你可以去观察考证。我是专做风水的，我有发言权。</t>
  </si>
  <si>
    <t>新势力微营销有效果吗</t>
  </si>
  <si>
    <t>骗子 给完你个破视频 就不管你了。。根本就没用</t>
  </si>
  <si>
    <t>水中花文胸好吗</t>
  </si>
  <si>
    <t>质量非常不错，用了感觉效果挺好的。</t>
  </si>
  <si>
    <t>不好，穿了一段时间都变宽松了，舒服倒是挺舒服的。</t>
  </si>
  <si>
    <t>英国读研好吗</t>
  </si>
  <si>
    <t>同样质量的学校，英国的门槛无论在推荐信、学术背景要求都比美国更加灵活一些。而且英国很多学校都提供各种形式的预科，可以念一年再升本科。预科的门槛更低。总的原因是英国学校全部是公立学校，热衷吸引留学生(对国际学生征收的费用依法高于英国本土学生)。</t>
  </si>
  <si>
    <t>初三重要吗</t>
  </si>
  <si>
    <t>初三，是初中阶段学习关键的一年，学习得法，将直接有助于学生以后的升学。</t>
  </si>
  <si>
    <t>天气冷会影响胎动吗</t>
  </si>
  <si>
    <t>胎动不受天气变化的影响，宝宝在肚子里面有羊水保护，羊水是恒温的，不随外界温度变化。所以温度对胎儿并没有影响，胎儿也不会因此减少活动量。</t>
  </si>
  <si>
    <t>百度云好用吗</t>
  </si>
  <si>
    <t>百度云网盘跟其他网盘不一样的地方是：百度云网盘是一个集群。这是一个大的百度云，覆盖你网络生活的方方面面，网盘是一个云存储同步单位，此外还有百度云相册，通讯录，音乐，短信，文库等，你的这些个人数据都会存储在百度网盘，方便你随时随地使用，比如现在你可以在百度网盘直接播放你曾经加过红心或听过的音乐，总之会给你的网络生活带来极大的便利，特别是以后移动互联网方面，你手机可以干任何事，而百度云就是你的私人数据中心。</t>
  </si>
  <si>
    <t>汽车牌照能卖吗</t>
  </si>
  <si>
    <t>车牌号“自己留着用可以”，但不能够独自作为商品，不允许车牌号买卖。</t>
  </si>
  <si>
    <t>健腹轮可以练腹肌吗</t>
  </si>
  <si>
    <t>　　吃了老婆饼不一定有老婆，用了健腹轮也不一定有腹肌…　　但是正确使用健腹轮，却可能让你不仅练到腹肌，还能练到背部和肱三头肌</t>
  </si>
  <si>
    <t>排卵日当天同房后,第二天还需不需要同房</t>
  </si>
  <si>
    <t>你好，如果你已经排卵的情况下那么同房了怀孕可能性是比较大的之后可以不需要同房了。#如果想要提高受孕率，建议在危险期隔天同房一次，怀孕的几率大也可以保证精子质量，连续同房可导致精子质量下降，建议在排卵期再同房一次。#</t>
  </si>
  <si>
    <t>皮鞋有色差能修理吗</t>
  </si>
  <si>
    <t>皮鞋两只颜色有色差的解决办法1、可以买鞋油，对颜色较为淡的皮鞋进行上色。鞋油要与鞋子的颜色一致。2、可以将鞋子拿去鞋子美容的地方，让专门的师傅帮助解决。</t>
  </si>
  <si>
    <t>越狱的苹果可以还原吗</t>
  </si>
  <si>
    <t>你好，手机越狱后是可以选择“还原所有设置” “还原网络设置” “还原键盘字典”等操作的，注意：：：但是一定不会选择“抹掉所有内容和设置”  ，不然可能会造成白苹果。</t>
  </si>
  <si>
    <t>众众联微赚赚是真的吗?</t>
  </si>
  <si>
    <t>是假的，是造谣的</t>
  </si>
  <si>
    <t>在此再次提醒广大网友，不要相信这种好处太大的“活动”。天上不会掉馅饼，切记切记！还有鄙视一下弄出来“众联微赚赚”的这些人，蛊惑人心，图谋不轨啊，为什么就没有相关执法者去管管呢。</t>
  </si>
  <si>
    <t>命是天注定的吗</t>
  </si>
  <si>
    <t>不是，当然不是，是后天的努力才能改变命运，哪些所谓的注定只是借口罢了</t>
  </si>
  <si>
    <t>dhl会主动报关吗</t>
  </si>
  <si>
    <t>美国DHL是DHL快递，德国DHL是属于德国邮政，这完全是两个渠道。美国DHL是主动报关的，没法避免，尤其是金额高的。金额低基本什么问题都没有，什么资料也不用提供。</t>
  </si>
  <si>
    <t>唐雎不辱使命真假</t>
  </si>
  <si>
    <t>假的！</t>
  </si>
  <si>
    <t>豆腐可以和醋一起吃吗</t>
  </si>
  <si>
    <t>吃豆腐可以放醋，放醋可以形成醋酸钙，比不放醋吸收效果要好。但一定不要放葱，这样形成草酸钙，不利于吸收。</t>
  </si>
  <si>
    <t>公司公章有编号吗</t>
  </si>
  <si>
    <t>注册的公司所有公章就必须有编号</t>
  </si>
  <si>
    <t>挖掘机是否属于特种设备</t>
  </si>
  <si>
    <t>工程机械大部分不属于特种设备，并且需要持证上岗。2012年起，工程建设机械已经不再列为特种设备目录（塔吊、施工升降机、行车等少数机种除外）。目前挖掘机、装载机等大部分机种的建设机械已经不属于特种设备，不涉及特种作业，因此也不再是特种作业证书。质监部门负责生产制造领域的监管职能，不再办理施工现场环节的工程建设机械类操作证书。</t>
  </si>
  <si>
    <t>angelababy是一线明星吗</t>
  </si>
  <si>
    <t>目前是国内一线女星。</t>
  </si>
  <si>
    <t>多囊卵巢手术后会复发吗</t>
  </si>
  <si>
    <t>多囊卵巢综合症就算治愈后期不注意防护还是会复发，所以多囊卵巢综合症我不断地预防。</t>
  </si>
  <si>
    <t>产妇能泡温泉吗</t>
  </si>
  <si>
    <t>产后一个月后可以的</t>
  </si>
  <si>
    <t>发动机制动 伤车吗</t>
  </si>
  <si>
    <t>对机器没损害。频繁使用对变速箱有损害，发动机制动要靠减档完成，最受力的是变速箱，最好先减速后减档。</t>
  </si>
  <si>
    <t>2岁宝宝能和姜汁可乐吗</t>
  </si>
  <si>
    <t xml:space="preserve"> 你好,2岁儿童是可以喝生姜烧可乐.</t>
  </si>
  <si>
    <t>最好不要喝</t>
  </si>
  <si>
    <t>受贿罪被判缓刑的事业单位编制专业技术人员必须开除工作吗</t>
  </si>
  <si>
    <t>要分情况，有有期徒刑的缓刑，必须开除公职；也有拘役、管制的缓刑，可以给予撤职、开除公职。</t>
  </si>
  <si>
    <t>变性手术男变女能过性生活吗</t>
  </si>
  <si>
    <t>变性手术就是对性特征的一种改变，完全具有性生活的能力。</t>
  </si>
  <si>
    <t>这种情况最好还是具体情况具体对待的，说不准的。</t>
  </si>
  <si>
    <t>三星s6能贴膜吗</t>
  </si>
  <si>
    <t>目前市场上还未出现S6 edge的贴膜</t>
  </si>
  <si>
    <t>新加坡民丹岛好玩吗</t>
  </si>
  <si>
    <t>民丹岛还不错的，不过有说脏，不好玩，也有说好玩、很美！各人的审美不同罢了。</t>
  </si>
  <si>
    <t>流产后能喝酸奶吗</t>
  </si>
  <si>
    <t>人流后是可以喝酸奶的，但需要注意的是，应先把酸奶进行加热，加热到40度就可以了，温度不可以太高。人流后喝酸奶不会导致不好的影响，但是流产后，在饮食上不吃生冷辛辣东西，不喝酒，增加营养，以清淡营养丰富的如鱼，肉，蛋，豆类制品等蛋白质丰富的食物和富含维生素的新鲜蔬菜为主饮食为主。</t>
  </si>
  <si>
    <t>没有身份证能买汽车票吗</t>
  </si>
  <si>
    <t>有些车站购票无需身份证，只是随票购买乘客保险才需要出示身份证</t>
  </si>
  <si>
    <t>巨招潮蟹能吃吗</t>
  </si>
  <si>
    <t>当然可以！ 招潮蟹，大不过成人拇指，海涂上成群结队随处可见，极易获取。把它抓来后，洗尽，用盐、酒、生姜等稍加腌制，便将其整个放在石臼内捣碎，成糊状后装坛，称其为“蟹酱”，可以拌饭吃，也可以用整根的年糕蘸着吃，都是绝妙的好味道。</t>
  </si>
  <si>
    <t>helio x20支持电信吗</t>
  </si>
  <si>
    <t>联发科的10核Helio X20处理器已经正式发布，这是全球首款三簇移动处理器，配有三种不同频率的核心，同时支持7模全网通</t>
  </si>
  <si>
    <t>混沌与秩序之英雄战歌耗流量吗</t>
  </si>
  <si>
    <t>明显，而且你用流量玩PVP会卡死的，用流量的话推荐你玩单人模式，只有结算和开始进去要流量</t>
  </si>
  <si>
    <t>php只能做网站吗</t>
  </si>
  <si>
    <t>不是，只是php比较适合网站开发 互联网应用，每个语言都有各自的适用方面的，php完全可以 开发桌面应用程序的。</t>
  </si>
  <si>
    <t>孕妇可以吃糯米吗</t>
  </si>
  <si>
    <t>能吃的，糯米有很好的滋补作用。其中含有丰富的碳水化合物和钾、磷等元素，可以均衡营养。除此，糯米还可以提高孕妇的食欲，可以缓解孕妇的体虚、腹胀等问题。</t>
  </si>
  <si>
    <t>苹果港行保修吗</t>
  </si>
  <si>
    <t>可以保修，无人损的情况下，去苹果直营店，带上购买凭证，就可以保修了！</t>
  </si>
  <si>
    <t>风油精能去胶水吗</t>
  </si>
  <si>
    <t>果然，上网一搜，很多用车网络文章都给出了类似的建议。并且操作方法很Easy。用普通家用的风油精就可以。均匀涂抹在粘胶处（像抹蚊子叮包似的），然后用毛巾捂住（让风油精和粘胶充分融合），随后清除即可。</t>
  </si>
  <si>
    <t>风油精不能去除502胶，去除502胶方法如下：第一种、这是最简单的一种，直接用湿毛巾敷在胶渍处，一段时间后02就会变软，然后洗掉就可以了。(手上弄到胶渍了，要掌握方法）第二种、在沾有502胶渍的地方使用同样的502进行融化，变软后去除。第三种、使用绝缘油，绝缘油效果很好，502胶水能很快变软，然后直接洗掉就可以了第四种、使用丙酮，但是使用丙酮一定要注意，丙酮有一定的毒性，它会对眼睛造成很大的刺激，如果不小心进入到了眼睛，立即用大量清水清洗，清洗时可以使用稀碳酸氢钠溶液。第五种、用热水浸泡一下也可以，只需要泡5-10分钟即可。</t>
  </si>
  <si>
    <t>win8系统更新有用吗</t>
  </si>
  <si>
    <t xml:space="preserve">选择性更新 </t>
  </si>
  <si>
    <t>系统推送的更新，有一些是必要的更新，可以防止病毒的入侵和部分导致系统崩溃的Bug。有一些是无用的更新或者说即使你安装了，也对你没有什么好处，可能还会拖慢系统速度。</t>
  </si>
  <si>
    <t>漂白剂有毒吗</t>
  </si>
  <si>
    <t>根据你的描述，漂白水的主要成分是次氯酸钠,会有氯气产生。氯气属于一种强腐蚀的气体损害人体的呼吸器官。</t>
  </si>
  <si>
    <t>尿毒症会传染吗?</t>
  </si>
  <si>
    <t>尿毒症就是肾功能衰竭，不是传染病。</t>
  </si>
  <si>
    <t>冬天能电鱼吗</t>
  </si>
  <si>
    <t>可以，看机器配置如何了，有没有专用的冬天开关</t>
  </si>
  <si>
    <t>狗狗怀孕可以洗澡吗</t>
  </si>
  <si>
    <t>可以洗澡的，问题不大。但是为怀孕期的狗狗洗澡，注意动作要轻柔，尤其是肚子那里，避免狗狗的不适。同时要注意及时擦干，注意不要着凉。</t>
  </si>
  <si>
    <t>如果怀孕了还能学车吗?</t>
  </si>
  <si>
    <t>应该可以，要看你的身体状况如何，身体好就没问题 毕竟开车需要精神高度集中，尤其是刚开始学开车的，你可以先考理论，再把场地也考过 就差不多了，路考等你生娃娃后，恢复好了再学，现在学驾照的多，比较挤，所以学习时间拖的长</t>
  </si>
  <si>
    <t>不要去学车了，孕妇不能劳累，尤其前四个月怀孕期对宝宝发育最重要啦。万一母亲身体出了问题，造成流产，或胎儿发育不良，那可就一辈子后悔了。</t>
  </si>
  <si>
    <t>windows10能玩dota2么</t>
  </si>
  <si>
    <t>win10无法运行dota2</t>
  </si>
  <si>
    <t>教师资格证可以跨专业考吗</t>
  </si>
  <si>
    <t>教师资格证考试可以跨专业考试</t>
  </si>
  <si>
    <t>木耳和豆腐能一起吃</t>
  </si>
  <si>
    <t>黑木耳有益气养胃润肺、凉血止血、降脂减肥等作用,且对高血压、高脂血症、糖尿病、心血管病有防治作用。而豆腐有益气、生津、润燥等作用。两者搭配食用,其营养则更加丰富,而且对身体有很大益处。</t>
  </si>
  <si>
    <t>白岩寺银杏黄了吗?2015</t>
  </si>
  <si>
    <t>万众期待的白岩寺银杏黄啰！不过，最近雨水多，好些叶子都落了</t>
  </si>
  <si>
    <t>iphone6的序列号能改吗</t>
  </si>
  <si>
    <t>可以改的。但是这个不叫改，叫做写覆盖。也就是通过把手机越狱之后，把另外一台机的序列号写系统覆盖原来的序列号。技术上完全可以做到。但是也有一个弊端，就是还原之后就一切都显形了。</t>
  </si>
  <si>
    <t>备孕5个月还没怀上去医院检查需要做造影吗</t>
  </si>
  <si>
    <t>你好，可以挂妇科的，也可以挂生殖系内科，建议你做输卵管造影和卵巢功能检查抗精子检测</t>
  </si>
  <si>
    <t>fifa online3马蒂奇好用吗</t>
  </si>
  <si>
    <t>太多人说他好用了，经常看见形容他的词是屌炸天。</t>
  </si>
  <si>
    <t>小月子能洗头吗</t>
  </si>
  <si>
    <t>小月子是可以洗头发的，但是需要注意保暖，不可以用凉水洗头发，洗完后需要用吹风机吹干在出门，平时不要吃辛辣刺激的，多喝些热水避风</t>
  </si>
  <si>
    <t>最好不要洗，要洗的话也要等过了三周以后洗，而且要尽快弄干，不要受凉受湿。</t>
  </si>
  <si>
    <t>趣分期支持提前还款吗</t>
  </si>
  <si>
    <t>查看账单如果有提前还款就可以，如果没有就是不能提前。</t>
  </si>
  <si>
    <t>人造丝是化纤吗</t>
  </si>
  <si>
    <t>人造的都是化纤类，肯定是的，一般就分为天然和化纤类。</t>
  </si>
  <si>
    <t xml:space="preserve"> 人造丝是一种丝质的人造纤维,由纤维素（cellulose）所构成,而纤维素是构成植物主要组成部分的有机化合物.化学纤维是用天然的或人工合成的高分子物质为原料、经过化学或物理方法加工而制得的纤维的统称.因所用高分子化合物来源不同,可分为以天然高分子物质为原料的人造纤维和以合成高分子物质为原料的合成纤维.简称化维。而化学纤维又分为两大类人造纤维和合成纤维；所以人造丝属于人造纤维,不属于合成纤维,但属于化学纤维。</t>
  </si>
  <si>
    <t>lightroom可以打开raw格式吗</t>
  </si>
  <si>
    <t>前面笔者为大家介绍了几款RAW的转换软件，下面笔者以Lightroom为例，为各位讲解如何在软件中查看输出RAW文件，当然这款软件也是笔者平时用的比较多的（正在使用的是Lightroom 4）。确认安装好Lightroom软件之后，双击打开软件，呈现在面前的是灰黑色的操作界面，显得十分专业。由于所有的照片都需要通过导入才能查看，所以我们先点击菜单栏中的“文件”，并找到“导入照片和视频”选项。</t>
  </si>
  <si>
    <t>源计划风有特效吗</t>
  </si>
  <si>
    <t>有技能特效，以及出生时队伍整体的特效。</t>
  </si>
  <si>
    <t>会计专业能考二级建造师吗</t>
  </si>
  <si>
    <t>单纯的会计专业是不行的，不属于工程或工程经济类专业。即使能参加二级建造师考试，也不能用会计专业的毕业证来注册的。</t>
  </si>
  <si>
    <t>人体内都有寄生虫吗</t>
  </si>
  <si>
    <t>消化道内是有寄生虫的.如蛔虫、钩虫、绦虫等.它们可通过空气，饮用水，食物和直接接触进入人体。</t>
  </si>
  <si>
    <t>至于体内寄生虫，正常而且健康的人体内应该是完全没有任何体内寄生虫。</t>
  </si>
  <si>
    <t>女教授的隐秘魅力好看吗</t>
  </si>
  <si>
    <t>太过沉闷，故事架构感觉太乱，色情镜头也拍得太仓促，完全无美感。</t>
  </si>
  <si>
    <t>换轮胎需要换一对吗</t>
  </si>
  <si>
    <t>　换轮胎最好要换一对换，因为汽车轮胎是对称的,为安全起见,原则上最好是换一对。在只更换一条轮胎的情况下，新胎必须与同一轴上的另一条花纹沟槽深度接近，否则有可能会造成车辆跑偏等问题。</t>
  </si>
  <si>
    <t>鱼肝油有副作用吗</t>
  </si>
  <si>
    <t>鱼肝油含有丰富的维生素D，可促进肠黏膜对钙、磷的吸收，同时增加肾小管对钙、磷的再吸收，长期服用鱼肝油，就会增加尿内钙、磷的排泄。而老年人由于体内血液循环相对缓慢，容易发生尿路结石。此外，过量服用鱼肝油还会导致中毒，出现恶心、呕吐、食欲不振、全身无力、低热、头痛、皮肤出疹、皮肤干燥、毛发干枯等。</t>
  </si>
  <si>
    <t>刚装修新房可以日夜通风吗</t>
  </si>
  <si>
    <t>新装修房子晚上要通风。硬装现在基本都达标的，关键在软装，沙发家具，味道很大的。最好全部进来通风透气半年再入住，至少3个月。</t>
  </si>
  <si>
    <t>护士能考康复治疗师吗</t>
  </si>
  <si>
    <t>报考康复治疗师必须是康复相关专业毕业的学生，比如中医康复，康复治疗技术，康复医学等。</t>
  </si>
  <si>
    <t>微来购是传销吗</t>
  </si>
  <si>
    <t>微来购是国家备案的合法商城产品都是正品</t>
  </si>
  <si>
    <t>三星a7000可以用电信卡吗</t>
  </si>
  <si>
    <t>三星GALAXY A7（A7000/双4G）手机不支持电信网络，不能用电信卡。</t>
  </si>
  <si>
    <t>世界上有没有真的魔法可以看</t>
  </si>
  <si>
    <t>魔法是真实存在的，在世界上就有一所魔法男巫学校“格瑞魔法学院”。</t>
  </si>
  <si>
    <t>蝎子泡酒能喝吗</t>
  </si>
  <si>
    <t>活蝎子没有去毒液直接泡酒，可以外用，不能喝。会中毒的</t>
  </si>
  <si>
    <t>可以去银行换零钱吗</t>
  </si>
  <si>
    <t>银行无条件兑换零钞。如果不予兑换可以拨打当地人民银行电话进行投诉</t>
  </si>
  <si>
    <t>笔记本的无线网卡能用在台式机上吗</t>
  </si>
  <si>
    <t>tb 去买转换接板！</t>
  </si>
  <si>
    <t>投资2900真的带走290万吗?</t>
  </si>
  <si>
    <t>假的，国家在严厉打击，都是拉人头的传销，行业多年</t>
  </si>
  <si>
    <t>传销，鉴定完毕，任何付出和回报不成比例的事都要理性看待，传销名目巨多，遍地都</t>
  </si>
  <si>
    <t>剖腹产有奶水吗</t>
  </si>
  <si>
    <t>剖腹产后多久有奶水这个问题是因人而异的，因此有的产妇在产后很快就会出现乳汁分泌，但是有的产妇却在产后2~3天内才有奶水分泌。但是无论如何建议多让宝宝吮吸乳房促进乳汁分泌，这样才能够帮助开奶。</t>
  </si>
  <si>
    <t>襄阳人民医院可不可以治早泄</t>
  </si>
  <si>
    <t>是的治疗的</t>
  </si>
  <si>
    <t>10分钟内多次量血压会下降吗</t>
  </si>
  <si>
    <t>量血压时第一次高，间隔两分钟就降下来，10分钟内能降10—20mml。</t>
  </si>
  <si>
    <t>连续测量血压结果变化比较大的话，只能说明测量血压的方式或者是读数不正确，正常人体在短时间内血压不会有较大波动的。</t>
  </si>
  <si>
    <t>西藏大学计算机科学与技术好吗</t>
  </si>
  <si>
    <t>还不错啦</t>
  </si>
  <si>
    <t>道路经营许可证好办吗</t>
  </si>
  <si>
    <t>总体看下来，办理道路运输经营许可证无非就是满足人员、地址、车辆这几方面的要求。</t>
  </si>
  <si>
    <t>碧根果 孕妇能吃吗</t>
  </si>
  <si>
    <t>孕妈妈是可以吃碧根果的。碧根果被誉为“长寿果”，是集美味与营养于一身的坚果，一般人群都适合吃，孕妇常吃对身体也是有诸多好处，常吃碧根果可以促进胎儿的脑部发育，有健脑益智的功效。另外，孕妇常吃碧根果有润肤美容的功效。</t>
  </si>
  <si>
    <t>艾滋病尿液会传染吗</t>
  </si>
  <si>
    <t>艾滋病毒存在于体液、血液中，尿液中没有艾滋病毒。</t>
  </si>
  <si>
    <t>达令 是正品吗</t>
  </si>
  <si>
    <t>不一定是正品，反正只要东西有问题也是不能退的，你联系客服就没有下文了，买到假货你也就只能认栽喽！</t>
  </si>
  <si>
    <t>热菜能直接放冰箱吗</t>
  </si>
  <si>
    <t>饭菜炒好后，温度会从100℃左右开始逐渐下降，当食物温度降到60℃，就有细菌开始生长;温度降到30℃～40℃，细菌们会很旺盛繁殖，平常的室温，更几乎是细菌的天堂。而降到7℃及以下，大多数细菌才会进入休眠状态。世界卫生组织就建议，食物在室温下的存放时间不要超过2小时。所以，快速冷却食物，才有利于抑制细菌繁殖，让食物更安全。</t>
  </si>
  <si>
    <t>冰箱要把一定容器的食物中心温度降低，需要很长时间。这一过程为细菌创造了舒适的生长环境。所以，要储存热的食物，最好放上一段时间，使它均衡降温。或者也可以把热的食物分装进小容器后再放进冰箱———这样冷得快一些。</t>
  </si>
  <si>
    <t>直接放：会少许增加冰箱负担，稍微多耗一点点电，但都在冰箱的正常运行范围内。放凉了再放：会导致食物中的细菌有一定增加，不过如果在冰箱里存放的时间不长（比如一两顿之后就会吃掉），那么增加的这些细菌也还是在可以接受的范围内。</t>
  </si>
  <si>
    <t>微信红包能不能提现</t>
  </si>
  <si>
    <t>当你成功领取红包后，账户上有钱就可以提现到银行卡（前提是你必须首先绑定一张银行储蓄卡，开通“微信支付”功能），提现的具体操作方法：点击页面底部的导航条中的“提现”按钮，提现申请提交成功后，资金一般第二天下午就能到账了。</t>
  </si>
  <si>
    <t>百消丹可以祛斑吗</t>
  </si>
  <si>
    <t>可以适当的吃一些，但是仅限于淡斑！</t>
  </si>
  <si>
    <t>京东是真的吗</t>
  </si>
  <si>
    <t>京东商城，现在越做越大。在很多大城市都有自己的仓库，他们有自己物流系统和送货员，如果他的商品质量有问题，是不可能做到这么大的。但是，京东也有第三方家商，也就是在京东开店的商家，就象像淘宝的天猫商城。虽然京东对来开店的商家有严格的审核制度，但店太多了，也许会有监管不力的情况.所以，第三方商家的货，还是要小心，多看看评价。</t>
  </si>
  <si>
    <t>吸水石能放在家里吗</t>
  </si>
  <si>
    <t>可以的，吸水石由于吸水性强，可以散发湿气，是天然的加湿器 ，可做盆景、假山，形成天然的室内外景观。</t>
  </si>
  <si>
    <t>济南七星台好玩吗</t>
  </si>
  <si>
    <t>好玩1,树种丰富，奇花异草众多，万亩植物园中的四季槐，一年四季开花，更是罕见。108名泉遍布其中，更加增添了大自然的神奇之美。 好玩2,齐长城、武圣门、四界首、瑶池、鹊桥、七星长廊、七星阁诉说着七星台悠久的历史和灿烂的文化。 好玩3清新舒适，最原始的生态山林；气势磅礴，最宏伟的齐鲁长城；七星高照，最吉祥的洞天福地。”</t>
  </si>
  <si>
    <t>mx5 好不好</t>
  </si>
  <si>
    <t>总体来说魅族比较满意 。指纹解锁 。相机也很出色。外观非常漂亮。 只不过音质 信号，续航，表现一般</t>
  </si>
  <si>
    <t>梅长苏结局死了吗</t>
  </si>
  <si>
    <t>江左盟宗主江左梅郎梅长苏最后隐居了，林殊的结局并没有死。</t>
  </si>
  <si>
    <t>佛手瓜要去皮吗</t>
  </si>
  <si>
    <t>佛手瓜如果嫩的话就不用削皮了，要是太老的话就要把外皮去掉。</t>
  </si>
  <si>
    <t>虎牙能磨吗</t>
  </si>
  <si>
    <t>建议不要磨平。虎牙作用是非常重要的，磨平会对牙齿造成伤害。虎牙生长的位置比较特殊，可能对面部美观有影响，可是你不能为了面部美观就去损伤牙齿，这是不明智的。</t>
  </si>
  <si>
    <t>哺乳期可以吃蜂胶吗</t>
  </si>
  <si>
    <t>哺乳期不建议你使用蜂胶，因为蜂胶中是否含有对婴儿生长发育不利的成分还没有弄清楚，不要盲目的服用补品。(一般3岁以前的小孩都不能吃蜂蜜)</t>
  </si>
  <si>
    <t>oem8能激活win7吗</t>
  </si>
  <si>
    <t>可以激活的</t>
  </si>
  <si>
    <t>netpas支持csgo吗</t>
  </si>
  <si>
    <t>不支持了。虽然免费，貌似好早之前都已经不支持了。</t>
  </si>
  <si>
    <t>博尼内衣好不好</t>
  </si>
  <si>
    <t>款式看起来简约时尚，面料摸起来蛮柔软舒适的，和其他品牌比起来，很实惠，性价比较高，打算过段时间再给妈妈婆婆选购保暖内衣。</t>
  </si>
  <si>
    <t>现在还能开通借呗吗</t>
  </si>
  <si>
    <t>借呗是什么？这个同花呗一样，可以申请借款，也属于蚂蚁征信的一种。花呗开通门槛较低，你会发现身边所有的朋友只要开通了支付宝，进行了实名认证以及绑定了银行卡，就能开通花呗，只是额度不同。借呗则不一样，现在仍然是属于少数人的特权，很多芝麻信用超过700分的朋友目前仍然没有开通借呗。借呗开通的条件官方给出：实名认证，绑定了手机号码，账号正常时系统会根据您账户情况综合评估，决定是否准入以及额度情况。目前还是属于内测阶段，所以能拿到名额，说明你的财力、费力也是不错的。</t>
  </si>
  <si>
    <t>主力资金流入一定涨吗</t>
  </si>
  <si>
    <t>主力资金流入股票不一定会涨，主力资金流出，股票不一定会跌，因为主力筹码多了，拉高派发一些，资金就流出，然后再拉高派发一些，资金就会进一步流出</t>
  </si>
  <si>
    <t>假的身份证可以开房吗</t>
  </si>
  <si>
    <t>看什么酒店，有些酒店有公安系统，可以查询真伪的。</t>
  </si>
  <si>
    <t>要看酒店是怎么登记的，现在一般是用电子设备读取身份证信息，如果是假证，没有电子信息，则会被查出来。</t>
  </si>
  <si>
    <t>天然苏打水能加热吗</t>
  </si>
  <si>
    <t>苏打水就是碳酸钠溶液吧,可以加热</t>
  </si>
  <si>
    <t>苏打水是不可以加热喝的</t>
  </si>
  <si>
    <t>玲珑公主就是祥嫔吗</t>
  </si>
  <si>
    <t>其实祥嫔就是玲珑公主</t>
  </si>
  <si>
    <t>不是同一人，滑组公主已经死了，祥平好像不能生育了，皇上把誉王给他养的</t>
  </si>
  <si>
    <t>指甲刀可以上飞机吗</t>
  </si>
  <si>
    <t>飞机上可以带指甲刀。</t>
  </si>
  <si>
    <t>车管所周末上班吗?</t>
  </si>
  <si>
    <t>周六周日以及法定假日车管所都是不上班的</t>
  </si>
  <si>
    <t>六味地黄丸对胃有影响吗</t>
  </si>
  <si>
    <t xml:space="preserve"> 六味地黄丸由于是偏于补阴的药，配方中阴柔的药多一些，吃了后会妨碍消化功能。</t>
  </si>
  <si>
    <t xml:space="preserve">  你好，六味地黄丸，对胃没有刺激作用，中成药，可以放心使用，每日两次，温开水送服。</t>
  </si>
  <si>
    <t>肾病能吃阿胶吗</t>
  </si>
  <si>
    <t>肾炎病人可以吃阿胶</t>
  </si>
  <si>
    <t>但对于肾性贫血还是要谨慎使用，因为肾性贫血是由于肾功能不全引起，而阿胶富含动物蛋白，非必需氨基酸的含量较多，且患者通常有恶心、食欲差等情况，因而肾性贫血时使用较少。对于肾功能不全的患者，如果临床需要使用阿胶也不是绝对不可以，只是用量不宜过大。</t>
  </si>
  <si>
    <t>到泰国旅游需要办签证吗</t>
  </si>
  <si>
    <t>需要签证的</t>
  </si>
  <si>
    <t>宝宝可以吃鸡肝吗</t>
  </si>
  <si>
    <t>宝宝可以吃鸡肝，鸡肝里含铁及维生素A等，但也要不断变换宝宝的口味，最好做到营养均衡，膳食合理，吃动物肝脏，也不要单纯吃鸡肝，也可以吃猪肝</t>
  </si>
  <si>
    <t>不可以鸡肝是有毒的，因为全身的毒素都 集中在鸡肝上面，所以能不吃就不要吃哦。</t>
  </si>
  <si>
    <t>蔓越莓胶囊哺乳期能吃吗</t>
  </si>
  <si>
    <t>孕妇由于周身的血液循环系统血流量明显增加，心脏负担加重，子宫颈、阴道壁和输卵管等部位的血管也处于扩张、充血状态。Swisse蔓越莓虽然取自天然成分，但厂家明确表示蔓越莓不适合孕妇和哺乳期的女性服用。</t>
  </si>
  <si>
    <t>只与一个性伴发生性行为可以减少艾滋病的传播吗</t>
  </si>
  <si>
    <t>只与一个性伴发生性行为可以减少艾滋病的传播</t>
  </si>
  <si>
    <t>只与一个性伴发生性行为当然可以减少艾滋病的传播几率。</t>
  </si>
  <si>
    <t>出租车有误工费吗</t>
  </si>
  <si>
    <t>出租车被撞赔偿有标准 每天误工费约为440元</t>
  </si>
  <si>
    <t>无线路由器设置需要联网吗</t>
  </si>
  <si>
    <t>设置无线路由器时,不需要有网络，具体步骤如下：把猫接口的网线插到路由器的wan口上，需要再一根网线，从路由器lan口连接到电脑上，在浏览器地址上输入192.168.1.1，输入用户名和密码登录。</t>
  </si>
  <si>
    <t>极限挑战搞笑吗</t>
  </si>
  <si>
    <t>个人觉得《极限挑战》很多期都很搞笑</t>
  </si>
  <si>
    <t>上古世纪黑矢还能进化吗</t>
  </si>
  <si>
    <t>不能了</t>
  </si>
  <si>
    <t>失眠能治疗好吗</t>
  </si>
  <si>
    <t>失眠的发病和持续常常有一定复杂性，它和许多躯体疾病和精神疾病都有密切而复杂的联系，很常见的情况是难以分清楚它们之间的因果关系，重要的是进行综合的分析和治疗。其中失眠患者很常见不同程度抑郁或焦虑情绪，而如果抑郁或焦虑情绪的严重程度达到了抑郁障碍或焦虑障碍的标准，一般就不单独诊断失眠了，而是首先进行系统的抗抑郁和抗焦虑的治疗。失眠特别是持续3个月以上的慢性失眠，以及抑郁、焦虑的治疗，需要持续一定的时间</t>
  </si>
  <si>
    <t>镇江南站是高铁站吗</t>
  </si>
  <si>
    <t>镇江站和镇江南站都有，看你的车票或者车次信息了。车站和名称都是一一对应的。镇江，指的就是镇江站。如果是镇江南站的车，那么肯定就会写镇江南。</t>
  </si>
  <si>
    <t>一体电脑机好不好</t>
  </si>
  <si>
    <t>好，还可以当电视用，想买就买电脑电视一体机，不占地方只要一根电源线就可以，感觉很好。</t>
  </si>
  <si>
    <t>上海工程技术大学有专科吗</t>
  </si>
  <si>
    <t>上海工程技术大学有专科</t>
  </si>
  <si>
    <t>电脑版微信能加人吗</t>
  </si>
  <si>
    <t>1.登入电脑客户端，鼠标点击加好友的群在进入下一步 2.在鼠标点击右方的三个小点，点击看到界面后在用鼠标点击想加的好友即可。</t>
  </si>
  <si>
    <t>子母门安全吗</t>
  </si>
  <si>
    <t>子母防盗门在某一程度上来说，为别墅住宅区的居民们带来了很大的福利。不仅是在使用上的便利，其大气美观的外形也很好的装饰了房屋</t>
  </si>
  <si>
    <t>海关的苹果手机能买吗</t>
  </si>
  <si>
    <t>可以，一般是作拍卖处理</t>
  </si>
  <si>
    <t>鸡蛋加黄瓜能减肥吗</t>
  </si>
  <si>
    <t>黄瓜鸡蛋减肥法是一种又快又有效的减肥法</t>
  </si>
  <si>
    <t>岗位说明书和职位说明书有区别么</t>
  </si>
  <si>
    <t>工作说明书与职位说明书性质是一样的，只是叫法不同而已。</t>
  </si>
  <si>
    <t>格式工厂能转换qsv吗</t>
  </si>
  <si>
    <t>qsv格式转换mp4 格式工厂。</t>
  </si>
  <si>
    <t>现在可以用格式工厂转换的。</t>
  </si>
  <si>
    <t>首先楼主打开软件 ，在左边有一个菜单栏，有“视频，音频，图片”等选 项，在视频下有“所有转到MP4”一个先项，点击之后会有一个窗口出来，在右方有一个“添加文件”，选 中你要转的东东所在地，如果楼主是转来放在“移动设备”里，就点一下“输出配置”，在预设配置里选 一下，选成移动设备的，点OK，在点OK，然后在上面有一个“开始”按钮“或”star“点了之后开始转换，转换完了，在格式工厂里点一下文件 ，单点右键，选中 打开输出文件 ，就看到转后的文件。</t>
  </si>
  <si>
    <t>破界篇好玩吗</t>
  </si>
  <si>
    <t>好玩，剧情挺不错，难度适中</t>
  </si>
  <si>
    <t>好不好玩只有自己知道，游戏有人喜欢就有人不喜欢</t>
  </si>
  <si>
    <t>轮状病毒传染吗</t>
  </si>
  <si>
    <t>轮状病毒是可以在幼儿之间进行传播和流行的。感染途径为粪－口途径。借由与接触弄脏的手、弄脏的表面以及弄脏的物体来传染，而且有可能经由呼吸路径传染。</t>
  </si>
  <si>
    <t>宫外孕手术后hcg不下降可以吃中药吗</t>
  </si>
  <si>
    <t>宫外孕手术后，hcg水平降了下来。有继续查找HcG水平增高的原因，患了咽炎，可以服用罗红霉素，不会影响HcG的水平。</t>
  </si>
  <si>
    <t>电动代步车可以上路吗</t>
  </si>
  <si>
    <t>低速电动车、老年代步车一类的车均不可上路</t>
  </si>
  <si>
    <t>迈腾断轴吗</t>
  </si>
  <si>
    <t>大众断轴不是传说，迈腾20码自由行驶断轴！。</t>
  </si>
  <si>
    <t>交通事故中撞击一侧的轮胎，也比较容易造成断轴。</t>
  </si>
  <si>
    <t>没有啊迈腾后桥是独立悬架不会出现14款速腾的情况。</t>
  </si>
  <si>
    <t>可乐能治咳嗽吗</t>
  </si>
  <si>
    <t>适得其反</t>
  </si>
  <si>
    <t>香水柠檬 普通柠檬 区别很大吗</t>
  </si>
  <si>
    <t>果子弯曲不一样，一般的是常见柠檬形状，香水版本的比较长，一般有一听可乐这么长，冬瓜形状，两头没这么尖，一般人都以为是变种橙子，而不会想到是柠檬</t>
  </si>
  <si>
    <t>个体工商户属于其他组织吗</t>
  </si>
  <si>
    <t>合伙企业个人、独资企业属于其他组织，个体工商户和农村承包经营户在商主体中属于商个体（商自然人），因此应当是自然人。</t>
  </si>
  <si>
    <t>宫灯杏仁蜜好用吗</t>
  </si>
  <si>
    <t>用过它的对它的评价还是很高的 但是用在脸上似乎不太合适 你可以用来护手。</t>
  </si>
  <si>
    <t>最近很迷宫灯杏仁蜜，发现它除了最主要的保湿功能，其实还有很多种用法，可以开发成全能护肤选手哦。就像芦荟水一样，想怎么用就怎么用</t>
  </si>
  <si>
    <t>宫灯杏仁蜜的润肤效果很不错，并且还不油腻</t>
  </si>
  <si>
    <t>用着感觉好油，不好吸收</t>
  </si>
  <si>
    <t xml:space="preserve">昨天晚上，在纠结把哪样东西涂腿上好，就看到了这瓶杏仁蜜， 觉得味道奇怪，鬼使神差的去把那瓶盖旋开了~ 一闻，一股浓烈的劣质塑料味参杂着杏仁的苦味，超级刺鼻！ </t>
  </si>
  <si>
    <t>陈妍希父亲有钱吗?</t>
  </si>
  <si>
    <t>陈妍希的爸爸经商，家境殷实，但她从不依靠家人的财力来为自己争取演绎角色，而是靠自己努力争取，凭借的是自己实力。</t>
  </si>
  <si>
    <t>ios9费电吗</t>
  </si>
  <si>
    <t>苹果iOS9系统中增加了一项全新的省电功能“低电量模式”，用户一旦打开了低电量模式之后，iOS9系统将暂时减低耗电量并将关闭邮件自动获取，后台应用刷新和自动下载，并会减弱或关闭部分视觉效果。</t>
  </si>
  <si>
    <t>结婚证撕了能离婚吗</t>
  </si>
  <si>
    <t>结婚证只是一个形式要件，撕坏并不表示无法离婚了，可以委托律师代理离婚诉讼、或者委托律师代写诉状。</t>
  </si>
  <si>
    <t>怀孕三个月可以爱爱吗</t>
  </si>
  <si>
    <t>c919大吗</t>
  </si>
  <si>
    <t>C919大飞机是自主研发的第一款成型的大飞机</t>
  </si>
  <si>
    <t>唇釉掉色吗</t>
  </si>
  <si>
    <t>有的唇釉掉色，有的不掉色。</t>
  </si>
  <si>
    <t>临时身份证能考试吗</t>
  </si>
  <si>
    <t>临时身份证不能用作高考报名。</t>
  </si>
  <si>
    <t>根据《 中华人民共和国临时居民身份证管理办法》第三条规定：临时居民身份证具有证明公民身份的法律效力；但是需要注意的是，临时身份证不具备机读功能，不能通过身份证识别器读取，所以具体能否使用需要咨询考试方的主管部门。</t>
  </si>
  <si>
    <t>中国考试教材网书是真的吗</t>
  </si>
  <si>
    <t>就是一个骗子网站，购买书籍时说的好好的是2015版的，等邮寄来后还是旧版的，骗子网站，大家不要上当了，投诉电话也是假的。</t>
  </si>
  <si>
    <t>虾和胡萝卜可以一同食用吗</t>
  </si>
  <si>
    <t>健康指导：您好。红萝卜可以与虾在一起煮着吃，它们之间不相克。红萝卜富含胡萝卜素，可以缓解视力疲劳、护肝明目，增强免疫能力。虾，含蛋白质很高，还富含钾，碘，镁，磷等矿物质和维生素A，氨茶碱等成份。虾中富含镁，对心脏活动具有重要的调节作用。</t>
  </si>
  <si>
    <t>iphone5s要升级ios9.1吗</t>
  </si>
  <si>
    <t>5s建议升级9.1</t>
  </si>
  <si>
    <t>怀孕可以吃咸菜吗</t>
  </si>
  <si>
    <t xml:space="preserve">少量的食用影响不大，可以吃，不要吃太多就没事儿。 </t>
  </si>
  <si>
    <t>可以吃的，建议不要偏食.饮食尽可能广泛多样化.多吃高蛋白优质蛋白食物多吃蔬菜水果.不要喝酒咖啡.戒烟.不要接触有毒物质和辐射源。</t>
  </si>
  <si>
    <t>腌制食品中含有较多的亚硝酸盐，而这种化学物品有毒性，还具有致癌性。因此无论是否处于妊娠期都要少量食用，避免长期、大量进食。</t>
  </si>
  <si>
    <t>a1533(gsm)支持电信4g吗</t>
  </si>
  <si>
    <t>型号为A1533的苹果iPhone 5S是电信版手机，只能使用电信3G、2G网络，不能使用电信4G网络。</t>
  </si>
  <si>
    <t>耳朵小的女人好不好</t>
  </si>
  <si>
    <t>耳朵代表先天肾气，与女人的生育有关。刘恒：肾开窍于耳。耳朵吉相：耳朵大、耳朵厚、耳朵位置齐眉、耳朵色泽偏白、耳朵轮廓分明、双耳贴头；耳朵凶相：耳薄弱、耳朵色黑、耳朵薄小、耳朵位置低、双耳朝前</t>
  </si>
  <si>
    <t>macbook pro屏幕要贴膜吗</t>
  </si>
  <si>
    <t>不要贴膜，你现在说的MacBook Pro我就默认认为是Retina款的了。这个贴膜后以后如果把膜接下来可能会损坏屏幕上的涂层。另外不要使用酒精来清洗屏幕，同样会溶解损坏涂层，使用清水擦拭即可。 如果不是Retina款的，贴不贴就看个人喜好了。</t>
  </si>
  <si>
    <t>iphone6s砍价活动是真的吗</t>
  </si>
  <si>
    <t>很多砍价成功的微友不但没有收到奖品，反而泄露了个人信息，甚至还有人被骗了钱！#转发砍价的目的多种多样，有的真的是为了产品营销宣传，而有的则是为了骗粉丝关注、骗取个人信息等。更有甚者，其实就是为了后续的诈骗。用户的个人信息其实卖不到多少钱，但是如果能将身份证号、住址和电话及个人的信息匹配，加之获得微信ID，那诈骗就极其容易。#</t>
  </si>
  <si>
    <t>南阳金凯悦有小姐吗</t>
  </si>
  <si>
    <t>有的</t>
  </si>
  <si>
    <t>身份证补办必须本人去吗</t>
  </si>
  <si>
    <t>新修定的《居民身份证法》明确规定，居民身份证登记项目包括指纹信息。公安机关也做了一些便民措施，公民在外如身份证丢失的，在购买车票时可在车站设立的临时身分证窗口办理购票使用的临时身份证。目前，尚未开展异地采集指纹业务，暂时无法异地采集指纹。因此，身份证丢失必须由本人在户籍所在地进行补办。</t>
  </si>
  <si>
    <t>暗花好看吗</t>
  </si>
  <si>
    <t>超有内涵的片子</t>
  </si>
  <si>
    <t>暗花，超越了规则，也失去了意义</t>
  </si>
  <si>
    <t>抑郁症患者能服侍人参吗</t>
  </si>
  <si>
    <t>建议最好采用中药配合心理治疗可以达到很好的治疗效果，中药可以起到调理情绪,醒脑开窍、疏肝涤痰、调理气血,调整机体的脏腑功能及平衡阴阳的作用。中药副作用小、标本兼治。同时配合心理治疗从根本上治疗疾病，才能取得满意的治疗效果。</t>
  </si>
  <si>
    <t>南昌第八医院好不好</t>
  </si>
  <si>
    <t>南昌市第八人民医院的神经内科还不错，烦躁，经常睡不着。。。这一类的都可以</t>
  </si>
  <si>
    <t>多形红斑要住院吗</t>
  </si>
  <si>
    <t>你这个考虑是湿疹，和潮湿 热 过敏有一定的关系，不要吃鱼虾海鲜，不要用开水烫洗，保持干燥。可以外用氧化锌软膏，口服录雷他定片，必要时去医院就诊</t>
  </si>
  <si>
    <t>托福报名选快递费吗</t>
  </si>
  <si>
    <t>男人晨勃难受吗</t>
  </si>
  <si>
    <t xml:space="preserve">  这属于正常的生理现象，不难受的</t>
  </si>
  <si>
    <t>无套口交会传染梅毒吗</t>
  </si>
  <si>
    <t>其实是有一定几率的，传染病会要有一定的传染源、传播途径和易感因素。一般通过不洁性生活和输入不洁的血液和血制品造成感染的</t>
  </si>
  <si>
    <t>钢铁侠厉害吗</t>
  </si>
  <si>
    <t>与金刚狼对比，钢铁侠厉害</t>
  </si>
  <si>
    <t>特价机票不可以退吗</t>
  </si>
  <si>
    <t>一般情况下，特价机票是不可以退票和改签的，但是有些特价机票是可以改签不可以退票，也有些特价机票可以退票和改签。具体需要看购买特价机票时的航空公司对机票的规定，而不能简单的说特价机票可以退票还是不可以退票。</t>
  </si>
  <si>
    <t>小麦苗能吃吗</t>
  </si>
  <si>
    <t>小麦苗确实是可以食用的，小麦苗是麦子的初期形态，小麦苗中含有丰富的矿物质和营养物质，对于我们身体内部的生理调节都起到了重要的保护作用。</t>
  </si>
  <si>
    <t>nba2k14有扣篮大赛吗</t>
  </si>
  <si>
    <t>MP 模式当中有</t>
  </si>
  <si>
    <t>中华时代网是不是传销</t>
  </si>
  <si>
    <t>是传销，融资骗钱，无实体经营，所谓利润都是一层一层线下的钱，</t>
  </si>
  <si>
    <t xml:space="preserve"> 不是传销，只是个搜索平台。</t>
  </si>
  <si>
    <t>趣分期上市了吗</t>
  </si>
  <si>
    <t>趣分期上市了</t>
  </si>
  <si>
    <t>尼康d810适合拍人像吗</t>
  </si>
  <si>
    <t>完全适合，其实人像摄影，从最入门的型号到高端型号均可。D810属于全画幅单反相机，成像质量，像素等等均能满足高精度人像摄影的需求。如果单纯拍摄人像，可以考虑选配人像镜头，比如：50mm/1.2标准头，85/1.2人像头，70-200变焦也不错。</t>
  </si>
  <si>
    <t>高层会潮湿吗</t>
  </si>
  <si>
    <t>室内返潮现象主要发生在住宅的底层地面</t>
  </si>
  <si>
    <t>理论上，高度越高，气压就越低，湿度就越小</t>
  </si>
  <si>
    <t>会啊，这个还要看当地的气候了</t>
  </si>
  <si>
    <t>紫光吉美有直销牌照吗</t>
  </si>
  <si>
    <t>而后的2015年12月22日，记者从商务部获悉深圳市安吉尔饮水事业发展有限公司、北京红景天技术开发有限公司、湖南吉美生物科技发展有限公司正式向商务部提交申请直销牌照的声明</t>
  </si>
  <si>
    <t>机器洗车好吗</t>
  </si>
  <si>
    <t>人发明机器 机器永远无法超越人</t>
  </si>
  <si>
    <t>澳洲私处洗液好用吗</t>
  </si>
  <si>
    <t>洗澡的时候先将外阴用洗液清洗干净，再倒出少量洗液搓出泡沫，反复femfresh芦荟女性私处护理液，适合每日使用。孕妇可放心使用。第二天你就会发现身体轻松很多，3天后就会跟炎症说byebye了。</t>
  </si>
  <si>
    <t>在天猫购物有发票吗</t>
  </si>
  <si>
    <t>天猫购物要发票是要提前说明的，因为没有默认选项可以选择发票，而且有的商品并不支持开发票，所以要沟通后才可以</t>
  </si>
  <si>
    <t>过境英国需要签证吗</t>
  </si>
  <si>
    <t>一般情况下，中国公民从伦敦转机需要英国的过境签证。满足以下条件之一者，无需过境签证。凡持有以下证件的中国国民过境英国时无需转机签证：1、有效澳大利亚、加拿大、新西兰或美国签证及前往上述国家的有效机票；2、1998年4月21日之后（含该日）签发的美国有效1—551永久居留证；3、2002年6月28日之后（含该日）签发的加拿大有效永久居留证；4、欧洲经济区国家签发的统一格式的有效“D”类签证；5、欧洲经济区国家统一格式的有效居留许可；6、外交或公务护照。</t>
  </si>
  <si>
    <t>吃糖会得糖尿病吗</t>
  </si>
  <si>
    <t>多吃糖与糖尿病的发生没有必然的关系。</t>
  </si>
  <si>
    <t>比熊能吃胡萝卜么?</t>
  </si>
  <si>
    <t>胡萝卜不要给狗狗吃生的，生胡萝卜中的维A是不被吸收的，也就是说吃生胡萝卜就和没吃一样，因为维A是zhi溶性维生素，不溶于水，也就是说维A没有zhi类溶解的话狗狗的身体是无法吸收代谢的。所以对狗狗来说最最营养最易吸收的方法是将胡萝卜剁碎成泥，然后在适量油中（人的食用油就可以了，经济条件允许还能用橄榄油）以大火快速煸炒后，取出沥去多余的油，然后就可以和狗粮或者其他自制粮混合搅拌在一起给狗狗吃了。</t>
  </si>
  <si>
    <t>上海公务员能落户吗</t>
  </si>
  <si>
    <t>外省市社会人员报考本市公务员，须具有全国普通高等院校硕士研究生及以上学历，本人持有《上海市居住证》一年以上（仍在有效期内），且积分达到标准分值120分的人员（含原人才类、就业类《上海市居住证》），公务员录取后，当事人和公务员单位签约后，公务员单位办理户口申请通过后，即可办理户口迁入手续。</t>
  </si>
  <si>
    <t>不能落户,考上了上海的公务员后,可以办理上海市引进人才类居住证,享受与上海户籍同样的待遇.</t>
  </si>
  <si>
    <t>2008年以前（不含08年），考上上海公务员，是给落户的，但是从08年起，公务员也要评分的 ，去年好像是76分才可以够落户资格。不过，如果报考的部门好的话，可能会弄到指标。</t>
  </si>
  <si>
    <t>以后还会有战争吗</t>
  </si>
  <si>
    <t>战争一直伴随人类历史直到今天，这是一个矛盾，但人类到现在还没有能力解决这个矛盾，所以，战争虽然在短期内不会发生，但是如果在发展过程中与别的国家有了很大利益冲突，那就只有用武力解决，战争也就爆发</t>
  </si>
  <si>
    <t>张家界天门山好玩吗</t>
  </si>
  <si>
    <t>天门山也是以自然景观为基础，且有目前全亚洲最长的缆车索道，后来又新添了玻璃栈道及鬼谷栈道，也是很值得去游览参观的。</t>
  </si>
  <si>
    <t>现在全面放开二胎,现在怀孕会不会罚款</t>
  </si>
  <si>
    <t>随着二胎全面放开的消息出来之后，很多关于二胎抢生会不会被惩罚，要不要怀二孩的问题满天飞。据卫计委表示，现在开始怀二孩是不算违反政策。</t>
  </si>
  <si>
    <t>颅骨透亮线影能恢复吗?</t>
  </si>
  <si>
    <t>对于线性骨折无需特殊治疗，应用抗炎镇痛药物即可，一般在伤后6-8周，X线可以见到原始骨痂。</t>
  </si>
  <si>
    <t>泰国黑桑果润黑露是真的吗</t>
  </si>
  <si>
    <t>刚开始看到网上很多官网分不清楚那个是正宗的泰国黑桑果润黑露，后来无意中看到有人分享在“美美白发克星”购买到了正宗的泰国黑桑果润黑露原装的，我也是试试，没有想到第一次用就有效果，半个月后白发慢慢的便黑了，一个月后真的不用在染发了。</t>
  </si>
  <si>
    <t>害人不浅，请大家互相转告，谨防再次上当受骗</t>
  </si>
  <si>
    <t>巴黎春天能用ok卡吗</t>
  </si>
  <si>
    <t>OK会员卡可以在世纪联华、联华超市、大部分快客便利、百联E城blemall.com购物网、联华电商Lhok.com购物网和易客便民okng.com数卡网、佳家网jaja123.com建材家装网等OK会员联盟网站持卡消费，同时还能在百联百货、百联购物中心、友谊百货、巴黎春天、第一医药及连锁、华联超市、华联吉买盛、好美家、百联各专业专卖、红星美凯龙，以及各类餐饮、服务等数千家特约商户持卡消费。</t>
  </si>
  <si>
    <t>邪气鞍座是战网绑定吗</t>
  </si>
  <si>
    <t>邪气鞍座不是战网绑定的。第14赛季中,在3v3竞技场中取得100场胜利,或是在评级战场中取得40场胜利,即可获得成就恶孽争斗者,成就奖励[邪气鞍座]。</t>
  </si>
  <si>
    <t>圆通可以改地址吗</t>
  </si>
  <si>
    <t>中途可以改地址的，由发件人联系快递公司修改地址。在收件人没有签收之前，默认快件的所有权属于发件人，所以只有发件人才有资格通知快递修改收货地址。</t>
  </si>
  <si>
    <t>美国留学每次转学都必须回国签证吗</t>
  </si>
  <si>
    <t>美国转学后，要由新的学校给学生下发I-20表，只要带着新的表格去进行签证就行了。签证的过程，还是如以前的签证一样。</t>
  </si>
  <si>
    <t>验钞灯能验出面膜里萤光剂吗</t>
  </si>
  <si>
    <t>测试面膜是否含有荧光增白剂，打开面膜的包装，然后放到“ZF-C型三用紫外分析仪”下，使用紫外光照射面膜，看其是否会发出亮蓝色光，如果有，说明面膜上含有荧光剂。 如果没有紫外分析仪，可以用紫外手电筒，紫外验钞机/笔等。</t>
  </si>
  <si>
    <t>qt是开源的吗</t>
  </si>
  <si>
    <t>Qt 有两个许可证：LGPL 和商业协议。这两个协议在现在的 Qt 版本中的代码是完全一致的（潜在含义是，Qt 的早期版本，商业版的 Qt 通常包含有一些开源版本所没有的库，比如 QtSingleApplication 这个库）。所以现在对于普通开发人员和部分商业公司来说，使用 LGPL 版本的 Qt 可以节省很大的开销。这两个版本最大的区别在于，前者是免费的，后者是收费的。</t>
  </si>
  <si>
    <t>宝宝拉肚子可以断奶吗</t>
  </si>
  <si>
    <t>这种情况如果是母乳引起的话可以断奶的。 如果不是母乳的话一般拉肚子的情况下不建议断奶的，可以等宝宝病好了，再戒奶。</t>
  </si>
  <si>
    <t>雷柏鼠标好吗</t>
  </si>
  <si>
    <t>雷柏鼠标性能比较好,性价比高,手感和灵敏度上都不错,而且也省电,还比较便宜。</t>
  </si>
  <si>
    <t>孕妇吃海参好不好</t>
  </si>
  <si>
    <t>、答案是肯定的，怀孕的女性是可以吃一些海参的。</t>
  </si>
  <si>
    <t>胃出血会死吗</t>
  </si>
  <si>
    <t>胃出血一般来说不是一个单独的病，而是一个并发症。只要及时止血一边不会因为失血过多而休克甚至死亡，但是必须要及时确诊原发病，比如是因为胃溃疡而导致胃出血，或者肝硬化（一般是食管胃底静脉破裂出血，但都是表现吐血），急性胃炎等等，如果不治疗原发病，光止血没有用，而且有可能转为隐性出血（此时只有做大便潜血实验才能发现），最后导致贫血，营养不良等等，甚至也可再次忽然大出血而休克死亡。</t>
  </si>
  <si>
    <t>淘宝12周年中奖是真的吗</t>
  </si>
  <si>
    <t>不是真的</t>
  </si>
  <si>
    <t>信用卡套现违法么</t>
  </si>
  <si>
    <t>信用卡套现违法。</t>
  </si>
  <si>
    <t>芹菜和蘑菇能一起吃吗</t>
  </si>
  <si>
    <t>可以同吃</t>
  </si>
  <si>
    <t>金匮肾气丸上火吗</t>
  </si>
  <si>
    <t>金匮肾气丸是一个肾阴肾阳并补的中成药。机体阴虚火旺，会出现上火的症状</t>
  </si>
  <si>
    <t>金匮肾气丸是补肾阳的，不会上火，可以服用。</t>
  </si>
  <si>
    <t>金匮肾气丸属于温补肾阳之品，里面含有附子、肉桂大辛大热之品，因此在不属于肾阳虚症候的情况下，口服后会出现口舌生疮、咽喉肿痛的现象。</t>
  </si>
  <si>
    <t>国内能注册facebook吗</t>
  </si>
  <si>
    <t>需要使用VPN进行登陆注册。或者在某宝上购买账号！</t>
  </si>
  <si>
    <t>淘宝刷单需要换ip吗</t>
  </si>
  <si>
    <t>路由器换IP，你每次登录的小号IP都是随机的，这样不安全。</t>
  </si>
  <si>
    <t>不是每上一个号都要换IP的，一个IP可以登五个号，之后再重启路由器换IP。</t>
  </si>
  <si>
    <t>只有一套房产法院会强制执行吗</t>
  </si>
  <si>
    <t>一般如果只有一套住房是不会强制执行的。</t>
  </si>
  <si>
    <t>肠胃炎能自愈吗</t>
  </si>
  <si>
    <t>没事的</t>
  </si>
  <si>
    <t>ie10能用xp系统吗</t>
  </si>
  <si>
    <t>刚刚安装的xp系统自带了IE8浏览器，不过该浏览器还有很多不成熟的地方，使用起来并不好。一些朋友表示自己想要直接使用ie10浏览器，这该如何操作呢？首先，我们需要删除IE8，之后才能安装更高版本的IE浏览器。</t>
  </si>
  <si>
    <t>不能用，XP最多支持到IE8，用谷歌浏览器，独立的内核，像2345浏览器，搜狗浏览器，360浏览器都是用的IE内核，只不过是外观变了而已，谷歌加载速度非常快，而且界面简洁，非常实用，在浏览器上玩游戏效果极为明显，IEtesterXP系统可以用</t>
  </si>
  <si>
    <t>有霉菌能顺产吗?</t>
  </si>
  <si>
    <t xml:space="preserve"> 完全可以顺产的，生宝宝时阴道是要通过消毒的</t>
  </si>
  <si>
    <t>霉菌性阴道炎经阴道顺产会影响胎儿的健康，不建议顺产。</t>
  </si>
  <si>
    <t>孕妇能不能吃龙利鱼</t>
  </si>
  <si>
    <t>孕妇是可以食用龙利鱼的</t>
  </si>
  <si>
    <t>处女座闷骚吗</t>
  </si>
  <si>
    <t>闷骚是绝对的</t>
  </si>
  <si>
    <t>大话游戏工作室能赚大钱吗</t>
  </si>
  <si>
    <t>做大话2手动工作室已经6年了，如果自己年纪也大了，也成家立业了，感觉再做手动工作室，对自己，对家庭都已经产生了负面的影响，所以想转型挂机工作室。</t>
  </si>
  <si>
    <t>中科软是外包吗</t>
  </si>
  <si>
    <t>给保险公司做软件。项目外包。</t>
  </si>
  <si>
    <t>吃归脾丸会发胖吗</t>
  </si>
  <si>
    <t>长期的吃的话，会引起肥胖的现象。</t>
  </si>
  <si>
    <t>没那个说法，我问过中医的。</t>
  </si>
  <si>
    <t>英语有10级吗</t>
  </si>
  <si>
    <t>没有，国内对英语等级的划分最高到八级，且是专业八级，就是通常是英语专业的学生才可以考的</t>
  </si>
  <si>
    <t>女人喜欢男人有肌肉吗</t>
  </si>
  <si>
    <t>不一定，喜欢一个人是一种感觉。是各方面因素的综合</t>
  </si>
  <si>
    <t>旧樟木箱子是否值钱</t>
  </si>
  <si>
    <t>旧樟木箱肯定值钱</t>
  </si>
  <si>
    <t>9个月宝宝16斤正常吗</t>
  </si>
  <si>
    <t xml:space="preserve">   您好，九个月的孩子16斤是正常现象的，孩子出生时比较小，目前长的是比较好的。</t>
  </si>
  <si>
    <t>你好。这个宝宝的体重偏轻的啊，这个如果是后者经常的生病感冒，吃不好的话这个就是会影响孩子的生长发育的啊，建议你就可以给孩子吃一些之后营养食物的啊。添加配方奶粉</t>
  </si>
  <si>
    <t>cwalk好学吗</t>
  </si>
  <si>
    <t>入门还是比较容易的，主要是要有那个乐感。</t>
  </si>
  <si>
    <t>增肌粉有副作用吗?</t>
  </si>
  <si>
    <t>只要正规厂家的增肌粉是没有副作用的，因为增肌粉是一种高度浓缩的蛋白质，里面还含有碳水化合物，在体内再通过合理锻炼可以变成肌肉。所以没什么副作用。</t>
  </si>
  <si>
    <t>深沟球轴承能承受轴向力吗</t>
  </si>
  <si>
    <t xml:space="preserve">深沟球轴承理论不受轴向力，但实际应用过程中会受到轻微的轴向力，因为它有一定的调心作用，在轴向力消失之后，会重新回到原来的位置 </t>
  </si>
  <si>
    <t>公司监事可以不是股东吗</t>
  </si>
  <si>
    <t>根据《公司法》的规定，监事不一定是股东。监事会中的职工代表，不一定是职工代表大会中的职工代表。参考资料：《公司法》第五十二条第二款规定，“监事会应当包括股东代表和适当比例的公司职工代表，其中职工代表的比例不得低于三分之一，具体比例由公司章程规定。监事会中的职工代表由公司职工通过职工代表大会、职工大会或者其他形式民主选举产生。”</t>
  </si>
  <si>
    <t>1.5排量跑长途够用吗</t>
  </si>
  <si>
    <t>1.5及以上排量的都适合上高速</t>
  </si>
  <si>
    <t>英国耐克便宜吗</t>
  </si>
  <si>
    <t>绝对不会比国内贵，就算是原价也比国内的原价低，现在的汇率是10左右。更便宜了</t>
  </si>
  <si>
    <t>喝热水上火吗</t>
  </si>
  <si>
    <t>喝热水不会上火，反而可以帮助缓解上火，上火的时候，多喝点温热水，可以有效为机体补充水分，缓解上火引起的喉咙不适，长痘痘等现象，促进新陈代谢，排毒排汗。</t>
  </si>
  <si>
    <t>孕妇能用暖脚器吗</t>
  </si>
  <si>
    <t>一般怀孕期间尽可能不要使用电方面的暖脚器，可以使用是热水袋或者是红外线照射性质方面都可以的，而且怀孕期间也尽可能避免使用电热毯，以免造成对胎儿的不良影响作用。</t>
  </si>
  <si>
    <t>怀孕初期没有反应正常吗</t>
  </si>
  <si>
    <t>一般来说，早孕反应是出现在怀孕三十五六天之后，而早孕反应的轻重也是因人而异的，出现与否也是因人而异的。只是根据症状是无法准确的判断胎儿的发育情况的。指导意见：根据你的描述，建议还是及时到医院检查一下胎儿的发育情况，一般来说，怀孕51天胎芽和胎心是都应该出现的，可以明确一下，只是这些症状无法准确判断胎儿的发育情况的。</t>
  </si>
  <si>
    <t>021 95512是真是假</t>
  </si>
  <si>
    <t>是真的，这是电话车险营销。</t>
  </si>
  <si>
    <t>钢铁雄心3 好玩吗</t>
  </si>
  <si>
    <t>好不好玩看个人爱好，因人而异</t>
  </si>
  <si>
    <t>孔雀是鸟吗</t>
  </si>
  <si>
    <t>孔雀是属于鸟类</t>
  </si>
  <si>
    <t>咖啡色羽绒服好看吗</t>
  </si>
  <si>
    <t>有很多种情况，因人而异</t>
  </si>
  <si>
    <t>上海菜好吃吗</t>
  </si>
  <si>
    <t>上海菜好吃，特别好吃。</t>
  </si>
  <si>
    <t>上海菜是中国最难吃的菜系~~~~~~没有之一。做上海菜，简直是浪费食材</t>
  </si>
  <si>
    <t>各地的菜都有各地的特色，大家口味偏好不同而已，所谓每个地方的饮食文化不同，不能说不合口味就上升到难吃的高度，偏激了</t>
  </si>
  <si>
    <t>ios9可以刷回ios7吗</t>
  </si>
  <si>
    <t>很遗憾的告诉你，无法降级处理。</t>
  </si>
  <si>
    <t>宝鸡到凤县的路好走吗</t>
  </si>
  <si>
    <t>路况很好，主要是半挂多 ，容易堵车。</t>
  </si>
  <si>
    <t>主要有一串弯，上岭大概7个到8个左右，每个弯都比较紧，最主要的是有半边擦着崖半边顶着山，外带上坡急转弯的路段大概三俩个。</t>
  </si>
  <si>
    <t>铂金会变黄吗</t>
  </si>
  <si>
    <t>会的，这种情况的发生应该与不注重保养饰品有关。</t>
  </si>
  <si>
    <t>手机root会变卡吗</t>
  </si>
  <si>
    <t>卡和不卡是要看手机的，ROOT就是为了更方便的使用手机。管理手机自带的系统绑定程序，和安装一些需要ROOT权限的软件。目前安卓系统的手机基本上都可以ROOT的。ROOT之后的手机一般都不会卡，ROOT过后可以更好的清理手机和管理手</t>
  </si>
  <si>
    <t>不一定。root只是权限大了，不会直接导致变慢。</t>
  </si>
  <si>
    <t>nano sim卡是小卡吗</t>
  </si>
  <si>
    <t>Nano SIM微型卡是目前最小的，尺寸仅为 12mm x 9mm，现只有iphone5在使用这种小卡以后会更多机使用，更小的尺寸目的是为手机某部件让空间，更助于手机向更轻薄方向发展。</t>
  </si>
  <si>
    <t>婴儿可以用加湿器吗</t>
  </si>
  <si>
    <t>加湿气要放在离地面1米的高度，这样加湿的效果才好。二、加湿气只能用纯净水和凉白开。三、加湿气的水必须24小时更换一次。四、加湿气装水的瓶需每周清洗一次，其他部位每月清洗一次。五、将加湿气开到最大档，没有白雾为好的加湿气。六、不能长时间使用加湿气</t>
  </si>
  <si>
    <t>士兵有身份证吗</t>
  </si>
  <si>
    <t xml:space="preserve">从2008年1月1日起，军人和武警部队人员可以在持有部队身份证件的同时，依法申请领取居民身份证。 现在大多数部队已经办理了，但是还没有完全办理完毕。 </t>
  </si>
  <si>
    <t>确实没有身份证，当办理入伍手续时，户籍管理处就把身份证给剪碎了。</t>
  </si>
  <si>
    <t>以前军人在办理入伍手续的时候，起户口就被注销了，身份证也一同上交了，到部队后，可以办理军人身份证。退伍后，凭退伍手续，办理户口，申领居民身份证。现在军人办理入伍手续，不需要上交身份证了，可以在部队继续使用。</t>
  </si>
  <si>
    <t>饿了会消耗脂肪吗</t>
  </si>
  <si>
    <t>饿的时候不是在消耗脂肪，而是在消耗肝糖原，只有饿超过12h才会开始动用脂肪.</t>
  </si>
  <si>
    <t>跳伞安全吗</t>
  </si>
  <si>
    <t>挺安全的，只要相信，那么多人，选择的都是很专业的跳伞俱乐部，别害怕，尽情享受这无与伦比的体验。</t>
  </si>
  <si>
    <t>黄道益活络油能治风湿吗</t>
  </si>
  <si>
    <t>黄道益活络油对风湿病是有很好的效果，同症异治地以袪邪扶正为本，可以让患者的血液更畅通，打通各关节的血脉，真达根本，从而治标治本，恢复自我的免疫功能，如果需要可以到各大药店去买。</t>
  </si>
  <si>
    <t>意林好吗</t>
  </si>
  <si>
    <t>挺好的，里边都是一些启发性的故事。</t>
  </si>
  <si>
    <t>小米意外保险有用吗</t>
  </si>
  <si>
    <t>意外险一定买，手机更新换代很快，差不多10个月就去把意外险用了，还能换个新的屏幕。</t>
  </si>
  <si>
    <t>千万别买小米商城上面的手机意外险服务，就是坑爹的，根本不是小米自己提供的服务，是第三方的保险公司的服务，修手机不能在小米自己的售后维修点，要寄给他们保险公司的维修点，你的手机坏了，两小时的事情，能折腾半个月，这种坑蒙顾客如同鸡肋的服务谁买谁傻。</t>
  </si>
  <si>
    <t>这个保险就是坑人的，专门刁难用户，而难以理赔。</t>
  </si>
  <si>
    <t>高德地图能看国外吗</t>
  </si>
  <si>
    <t>国外的地图不管是国内国外都没有数据包，高德只能国内用</t>
  </si>
  <si>
    <t>华为商城支持支付宝吗</t>
  </si>
  <si>
    <t>华为商城是可以用支付宝付款的，在提交订单时，可以选择付款方式。</t>
  </si>
  <si>
    <t>富人应不应该做慈善</t>
  </si>
  <si>
    <t>有钱人作为社会的一员，占有了大量的金钱，理应回馈社会。做慈善是他们履行自身社会责任的途径之一。所以，有钱人有必要做慈善。有钱人比一般人拥有更多的资本，做慈善所要付出的成本要低，做慈善不仅可以帮助别人，也可以为自己树立良好的社会形象，何乐不为呢？所以有钱人有必要做慈善。</t>
  </si>
  <si>
    <t>空调是否安装接水盘</t>
  </si>
  <si>
    <t>室外机在夏天是没有水的，而在冬天会有水流出。如果不影响邻居，那就不要安了。或者用接水管流向别处。</t>
  </si>
  <si>
    <t>nexus 6p会降价吗</t>
  </si>
  <si>
    <t>继Nexus 5X之后，Nexus 6P也开始降价了。</t>
  </si>
  <si>
    <t>小三阳能治吗</t>
  </si>
  <si>
    <t>小三阳是乙肝病毒携带的一种类型，是指表面抗原，E抗体和核心抗体阳性，由于病毒复制可以破坏肝细胞，引起肝脏功能改变，需要结合肝功状况，病毒数量多少，确定治疗方案这种情况，需要化验肝功，病毒DNA定量检查看一下，如果肝功正常，病毒数量不多，可以不用药定期复查，否则就需要使用抗乙肝病毒药物治疗</t>
  </si>
  <si>
    <t>tr350s停产了吗</t>
  </si>
  <si>
    <t>350s停产了</t>
  </si>
  <si>
    <t>熊猫tv主播有底薪吗</t>
  </si>
  <si>
    <t>每个平台的主播 一开始都没有底薪的（除非你是一开直播就是有公司的）例如 斗鱼TV 七煌的张琪格 孙立人 ， 菲悦公司的 果果 娟子廋之类的。如果你是私人主播 那么有两种情况你能有底薪，第一 和你所在平台签约就会有。第二 被某个公司看上 然后签你。</t>
  </si>
  <si>
    <t>有霉菌性阴道炎可以要小孩吗</t>
  </si>
  <si>
    <t>根据你的描述，只要孩子和孕激素发育正常是可以要孩子的，</t>
  </si>
  <si>
    <t>患有霉菌性阴炎最好暂时不要考虑要孩子。感染霉菌性阴炎后，女性一定要及时去进行治疗，否则有可能会影响以后的生育，导致盆腔炎、附件炎等其他妇科炎症。</t>
  </si>
  <si>
    <t>永不消逝的电波 好看吗</t>
  </si>
  <si>
    <t>个人感觉很经典 潜伏有部分喜剧成分·而电波却有着乏味的悲伤· 个人喜欢路曼惠对日本高官说的那句 ！我知道阻止不了要发生的事情·那我就成全你·把我当成你青梅竹马的北海道女人吧！感觉是唤醒了残忍日本人的一丝人性·从而攻破对手的心里防线</t>
  </si>
  <si>
    <t>电饭煲可以煮面条吗</t>
  </si>
  <si>
    <t>电饭煲可以煮面条</t>
  </si>
  <si>
    <t>坚果云好用吗</t>
  </si>
  <si>
    <t>我们公司目前使用的就是坚果云，总体来说还不错！我们再使用之前也是做过一番调研的，也对比了几家企业云盘，最终还是选择了坚果云。韩竹是坚果云的联合创始人及CEO。此前曾就职于IBM 研究院，从事企业级数据中心基础研究方面的工作。比较可靠。另外一方面就是数据安全，这方面他们家是最好的，另外坚果云支持增量同步以及wedav接口，可以跟其他很多软件集成使用，比较方便！</t>
  </si>
  <si>
    <t>有姓催的吗</t>
  </si>
  <si>
    <t>今河南省的方城县有催氏族人分布。</t>
  </si>
  <si>
    <t>可乐鸡翅需要放盐吗</t>
  </si>
  <si>
    <t>一般不用放盐，也可以稍微放一点，但不能多。</t>
  </si>
  <si>
    <t>faker用不用智能施法</t>
  </si>
  <si>
    <t>除了诸如froggen，faker之类顶尖的高手，一般要玩好这个游戏都需要置能施法，主要是手速问题，像刀妹二段Q+E，如果普通施法要练习一段时间，我是练了好久也接不上，后来看wickd的视频，他用的就是智能施法，改用以后很轻松的使出来。像瞎子的Q接插眼接W再把目标踢回去，不用智能施法是办不到的。</t>
  </si>
  <si>
    <t>英国卫裤正品有用吗</t>
  </si>
  <si>
    <t>穿着舒服不说，还真有效果，晨勃的次数多了，穿其他内裤的时候都不会这样，还真不能小看了这几颗磁石，真的很神奇以后还会来买的。</t>
  </si>
  <si>
    <t>没有任何一个科学的论证说它有效</t>
  </si>
  <si>
    <t>什么内裤都可以，不要听信广告上的一些产品，没有很好的效果的。阴茎不能二次发育，药物没有增大阴茎的功效，不要相信虚假广告。</t>
  </si>
  <si>
    <t>一般认为：亚洲人种勃起时8厘米至18厘米都是正常。英国卫裤如果说有用只能说它具有保健的效果，但不具有任何治疗效果，所以不能过分依赖。</t>
  </si>
  <si>
    <t>徐州是乙醇汽油吗</t>
  </si>
  <si>
    <t>苏北四市（徐，淮，盐，连）和安徽全省都用的是乙醇汽油包括97号</t>
  </si>
  <si>
    <t>w家可以直邮吗</t>
  </si>
  <si>
    <t xml:space="preserve">是的，可以通过普通快递(DHL)或者以特快专递(Express)的方式直邮回中国。 </t>
  </si>
  <si>
    <t>板栗有毒吗</t>
  </si>
  <si>
    <t>是有毒的，发芽的板栗里还有黄曲霉素，是不可以在食用的，黄曲霉素是致癌物质！！！</t>
  </si>
  <si>
    <t>可以吃。没有毒。板栗的营养价值很高。</t>
  </si>
  <si>
    <t>iphone5s有64g的吗</t>
  </si>
  <si>
    <t>iphone5s有64G版本的。</t>
  </si>
  <si>
    <t>中国足球还有希望吗</t>
  </si>
  <si>
    <t>有希望的等待不漫长 中国足球且行且珍惜</t>
  </si>
  <si>
    <t>邢台有中信银行吗</t>
  </si>
  <si>
    <t>中信银行还没有在邢台地区设分支银行</t>
  </si>
  <si>
    <t>无无</t>
  </si>
  <si>
    <t>微信电脑版可以不扫二维码吗</t>
  </si>
  <si>
    <t>其中第一种电脑上登陆微信网页版，必须使用二维码扫描登陆，</t>
  </si>
  <si>
    <t>电影票可以退吗</t>
  </si>
  <si>
    <t>不管是网络售票，还是在电影院前台现场买票，电影票售出不退已经是多年的行业潜规则，大多数消费者对此习以为常。</t>
  </si>
  <si>
    <t>如果是在影院购买的票，在电影开始之前都可以退掉，如果已经开始了，那就没有办法退票了；网上预订的电影票要查看购买的产品是否支持退款，如果该电影票支持退款，那么直接点击退款即可，如果不支持退款就不能退。</t>
  </si>
  <si>
    <t>爱他美1+会碘超标吗</t>
  </si>
  <si>
    <t>一个1周岁以上的儿童，一天的奶量按500ml—800ml，那么从奶粉中一天摄入的碘含量是135微克—216微克，海产品是碘含量最高的，100g鱼肉中含80微克的碘，如果宝宝每天吃200g的鱼肉，那么每天的摄入碘含量月160微克。那么一天的摄取碘含量约295微克。这个量也少于一天的最高摄入量。可见1+的碘含量是标准的。</t>
  </si>
  <si>
    <t>2015年9月28日上班吗</t>
  </si>
  <si>
    <t>2015年9月28日正常上班。</t>
  </si>
  <si>
    <t>哺乳期受孕</t>
  </si>
  <si>
    <t>在哺乳期仍然有排卵的可能性，产后从恢复第一次性生活开始，就应该认真落实好避孕措施。</t>
  </si>
  <si>
    <t>烤箱时间按钮定多了直接停可以吗</t>
  </si>
  <si>
    <t>技术力量还行，待遇应该中等水平</t>
  </si>
  <si>
    <t>砍价拿 iphone6 是真的吗</t>
  </si>
  <si>
    <t>正规门店不能砍价，小店铺例外</t>
  </si>
  <si>
    <t>朝阳有高铁吗</t>
  </si>
  <si>
    <t>拟建设京沈高铁，在朝阳境内设置北票东、朝阳北、奈林皋、喀左、牛河梁等站，即规划有北京到朝阳的高铁，但还没有建好呢</t>
  </si>
  <si>
    <t>cat有网络旗舰店吗</t>
  </si>
  <si>
    <t>有的，at中国大陆是美丽宝代理的，美丽宝的旗舰店里面也销售cat的鞋子。</t>
  </si>
  <si>
    <t>石毅死了没</t>
  </si>
  <si>
    <t>石毅还没死，在下界的时候，石毅与石昊在虚神界大战了一次，石毅战败，理论是死了，但是出现一个上古重瞳女，救走了石毅，并带石毅去了上界。</t>
  </si>
  <si>
    <t>asset可数吗</t>
  </si>
  <si>
    <t>asset 意思是以个体存在的有用的物或人，所以是可数名词。</t>
  </si>
  <si>
    <t>黑枸杞哺乳期可以吃吗</t>
  </si>
  <si>
    <t>在哺乳期是可以喝黑枸杞水的，一定多注意休息，不要吃刺激性的东西，加强营养</t>
  </si>
  <si>
    <t>白带拉丝没了是不是已经排完卵了</t>
  </si>
  <si>
    <t>要是出现白带多拉丝现象的话考虑是排卵了的可能性比较大的，不过现在白带少也不能说明一定排卵完了的。</t>
  </si>
  <si>
    <t>秀智漂亮吗</t>
  </si>
  <si>
    <t>秋冬最火秀智红 美得简直不要不要的</t>
  </si>
  <si>
    <t>为什么都说秀智好看？表示第一次看她真心觉得一般。</t>
  </si>
  <si>
    <t>火车票买的全程的车票可以在中间站上车吗</t>
  </si>
  <si>
    <t>始发站的票是可以在中途上车的。铁路部门对此也有相关规定：旅客可以在车票票面指定的日期、车次于中途站上车，但未乘区间的票价不退。</t>
  </si>
  <si>
    <t>17岁能办信用卡吗</t>
  </si>
  <si>
    <t>信用卡主卡100%办不了，除非是家人的附属卡！！！银监会规定年满18周岁才可以申请信用卡。</t>
  </si>
  <si>
    <t>车载cd电脑能放吗</t>
  </si>
  <si>
    <t>可以，电脑几乎所有的格式都能播放，主要看你电脑里面安装的播放器是否支持这个格式。如果不支持，你再下载一个播放器就可以了。  如果你确定你的是CD的话， 那么100％可以播放。</t>
  </si>
  <si>
    <t>绿檀家具好不好</t>
  </si>
  <si>
    <t>绿檀木自身即是植物傍边性情对比格外,并且植物自身独特性就很独立的一种植物,所以用于家私资料的运用傍边,也会有许多的改变,也是在国外被称为吉利家私资料的一种,它的透气性,还有灵气也是许多家私资料不能比较的。</t>
  </si>
  <si>
    <t>绿檀本身材质不错，但最近几年炒得比较热，价格也不低，虽然叫檀实际约等于杂木一类，疾藜科愈疮木属的植物，借檀木家具的名气而已，价格和同质木材比偏贵。</t>
  </si>
  <si>
    <t>耶利哥恐怖吗</t>
  </si>
  <si>
    <t>这个嘛。。看个人素质。。我觉得是很恐怖#不恐怖 个人认为很好玩</t>
  </si>
  <si>
    <t>来例假喝红糖水好不好</t>
  </si>
  <si>
    <t>月经期间喝红糖水可让身体温暖，增加能量，活络气血，加快血液循环，月经也会排得较为顺畅。</t>
  </si>
  <si>
    <t>华硕a43s有没有蓝牙</t>
  </si>
  <si>
    <t>华硕A43S系列笔记本的蓝牙是选的，所以并不是所有的华硕A43S都有蓝牙。</t>
  </si>
  <si>
    <t>隆鼻安全吗</t>
  </si>
  <si>
    <t>患者为青年女性，因鼻梁立体感不突出，如做隆鼻手术最好选择自体。 相对于硅胶等材料的假体，自体软骨隆鼻效果较好，不会位移，外面也摸不出来。硅胶假体有保质期，数年以后需要取出。最好选择公立医院，价格合理，效果也有保证。</t>
  </si>
  <si>
    <t>奥爷死了吗</t>
  </si>
  <si>
    <t>伟大的劳伦斯早已逝去，七根柱子还在。而让我们看到这劳伦斯的伟大的奥爷竟也走了</t>
  </si>
  <si>
    <t>24寸行李箱能登机吗</t>
  </si>
  <si>
    <t>不能直接登机、需要托运！</t>
  </si>
  <si>
    <t>北京西郊机场有航班吗</t>
  </si>
  <si>
    <t>没有的，北京西郊机场为军用机场。</t>
  </si>
  <si>
    <t>中国可以在ebay上买东西吗</t>
  </si>
  <si>
    <t>Ebay美国站点上的东西都不会寄到中国的，如果想在美国Ebay上买东西，有两种方法可以选择：1、买了东西寄到美国或者加拿大的朋友家里然后请朋友寄回中国或者带回中国。2、找专门的代购网站去购买！</t>
  </si>
  <si>
    <t>开庭前法院取保了,开庭后没有判决,让回家等判决书,会判缓刑吗</t>
  </si>
  <si>
    <t>这种情况判缓刑可能大，要看具体案情。</t>
  </si>
  <si>
    <t>皮蛋要不要煮</t>
  </si>
  <si>
    <t>一般情况下，皮蛋是可以直接食用的，不用煮熟也可以吃，不会对身体产生不良的影响</t>
  </si>
  <si>
    <t>红掌吸甲醛吗</t>
  </si>
  <si>
    <t>红掌，又称为火焰苞，是天南星科植物，红掌一直是市场上热门者，红掌有很好的吸收甲醛等有害气体的能力，而其花期又很长，叶片四季常绿。</t>
  </si>
  <si>
    <t>雷电os系统安全吗</t>
  </si>
  <si>
    <t>雷电OS系统省电安全，很多人在用。</t>
  </si>
  <si>
    <t>脚踝打了石膏以后要是不小心移位了会有感觉吗</t>
  </si>
  <si>
    <t>骨折再次移位肯定会有明显的疼痛不适症状的。</t>
  </si>
  <si>
    <t>淘宝可以卖二手货吗</t>
  </si>
  <si>
    <t>美国能治疗乙肝吗</t>
  </si>
  <si>
    <t>大三阳是一种慢性传染性疾病,是有一定传染性的,传染性的大小是需要通过乙肝DNA的检查结果来看的,建议可在正规的肝病医医院进行全方面的检查,在进行中西药治疗,平常饮食宜清淡,少吃脂肪,高糖,辛辣,油煎的食品及白酒,咖啡等刺激性饮料,多吃蔬菜,水果,纤维性食物.多喝水.保持心情的舒畅保证良好的睡眠,注意休息不能太劳累,加强体育锻炼.慢跑,打太极。</t>
  </si>
  <si>
    <t>固元膏夏天能吃吗</t>
  </si>
  <si>
    <t>可以在夏天吃。</t>
  </si>
  <si>
    <t>宝宝能吃油吗</t>
  </si>
  <si>
    <t>油脂是人体不可缺的营养素之一，小宝宝的身体发育，以及大脑和神经的发育都需要脂肪酸的参与。而且，对婴幼儿而言，必需脂肪酸的来源更为单一，只能通过母乳和辅食来补充。因此，果油、茶油、橄榄油和大豆油等就成了不饱和脂肪酸的良好来源，但用量要斟酌一下。</t>
  </si>
  <si>
    <t>意大利冬天冷吗</t>
  </si>
  <si>
    <t>意大利的气候总体而言是比较的温和的，但是也要分什么地方，在意大利，大体要分为三个地区。北部，就是阿尔卑斯山一带，这里主要是海洋性气候，所以冬天也是下雪的。中部,罗马附近，这里的气候就比较的好了，季节之差不是很大。南部，这里是最适合旅游的了，因为意大利的国土面积是长形的，南部比较靠近赤道，所以一年的气温都是比较的温暖的。</t>
  </si>
  <si>
    <t>新车一定要贴膜吗</t>
  </si>
  <si>
    <t>本人工作和复合高分子材料有一定关系，中高档的汽车贴膜大部分采用或含有类似材料，因此，对贴膜有了一定了解，但不是做贴膜的，因此，姑妄言之，姑妄听之，说的不对，诸位纠正</t>
  </si>
  <si>
    <t>孕妇能吃青提吗</t>
  </si>
  <si>
    <t>少量可以的,</t>
  </si>
  <si>
    <t>网上购买电脑可靠吗</t>
  </si>
  <si>
    <t>到正规一点的网站买还是比较可靠的，苏宁，国美或者品牌官网之类的网站，如果是淘宝或者京东商城之类的网站，一定要验货清楚，买电脑的话很不建议在淘宝、京东、亚马逊那些网站买，假货太多了</t>
  </si>
  <si>
    <t>没有实体店可以在美团上卖东西吗</t>
  </si>
  <si>
    <t>不行的，美团的会去实体考察，行不通的。</t>
  </si>
  <si>
    <t>ipad air可以指纹解锁吗</t>
  </si>
  <si>
    <t>不能，ipad air没有指纹识别芯片，ipad air 2有这个功能。</t>
  </si>
  <si>
    <t>AIR根本没有指纹识别器，无法设置指纹解锁，AIR2之后才有的指纹功能</t>
  </si>
  <si>
    <t>通灵珠宝深圳有店吗</t>
  </si>
  <si>
    <t>通灵珠宝是上海的！这边很少看到</t>
  </si>
  <si>
    <t>哭泣的男人好看吗</t>
  </si>
  <si>
    <t xml:space="preserve">刚刚花5快看了哭泣的男人了 感觉很赞的 大家应该都会喜欢的 片尾曲也好听 </t>
  </si>
  <si>
    <t>保定限号吗</t>
  </si>
  <si>
    <t>星期一限3和8，星期二限4和9，星期三限5和0，星期四限1和6，星期五限2和7，星期六星期日不限号。保定地区和京津地区同步限号。限行时间从早晨七点到晚上二十点。以上只限行蓝牌车，二环路以内黄牌车长期限行。</t>
  </si>
  <si>
    <t>系统集成项目管理工程师 难考吗</t>
  </si>
  <si>
    <t>不管你有没有基础，有没有从业经验，只要你肯下功夫去学，通过考试还是很容易的。系统集成项目管理工程师考试作为软考中的一项中级资格考试，相对来说还是比较好考的。</t>
  </si>
  <si>
    <t>440c能冷弯吗</t>
  </si>
  <si>
    <t>440c的不锈钢丝完全可以做冷弯弹弓，理由如下：弹簧钢是指由于在淬火和回火状态下的弹性，而专门用于制造弹簧和弹性元件的钢。钢的弹性取决于其弹性变形的能力，即在规定的范围之内，弹性变形的能力使其承受一定的载荷，在载荷去除之后不出现永久变形。</t>
  </si>
  <si>
    <t>独生子女医保不用交吗</t>
  </si>
  <si>
    <t>独生子女也是按照国家规定，缴纳医保，才享受医保待遇，目前，我们国家大部分都是独生子女，对于医保，没有优惠政策</t>
  </si>
  <si>
    <t>悦诗风吟的卸妆水好吗</t>
  </si>
  <si>
    <t>悦诗风吟卸妆大家千万别用，好刺眼…完全无法睁眼啊！</t>
  </si>
  <si>
    <t>用来卸除日常淡妆足够了，平时不化眼线睫毛膏什么的用感觉正好，但是浓妆以及防水类产品都卸不干净。</t>
  </si>
  <si>
    <t>来月经可以做爱吗</t>
  </si>
  <si>
    <t xml:space="preserve"> 月经期是不可以做爱的</t>
  </si>
  <si>
    <t>赠品是商品吗</t>
  </si>
  <si>
    <t>赠品也需执行“三包” 商家：赠品不属于商品</t>
  </si>
  <si>
    <t>根据商品的定义，用于交换的劳动产品是商品。商品，要处于流通领域，一旦退出流通领域，不用于交换，就进入了消费领域，就不是商品。赠品，附属于商品，本身没有进入流通领域。捐赠品，也不在流通领域中，也不用于交换。以上两者都不是商品。</t>
  </si>
  <si>
    <t>纯露可以混合使用吗</t>
  </si>
  <si>
    <t>纯露为提取物质为精粹性的物质，都是可以相互混合使用的。</t>
  </si>
  <si>
    <t>奶酪吃多了好吗</t>
  </si>
  <si>
    <t>奶酷吃多了当然会胖，因为它是属于高热量的食品，任何一样东西适量就好，过量就不好了，所以就算喜欢也不要一次吃太多.我们中国人吃的话一般都是当点心吃的.</t>
  </si>
  <si>
    <t>飞利浦洁牙器有用吗</t>
  </si>
  <si>
    <t>飞利浦洁牙器使用效果还不错</t>
  </si>
  <si>
    <t>刺客信条自由呐喊好玩吗</t>
  </si>
  <si>
    <t>“自由呐喊”DLC就仿佛是一整部浓缩为五个小时游戏流程的《刺客信条》，这既有好处，也有坏处。可惜的是，“自由呐喊”摒弃了《刺客信条4：黑旗》中对系列所做的改进内容。因此，平淡的任务和令人讽刺的缺少自由度的“自由呐喊”让我感到有些失望。不过除此之外，Adewale的故事从内心深处打动了我，“自由呐喊”所描写的故事是整个游戏界此前鲜有涉足的领域，而抛开了刺客与圣堂武士的神秘纠葛也让这部DLC的剧情展现出了独特的活力。</t>
  </si>
  <si>
    <t>神将三国郭圣通好用吗</t>
  </si>
  <si>
    <t>神将三国郭圣通优点：1：100%晕速度人和BOSS。（PK是对面速度快的武将的克星，过图给全队一个缓冲的机会）2：降无双最高的15点（控制一个武将晚出手一轮无双）3：对生命百分比最少的武将减少80%治疗。（这个技能是特别针对后期耐磨流派的神将三国郭圣通缺点：1：没神行技能，无高速的郭瞎子就是个**。2：攻击就是摆设。3：用了郭瞎子必占去一个：输出位 乃位或辅助位（周瑜）</t>
  </si>
  <si>
    <t>乳头疼是怀孕了吗</t>
  </si>
  <si>
    <t>乳头疼不是怀孕特异性的表现，所以不能根据这个表现来判断是否怀孕。乳头疼一般跟心情紧张，劳累，睡眠不足等有些关系。建议适当调节为好。</t>
  </si>
  <si>
    <t>上海禁止摩托车吗</t>
  </si>
  <si>
    <t>而所有蓝牌照车大桥和高架及隧道都禁止通行的。黄牌和蓝牌车规定在机动车道上行驶</t>
  </si>
  <si>
    <t>二胎可以休陪产假吗</t>
  </si>
  <si>
    <t>产假天数新规定中，除了西藏和新疆外，其余29个省份均相继修改了本地计生条例，明确了本地的陪产假(部分地区称为护理假)的期限。其中，最短的陪产假有7天，最长的则有1个月之久，多数地区的陪产假为15天。</t>
  </si>
  <si>
    <t>目前我国政府并未对陪产假享受条件及陪产假天数进行明确规定，由各地方根据本地实际情况确定。因此生育二胎是否有陪产假也必须依据本地生育保险政策及计划生育政策执行。</t>
  </si>
  <si>
    <t>慢性胃炎能喝黄酒吗</t>
  </si>
  <si>
    <t>慢性胃炎不可以喝黄酒</t>
  </si>
  <si>
    <t>一个手机能绑定两个微信吗</t>
  </si>
  <si>
    <t>同一个手机号可以绑定几个微信账号，但是都要用同一个手机登陆微信。我的手机号绑定了3个微信账户。</t>
  </si>
  <si>
    <t>根本就不行，只要你一旦用现在绑定的这个手机号码绑定另外一个微信号，现在使用这个微信号就会直接被强制解除绑定！就是看到这个留言我才实验，结果又绑回来！没有办法使用一个手机号绑定两个微信号！</t>
  </si>
  <si>
    <t>同仁雪康是正规的吗</t>
  </si>
  <si>
    <t>这不是药品，是食品，食补气血也是有一定的效果的，但如果是严重气血两虚还是建议你到医院，由正规医生指导用药物治疗．</t>
  </si>
  <si>
    <t>中医专家张兆霞好吗</t>
  </si>
  <si>
    <t>很好，好多人都找她看的，要提前预约的</t>
  </si>
  <si>
    <t>仔细，效果好。</t>
  </si>
  <si>
    <t>喝小米粥下奶吗</t>
  </si>
  <si>
    <t xml:space="preserve"> 你好，可以的，不过用黄糖加小米粥效果就更好了。</t>
  </si>
  <si>
    <t>儿童能用大人的洗发水吗</t>
  </si>
  <si>
    <t>儿童最好不要用大人的洗发水，最好用儿童的,无泪或者免洗的配方,还是专门的好,主要是刺激少</t>
  </si>
  <si>
    <t>海贼王好看吗</t>
  </si>
  <si>
    <t>这个得自己决定啦！反正我很喜欢，是会一直追下去的~</t>
  </si>
  <si>
    <t>金正恩有儿子吗</t>
  </si>
  <si>
    <t>韩国国际广播电台报道，韩国国会情报委员会表示，金正恩第一个孩子于2010年出生，今年7岁。这名孩子就是所谓“白头血统”的嫡亲长子。</t>
  </si>
  <si>
    <t>new balance在中国有工厂吗</t>
  </si>
  <si>
    <t>有。New Balance国内代工厂主要有以下几处地方：广东东莞、深圳、肇庆，江西宜春，江苏</t>
  </si>
  <si>
    <t>北京车到天津限行吗</t>
  </si>
  <si>
    <t>北京牌照除去有早晚高峰限制，工作日(法定节假日除外)每日7时至9时和16时至19时，禁止外埠牌照机动车在外环线(不含)以内道路通行，其他和本地车牌一样待遇</t>
  </si>
  <si>
    <t>狂犬疫苗可以用医保卡吗</t>
  </si>
  <si>
    <t>去打狂犬疫苗可以用医保报销。</t>
  </si>
  <si>
    <t>交职工医疗保险有用吗</t>
  </si>
  <si>
    <t>虽然个人自费交职工医保比城镇居民医保贵，但医疗保险主要是保大病，一般的小病自己都可以负担的起，一旦生大病报销的比例还是挺大的，很多人都是生大病都由于没有保险搞得倾家荡产，有条件的话最好是再买个医疗保险。报销比例也要高许多，每年最高报销金额也要高许多，而且有个人账户金额返还。建议继续缴纳职工医疗保险</t>
  </si>
  <si>
    <t>蛋白粉会发胖吗</t>
  </si>
  <si>
    <t>一般不会，但过量吃可能会发胖。因为蛋白粉属于高热量食物。蛋白粉的热量大概是400大卡/100克。不同品牌的蛋白粉，由于添加成分不同，热量值会有一定的差异，不过大多数的蛋白粉，热量值都是在350-420大卡/100克，属高热量食物。所以，吃多可能会发胖的。</t>
  </si>
  <si>
    <t>红枣有农药吗</t>
  </si>
  <si>
    <t>农药基本是没办法去除的，残留是肯定的，办法只有少吃点。</t>
  </si>
  <si>
    <t>肛门湿疹是性病吗</t>
  </si>
  <si>
    <t>肛周湿疹，一种过敏反应不是性病</t>
  </si>
  <si>
    <t>梦幻西游4打号赚钱吗</t>
  </si>
  <si>
    <t>梦幻西游2夫子庙3000直播秒个四打号：长期挂机赚钱</t>
  </si>
  <si>
    <t>京东商城购物可以用支付宝吗</t>
  </si>
  <si>
    <t>在职研究生难不难考</t>
  </si>
  <si>
    <t>对于在职人员来说，在职研究生还是比较好考的，先说在职研究生单证招生形式，现在很多院校都在招收同等学力申硕，同等学力申硕就是在职研究生的单证形式，在在职研究生招生形式中是最好考的，并且毕业后还能拿到国家承认的硕士学位证书。</t>
  </si>
  <si>
    <t>血压100 80正常吗</t>
  </si>
  <si>
    <t>您好，这个血压是正常的，不必担心。一般来说低压不低于60，不超过90，高压不低于90，不超过140，就是正常的血压。因此，对于这个情况是正常范围的理想血压，不必过于担心，正常生活就可以了。</t>
  </si>
  <si>
    <t>圆通能到香港吗</t>
  </si>
  <si>
    <t>能到的。2014年圆通在香港设立全资子公司，提供中国大陆至香港的快递业务。</t>
  </si>
  <si>
    <t>atm机能跨行存款吗</t>
  </si>
  <si>
    <t>ATM自动存款机无法跨行存款</t>
  </si>
  <si>
    <t>amd athlon ii x4 641 四核能玩gat5吗</t>
  </si>
  <si>
    <t>显卡和内存可以没问题。但是这个U性能很勉强，估计游戏帧数在35左右，也不算卡，但也不算流畅，中规中矩吧</t>
  </si>
  <si>
    <t>地板响声消除剂有用吗</t>
  </si>
  <si>
    <t>有用的。使用方法：首先将地板清洁干净，找出地板响声处并做好记号，再用针管或滴管取出适量本产品，注射或滴入地板响声处的企口四周，等地板响声消除剂完全渗透后，清理残留企口周围多余部分即可。</t>
  </si>
  <si>
    <t>手机大卡能剪成小卡吗</t>
  </si>
  <si>
    <t>可以的，到营业厅剪卡就行了</t>
  </si>
  <si>
    <t>现如今的手机使用的手机SIM卡主要有三种：SIM大卡（俗称标准卡）、micro SIM卡（俗称小卡）以及Nano SIM卡（俗称迷你卡），一般都是SIM大卡，因此只有采用micro SIM卡、Nano SIM卡的手机才需要剪卡.</t>
  </si>
  <si>
    <t>2g内存能用win8吗</t>
  </si>
  <si>
    <t>2G内存可以安装win8微软公布的win7、win8、win8.1、win10基本配置要求都是一样的</t>
  </si>
  <si>
    <t>直通车成交有权重吗</t>
  </si>
  <si>
    <t>直通车其实很简单，所有行业开到一毛钱一个点击做了淘宝七八年，其实也是学了七八年，现在还在学习中。 他的更新速度比我们学的要快，你永远只能慢它一步。 但其实说通俗一点，直通车也是人做出来的程序，只要你占在他的角度去开车，你很容易做的很好。这是我一号开的一款女包直通车，开了十天，转化不行。就重新更新了其它产品。这个方法操作，说白了就是靠手机端点击率高的一点技巧，没有其它技术可言， 但手机转化又低，所以这条路，只适合便宜货，并且转化高的产品。直通车在1月8号的时候又更新了，手机端质量得分可能和之前不一样，还有去掉了一些之前投机取巧的漏洞，但是直通车不是万能，总有一些东东是他内部无法一下子可以完善的，我们就可以利用这些来做直通车。</t>
  </si>
  <si>
    <t>回盲部中度炎症淋巴滤泡增生是克罗恩吗?好大夫</t>
  </si>
  <si>
    <t>这是正常回肠末端的表现，小肠中的淋巴滤泡本身就多，不是克罗恩病，无需担心。</t>
  </si>
  <si>
    <t>咳嗽有痰是不是快好了</t>
  </si>
  <si>
    <t>一，这是疾病要好的现象，不要担心。；二，干咳最难受，有痰就是排毒阶段，身体在往外排毒，；三，建议可以喝点百合粥，或者吃点 橘红丸，清热解毒化痰理气；四，肺脏不好的人，多注意保温，百合粥要常喝点</t>
  </si>
  <si>
    <t>平行四边形的对角线互相平分吗</t>
  </si>
  <si>
    <t>平行四边形两条对角线相交,交点为两条线段的中点。</t>
  </si>
  <si>
    <t>当铺有买可以转户的车吗</t>
  </si>
  <si>
    <t>资质合法的当铺，起信息可信度很高，很多地方都有二手车抵押的，期限内不赎回或者特殊约定的，当铺有权处置抵押车辆</t>
  </si>
  <si>
    <t>股票算赌博吗</t>
  </si>
  <si>
    <t>炒股则是指股票投资者之间按照市场价格对已发行上市的股票所进行的买卖。</t>
  </si>
  <si>
    <t>国家法定节假日休息有工资吗</t>
  </si>
  <si>
    <t>是指依据《全国年节及纪念日放假办法》之规定。员工在国家法定节假日，依法享受带薪休假，即在法定节假日中，即使员工不上班，企业也应按其正常上班情形一样，正常支付其日工资。</t>
  </si>
  <si>
    <t>windows升级日志可以删除吗</t>
  </si>
  <si>
    <t>1、C:\WINDOWS\Temp\文件夹中的所有文件（系统临时文件）；2、C:\WINDOWS\ServicePackFiles（升级sp1或sp2后的备份文件）；3、C:\WINDOWS\Driver Cache\i386\driver.cab压缩文件（驱动程序的备份文件）；4、C:\WINDOWS\SoftwareDistribution\download文件夹中的所有文件；5、C:\WINDOWS\Prefetch文件夹中的所有文件（系统预读文件）；6、C:\windows文件夹中以$开头和结尾的隐藏文件（安装系统补丁后的临时文件）、以KB开头的.log文件如KB873339.log等，这些都是安装系统补丁后的日志文件；7、C:\WINDOWS\system32\dllcache文件夹中的所有文件（动态链接库文件备份）；8、C:\Documents and Settings\用户名\Cookies\文件夹中的所有文件（保留index文件）；9、C:\Documents and Settings\用户名\Local Settings\Temp\文件夹中的所有文件（全部为用户临时文件）；10、C:\Documents and Settings\用户名\LocalSettings\TemporaryInternet Files\文件夹中的所有文件（Internet临时文件）；11、C:\Documents and Settings\用户名\Local Settings\History\文件夹中的所有文件（上网的历史纪录）；12、C:\Documents and Settings\用户名\Recent\文件夹中的所有文件（最近浏览和编辑过文件的快捷方式）。</t>
  </si>
  <si>
    <t>发票报销有时间限制吗</t>
  </si>
  <si>
    <t>一般发票的时间按一个会计年度或者一个纳税年度的时间来计算。</t>
  </si>
  <si>
    <t>s5 omg还有机会吗</t>
  </si>
  <si>
    <t>作为唯一晋级夏季赛季后赛的全华班，OMG还是承载了很多粉丝的期望，春季赛OMG虽然常规赛表现优异，但季后赛首轮就被LGD击败，这让OMG获得了50的积分，而OMG夏季赛也是跌跌撞撞杀入季后赛，他们想要晋级S5总决赛，只是 理论上存在可能性，如果OMG能够在夏季赛季后赛爆发，拿到前3名，他们就还有机会打S5中国区的选拔赛。</t>
  </si>
  <si>
    <t>怀孕了才知道自己得了甲减到底对胎儿智力有影响吗</t>
  </si>
  <si>
    <t>孕妇若患有甲减甲亢，可影响胎儿智力发育，甚至造成严重智力障碍</t>
  </si>
  <si>
    <t>患有甲减的孕妇不能停药,应该在医生的指导下作一下剂量的调整.服药适当不会对胎儿有影响.相反如不治疗,患儿甲状腺激素供给不足会影响胎儿的发育,严重者会患呆小病.</t>
  </si>
  <si>
    <t>乐max屏幕容易碎吗</t>
  </si>
  <si>
    <t>乐视max选择了康宁大猩猩玻璃，该机玻璃拥有很强抗冲击能力，能够最大程度的保证手机屏幕的安全，但是6寸多的大屏加上无边框设计，已经碎屏的用户不在少数。</t>
  </si>
  <si>
    <t>负压增大器有用吗</t>
  </si>
  <si>
    <t>手术增大恐有后遗症，而药物增大则是一时之计，不能长远。</t>
  </si>
  <si>
    <t>负压阴茎增大器长期使用有副着用，可引起前列腺充血，长期下去可治前列腺增生，</t>
  </si>
  <si>
    <t>途牛旅游好不好</t>
  </si>
  <si>
    <t>如果价格和其他渠道报的差不多的话，走途牛还是可以的。</t>
  </si>
  <si>
    <t>途牛不行，没事还好，有什么尴尬有你受的，还是要相信携程这种老牌公司啊</t>
  </si>
  <si>
    <t>存钱需要银行卡吗</t>
  </si>
  <si>
    <t>可以存</t>
  </si>
  <si>
    <t>野生的枸杞能吃吗</t>
  </si>
  <si>
    <t>野生的枸杞子没有毒性，反而比家养的好，可以食用，不过晒晒更好。因为不是人工栽培的，药用价值很高的。</t>
  </si>
  <si>
    <t>汽车被盗能破案吗</t>
  </si>
  <si>
    <t>相信公安机关早晚会破案，只能耐心等待。</t>
  </si>
  <si>
    <t>有必要矫正牙齿吗</t>
  </si>
  <si>
    <t>这个看个人需要</t>
  </si>
  <si>
    <t>10086是不是免费的</t>
  </si>
  <si>
    <t>移动电话客户：在本省内拨打全国各地10086，免收移动话费或漫游话费;漫游至外省拨打漫游地的10086是免费的；在漫游地拨打漫游地以外的10086（包括归属在），收取国内漫游通话主叫费用0.6元每分钟。（如漫游地有明确规定其费用，那按漫游地的来算）  移动客户在国内漫游时接听10086电话是免费的。</t>
  </si>
  <si>
    <t>孕妇可以喝羊奶</t>
  </si>
  <si>
    <t>孕妇能喝纯羊奶的，建议不要偏食。</t>
  </si>
  <si>
    <t>win10手机软件多吗</t>
  </si>
  <si>
    <t>win10手机软件相对于安卓，苹果确实在软件方面少的可怜，</t>
  </si>
  <si>
    <t>社保可以多次转移吗</t>
  </si>
  <si>
    <t>可以转移，但是成本太高，基本是鸡肋，统筹部分不能转的</t>
  </si>
  <si>
    <t>伊可新维生素ad滴剂可以长期吃吗</t>
  </si>
  <si>
    <t xml:space="preserve"> 你好，这个是可以长期服用的。有预防佝偻病的作用</t>
  </si>
  <si>
    <t>我的建议是可以吃伊可新，但是不能天天吃，可以隔3到5天吃一次</t>
  </si>
  <si>
    <t>儿童护目镜有用吗</t>
  </si>
  <si>
    <t>JINS PC电脑护目镜是用来遮挡电子设备的LED显示屏发出的高能短波蓝光，保护眼睛缓解视疲劳的功能型产品~还是很靠谱的，很多家长都在给他们的孩子买哈</t>
  </si>
  <si>
    <t>华为都是劳务派遣吗</t>
  </si>
  <si>
    <t>深圳华为普工全部都是劳务派遣工，永远都不会转成正式员工的</t>
  </si>
  <si>
    <t>孕妇可以吃酸姜吗</t>
  </si>
  <si>
    <t>没有太大影响的</t>
  </si>
  <si>
    <t>羊肉臭了还能吃吗</t>
  </si>
  <si>
    <t>当然不能吃了，只要是发臭了，食物就腐败了，再吃容易导致食物中毒的。</t>
  </si>
  <si>
    <t>看具体情况而定 ，羊肉 ，本来就有很强烈的膻味儿 ，掩盖了轻微的臭味儿 ，如果臭味儿比较大 ，说明羊肉腐败的比较厉害 ，最好不要吃了，如果，有一点臭味儿 ，问题不大 ，只要妥善处理，还是可以吃的 。</t>
  </si>
  <si>
    <t>初中可以直接考大专吗</t>
  </si>
  <si>
    <t>当然可以的，初中毕业生通过两种方式可以考取大专文凭，第一种就是参加成人高考，被学校录取后，2年半毕业，完成该修的学分，这种费用便宜些；第二种方式就是参加网络教育大专，通过网络远程教育，在家就可以上大学。</t>
  </si>
  <si>
    <t>阴道炎可以使用薇薇朵治疗好吗</t>
  </si>
  <si>
    <t>霉菌阴道炎，三个疗程痊愈，感谢薇薇朵</t>
  </si>
  <si>
    <t>微博能同时手机登陆吗</t>
  </si>
  <si>
    <t>有了不同版本的微博客户端，这样就可以简单方便随时管理不同的微博账号，而且还能同时进行管理，不需要注销一边的账号才能登陆另一边的账号。对于有这个需求的人来说， 这点可是非常实用!</t>
  </si>
  <si>
    <t>趣赚网是真的吗</t>
  </si>
  <si>
    <t>有一些是骗人的</t>
  </si>
  <si>
    <t>花千骨是玛丽苏文吗</t>
  </si>
  <si>
    <t>农村户口不能交生育险吗</t>
  </si>
  <si>
    <t>农业户口目前缴纳的是三险（养老、医疗、工伤），不含生育保险。但生育期间的工资是由单位发放的。</t>
  </si>
  <si>
    <t>这种说法是不靠谱的。企业应该给员工缴纳五险一金，生育保险全额由公司承担的。在老家的农村合作医疗一般要在老家的乡镇或县级医院才能保险，保险费用一般在500-1000元。</t>
  </si>
  <si>
    <t>不是不能交社保，是您单位恐怕唯有为你报生育保险，请咨询社保中心。农村户籍是否有权参加生育保险。</t>
  </si>
  <si>
    <t>九良芯线靠谱吗</t>
  </si>
  <si>
    <t>迟迟不发货，像是骗子，退款只能退一半，已经申请退款了。</t>
  </si>
  <si>
    <t>子宫腺肌症会癌变吗</t>
  </si>
  <si>
    <t>宫内膜细胞本身是一种正常细胞，只是异位到了别的地方，但不会发生癌变。至今为止还没有见到子宫内膜异位导致癌变的病例。所以也不必担心发生癌变的可能。</t>
  </si>
  <si>
    <t>子宫腺肌症癌变的机率还是有的，不过这个概率不是很高。</t>
  </si>
  <si>
    <t>广州东站是不是火车站</t>
  </si>
  <si>
    <t>广州火车站是普通火车的停靠点，东站一般是高铁或快速列车停靠点</t>
  </si>
  <si>
    <t>逆战有外挂吗</t>
  </si>
  <si>
    <t>逆战还是有外挂</t>
  </si>
  <si>
    <t>d3200有机身马达吗</t>
  </si>
  <si>
    <t>尼康入门单反D3200没有机身马达。</t>
  </si>
  <si>
    <t>电子秤是否需要接口程序</t>
  </si>
  <si>
    <t>所有的电子秤都不需要驱动，如果是条码秤，在软件中已经有接口程序，不需要安装驱动，没有必要二次开发，因为电子秤的功能就那些，二次开发的成本会远远高于你通过电子秤所实现的价值。</t>
  </si>
  <si>
    <t>新加坡购物退税吗</t>
  </si>
  <si>
    <t>退税手续必须在机场办理，商店没有办法直接办理</t>
  </si>
  <si>
    <t>固态硬盘会坏吗</t>
  </si>
  <si>
    <t>SSD硬盘的长时间读写寿命一般至少有2年左右。</t>
  </si>
  <si>
    <t>英朗好吗</t>
  </si>
  <si>
    <t>英朗好</t>
  </si>
  <si>
    <t>股票可以买指数吗</t>
  </si>
  <si>
    <t>可以。应该是买和指数连挂的指数ETF基金。</t>
  </si>
  <si>
    <t>家装地砖需要波打线吗</t>
  </si>
  <si>
    <t>在现代装修设计中，波打线的使用频率非常高，无论是家居装修、办公场所还是商场中都能见到</t>
  </si>
  <si>
    <t>不同牌子的内存能一起用吗</t>
  </si>
  <si>
    <t>可以的，但是如果出现滴滴滴的报警声音，说明内存条不兼容，就不能一起用了，一般来说都没问题！还有一个条件，就是必须都是统一代的产品，DDR3，DDR2,DDR1不能混用</t>
  </si>
  <si>
    <t>富阳龙门古镇好玩吗</t>
  </si>
  <si>
    <t>比较古色古香。还是很不错的。</t>
  </si>
  <si>
    <t>没有想象中的那么热闹</t>
  </si>
  <si>
    <t>银行账户被冻结能进账吗</t>
  </si>
  <si>
    <t>银行账户被冻结后，可以转账进来，但是不能提取款项或转账出去</t>
  </si>
  <si>
    <t>香港苹果6s是三网通吗</t>
  </si>
  <si>
    <t>港版iPhone6s分为有锁版和无锁版，其中港版无锁版iPhone6s（A1688)和港版无锁版iPhone6sPlus（A1687)也是支持4G三网通，通吃国内三大运营商所有网络</t>
  </si>
  <si>
    <t>因为香港没有电信网络，所以港版的iphone6S不支持电信网络（不是三网通）</t>
  </si>
  <si>
    <t>胰腺癌会传染吗</t>
  </si>
  <si>
    <t>胰腺癌是不会通过传播</t>
  </si>
  <si>
    <t>发豆芽赚钱吗</t>
  </si>
  <si>
    <t>按保守估计， 一斤豆子出10斤豆芽， 豆子按3元一斤算，  豆芽按1元一斤算，    一斤豆子发成豆芽，能赚7元 。</t>
  </si>
  <si>
    <t>小作坊生产豆芽一般可以生产：绿豆芽、黄豆芽、花生芽、芽菜、黑豆苗、豌豆苗、红豆芽等等。而对于生产豆芽能否赚钱一天卖多少豆芽才赚钱，则要分析豆芽市场前景及生产豆芽的成本及费用了。</t>
  </si>
  <si>
    <t>皮疹会自己好吗</t>
  </si>
  <si>
    <t>你好，皮疹很多不会自己好的你好，这个情况我认为需要及时的对症治疗，注意饮食清淡，不要鸡鱼虾海鲜辛辣刺激食物和饮酒，很重要，抗过敏治疗，内服外用，也是会慢慢好转，严重的不要物治疗，会加重的。</t>
  </si>
  <si>
    <t>你年初的目标实现了吗</t>
  </si>
  <si>
    <t>年初的目标是找到工作，已经找到了</t>
  </si>
  <si>
    <t xml:space="preserve"> * 读12本书。目标已经实现了，到现在读了大概35本书。之前一年只读2、3本，比以往有了非常大的超越。</t>
  </si>
  <si>
    <t>要早起要健身要读书…都没实践</t>
  </si>
  <si>
    <t>* 克服拖延症。这个问题还没完全解决，但是相比去年已经有了很大的进步了。加入早起打卡群后，早上起得较早，但还是会偷懒，还得继续加油。晚上睡觉也比之前提早了，作息时间比较规律。</t>
  </si>
  <si>
    <t>经期能做美容吗</t>
  </si>
  <si>
    <t>来月经的时候是女性身体抵抗力最差的时候，这个时候最好是不要做任何美容护肤的，因为极容易过敏或者说抵抗力太差容易造成不必要的伤害，建议不要做。</t>
  </si>
  <si>
    <t>何以笙箫默 好看吗</t>
  </si>
  <si>
    <t>　表示几年前看了小说，看了剧之后觉得演得挺好，可以说是小说神还原，之所以喜欢这部剧是因为里面不愿将就的爱情以及执子之手与子偕老，就是这样淡淡的幸福刚好。</t>
  </si>
  <si>
    <t>　真心不觉得好看。之前看到言情小说中最有魅力男主排行榜是何以琛一直很好奇，结果看了几章就看不下去了。男主就会装酷，女主也极品！！！作者本人也是个yy大神。。反正我觉得没那么好。。顶锅盖逃走</t>
  </si>
  <si>
    <t>冲锋能被沉默吗</t>
  </si>
  <si>
    <t>一直用一种洗发水好吗</t>
  </si>
  <si>
    <t>长期使用一种洗发水不好</t>
  </si>
  <si>
    <t>台式电脑有没有闹钟</t>
  </si>
  <si>
    <t>可以装闹钟软件</t>
  </si>
  <si>
    <t>网吧点歌要钱吗</t>
  </si>
  <si>
    <t>如果在网吧内部找工作人员给你点歌,如果你在该网吧上网的话,应该是免费的(比如像舞厅那种点歌).</t>
  </si>
  <si>
    <t>华盛顿大学录取率高吗</t>
  </si>
  <si>
    <t>华盛顿大学是美国公立大学，由于受联邦政府限制，招收的国际学生比例低，目前美国遇到经济危机，美国联邦政府对公立大学的拨款减少，华盛顿大学在迅速扩大国际学生招生规模，减少招收美国学生数量，所以申请容易，录取率高。</t>
  </si>
  <si>
    <t>党参是热性的吗</t>
  </si>
  <si>
    <t>所以党参蜜是平性，既不是凉性也不是热性。</t>
  </si>
  <si>
    <t>苹果4好用吗</t>
  </si>
  <si>
    <t>iPhone手机比较流畅，体验性较好，但是版本过旧，有些许过时，但是确实好用。</t>
  </si>
  <si>
    <t>苹果4真的不好用</t>
  </si>
  <si>
    <t>安卓系统是适应你，苹果系统是你得适应它。</t>
  </si>
  <si>
    <t>海贼王被爱奇艺买了吗</t>
  </si>
  <si>
    <t>爱奇艺买了海贼王的版权，对此大家怎么看</t>
  </si>
  <si>
    <t>绑定qq令牌能防止恶意申诉吗?</t>
  </si>
  <si>
    <t>可以申诉回去的。但是现在申诉机制已经改变了的，并不是很容易就可以申诉。</t>
  </si>
  <si>
    <t>群镶的钻戒好不好</t>
  </si>
  <si>
    <t xml:space="preserve">　如今市面上的钻戒可以大致分为：群镶钻戒和单颗钻戒，单颗钻戒就是只有一颗钻石镶嵌的戒指，群镶钻戒则是有很多颗钻石镶嵌的戒指。从款式上来说，群镶钻戒要比单颗钻戒更为华丽。 </t>
  </si>
  <si>
    <t>阿富汗玉好吗</t>
  </si>
  <si>
    <t>在收藏界，阿富汗玉基本上是一种彩色碳酸盐玉石的总称，人们把油润水嫩（部份显脂性)的玉石，习惯上称之为阿富汗玉。阿富汗玉行内简称“阿料”，是一种比较常见的玉料。</t>
  </si>
  <si>
    <t>冬天能穿九分裤吗</t>
  </si>
  <si>
    <t>可以，下面搭配靴子穿就好了#冬天穿九分裤也是另一种味道哦#今年九分裤可谓大出风头，入冬也别收进衣橱，九分裤和冬装混搭，在裹的严严实实的冬天微露脚踝也是别有一番性感风韵，事半功倍，女人味up、up！</t>
  </si>
  <si>
    <t>seng ios9支持吗</t>
  </si>
  <si>
    <t>Activator 1.9.6~beta1 （所有与调处多任务的手势都会白苹果，每次开机或者注销都会提示版本太新） 2、Apple File Conduit“2” 1.2 可以用能用itools进系统文件修改 3、APPList1.5.9 暂不明确 4、Appsync Unified 5.6-1 可以使用 源：cydia.an...</t>
  </si>
  <si>
    <t>狼疮痒不痒</t>
  </si>
  <si>
    <t>红斑狼疮会瘙痒的，但这并不是所有红斑狼疮疾病患者的表现现象。</t>
  </si>
  <si>
    <t>历史上有没有芈月</t>
  </si>
  <si>
    <t>芈月是历史上真实的人物。芈月的名字据兵马俑上的残字“芈月”和阿房宫筒瓦上秦惠文王妃子“芈月”的合体陶文而来。宣太后芈月的一生波澜壮阔、纵情恣意，在至高处把持朝政、呼风唤雨，太后专权自她而始，太后称谓亦始见于她，诚为千古太后第一人。</t>
  </si>
  <si>
    <t>欧蕙气垫好用吗</t>
  </si>
  <si>
    <t>由于欧惠是CC粉饼，用的时候明显感觉到一点是水润很多，一抹就开了；并且不会浮粉。我用的C21色号，相对偏白，抹完时候确实感觉整体肤色看起来亮白，油皮也不会有很油的感觉。但是正是因为水分多，造成的一点就是遮瑕度不够，如果脸上有斑点或痘印，就不是很能遮住，适合皮肤底子较好的MM韩国气垫BB对比！！雪花秀sulwhasoo &lt;wbr&gt;欧惠ohui &lt;wbr&gt;赫拉hera &lt;wbr&gt;亦博iope &lt;wbr&gt;呼吸su:m37用后对比测评持久力也略差，出门一天的话，到中午肯定就要重新补一下。欧惠这款气垫与别的产品不同的是，含两个替换芯，相比起来更加实惠，对于用得好的亲是绝对的福音韩国气垫BB对比！！雪花秀sulwhasoo &lt;wbr&gt;欧惠ohui &lt;wbr&gt;赫拉hera &lt;wbr&gt;亦博iope &lt;wbr&gt;呼吸su:m37用后对比测评对于我来说，用起来舒适度还是很不错的，本人不喜欢夏天抹太厚，会感觉整张脸很假透不过期来，用欧惠这款气垫就不会有这种感觉，还算是比较透气的。</t>
  </si>
  <si>
    <t>同学会好玩吗</t>
  </si>
  <si>
    <t>同学会已经没有了当初质朴的同学情，已经变成了互相攀比炫耀的聚会</t>
  </si>
  <si>
    <t>普通胃镜难受吗</t>
  </si>
  <si>
    <t>做胃镜是蛮难受的,我做过一次,口水直留,还敢往下咽,因为有根手指那么粗的管子从叫喉咙插到胃里,一咽口水喉咙就疼</t>
  </si>
  <si>
    <t>确实比较难受.但现在的胃镜分为"无痛"和"普通"两种,"无痛"的话,就是全身麻醉,价格要贵一些,但人会感觉舒服很多,检查得也比较顺利和彻底(因为在全麻状态下一般不会下意识的反抗作呕什么的),不过有一定要求和限制(比如说过敏呀,麻醉后一天不能开车,要有人陪同什么的),也有人认为全麻会有一定风险,会影响思维能力,但没有得到证实过"普通胃镜"的话,就是我做的那种了,确实做的时候很难受哈,口水直流,不停的干呕(做这个不准吃东西的,想吐都吐不出来),身体蜷缩着直抖</t>
  </si>
  <si>
    <t>大大资产管理是传销么</t>
  </si>
  <si>
    <t>好多人被骗了，干了几个月都没拿到钱。</t>
  </si>
  <si>
    <t>前列腺炎能吃核桃吗</t>
  </si>
  <si>
    <t>核桃中的磷脂，对脑神经有很好保健作用。防治动脉硬化的功效。核桃中富含包括欧米伽—3脂肪酸等一系列营养物质,有益于预防前列腺癌.其实每天早晚各吃几枚核桃，实在大有裨益，往往比吃补药还好。不过不能当药吃,也不可过量,任何好的东西过量也是有害的.</t>
  </si>
  <si>
    <t>支付宝借呗能提前还款吗</t>
  </si>
  <si>
    <t>借呗是可以提前还款的，而且支付宝借呗宣称的一大亮点就是随借随还，按正常借款程序就是借一笔然后分12个月还，不过如果提前还款，那么利息按天计算。</t>
  </si>
  <si>
    <t>文聘厉害吗</t>
  </si>
  <si>
    <t>文聘很难讲，比五虎弱几个档。</t>
  </si>
  <si>
    <t>冬天是不是更容易减肥</t>
  </si>
  <si>
    <t>冬季也很容易瘦的 早上起来晨跑 早上吃肉 中午吃蔬菜 晚上不吃 我就是靠这些 冬天瘦了15斤 不容易 贵在坚持</t>
  </si>
  <si>
    <t>冬天减肥不容易</t>
  </si>
  <si>
    <t>产妇能吃鹅肉吗</t>
  </si>
  <si>
    <t>可以的，产妇月子里除辣椒、大蒜、韭菜、蒜苔、蒜苗等辛辣之物外，可以吃多样化的食物，新鲜鱼虾，各种蔬菜，而且可以吃水果，但要注意将水果加温后再吃，这样不仅不会影响乳汁分泌，还有利于身体健康。</t>
  </si>
  <si>
    <t>喝绿茶会失眠吗</t>
  </si>
  <si>
    <t>绿茶中含有咖啡碱。如果晚上喝茶或者是白天喝茶过多，有可能会引起失眠。</t>
  </si>
  <si>
    <t>母乳可以滴眼睛吗</t>
  </si>
  <si>
    <t>用母乳清洗眼睛来治疗眼睛的疾病，这种事情我也遇到过几例，但是这一般是对于成年人或者老年的做法，对于幼儿，我建议还是先不要这样做。</t>
  </si>
  <si>
    <t>投稿要钱吗</t>
  </si>
  <si>
    <t>首先，出版商都是有成本的也都是要赚钱的。国际上基于订阅的出版商会向读者收取费用，不向投稿者收费。open access的期刊会向投稿者收取费用，之后就免费面向所有读者。国内有许多期刊很无耻，既向投稿者收费，也向读者收费。现在美国提倡向open access的期刊投稿（即向投稿者收费的期刊），逻辑是1. 几乎所有的研究都是纳税人的钱来支持的；2. 研究出的结果，形成了文章，纳税人去阅读自己花钱支持的研究，却还要向出版商交纳费用，这就不合理了。</t>
  </si>
  <si>
    <t>养肉驴赚钱吗</t>
  </si>
  <si>
    <t>肉驴疾病较少，抗病强，适应范围广，2017年驴肉已高达17元/斤，基本是一年涨一元，预计2018年的肉驴价格还会持续上涨，主要原因是人们对驴肉的接受程度越来越大，加之国内目前肉驴少，市场需求量又大，目前养驴的利润还是比较可观的，按照现在的市场行情来看，在科学养殖管理的情况下一头肉驴的利润基本在3200元以上，养殖效益比养牛高，养肉驴是赚钱的。</t>
  </si>
  <si>
    <t>上海有卢湾区吗</t>
  </si>
  <si>
    <t>上海市卢湾区已经撤销了，并入了黄浦区</t>
  </si>
  <si>
    <t>hao123桔子浏览器好吗</t>
  </si>
  <si>
    <t>今天用橘子浏览器时动不动就假死，关了重新开用了没多久就又死了。</t>
  </si>
  <si>
    <t>朝鲜真的那么穷吗</t>
  </si>
  <si>
    <t>全世界220多个国家和地区，他的工农产值跟别国的GDP经济总量相比，能排在90多位。人均也是排在140多位。中国的人均GDP也就排在90位前后。</t>
  </si>
  <si>
    <t>少年神探狄仁杰第二部有吗</t>
  </si>
  <si>
    <t>会有的，编剧自己都说了，不过估计还有好久才能开拍，据说是在明年。</t>
  </si>
  <si>
    <t>香港信用卡能在大陆还款吗</t>
  </si>
  <si>
    <t>只要是银联卡，都是 可以的啊。不管你是信用卡，还是储蓄卡，香港狠多地方都是可以用银联卡的，支付宝也是可以用的。建议不要用visa卡，会比较麻烦~</t>
  </si>
  <si>
    <t>太空舱沙发好吗</t>
  </si>
  <si>
    <t>太空舱沙发也是逐步的流行了起来。确实，这种沙发在使用的时候有很好的舒适感，能够让人得到全身心的放松。但是，所以在选购太空舱沙发时选择没有到位的话，反而会造成一些不好的影响，比如说舒适度不够，使用寿命短暂等。</t>
  </si>
  <si>
    <t>甲醛测试盒有毒吗</t>
  </si>
  <si>
    <t>没有害，甲醛测试盒就是通过让空气中的甲醛与测试盒里面的酚试剂进行反应生成嗪物质，再和高铁离子氧化物形成蓝绿色化合物，最后通过颜色深浅比对去判断甲醛的含量！</t>
  </si>
  <si>
    <t>乙腈和水互溶吗</t>
  </si>
  <si>
    <t>乙腈一定溶于水，那你在检查一下，可能你弄错了，或者你的乙腈有问题</t>
  </si>
  <si>
    <t>我做了实验，乙腈中加入水1：1，4度放置过夜，分层。证明不互溶</t>
  </si>
  <si>
    <t>proctosedyl痔疮膏好用吗</t>
  </si>
  <si>
    <t>用户反馈：澳洲非常好用的“痔疮膏”！一般性的发痒肿痛用2天就会有好转，比较严重的痔疮5～7天左右也会有明显改观，这都是用过的客人给的反馈。</t>
  </si>
  <si>
    <t>光辉之甲有用吗</t>
  </si>
  <si>
    <t>在作战中，有一定的防御效果，但正常情况下敌人队伍都是物理和法术混搭，所以实际效果可能也不是那么明显，只有在敌方使用物理群攻或者刚好把物理攻击集中在了该受保护的角色身上，才能有较大的作用。总之漫漫看小编认为光辉之甲有一定的效果，但作用可能不太明显。</t>
  </si>
  <si>
    <t>水烟有危害吗</t>
  </si>
  <si>
    <t xml:space="preserve">大多数人都认为，吸水烟比抽普通香烟健康得多，许多水烟广告也是如此宣传的，但这种定论完全站不住脚。世界卫生组织近日发布警告说，近年来在年轻人中间颇为流行的水烟、咀嚼烟草等形式的烟草制品同香烟一样，对健康危害极大。水烟烟膏含有与香烟相同的物质，研究证明，抽水烟有害健康。 </t>
  </si>
  <si>
    <t>研究生比本科生好找工作吗</t>
  </si>
  <si>
    <t>一般是学历越高工作越好找</t>
  </si>
  <si>
    <t>本科生找工作和研究生区别在哪里？高学历真的一点不亏！</t>
  </si>
  <si>
    <t>中信重工停牌利好吗</t>
  </si>
  <si>
    <t>一带一路，国企改革必须成功，中信重工此次停牌，就是吹响了向前冲刺的号角。</t>
  </si>
  <si>
    <t>肿瘤病人能否吃虾</t>
  </si>
  <si>
    <t>一般来说，对于癌症患者医师会建议少吃动物内脏、海产品等高嘌呤、高胆固醇、容易引起过敏的食物。并且，不同种类、不同阶段的肿瘤患者，癌症食物的禁忌也不一样</t>
  </si>
  <si>
    <t>胸部胀痛是不是怀孕了</t>
  </si>
  <si>
    <t>出现胸痛，这个不一定是怀孕引起的，月经来潮前也可能出现胸痛胸胀的。</t>
  </si>
  <si>
    <t>勇士换教练了吗</t>
  </si>
  <si>
    <t>2014年签订的合同，蒂夫-科尔拒绝恩师菲尔-杰克逊的邀请，接受了勇士5年2500万美元的合同。500万美元的年薪令科尔足以笑傲联盟历史，成为身价最高的菜鸟教练，工资完爆率领热火两连冠的斯波尔斯特拉。</t>
  </si>
  <si>
    <t>苹果笔记本可以定位吗</t>
  </si>
  <si>
    <t xml:space="preserve"> 据国外媒体报道，目前苹果在iCloud.com已正式推出Find my Mac开发测试版本。据悉，在该程序帮助下可以让Mac用户轻松锁定失踪的Mac所在位置。</t>
  </si>
  <si>
    <t>金泫雅好看吗</t>
  </si>
  <si>
    <t>92年的 而且好显老</t>
  </si>
  <si>
    <t>新轩逸发动机好吗</t>
  </si>
  <si>
    <t>这套动力系统的响应性很好</t>
  </si>
  <si>
    <t>被封号有奖励吗</t>
  </si>
  <si>
    <t>那些在2015赛季由于过激的行为被封号7-14天的玩家不会获得奖励。</t>
  </si>
  <si>
    <t>大宝有90毫升吗</t>
  </si>
  <si>
    <t>大宝sod蜜有90毫升</t>
  </si>
  <si>
    <t>查乙肝dna需要空腹吗</t>
  </si>
  <si>
    <t>你好，检查乙肝DNA不需要空腹。如果需要一起做肝功能检查，是必须空腹的。</t>
  </si>
  <si>
    <t>姚笛漂亮吗</t>
  </si>
  <si>
    <t>看了《裸婚时代》，才发现内地明星有这么一个真正的大美女，姚笛，这是继蒋勤勤这个大美人之后又一个惊喜，那脸庞真是太美了，身材也很好，特别是那双眼睛太迷人了。。。</t>
  </si>
  <si>
    <t>孕妇能喝雪碧么</t>
  </si>
  <si>
    <t>孕妇是可以喝雪碧和可乐的，雪碧和可乐没有什么毒性物质和激素，对孕妇是没有什么副作用的。可以服用。</t>
  </si>
  <si>
    <t>孕妇慎喝雪碧。虽说雪碧可以给口中增味，但雪碧对孕妇的身体健康并没有益处。雪碧中的磷酸盐进入肠道后会与食物中的铁发生反应，产生对人体无用的物质。孕妇饮大量的汽水会消耗一些铁质，可能导致贫血。而且雪碧也属于冷饮，太冷饮料孕妇可使胃肠血管痉挛、缺血，出现胃痛、腹胀、消化不良。胎儿对冷刺激敏感，这会使胎儿躁动不安。</t>
  </si>
  <si>
    <t>　雪碧的糖分很高，对控制孕期体重没好处，经常喝会导致体内钙内流失，对肠胃也有负作用。孕期应尽量避免喝碳酸饮料，会导致胎儿缺钙，引发软骨病；而且，碳酸饮料里面的一些兴奋成分，会影响胎儿神经的发育。碳酸饮料容易胀气，影响产妇消化。</t>
  </si>
  <si>
    <t>天天洗头会脱发吗</t>
  </si>
  <si>
    <t>问题分析：你好，长期每天洗头只要洗头方法正确是不会导致掉头发的，夏季可以每周3至7次,冬季可以每周1至3次,洗头时水温不要超过40℃,与体温37℃接近.不要用脱脂性强或碱性洗发剂,因这类洗发剂的脱脂性和脱水均很强,易使头发干燥,头皮坏死.</t>
  </si>
  <si>
    <t>cvr面膜上过央视吗</t>
  </si>
  <si>
    <t>2015年4月13日下午两点15分CCTV7军事农业频道冠名播出CVR惊喜面膜的广告，CVR惊喜面膜可以给爱美的你带来惊喜的面膜，是你约会的首选急救面膜!从此，CVR面膜便成为中国第一个可以上央视广告的微商营销的化妆品品牌!</t>
  </si>
  <si>
    <t>新生儿肺出血抢救几率高吗</t>
  </si>
  <si>
    <t>新生儿肺出血的死亡率高达50%以上，不过现在高频呼吸机应用于临床后，成活率明显提高，抢救及时，预后恢复还是可以的。</t>
  </si>
  <si>
    <t>朴恩率整过容吗</t>
  </si>
  <si>
    <t>没有啦</t>
  </si>
  <si>
    <t>体温低好吗</t>
  </si>
  <si>
    <t>有人的体温比常人要低一度多，就是医学上常说的基础体温低。这样的人稍有发热就会表现出很明显的高烧症状，比如一般人基础体温36度，发烧到39度还可以承受，基础体温低的人发烧到这个程度就会很厉害了，会有生命危险的。</t>
  </si>
  <si>
    <t>早早孕可以晚上测吗</t>
  </si>
  <si>
    <t>早晨和晚间做试验可能对结果有一定影响.早晨的尿液中一般有最高的HCG值,所以许多说明书中都建议晨起的时候检测,但这也不是绝对的只要HCG值高 随时都可以检测出#要看到底是怎么回事，如果自己怀孕的时间比较长，那么在晚上测试的时候也是很准确的，如果自己是属于早孕的，那么建议最好是不要在晚上的时候测试，建议在早晨测试比较好。早上的第一次尿尿用来测试，这样的测试结果才是最准确的</t>
  </si>
  <si>
    <t>ipad能连u盘吗</t>
  </si>
  <si>
    <t>iPad2怎么连接U盘需要去商店买个iPad2的专用转接头才可以，就是苹果专用接口转成USB借口的那种转接头。</t>
  </si>
  <si>
    <t>梦幻西游七彩积分可以染色吗</t>
  </si>
  <si>
    <t>不能染色，只能换锦衣，50点点数能换50个七彩积分，自己去换下就知道了。</t>
  </si>
  <si>
    <t>快递有没有加急的</t>
  </si>
  <si>
    <t>递公司是没有所谓加急的快递，只有在发快递的时候选择相关的业务。</t>
  </si>
  <si>
    <t>速度与激情7是保罗沃克演的吗</t>
  </si>
  <si>
    <t>保罗·沃克的两个弟弟柯迪·沃克(Cody Walker)和迦勒·沃克（Caleb Walker），将担当他的替身，完成他生前尚未拍摄完的《速度与激情7》的戏份</t>
  </si>
  <si>
    <t>热水能泡柠檬吗</t>
  </si>
  <si>
    <t>实际上，泡柠檬的水不能太凉，否则香味泡不出来。由于柠檬的酸性较强，维生素C在酸性条件下耐热性较好，没有想象中那么容易损失，泡柠檬片的水温度高于60度完全没问题。</t>
  </si>
  <si>
    <t>新奇骏需要磨合吗</t>
  </si>
  <si>
    <t>你好，这款车新车当然需要磨合了。</t>
  </si>
  <si>
    <t>幼师证笔试机考吗</t>
  </si>
  <si>
    <t>幼儿教师资格证考试国考已经基本取消机考了，只有少数省份还有。你可以登录省教育考试院查看报名通知。</t>
  </si>
  <si>
    <t>时代小卡之星3怎么样</t>
  </si>
  <si>
    <t>小卡之星3的座椅双导轨前后可移动，适合不同的驾乘习惯，乘坐舒适；配装动力转向，转向轻便，长时间驾乘不易疲劳。</t>
  </si>
  <si>
    <t>生菜有农药吗</t>
  </si>
  <si>
    <t>在新世纪白鹤路店买的云南精品生菜，准备洗了给小孩吃的，在洗的过程中发现，每一匹菜叶根本都有蓝绿色的颗粒，初中生都学过硫酸铜+生石灰=农药，而硫酸铜结晶后就是蓝绿色的，大家在洗菜的时候不但要长时间泡，而且还要仔仔细细地洗，不然一颗颗的硫酸铜就这样吃进肚子里了。</t>
  </si>
  <si>
    <t>生菜一般不生病不生虫的，基本上都是可以放心的，使用之前清水泡一泡洗洗就可以了。以免菜农给其他蔬菜瓜果打药喷洒上去。</t>
  </si>
  <si>
    <t>生菜一般不生虫，生菜是四季菜，还是速生菜，生长期短，一般是不打药的</t>
  </si>
  <si>
    <t>孕妇能吃黑椒吗</t>
  </si>
  <si>
    <t>孕妇可以适量吃一些带有黑胡椒调味料的食物， 黑胡椒中含有一定量的芳香油、粗蛋白、粗脂肪及可溶性氮，能够祛腥、解油腻，助消化，还能够增进食欲，对于一些孕期食欲不佳的孕妈来说，可以在日常烹饪的菜肴中加入一些黑胡椒来调味。而且黑胡椒性温热，对胃寒所致的胃腹冷痛、肠鸣腹泻有很好的缓解作用，并治疗风寒感冒。 不过黑胡椒属于热性调味料，妇在大量使用了胡椒粉的话，会导致孕妇出现上火或者是口腔类的疾病等，因此孕妇再吃的时候一定要注意适量。</t>
  </si>
  <si>
    <t>移动营业厅买的iphone6s靠谱吗</t>
  </si>
  <si>
    <t>只要机器是原装没有激活的就可以</t>
  </si>
  <si>
    <t>可靠，中国移动官方的是正品的</t>
  </si>
  <si>
    <t>垃圾 三网通阉割成移动版 煞笔才买</t>
  </si>
  <si>
    <t>可以到营业厅，那里一般是可以办理合约的。</t>
  </si>
  <si>
    <t>星际争霸2虚空之遗需要购买吗</t>
  </si>
  <si>
    <t>不需要，如果你是和玩家对战或者打打人机买一个虫群就可以了，如果你是为了打剧情那就必须都买，我记得现在买虫群送自由之翼的了，买个虫群之心和虚空之遗就能享受到全部的剧情了</t>
  </si>
  <si>
    <t>苹果6s支持扩展内存吗</t>
  </si>
  <si>
    <t>升级内存原理很简单，把iPhone自带的闪存芯片更换成写入信息的64GB/128GB的硬盘 （硬盘是闪存芯片的另一种叫法，下文中称硬盘），之后重新刷入系统，激活即可使用；但实际操作中风险性很高，随时有变砖的可能性。</t>
  </si>
  <si>
    <t>iPhone 6s不支持扩展储存卡。</t>
  </si>
  <si>
    <t>湿疹能吃洋葱吗</t>
  </si>
  <si>
    <t>湿疹不可以吃洋葱</t>
  </si>
  <si>
    <t>信用卡有余额可以取现吗</t>
  </si>
  <si>
    <t>可以取出来，但是要扣很多手续费，不划算的，还是不要取</t>
  </si>
  <si>
    <t>举报私服有用吗</t>
  </si>
  <si>
    <t>基本没用，除非刚好赶上盛大哪年要搞个什么联合公安执法打击私服的宣传。又刚好选中你举报的私服。否则这种举报基本没啥用</t>
  </si>
  <si>
    <t>刷了乳胶漆还能贴壁纸</t>
  </si>
  <si>
    <t>把贴墙纸的部位的乳胶漆墙面做铲除处理，直接在上面贴也许可以，但肯定不会牢固!</t>
  </si>
  <si>
    <t>mysql是不是免费的</t>
  </si>
  <si>
    <t>mysql 分两个分支，企业版和社区版，企业版是oracle公司的，要收费而且很贵。社区版是gpl开源，免费。</t>
  </si>
  <si>
    <t>胡歌是歌手吗</t>
  </si>
  <si>
    <t>是歌手他主要是演员，出演了一些电视剧，然后唱影视剧里的歌曲</t>
  </si>
  <si>
    <t>兔宝宝顺芯板好不好</t>
  </si>
  <si>
    <t>兔宝宝顺芯板，加拿大原生颤杨刨切成片，四层原木片纵横交错，三层定向铺排，再经德国格林策巴赫生产线精制而成，板材通体没有缝隙与空洞，密闭均匀，稳定抗变形且握钉性能强使家具如磐石般牢固。</t>
  </si>
  <si>
    <t>拔牙要拍片吗</t>
  </si>
  <si>
    <t>从正规的角度来讲，拍片是必要的，因为医生通过看牙片可以预先判断拔除牙齿的难易，可能出现的情况，这样拔牙时会做好充分准备</t>
  </si>
  <si>
    <t>拍片的作用非同小可。小到牙片，大到曲面断层片，甚至CT片，它们的作用不可忽视</t>
  </si>
  <si>
    <t>朝鲜族女人好吗</t>
  </si>
  <si>
    <t>朝鲜族女孩儿温柔贤惠、特别地能吃苦耐劳、外柔内刚，并且富有牺牲精神。当然这都是常规的评论，实际上朝鲜族女孩儿最大的魅力是——她们特别时尚！</t>
  </si>
  <si>
    <t>建行粤通卡有年费吗</t>
  </si>
  <si>
    <t>建行粤通龙卡有两个版本，有年费的</t>
  </si>
  <si>
    <t>华泰保险好不好</t>
  </si>
  <si>
    <t>我知道的是华泰保险公司的偿付能力充足率达到监管部门规定的5倍多，而很多保险公司的偿付能力充足率只刚刚达到保监会规定的水平。这说明华泰绝对不会没钱赔。能赔还是不能，能怎么陪，要依据双方签订的保险合同的约定来执行</t>
  </si>
  <si>
    <t>人初油对女性有害吗</t>
  </si>
  <si>
    <t>人初油采用现代生物制剂技术和天然植物精制而成的男性外用保健品，不会对女性健康有影响的。</t>
  </si>
  <si>
    <t>人初油那是麻醉剂，没有太大副作用，可以使用一些，对女人没有副作用，注意局部的卫生。</t>
  </si>
  <si>
    <t>ipad能在电视上播放吗</t>
  </si>
  <si>
    <t>ipad在电视上播放，需要借助电视盒子，如“小米盒子”。</t>
  </si>
  <si>
    <t>安全套安全吗?</t>
  </si>
  <si>
    <t>　避孕套自身还有一定缺陷。有人研究过，戴避孕套每27次性生活中就有一次破裂，连同滑落的情况一起计算，失败率高达15%。事实证明，避孕套不能完全胜任预防性病感染的使命。根据2001年7月20日美国卫生和人类服务部(HHS)发布的报告，没有科学证据表明避孕套能够预防大多数性传播疾病。</t>
  </si>
  <si>
    <t>阿拉斯加可以吃葡萄吗</t>
  </si>
  <si>
    <t>阿拉斯加绝对不能吃的食物有葡萄#阿拉斯加犬吃海鲜的同时，若再吃葡萄、山楂、石榴、柿子等水果，就会出现呕吐、腹胀、腹痛、腹泻等。因为这些水果中含有鞣酸，遇到水产品中的蛋白质，会沉淀凝固，形成不容易消化的物质。人们吃海鲜后，应间隔4小时以上再吃这类水果。 另外，葡萄+开水 引起腹泻。</t>
  </si>
  <si>
    <t>鸡蛋坏了还能吃吗</t>
  </si>
  <si>
    <t>鸡蛋放置时间久了蛋壳表面和里面会有黑点，这样的发霉蛋或者散黄蛋是不能吃的，以防感染细菌导致肠炎。</t>
  </si>
  <si>
    <t>存放时间过长，被细菌或霉菌经蛋壳气孔侵入蛋体内，而破坏了蛋白质结构造成散黄，蛋液稀混浊。若散黄不严重，无异味，经煎煮等高温处理后仍可食用，但如细菌在蛋体内繁殖，蛋白质已变性，有臭味就不能吃了。</t>
  </si>
  <si>
    <t>动词原形可以做主语吗</t>
  </si>
  <si>
    <t xml:space="preserve">祈使句中用动词原形做主语 </t>
  </si>
  <si>
    <t xml:space="preserve">动词原形不能做主语 </t>
  </si>
  <si>
    <t xml:space="preserve">祈使句中用动词原形做主语 ，一般用动名词,或不定式都。 </t>
  </si>
  <si>
    <t>蜂蜜可以治牙疼吗</t>
  </si>
  <si>
    <t>蜂蜜不仅可以抑制造成牙齿的细菌生长，而且还能减少酸类物质的数量，这样就可以阻止细菌制造葡聚糖。葡聚糖是细菌生产的一种多糖，它可以粘在牙齿的表面，时间一长，积累在牙齿表面的多糖就会形成一个破坏牙齿珐琅质的板状物，天长日久便会导致蛀牙、掉牙或者牙周炎。新西兰怀卡托大学的生物化学家莫兰教授认为，有些种类的蜂蜜抗菌能力较强，可以用来治牙周病。他说，被筛选出来的蜂蜜可以迅速消除牙齿受害部分的细菌，而且对发炎组织深部的细菌也能起到作用。</t>
  </si>
  <si>
    <t>微信小店好用吗</t>
  </si>
  <si>
    <t>以后我是不打算再用微信小店了，我们想要的只是一个很简单、能够提供担保交易的平台，你如果想做，就请你做好，但我没想到功能可以做到这么鸡肋，体验搞到这么差也算是到一定境界了，拍拍搞不好，我想我大概也知道是怎么回事了。</t>
  </si>
  <si>
    <t>通州属于北京吗</t>
  </si>
  <si>
    <t>属于 再北京南边</t>
  </si>
  <si>
    <t>atm可以无卡存款吗</t>
  </si>
  <si>
    <t>拥有存款功能的ATM存取款机是可以进行无卡存款业务的。ATM提款机则不能。</t>
  </si>
  <si>
    <t>学设计需要美术功底吗</t>
  </si>
  <si>
    <t>有美术功底更好，没有也无所谓，因为平面设计和传统意义上的美工还是有区别的，基本上都是电脑软件操作，了解一些色彩、版式的原理就可以，这些在学习的过程中就可以理解。</t>
  </si>
  <si>
    <t>护齿糖真的护齿吗</t>
  </si>
  <si>
    <t>贝亲宝宝护齿糖，可以保护牙齿的糖果哦，目前日本亚马逊海淘下单仅需 354 日元，折合人民币19元，适合1岁半以上长出乳牙的宝宝，好吃的多种水果味，含木糖醇，宝宝饭后吃一颗可杀灭牙缝中的细菌和酸性物质，安全成分，吞下也不要紧，U型不会卡在食道。</t>
  </si>
  <si>
    <t>肯定是骗人哒，不过，有些 含有一定成分的应该有这功能。</t>
  </si>
  <si>
    <t>天猫卖家可以关闭订单吗</t>
  </si>
  <si>
    <t>订单付款了，卖家就没办法关闭的。如果只是拍下了，还没付款的话，订单卖家或者买家都可以关闭。</t>
  </si>
  <si>
    <t>ez的q会暴击吗</t>
  </si>
  <si>
    <t>ez的q技能是不能暴击的，无尽可以最大化输出不过ez出无尽比不上别的adc效果好，因为他主要靠技能输出，无尽可以在最后出一下增加伤害。</t>
  </si>
  <si>
    <t>松达婴儿山茶油好用吗</t>
  </si>
  <si>
    <t xml:space="preserve">察了一天 第二天宝宝的皮肤明显滋润多了 。接着擦几天 宝宝肌肤水嫩嫩的 ，真好！松达山茶油 真的很不错  </t>
  </si>
  <si>
    <t>一年级是真的吗</t>
  </si>
  <si>
    <t>陈学冬和宋佳要当小学老师了？”你绝对没有听错，“最萌花美男”陈学冬和“铁血女汉子”宋佳即将在一所小学担任实习班主任和实习生活老师，陪伴刚上小学的孩子们，在湖南卫视《一年级》的校园中共同度过一个学期的美好时光。日前，两位老师已完成岗前培训，正式开始他们的“小学教师初体验”。</t>
  </si>
  <si>
    <t>过于浮夸 全部都是负能量 能不能让我们看节目的学生党对大学有所憧憬，真是挺假的，根本就没有真实的大学生活，全是网红们的撕逼桥段。</t>
  </si>
  <si>
    <t>冲绳是中国的吗</t>
  </si>
  <si>
    <t>新华网北京7月7日电 外交部发言人 刘为民表示，琉球群岛，钓鱼岛及其附属岛屿自古以来就是中国的固有领土，中方对此拥有无可争辩的历史和法理依据。中国的神圣领土决不允许任何人拿来买卖。中国政府将继续采取必要措施坚决维护对琉球群岛，钓鱼岛及其附属岛屿的主权。</t>
  </si>
  <si>
    <t>吃葡萄会醉吗</t>
  </si>
  <si>
    <t>吃的太多了也会啊，酒量低的人就会产生醉意. 葡萄酒就是葡萄酿做的所以会醉</t>
  </si>
  <si>
    <t>不会的，葡萄和粮食等等酿酒都是让它们发酵才能酿的，如果不发酵也就不会醉人的</t>
  </si>
  <si>
    <t>下雨天能爬泰山吗</t>
  </si>
  <si>
    <t>能，别有一番情趣</t>
  </si>
  <si>
    <t xml:space="preserve">如果你雨天登泰山其实很好的 如果你晴天来的话  因为高度较高 会很热  但风景会尽收眼底  雨天来  可以看到云海  就是置身云中 在云中爬山  别有一番风味 但是当然 你风景就看不到了 天气自然也就不会很热 还有  山上下了雨会使路很滑 到十八盘的时候一定要当心 这几天天气不热 气候很宜人的 </t>
  </si>
  <si>
    <t>自制酸奶有益生菌吗</t>
  </si>
  <si>
    <t>自制酸奶里有乳酸菌，没有益生菌。益生菌要在0-6度下吃到肚子里才有效。</t>
  </si>
  <si>
    <t>来电提醒是被拉黑了吗</t>
  </si>
  <si>
    <t>打电话时如果被拉黑就直接在黑名单下，不会有来电提醒的。</t>
  </si>
  <si>
    <t>买房子7楼房号704好吗</t>
  </si>
  <si>
    <t>房产局一般是按楼层从地面以上开始从低到高标注，同楼层一般在平面图以同排的从左往右标，再纵向上至下标，以此类推。所以704，“7”代表7楼，“4”代表第4号房。2、另外在小县城，有的开发公司跟房产局会打好招呼，按照开发公司会隐晦掉“4”的编号，房产局也会根据其承报的编号计入产权办理，故此有的项目没有4号房、第4层的编号或将4改为其他数字。3、其实4对于业主来讲，只是心理问题，并没有其他禁忌。如果不想用这个做门牌号，先和物业公司沟通好，自己挂个带8的位数就解决了。如7048.或者将4改成A，也是不错的选择。</t>
  </si>
  <si>
    <t>不好，忌讳！704气你死，气死你！建议换个！</t>
  </si>
  <si>
    <t>鲁花花生油是转基因的吗</t>
  </si>
  <si>
    <t>当然不是，先不说鲁花一直以来都不生产转基因产品，单论花生油的话，目前国内并没有转基因花生，所以也不可能存在转基因花生油。</t>
  </si>
  <si>
    <t>碳酸钠是沉淀吗</t>
  </si>
  <si>
    <t>碳酸钠可溶于水，在水中不能形成沉淀，微溶于无水乙醇，难溶于丙醇，可形成沉淀。</t>
  </si>
  <si>
    <t>o2是单质吗</t>
  </si>
  <si>
    <t>单质就是有同种元素组成的纯净物，O2是单质。</t>
  </si>
  <si>
    <t>美国有普通话吗</t>
  </si>
  <si>
    <t>一般我们学习的美语就是标准的美国普通话。</t>
  </si>
  <si>
    <t>苹果是水果之王吗</t>
  </si>
  <si>
    <t xml:space="preserve">苹果素来就享有“水果之王”的美誉，我们都知道苹果的食用价值，对苹果的其他奇异功效就知之甚少了。据科学家的研究，苹果是一种很好的天然美容保养品，而且它的美容作用能令你叹为观止呢！ </t>
  </si>
  <si>
    <t>孕妇能用发胶吗</t>
  </si>
  <si>
    <t>孕妇不能用发胶和啫喱水的</t>
  </si>
  <si>
    <t>暗黑破坏神3可以联机吗</t>
  </si>
  <si>
    <t>　玩暗黑3必须要有战网通行证，游戏过程中必须实时连接暴雪的服务器，不支持局域网，不支持第三方对战平台。每个房间最多4人一起游戏，也可以选择自己单独游戏，但是不管什么方式，都需要全程连接暴雪服务器。</t>
  </si>
  <si>
    <t>乐心手环好用吗</t>
  </si>
  <si>
    <t>用微信扫描关注乐心公众帐号,然后就可以用公众帐号来和微信连接上了,这个连接方式非常简单。对于中低端产品，能够轻松的突破用户的使用门槛，相信对一些不习惯琢磨使用电子产品的女性用户，是一种很好的体验。</t>
  </si>
  <si>
    <t>在初期的喜欢佩戴，到由于数据同步不准确，还有洗澡的时候要摘下来等问题不再佩戴。大概有两个月左右。目前的手环产品确实存在三月抛的现象</t>
  </si>
  <si>
    <t>乐心运气好的时候可以跟小米差不多，打开APP或者微信就同步，但是运气不好的时候几个小时你怎么下拉，都无法同步。</t>
  </si>
  <si>
    <t>重庆磁器口好玩吗</t>
  </si>
  <si>
    <t>磁器口古镇乃国家4A级景区，玩的东西多了，主要招牌就是陈麻花，重庆有句话叫到磁器口不买陈麻花就不算到过磁器口，然后就是辣子鸡，麻婆豆腐 都是吃的东西 还可以买到很多重庆特色的东西 很多小玩具小玩意等等，张飞牛肉等，还有街的尽头就是嘉陵江，可以到江边散步，一句话，值得一去。</t>
  </si>
  <si>
    <t>面膜纸可以重复使用吗</t>
  </si>
  <si>
    <t>面膜一张只能用一次，不能重复使用。</t>
  </si>
  <si>
    <t>win8平板能玩pc游戏吗</t>
  </si>
  <si>
    <t>可以的 你的平板是win8的 而不是安卓一类的 电脑游戏都可以玩的 游戏是看系统 不是看你是平板电脑还是笔记本电脑的</t>
  </si>
  <si>
    <t>看情况，WIN8平板有两个分支，RT和Pro的，前者便宜，但是Arm的，不能运行一般的PC游戏;后者较贵，但本质上就是PC机的平板化，可以支持一般的Pc游戏。</t>
  </si>
  <si>
    <t>苹果耳机的麦克风能在电脑上用吗</t>
  </si>
  <si>
    <t>苹果的耳机是3.5MM输入，你注意耳机线上的金属接入点是3个小黑圈的，而普通耳机是2个小黑圈，所以除了用专业的转接设备外，苹果耳机在电脑上只能单听或单说。</t>
  </si>
  <si>
    <t>预产期一般准不准</t>
  </si>
  <si>
    <t>几乎有一半宝宝的预产期都是不准确的，约46%的宝宝会比预产期晚10天左右出生，另外还有28%会推迟两周甚至更长的时间。</t>
  </si>
  <si>
    <t>希腊退出欧元区了吗</t>
  </si>
  <si>
    <t>现在希腊要重新选举了，很可能会退出欧元区</t>
  </si>
  <si>
    <t>山地车要装挡泥板吗</t>
  </si>
  <si>
    <t>山地车从专业角度来说，是不该装挡泥板的。山地车没必要装挡泥板。一是难看，二是即使装了挡泥板，下雨天衣服依然会赞上泥点子。因为轮子粗。</t>
  </si>
  <si>
    <t>根管治疗可以刷牙吗</t>
  </si>
  <si>
    <t>根管治疗期间不能刷牙的。</t>
  </si>
  <si>
    <t>浴霸有辐射吗</t>
  </si>
  <si>
    <t>浴霸的危害：一、红外线损害眼睛和皮肤红外线是一种热辐射，对人体可造成高温伤害。较强的红外线可造成皮肤伤害，其情况与烫伤相似。最初是灼痛，然后造成烧伤。二、强光很容易灼伤眼睛：浴霸的灯光明亮，能够在短时间内使浴室快速升温，但人们长时间在浴霸下面洗澡，很容易因强光灼伤眼睛。同时，家里有婴儿的千万不要在给小孩子洗澡时候让孩子仰面朝上的同时候打开浴霸，光污染会削弱婴幼儿的视觉功能，影响儿童的视力发育，讲给孩子未来的视力造成永久伤害</t>
  </si>
  <si>
    <t>lol螳螂好吗</t>
  </si>
  <si>
    <t>主要是打野位置，属于poke型和收割型的英雄，玩的好的话，可以carry全队。</t>
  </si>
  <si>
    <t>粤语申遗成功了吗</t>
  </si>
  <si>
    <t>粤语申遗成功是假消息。</t>
  </si>
  <si>
    <t>用热水泡柠檬好吗</t>
  </si>
  <si>
    <t>　有人说柠檬不能用热水泡，怕维生素C损失。实际上，泡柠檬的水不能太凉，否则香味泡不出来。由于柠檬的酸性较强，维生素C在酸性条件下耐热性较好，没有想象中那么容易损失，泡柠檬片的水温度高于60度完全没问题</t>
  </si>
  <si>
    <t>精索静脉曲张需要手术吗</t>
  </si>
  <si>
    <t>精索静脉曲张是男性的一种常见疾病，有10%~15%的男性都患有精索静脉曲张。但是并不是得了精索静脉曲张的患者都需要手术，要根据病情的严重程度，以及对生活、生育的影响程度，来判断到底有没有达到需要手术的地步。</t>
  </si>
  <si>
    <t>灿烈喜欢杨幂吗</t>
  </si>
  <si>
    <t>韩国艺人大部分都喜欢杨幂这样的，而且EXO在一个领奖节目上，开场标题是美女召唤野兽，美女就是杨幂，野兽也就是EXO，所以是肯定认识的，但喜欢就不确定了，感情这件事谁也说不清楚</t>
  </si>
  <si>
    <t>减肥可以吃芒果吗</t>
  </si>
  <si>
    <t>芒果的营养价值很高，可以止晕，还可以健胃利水。同时芒果还具有减肥功效的。在减肥期间可以适当的吃一些芒果，可以作为辅助减肥的工具，但也不能吃太多的芒果，含糖量较高，所以也不可吃太多。</t>
  </si>
  <si>
    <t>win10适合台式机吗</t>
  </si>
  <si>
    <t>目前已知部分游戏或旧版的软件在Win10下会有部分不兼容的问题，在你了解到你所主要使用的软件或游戏没有兼容性问题的话则可以安装Win10系统，反之请选择Win7系统。</t>
  </si>
  <si>
    <t>肛裂一定要手术吗</t>
  </si>
  <si>
    <t>急性或初发的肛裂可用坐浴和润便的方法治疗；慢性肛裂可用坐浴、润便加扩肛的方法；经久不愈、保守治疗无效且症状较重者可采用手术治疗</t>
  </si>
  <si>
    <t>钱存定期安全吗</t>
  </si>
  <si>
    <t>直接到银行的柜台存定期，取款时要求出示身份证及密码，双重确认，不要在网银上设置定期存款或者开通任何网银的相关服务。因为我觉得提问者都问到了去中国的银行存款安全不安全的话，全世界都没有安全的放钱地方了。</t>
  </si>
  <si>
    <t>note3值得买吗</t>
  </si>
  <si>
    <t>因个人感觉而定</t>
  </si>
  <si>
    <t>感冒能体检吗?</t>
  </si>
  <si>
    <t>感冒对体检结果是会有一定的影响，尤其是会影响血常规以及肝功能的检查结果。建议等感冒好了以后再做体检，因为感冒一般是病毒感染导致的，会导致血常规以及肝功能的检查结果不准确。</t>
  </si>
  <si>
    <t>个人独资企业是不是企业法人</t>
  </si>
  <si>
    <t>个人独资企业不具有法人资格。</t>
  </si>
  <si>
    <t>京东可以买火车票吗</t>
  </si>
  <si>
    <t>在京东上面怎么买车票#在京东买火车票靠谱么？#火车票常见问题#京东白条买火车票 京东白条能买火车票吗</t>
  </si>
  <si>
    <t>华为手机有水货吗</t>
  </si>
  <si>
    <t>华为手机有假货，建议在可信的平台购买手机，如华为商城、京东商城、华为天猫旗舰店等。</t>
  </si>
  <si>
    <t>清道夫冬天会死吗</t>
  </si>
  <si>
    <t>清道夫属于热带鱼，囚不进行加热的话，他是会死的，用加热棒加热就是可以的。</t>
  </si>
  <si>
    <t xml:space="preserve">不需要，清道夫有很强的生命力，你只要给足够的食物，他就能正常生长。 </t>
  </si>
  <si>
    <t>有没有穿越的电视</t>
  </si>
  <si>
    <t>有关穿越的电视剧《寻秦记》《穿越时空的爱恋》《城市剑客》《九五至尊》《神话》《剑侠情缘之藏剑山庄》《我和僵尸有个约会Ⅲ》《女娲之灵珠》《我的武林男友》《魔幻手机》《你是我的梦》《回到未嫁时》《求婚大作战》《重返少年时》《千年之恋》《前世冤家》《古今大战秦俑情》《千岁情人》《亡命天涯》</t>
  </si>
  <si>
    <t>手机充电辐射对孕妇影响大吗</t>
  </si>
  <si>
    <t>虽然不太好，但也不是完全会有影响的，可能的情况下，最好是不要这样使用手机</t>
  </si>
  <si>
    <t>封神世界是3d的吗</t>
  </si>
  <si>
    <t>封神世界是一款瑰丽呈现中国古代商灭周兴历史的3D MMORPG游戏。</t>
  </si>
  <si>
    <t>游戏介绍说就是3D的，其实是2D的。</t>
  </si>
  <si>
    <t>宝宝支原体感染了 严重吗</t>
  </si>
  <si>
    <t>嗯不严重的</t>
  </si>
  <si>
    <t>驾照不满一年能租车吗</t>
  </si>
  <si>
    <t>我拿着1个月的新颁发驾照就在神州租车了</t>
  </si>
  <si>
    <t>知道神州可以租</t>
  </si>
  <si>
    <t>可以，身份证驾驶证信用卡齐全即可租车</t>
  </si>
  <si>
    <t>来月经吃山楂好吗</t>
  </si>
  <si>
    <t>山楂是健胃消食的，在月经期间是可以吃的，但一定要适量。</t>
  </si>
  <si>
    <t>鼠与马相配吗</t>
  </si>
  <si>
    <t>生肖，星座什么的只能仅供参考，关键还是要靠自己</t>
  </si>
  <si>
    <t>caj格式可以打印吗</t>
  </si>
  <si>
    <t>安装了CAJ和打印机就是可以直接打印的。</t>
  </si>
  <si>
    <t>人流后吃补佳乐内膜不长打黄体铜能来月经吗</t>
  </si>
  <si>
    <t>我</t>
  </si>
  <si>
    <t>起凡三国争霸2好玩吗</t>
  </si>
  <si>
    <t>一款游戏好不好玩，看看玩的人多不多就知道了，现在连小孩子都知道王者荣耀，每个区都是人满为患了，首款5V5英雄公平对战手游5可以和朋友一起carry，操作简单容易上手，每次拿到一血都觉得这个世界是我的了，赢了一局就觉得又拯救了一次世界</t>
  </si>
  <si>
    <t>企业qq好用吗</t>
  </si>
  <si>
    <t>独一无二的企业专属域名帐户，同时支持无域名开号，继承自QQ，无边界视频、语音、多人聊天。后台系统便于管理强大易用的企业后台管理功能</t>
  </si>
  <si>
    <t>乐刷有支付牌照吗</t>
  </si>
  <si>
    <t>乐刷支付具备央行颁发的支付牌照</t>
  </si>
  <si>
    <t>锤子手机双卡双待吗</t>
  </si>
  <si>
    <t>锤子M1/M1L拥有双卡双待全网通功能。</t>
  </si>
  <si>
    <t>锤子的T3，M系列和坚果系列等是支持双卡双待的。</t>
  </si>
  <si>
    <t>Smartisan T1不支持双卡，4G版本支持移动联通2、3、4G网络，不支持电信网络。</t>
  </si>
  <si>
    <t>twitter可以用吗</t>
  </si>
  <si>
    <t>申请了账号没多久，刚刚下载了opera mini。WM6.1系统的手机上用得很爽。现在只要手机在手，就能折腾twitter了。</t>
  </si>
  <si>
    <t>在国内一般是打不开这类网站的。</t>
  </si>
  <si>
    <t>世界网络twitter已经被国内的防火墙屏蔽了。楼主需用一些辅助番（音译）墙软件才可登陆浏览的。我用的是小 语 vpn</t>
  </si>
  <si>
    <t>信用卡网上消费算刷卡次数吗</t>
  </si>
  <si>
    <t>网上购物买东西用信用卡快捷支付属于刷卡。1，所谓刷卡是信用卡交易的俗称——因为大多数信用卡交易是通过POS机完成的。2，网购，电话购物或者其他卡片不出现的消费是信用卡交易的一种，专业术语 为‘MO/TO"，以卡片交易记录而言，和刷一次POS是一样的。通俗地说，也是刷了一次卡。</t>
  </si>
  <si>
    <t>蔓越莓会推迟月经吗</t>
  </si>
  <si>
    <t>吃了swisse的蔓越莓胶囊之后，经期推迟了，已经推迟5天了还没有来！</t>
  </si>
  <si>
    <t>嘉实多磁护启停保好吗</t>
  </si>
  <si>
    <t>所谓启停保护，实则所有的正品机油本身就具备的性能之一，但为何嘉实多会把这种通用性能放在产品包装上加以突出，皆因嘉实多更加了解国人爱好和国内商品包装说明监管缺失及低微的吹牛成本。</t>
  </si>
  <si>
    <t>英树是三无产品吗</t>
  </si>
  <si>
    <t>不是，都是经过国内外专业检测的，搜一下luckyteam</t>
  </si>
  <si>
    <t>好老婆是不是传销</t>
  </si>
  <si>
    <t>LOOOPOOO好老婆好生活品牌这是个传销组织，目前这个品牌在聊城骗了很多人1500元起入会员，经常派所谓老师聚集授课，一些没文化想投机发财的人被洗脑，目前传销头目已经被抓获。</t>
  </si>
  <si>
    <t>丝瓜可以生吃吗</t>
  </si>
  <si>
    <t>丝瓜可以生吃</t>
  </si>
  <si>
    <t>开塞露用完就有效果么</t>
  </si>
  <si>
    <t>开塞露里主要是山梨醇、甘油、硫酸镁等成分，这些成分的浓度很高，打入肠道之后会吸收很多水分，撑大肠腔，刺激肠壁引起排便反应，再加上它能软化大便，还有一定的润滑作用，就很容易顺势排出。</t>
  </si>
  <si>
    <t>着床会腰痛吗</t>
  </si>
  <si>
    <t>一般着床是没有什么反应的，但是少数人也可能会出现少量出血，小腹隐痛等.</t>
  </si>
  <si>
    <t>末日使者厉害吗</t>
  </si>
  <si>
    <t>末日使者的大招如果施放得当的话伤害也非常高，而且它本身的控制能力非常强，所以这个英雄是非常厉害的。</t>
  </si>
  <si>
    <t>法国卡地亚有内部折扣吗</t>
  </si>
  <si>
    <t>当然有折扣，它本身就是法国品牌，在法国的价格就会相对合算些，而且还可以退税，更加合适了。如果再碰到打折季，肯定能省很多money。</t>
  </si>
  <si>
    <t>张艺兴有没有纹身</t>
  </si>
  <si>
    <t>张艺兴 可能张艺兴给大家的印象就是非常呆萌，而且软绵绵的性格，但其实他手臂上也有酷酷的纹身呢，不过看着还是可爱的。</t>
  </si>
  <si>
    <t>gopro hero4防水吗</t>
  </si>
  <si>
    <t>不防水。先来看一下这台相机的尺寸以及重量，和iPhone 5相比，GoPro的尺寸真可谓是迷你，裸机大约为84g左右，对于很多人来说，这个重量一定已经非常令人动心了，但是GoPro是必须和配件同出共进的，裸机加上防水壳后重量就达到了140g，再配上各种底座、转接口等，体积和重量就不断增大，这也是在购买前需要注意的。</t>
  </si>
  <si>
    <t>sk ii神仙水有害吗</t>
  </si>
  <si>
    <t>有的用效果说话，有的说被爆含铅</t>
  </si>
  <si>
    <t>荣耀7电信版耗电吗</t>
  </si>
  <si>
    <t>荣耀7电信版真的很耗电！ 一觉醒来只有30多的电了！带了一天，机身一直低烧啊。</t>
  </si>
  <si>
    <t>后台没软件 就是看个网页电量刷刷的掉 。</t>
  </si>
  <si>
    <t>感觉电池不会掉似的。一晚上掉%8的电。</t>
  </si>
  <si>
    <t>怀孕吃头孢吗</t>
  </si>
  <si>
    <t>怀孕期间吃头孢类的抗生素对宝宝影响应该不大</t>
  </si>
  <si>
    <t>碎手之印法系有用吗</t>
  </si>
  <si>
    <t>有用。试过</t>
  </si>
  <si>
    <t>珊瑚玉有假的吗</t>
  </si>
  <si>
    <t xml:space="preserve">看一下我这珊瑚化石玉化了，是真假的，价值多少，我看被骗没有，买的我上火了懂得人少#【我买的瑚瑚玉是不是真的？】官方珊瑚玉真伪鉴别专帖！#如何鉴别珊瑚玉坠子真假？ </t>
  </si>
  <si>
    <t>鸽子汤可以放山药吗</t>
  </si>
  <si>
    <t>中医认为天为阳，地为阴，鸽子吸收了大量的自然阳气，食用后可以补充人体的肾气。而山药又能起到滋养肺阴的作用，使得阴阳平衡，对身体非常有好处。</t>
  </si>
  <si>
    <t>单模贵还是多模贵</t>
  </si>
  <si>
    <t>如果光缆长度超过2公里就必须是用单模的，如果在2公里以内可以考虑使用多模的，价格会有点差距，但不多，因为单模销量大也都便宜了，多模需求量少自然也不会很便宜的</t>
  </si>
  <si>
    <t>花生发芽后能吃吗</t>
  </si>
  <si>
    <t>花生的发芽和霉变是两个概念。我们指的发芽花生是在正常条件下（合适的温度、湿度和空气）发生在花生体内的生理变化，因此，发芽的花生是可以吃的。</t>
  </si>
  <si>
    <t>徐州人千万别吃发芽的花生，太可怕了！</t>
  </si>
  <si>
    <t>发了芽没发霉可食用#受潮自然发芽的花生不能吃，自发花生芽营养很丰富</t>
  </si>
  <si>
    <t>苹果手机检测是否人为</t>
  </si>
  <si>
    <t>外观简单，周围有没有磨损，刮痕，内部的话，有专业的人打开内部看，人为进水都会特别多等</t>
  </si>
  <si>
    <t>xbox360停产了吗</t>
  </si>
  <si>
    <t>Xbox 360正式停产。微软官方确认，陪伴了我们十年之久的Xbox 360即将通知生产，在现有的Xbox 360库存销售结束之后，这款经典主机将逐步退出市场。</t>
  </si>
  <si>
    <t>生完孩子离职了可以报销生育保险吗</t>
  </si>
  <si>
    <t>生育保险生孩子前连续交纳超过一年就可以报销。</t>
  </si>
  <si>
    <t>缴满一年保险，就能报销生育医疗费</t>
  </si>
  <si>
    <t>报销生育保险，必须是在职，而且你这种情况，应该想把生育保险报到手，然后再辞职，以免离职后，公司不配合，导致无法报到保险。</t>
  </si>
  <si>
    <t>锻工是特殊工种吗</t>
  </si>
  <si>
    <t>锻工是属于特殊工种，机械工业部《关于下达机械工业从事高温、高空、有害、特别繁重劳动提前退休工种范围的通知》已明确将其包含在内。</t>
  </si>
  <si>
    <t>中科茶黄金有用吗</t>
  </si>
  <si>
    <t>赵保路茶黄金是一款集戒烟和排毒两方面功能的戒烟产品。茶黄金中含有茶多酚，在进入人体后阻止尼古丁在大脑中反应，从而缓解了烟瘾。另外茶黄金中还加入了绿茶中的吸尘成分，这些吸尘成分有很强的净化功能，可以排出身体中有害物质，从而起到排毒效果。</t>
  </si>
  <si>
    <t>老挝沉香可以带回国吗</t>
  </si>
  <si>
    <t>可以的，但是如果不是天然野生沉香带回来也没有意义的，老挝也好越南也好，野生香很难买到真货的，旅游去的话就更加不要有这想法了，你可以搜索旅游买沉香看看</t>
  </si>
  <si>
    <t>淘牛品效果好吗</t>
  </si>
  <si>
    <t xml:space="preserve">  销量的话还是要看你的产品怎么样，适用群体多不多，广不广，价格吸不吸引人，投什么栏目，我建议家居，衣服，裤子、母婴等一些生活必需品会比较好，大家可以去看看，这类产品首页卖的挺好，栏目页里的产品销量也多。</t>
  </si>
  <si>
    <t>大学考试作弊记过影响公务员政审吗</t>
  </si>
  <si>
    <t>这个不会有事的，公务员政审是不看档案的</t>
  </si>
  <si>
    <t>工程力学是ei吗</t>
  </si>
  <si>
    <t>当然是 EI检索！</t>
  </si>
  <si>
    <t>墙纸可以直接贴吗</t>
  </si>
  <si>
    <t>正常情况下，腻子墙是不可以直接贴墙纸的，但是如果墙面比较平整、干燥、坚固、无污染、ph中性的话，可以辅助以基膜，如果墙面很不合格，那么就要刮掉重新刷，下面就给梁小姐具体介绍一下何种情况下可以贴墙纸，以及贴墙纸时需要注意的问题！</t>
  </si>
  <si>
    <t>金霉素眼膏能去脂肪粒吗</t>
  </si>
  <si>
    <t>神奇的药膏。。。便宜又好用。。</t>
  </si>
  <si>
    <t>不能的，脂肪粒一般是近期身体内 分 泌 有些 失 调，致使面部油 脂分 泌过 剩，再加上皮肤没有得到彻底清洁干净，导致毛 孔 阻 塞引起的。</t>
  </si>
  <si>
    <t>交了首付可以退房吗</t>
  </si>
  <si>
    <t>根据相关规定，一般情况下，购房者在开发商违约的情况下可以退房并且不用支付违约金；若是因购房者违约，比如不想买、买不起或者因为个人原因导致贷款不能无法付清房款的，如果开发商同意的话可以解除购房合同，但需要承担违约责任，赔偿开发商损失，当然，也可以根据具体情况避免。</t>
  </si>
  <si>
    <t>法杖能幻化长柄吗</t>
  </si>
  <si>
    <t>可以 法杖就只能用法杖幻化</t>
  </si>
  <si>
    <t>能装备长柄的话就能，不然不能</t>
  </si>
  <si>
    <t>网鱼网咖要身份证吗</t>
  </si>
  <si>
    <t>未到18周岁都是不可以的，价格是有分区域的，而且不同城市不同商圈也是不一样的，一般的休闲区基本是4块每小时。</t>
  </si>
  <si>
    <t>物理防晒要卸妆吗</t>
  </si>
  <si>
    <t>太原有平安银行吗</t>
  </si>
  <si>
    <t>您好，平安银行太原分行在并州北路桥东街口，5月8日正式开业。</t>
  </si>
  <si>
    <t>蒙娜丽莎是男的还是女的</t>
  </si>
  <si>
    <t>蒙娜丽莎是佛罗伦萨一名丝绸商的妻子。</t>
  </si>
  <si>
    <t>自由之战法鲁克好吗</t>
  </si>
  <si>
    <t>好，虽说是刺客，但杀伤不行。因为肉搏的属性，导致残血的敌人逃之夭夭</t>
  </si>
  <si>
    <t>不好，法撸克这英雄有点尴尬呀，一技能不能吸血和暴击导致他只能出半肉，连正宗都不能出。后期一技能3秒，几乎站撸时都是在用一技能。所以任何吸血，暴击的装备都没用。</t>
  </si>
  <si>
    <t>一般，不够强势。</t>
  </si>
  <si>
    <t>法鲁克加武器，前期打野很强势，清野速度不慢，发育以后就可以上去gank，伤害蛮高的，后期六神装，直接站撸，某些强势英雄除外。</t>
  </si>
  <si>
    <t>选调生和公务员报名冲突吗</t>
  </si>
  <si>
    <t>选调生和公务员考试的时间是否冲突，具体要看省份。</t>
  </si>
  <si>
    <t>咱们穿越吧是真打吗</t>
  </si>
  <si>
    <t>没有那么用力的...声音都是后期加的特效</t>
  </si>
  <si>
    <t>兰博基尼是奥迪的吗</t>
  </si>
  <si>
    <t>蓝利群好抽吗</t>
  </si>
  <si>
    <t>蓝利群,味道抽起来感觉比较舒服</t>
  </si>
  <si>
    <t>购买商住soho房可以提取公积金吗</t>
  </si>
  <si>
    <t>可以，住房公积金的提取是有限制的。</t>
  </si>
  <si>
    <t>提取不了的，只能购买住房才能提取公积金。</t>
  </si>
  <si>
    <t>能不能首先看您买的房子的产权性质，是不是普通住宅，产权是不是70年。如果你买的房子是40年或者50年非住宅，公积金是不能用的</t>
  </si>
  <si>
    <t>在职研究生学历可以报考公务员吗</t>
  </si>
  <si>
    <t>可以很明确的告诉大家的是，如果想要借助在职研究生学历帮助自己考公务员，是完全可行的。</t>
  </si>
  <si>
    <t>儿童慢性肾炎能治好吗</t>
  </si>
  <si>
    <t>肾炎无数种，你得说的更具体点。最好是化验报告。儿童急性肾小球肾炎是基本痊愈的，单纯肾病综合症也是痊愈的，其它就不好说了，要看具体情况。</t>
  </si>
  <si>
    <t>一元悦购 是真的吗</t>
  </si>
  <si>
    <t>微信里一元悦购是骗子。</t>
  </si>
  <si>
    <t>福建泉州会下雪吗</t>
  </si>
  <si>
    <t>2016年泉州第一场雪如约而至，美极了！</t>
  </si>
  <si>
    <t>泉州猴年马月才能看到雪啊！告诉你吧，不可能了</t>
  </si>
  <si>
    <t>艾滋病6周检测准确吗</t>
  </si>
  <si>
    <t>一般情况下，艾滋病的潜伏期是6-8周，在高危后6周进行艾滋病检测，应该是比较准确的，是可以明确是否感染艾滋病病毒的</t>
  </si>
  <si>
    <t>仙剑奇侠传5配置要求高吗</t>
  </si>
  <si>
    <t xml:space="preserve"> 由于游戏引擎对内存优化较差，游戏流畅运行需要大量的内存（1GB 左右），低配置 PC 可以运行游戏但可能会频繁出现闪退的情况。建议配置或更高的电脑运行将更加流畅。</t>
  </si>
  <si>
    <t>加拿大有红灯区吗</t>
  </si>
  <si>
    <t>加拿大安省高等法院曾经作出有关反卖淫法违宪的裁决，日前多伦多地区市议员又开始老调重弹，再度提出关于在多伦多地区开辟红灯区的构思，并视万锦市工业区或商业区内为理想地点。</t>
  </si>
  <si>
    <t>狗狗可以吃土霉素吗</t>
  </si>
  <si>
    <t>可以的，如果是肠胃问题导致的拉稀，吃土霉素确实是管用的</t>
  </si>
  <si>
    <t>虽然土霉素可以用于治疗狗狗拉肚子，但是要分情况的，不是所有狗狗的拉稀都可以使用</t>
  </si>
  <si>
    <t>存储过程可以返回数组么</t>
  </si>
  <si>
    <t>可以啊。</t>
  </si>
  <si>
    <t>极品飞车16可以改装吗</t>
  </si>
  <si>
    <t>只能换车的颜色</t>
  </si>
  <si>
    <t>手机能打国际长途吗</t>
  </si>
  <si>
    <t>手机一般只有全球通才可以。</t>
  </si>
  <si>
    <t>养老保险异地可以在开户吗</t>
  </si>
  <si>
    <t>可以的，现在不是全国联网，去不同的城市都要重新开户交的，跟原来的没有关系</t>
  </si>
  <si>
    <t>宝宝在肚子里会哭吗</t>
  </si>
  <si>
    <t>据英国《卫报》报道，科学家首次使用4D超声波成像系统时发现，婴儿在出生前数周就已经会大哭不已了。</t>
  </si>
  <si>
    <t>喂母乳要喂水吗</t>
  </si>
  <si>
    <t>我们通过对母乳的成分进行分析，就可以得出。母乳中的主要成分是水，这些水分对婴儿来讲已经足够了，在正常情况下，如果妈妈的母乳满足宝宝所需，并且，母乳质量上乘，那么，母乳的热量和水分已能充分满足婴儿新陈代谢的需要，不必再给宝宝喂水。母乳是婴幼儿最理想的食品，现在科学都主张母乳喂养。3个月以前婴幼儿吃母乳的小孩可以不喝水是正确的。但你的小孩有4个月了是要喝少许开水的。意见建议:你继续母乳喂养你的宝宝，每次吃喂完奶要让小孩喝少许开水，特别是睡前，这样对宝宝口腔健康和牙齿方面是很有好处的。</t>
  </si>
  <si>
    <t>在宝宝身体条件良好的情况下，妈妈是不需要给宝宝再喂水，但是，当宝宝出现一些特殊的情况，比如，婴儿发生高烧、腹泻发生脱水情况时，或服用了磺胺药物，或盛夏婴儿出汗多时，在这个时候妈妈就必须给宝宝喂水，补充宝宝流失的水分，防止宝宝出现缺水的状况。</t>
  </si>
  <si>
    <t>真性早熟中医能治疗吗</t>
  </si>
  <si>
    <t>中药辨证治疗疗效不错</t>
  </si>
  <si>
    <t>优步属于黑车吗</t>
  </si>
  <si>
    <t>网约车合法的新规定要11月1日才实施，在这之前，没有营运证的都是黑车。</t>
  </si>
  <si>
    <t>苍翼默示录完结了吗</t>
  </si>
  <si>
    <t>隔壁苍翼默示录也完结了</t>
  </si>
  <si>
    <t>一加手机支持nfc吗</t>
  </si>
  <si>
    <t>通过配置我们不难发现，这款一加3标明有NFC，这点是值得高兴的，我们知道上一代一加2是不支持这一功能的。</t>
  </si>
  <si>
    <t>年度旗舰的一加3T支持NFC功能其实也是意料之中的，毕竟之前的一加3早已支持了NFC功能。</t>
  </si>
  <si>
    <t>使命召唤ol好玩不</t>
  </si>
  <si>
    <t>目前在国内算是挺优秀的网络FPS游戏，但是与正作比就是辣鸡</t>
  </si>
  <si>
    <t>二级建造师工作好找吗</t>
  </si>
  <si>
    <t>好挂靠，但找工作还是需要积累一定经验</t>
  </si>
  <si>
    <t>高一有必要复习音标吗?</t>
  </si>
  <si>
    <t>有的，因为有学过音标可以大致读出单词。口语会好一点。</t>
  </si>
  <si>
    <t>华为手机实体店价格一样吗</t>
  </si>
  <si>
    <t>网上的价钱会便宜过实体店的~!实体店还要铺租，水电,人工，等费用，这些费用会加在手机的订价上~!所以实体店会贵一些!</t>
  </si>
  <si>
    <t>走路腿会变粗吗</t>
  </si>
  <si>
    <t>这是一个需要注意的问题，不在于你走路多少，而在于你的走路的姿势！</t>
  </si>
  <si>
    <t>香港是不是很乱</t>
  </si>
  <si>
    <t>香港从各个方面来说，我包括环境了社会管理，方面要比，咱们大陆，要强的多，但是香港现在确实是比以前乱多了，归根结底是因为大陆的共产党统治，因为过去香港她是一个民主的自由的国家，包括她的处吧那他的言论都是自由的，现在共产党开始一手遮天了，哦让那个香港的，言论还是不自由了，那么这样得话就是香港社会撕裂了，哦那么共产党能在香港陪知道许多，不狗，虽说这些土狗打压香港当地的自由人士而自由的人的还是小自由的，双方已经分裂了。</t>
  </si>
  <si>
    <t>同济医院牙科工具是一次性的吗</t>
  </si>
  <si>
    <t>不用太过担心的，使用的器械一般都是一次性。 如果不是一次性的话，也是会先进行消毒，所以不用太过担心一般不会发生感染的现象。</t>
  </si>
  <si>
    <t>刚绣的眉毛可以洗掉吗</t>
  </si>
  <si>
    <t>刚绣的眉毛还在恢复期，是不能洗的。</t>
  </si>
  <si>
    <t>男用38mm表小吗</t>
  </si>
  <si>
    <t>看你自己手腕大小来决定带多大的表盘 每个人手腕大小粗细不一样的</t>
  </si>
  <si>
    <t>苹果电脑有siri吗</t>
  </si>
  <si>
    <t>目前 Mac 版 Siri 也和 macOS Sierra 一样处于测试阶段，它必定会存在着问题，例如识别准确率、中英文混合识别能力以及处理噪音等。在未来的升级中我们可以期待 Mac 版 Siri 变得更人性化、更流畅。</t>
  </si>
  <si>
    <t>淘宝的支付宝可以换吗</t>
  </si>
  <si>
    <t>淘宝上的支付宝账号是可以更换的。</t>
  </si>
  <si>
    <t>神武电脑和手机互通吗</t>
  </si>
  <si>
    <t>不是互通的，手机版的可以在电脑上玩 ，电脑版的没法用手机玩</t>
  </si>
  <si>
    <t>兰博基尼帅吗</t>
  </si>
  <si>
    <t>公认最帅跑车排行榜，兰博基尼排第三。</t>
  </si>
  <si>
    <t>夫妻群安全吗</t>
  </si>
  <si>
    <t>现在没人去这种场所了吧，不都正常交友吗，现在这个年代，我在T喵里了解过，无论男女，他或者她的另一半更换很快就不太安全了，我有个很花心的朋友因为自己的行为要去做ai卫，所以不能太马虎，如果注意基本没啥事。</t>
  </si>
  <si>
    <t>阿里巴巴是批发的吗</t>
  </si>
  <si>
    <t>在网上做生意和传统做生意一样，都存在不诚信的情况，您需要带着和现实贸易中一样的谨慎的态度对待每一笔生意。</t>
  </si>
  <si>
    <t>化工危险吗</t>
  </si>
  <si>
    <t>危险都是相对的</t>
  </si>
  <si>
    <t>天正有2015吗</t>
  </si>
  <si>
    <t>天正建筑2015破解版(64位附注册机）</t>
  </si>
  <si>
    <t>姜黄之力解酒药管用吗</t>
  </si>
  <si>
    <t>解酒效果挺好，可以保肝。</t>
  </si>
  <si>
    <t>滴滴专车能赚钱吗</t>
  </si>
  <si>
    <t>现在想出车，没活，不赚钱，对于我们这种愿意付出辛苦赚钱的人这样的滴滴实在是让人心痛，但是无奈，我们只能在一次又一次的打击中煎熬着，等待着……</t>
  </si>
  <si>
    <t>孕妇可以喝西洋参</t>
  </si>
  <si>
    <t>怀孕后是能吃西洋参的，西洋参是补品中的一种，对人是没有任何危害的，可以促进你的肺活量的，吃了还会对胎儿有好处呢。</t>
  </si>
  <si>
    <t>西洋参有补气养阴、清火生津的功效。主要用于气阴两虚而实火内盛者及肺肾阴虚火旺者。因药性偏凉，所以还是不要喝了。</t>
  </si>
  <si>
    <t>孕妇吃西洋参，主要看有无适应症，即有无气虚之症。如孕妇出现食欲不振、饭后腹胀以及久泻脱肛等脾气虚弱、清气下陷等症状时，可用其配合黄芪、白术等健脾益气药同用，以纠治偏颇；如果孕妇因热病耗伤津液出现口渴不止等症状时，也可用西洋参或太子参配生地、花粉等药以生津止渴。</t>
  </si>
  <si>
    <t>苹果5s进水了还能修吗</t>
  </si>
  <si>
    <t>修肯定是能修好的</t>
  </si>
  <si>
    <t>公积金是共同财产吗</t>
  </si>
  <si>
    <t>在《最高人民法院关于适用《中华人民共和国婚姻法》若干问题的解释（二）》中，第十一条第二项明确规定：婚姻关系存续期间，男女双方实际取得或者应当取得的住房公积金属于夫妻共同财产。婚姻关系存续期间的住房公积金是夫妻共同财产。</t>
  </si>
  <si>
    <t>玉会认主人吗</t>
  </si>
  <si>
    <t>都说玉佩戴时间长了，会有记忆，会认自己的主人！别人佩戴后，会出现不好的事情！</t>
  </si>
  <si>
    <t>宝宝入园体检要空腹吗</t>
  </si>
  <si>
    <t>宝宝需要做血常规检测，所以宝宝需要空腹抽血。</t>
  </si>
  <si>
    <t>不需要空腹，早上可以吃点稀饭、面条等比较清淡的食物就可以了。</t>
  </si>
  <si>
    <t>不必空腹的，我们体检过都是常规检查。</t>
  </si>
  <si>
    <t>天然夜光石对身体有害吗</t>
  </si>
  <si>
    <t>许多发光矿物质都含有放射性，如果没经过放射性安全检测，最好不要靠近或长期接触。</t>
  </si>
  <si>
    <t>电脑管家能修复ie吗</t>
  </si>
  <si>
    <t>有修复IE的功能</t>
  </si>
  <si>
    <t>微信号昵称可以改吗</t>
  </si>
  <si>
    <t>你好，微信号只能更改一次，微信昵称目前是没有限制更改次数的。谢谢</t>
  </si>
  <si>
    <t>在设置里面改了，保存之后发现还是原来的名字，重新登录试过了不行，卸载了又重新下载还是不能改</t>
  </si>
  <si>
    <t>越南穷吗</t>
  </si>
  <si>
    <t>当然是穷了，中国人均GDP是越南的四倍，但是越南首都河内的物价快赶上北京了，你想想他们和我们差不多物价，但是工资只有我们的四分之一，能不穷嘛，还有就是，越南的物价只有河内和胡志明市高点，其他地方的物价很低。</t>
  </si>
  <si>
    <t>越南是落后，但人家是科技落后，老百姓的生活，比起中国内陆大部分穷省，到底谁穷还真难分上下，至于南越，更加能甩中国大部分地区几条街。越国全面临海，煤矿极其丰富，加上亚热带气候，国土资源堪比香港，海鲜水果堆成山，汽油便宜，房屋私有，不比大部分中国人难过。</t>
  </si>
  <si>
    <t>怀孕初期会腰酸么</t>
  </si>
  <si>
    <t>wu</t>
  </si>
  <si>
    <t>因为怀孕后盆腔充血就可能导致腰酸痛的情况。</t>
  </si>
  <si>
    <t>操作系统是软件吗</t>
  </si>
  <si>
    <t>广园快速要收费吗</t>
  </si>
  <si>
    <t>根据广州市政府办公厅2016年《关于增城区需市政府协调解决有关问题的会议纪要》的要求，广园快速路二期及延长线在2017年12月1日凌晨零时起全线停止收费，请全体市民周知。</t>
  </si>
  <si>
    <t>坚果能带上飞机吗</t>
  </si>
  <si>
    <t>不能带的:</t>
  </si>
  <si>
    <t>李易峰整过容吗</t>
  </si>
  <si>
    <t>新生代男神李易峰也陷入了的整容风波，网友扒出李易峰出道之前的照片，看上去确实有很大的差别，出道之前肤色泛青还带着严重的黑眼圈，不过五官变化不大，浓眉大眼，鼻梁也很力挺，如果说李易峰也整容，那娱乐圈就没有纯天然帅哥了。</t>
  </si>
  <si>
    <t>世界经济发展的不平衡在加剧对吗</t>
  </si>
  <si>
    <t>当今世界经济在发展的同时仍然面临着一系列的挑战，主要的焦点问题包括：世界经济发展不平衡加剧；国际金融市场动荡，金融风险增大；可持续发展的迫切性和艰巨性十分突出。。。这些问题是世界上所有国家需要共同面对的。在诸多挑战中，全球经济学家谈论最多的话题莫过于世界经济发展不平衡的加剧。的确，世界经济发展的不平衡，会阻碍世界经济的整体繁荣。一个国家即使再繁荣，也避免不了穷困国家给它们带来的政治经济危害。</t>
  </si>
  <si>
    <t>感冒了能吃虾吗</t>
  </si>
  <si>
    <t>凡感冒期间，无论风寒感冒或是风热感冒，忌吃一切滋补、油腻、酸涩食物，诸如猪肉、鸭肉、鸡肉、羊内、糯米饭、黄芪、黄精、麦冬、人参、胎盘、阿胶各种海鱼、虾子、螃蟹、龙眼肉、石榴、乌梅、以及各种粘糯的甜点食品。</t>
  </si>
  <si>
    <t>正在感冒建议您不要吃虾</t>
  </si>
  <si>
    <t>考虑可以吃虾，不会造成影响</t>
  </si>
  <si>
    <t>金山手机助手好用吗</t>
  </si>
  <si>
    <t>金山手机助手连接电脑老是自动安装，觉得不好，有点流氓。</t>
  </si>
  <si>
    <t>胆结石能自己排出吗</t>
  </si>
  <si>
    <t>临床观察发现，胆结石能否自行排出或消失，与胆结石的大小、胆道的粗细、胆道下端开口大小等因素明显相关。结石越小、胆道越粗、胆道下端开口越大，越容易排出；反之，则排出困难或不能排出。</t>
  </si>
  <si>
    <t>基膜需要兑水吗</t>
  </si>
  <si>
    <t xml:space="preserve"> 基膜兑水完成以后，刷基膜应该用滚筒将墙壁全部都刷一遍。</t>
  </si>
  <si>
    <t>基膜是一种水性环保产品,无味道,对人体无副作用,但硬度没有清漆高,所以建议基膜要刷两遍,第一遍干后才能刷第二遍。</t>
  </si>
  <si>
    <t>手机在网上买靠谱吗</t>
  </si>
  <si>
    <t>淘宝买手机并不是不可以，但由于里面商家鱼龙混珠，大家应该提高购机警惕，尤其是不要没有经过调查分析，贸然选购一些竟然比批发价还便宜的智能手机，那么被宰的概率很大。关于淘宝买手机可靠吗？小编想说的是不那么可靠，多数买的也只是水货，并且存在翻版机的风险，建议尽量选择知名网上商城购买，有正品保证。</t>
  </si>
  <si>
    <t>有比东北爷们儿更爷们儿的吗</t>
  </si>
  <si>
    <t>东北娘们呀</t>
  </si>
  <si>
    <t>iphone有手电筒吗</t>
  </si>
  <si>
    <t>首先，进入【设置】—【控制中心】—开启【在锁定屏幕上访问】，然后当你在锁屏界面时，向上滑动锁屏界面，点击左下角手电筒图标，便可快速打开LED手电筒。此时如果你使用完手电筒了，要关闭它，可以在进入锁屏界面时，点击右下角的相机按钮，便可快速关闭LED手电筒。</t>
  </si>
  <si>
    <t>电压力锅是不是高压锅</t>
  </si>
  <si>
    <t>1.高压锅和电压力锅其实差不多，只不过电压力锅是近两年才出来的，用途和高压锅一样，只是不用煤气，而是用电的2.电压力锅是可以做饭做粥，但也可以炖骨头和别的东西啊，不算重复吧。因为高压锅也一样可以做饭和做菜的。3.电压力锅是直接插电的，使用方法和电饭锅差不多，只不过要根据具体煮的内容选择一下时间什么的。直接插电当然不用放在电磁炉和液化气上了，准确地说不是不用，而不能。反正只插电就是了。另外，两者还有一个区别就是普通的高压锅使用时，上气后会一直有响声，好多人不太敢用。相对而言，电压力锅是很安静的，感觉上安全一点。如果你只是用来炖汤，建议可以买个紫砂煲之类的专门炖汤的啊，味道应该会更好些，不过时间肯定比高压锅和电压力锅用得久一点</t>
  </si>
  <si>
    <t>手机能做固定资产吗</t>
  </si>
  <si>
    <t>手机如果是5000元以下的，可以费用化，计入管理费用科目；如果超过5000元，计入固定资产科目。</t>
  </si>
  <si>
    <t>福州西园经典幼儿园好吗</t>
  </si>
  <si>
    <t>唐朝是最强大的吗</t>
  </si>
  <si>
    <t>我今天看了很多评论，有人说是秦汉元，还有人说是元清，不过我客观的分析纵观历史，最强大的绝对是唐朝，很多人认为唐朝文化强盛经济不如宋明，还有人认为唐朝文治武功不如秦汉，政治版图不如元清，在这里我想着重分析下唐朝的文化，不用说绝对是顶峰，他影响了整个世界的文化，如唐 装唐人仿唐建筑，还有外国人要么以东方人的胖为美要么以柳叶眉纤细腰的吕 燕型（汉朝美女的标准）为美，唐代的文化引得八方来潮当今存世的响当当的为世界人所知的都是唐文化唐代的军事，也是绝对的强大不然他拖不起这样强大的帝国唐代的经济，我敢说唐代的经济绝对发达，从一个方面可以表现出来，历朝历代的帝王都是大修陵墓，你们要是去看过清十三陵或其它陵墓就能发现都是很庞大的地面建筑和巨大的坟头，但只有唐代的陵墓是开山修陵，将一座山改造成一个陵墓，只有唐代的帝王是这样，因为唐代的经济太强大了，后世都无法达到所以唐朝绝对是中国历史上最强大的时期，其它的比较太没意思，说清朝科技发达，他比唐朝完了几百年了，这就跟别人说再过几百年科技比现在发达是一个道理，还有说元朝地域辽阔所以最强大，那是铁木真好战又能打可是他的人民生活的真的幸福吗，比较就是要综合的从历史的角度来看，不能只看一俩个方面，宋朝经济发达占世界JDP的50%，但不能说他是历史的经济顶峰，因为宋朝那时的世界GDP和各个朝代的世界GDP是有区别的，不在同一水平线上，不过要说最辉煌的朝代就是秦汉唐了，清朝怎么说呢，康乾盛世毕竟也是 闭关锁国 ，那时的世界已经发生了变化，如果当时清朝能抓住机会，后来也不至于造成中 国史上最屈 辱的一面，你们觉的呢</t>
  </si>
  <si>
    <t>马来西亚云顶好玩吗</t>
  </si>
  <si>
    <t>云顶高原很好玩，那里有分好几个娱乐区域，比如Outdoor,和Indoor的娱乐设施，Outdoor是要买票进的，如果常去的话可以去整个会员（Teampark的Member Card），这个会员卡是可。</t>
  </si>
  <si>
    <t>英语导游证好考吗</t>
  </si>
  <si>
    <t>其实英文导游证比中文的简单，主要看发音的</t>
  </si>
  <si>
    <t>感冒可以吃柿子吗?</t>
  </si>
  <si>
    <t>凡感冒后胃口都不太好，柿子性凉而沉肚，对食欲增加封闭，如果想吃的话是可以的，但绝不宜空腹吃柿。</t>
  </si>
  <si>
    <t xml:space="preserve"> ‍感冒可以吃柿子，柿子中的鞣酸能与食物中的钙、锌、镁、铁等矿物质形成不能被人体吸收的化合物，使这些营养素不能被利用，故而多吃柿子容易导致这些矿物质缺乏。</t>
  </si>
  <si>
    <t>交通事故需要垫付医药费吗</t>
  </si>
  <si>
    <t>对于肇事司机，应当及时垫付伤者的抢救费用和必要手术等费用，这样至少应当保证伤者的伤情不能因无钱医治而扩大，这样因为伤者耽误最佳治疗时机，导致更严重的伤害，损失也在不断扩大，后期理赔也会无形加大肇事司机的赔偿责任。</t>
  </si>
  <si>
    <t>法律没有规定，肇事人必须垫付医药费。</t>
  </si>
  <si>
    <t>有需要可以垫付。</t>
  </si>
  <si>
    <t>奥迪q5首保免费吗</t>
  </si>
  <si>
    <t>全国奥迪4s店首保都是免费的。</t>
  </si>
  <si>
    <t>房贷需要抵押房产证吗</t>
  </si>
  <si>
    <t>需要抵押房产证，但已经换了一种形式！现在大多数银行选择的是抵押他项权证，房产证还是在自己手里，个别小型商业银行，比如招行等，会选择将房产证抵押在银行保险柜，但如果你需要的时候还是可以申领出来的。</t>
  </si>
  <si>
    <t>拉卡拉查征信吗</t>
  </si>
  <si>
    <t>拉卡拉上征信的</t>
  </si>
  <si>
    <t>发电机有辐射吗</t>
  </si>
  <si>
    <t>你好，一般来说任何东西都是有辐射，只是大小而已，想常用的电器一般辐射都是很小的，可以接受的</t>
  </si>
  <si>
    <t>乙肝e抗体阴性正常吗</t>
  </si>
  <si>
    <t>乙肝e抗体阴性可能显示患者本身很正常，乙肝两对半全阴性，没有感染乙肝病毒</t>
  </si>
  <si>
    <t>发泥好洗吗</t>
  </si>
  <si>
    <t>温水即可清理！</t>
  </si>
  <si>
    <t>命理姻缘会不会错过</t>
  </si>
  <si>
    <t>桃花可以躲掉，真的缘分是不会错过的。。会错过的就不是真的。</t>
  </si>
  <si>
    <t>常言说的好，三分天注定，七分靠打拼，机会都是留给有准备的人的，其实姻缘和其它任何事都是一样的。</t>
  </si>
  <si>
    <t>经期可以吃橄榄吗</t>
  </si>
  <si>
    <t>经期可以食用橄榄</t>
  </si>
  <si>
    <t>飞机上可以带矿泉水吗</t>
  </si>
  <si>
    <t>矿泉水等液体及饮料均不可带上飞机，在过安检的时候就要求扔掉，或者当场喝掉（看过人在囧途吗，里面的王宝强就是这样子滴）。过了安检后可以购买机场商店的食品饮料带上飞机。</t>
  </si>
  <si>
    <t>一乐是许三观的儿子吗</t>
  </si>
  <si>
    <t>许一乐应当就是许三观的孩子。</t>
  </si>
  <si>
    <t>属狗好么</t>
  </si>
  <si>
    <t>狗年生的人，富有正义感，为人真诚实在，对朋友忠诚守信用，做事勤奋上进，有责任心，是个忠于职守的人。而个人有敏锐的直觉，有艺术才能。缺点是不容易轻易接受别人的意见。属狗：东南西北走，金银堆北斗，富贵不离手，有钱最爱带起走。农历正二三四五月的狗，富态安详，丰衣足食，多才智能办大事。六七月的狗，生活艰难多波折，诸事不好。八九月的狗，聪明能干，受人尊重。十冬腊月的狗，顾家守财，先苦后甜，晚年享清福。</t>
  </si>
  <si>
    <t>月经期能吃草莓吗</t>
  </si>
  <si>
    <t xml:space="preserve"> 你好，从你介绍的情况来分析，你现在已经来月经了，月经期间偶尔吃点草莓水果，这很正常，完全可以吃，但是不要吃的太多，适当吃一点就可以。</t>
  </si>
  <si>
    <t>三维b超能看出男女吗</t>
  </si>
  <si>
    <t>可以。但医生不给你看，你自己看不懂</t>
  </si>
  <si>
    <t>收藏茅台酒需要用腊封口吗</t>
  </si>
  <si>
    <t>如果你能确定在保存了N年后是用来自己喝的，不是用来收藏和投资转卖的。蜡封是没错的，但是如果用来收藏的话  会破坏品相 且会些许影响酒质。用来转卖的话也会影响价值。茅台酒好，可别用蜡封瓶口！</t>
  </si>
  <si>
    <t>澳门有贝拉米奶粉吗</t>
  </si>
  <si>
    <t>澳门有贝拉米奶粉</t>
  </si>
  <si>
    <t>催乳茶有用吗</t>
  </si>
  <si>
    <t>我生之前海淘了几盒地球妈妈天使宝宝的下奶茶 宝宝出生后母乳一直不错 就没喝 前段时间婆婆过来小住 老爱嚼我怀疑我奶不够 我已经供需平衡 不涨奶了 宝宝其实够吃 但老听她说我很烦一气之下就拆了一包泡水喝了两杯 好家伙 半夜涨的难受 早上涨的像石头 我觉得对我还是很管用的 后来再不敢喝了 你可以尝试一下 平时也要多喝水 要对自己有信心</t>
  </si>
  <si>
    <t>母乳是宝宝最好的食物，但是许多产后妈妈因为哺乳姿势、饮食习惯等影响，往往出现奶水少的情况。网上常常有催奶茶的广告，新妈妈们想为了宝宝试一试。其实，有些催奶茶的效果并没有那么好。要想催奶，最好还是纠正哺乳姿势，多吃催奶食物比较好。</t>
  </si>
  <si>
    <t>百度糯米可以用支付宝吗</t>
  </si>
  <si>
    <t>百度糯米是可以用支付宝付款的</t>
  </si>
  <si>
    <t>现在百度糯米不能用支付宝了！</t>
  </si>
  <si>
    <t>天天酷跑可以刷钻石吗</t>
  </si>
  <si>
    <t>打开烧饼3.0开始一局游戏到第一次超级奖励时我，暂停，打开烧饼模糊搜索（双字）搜完后继续游戏，跳（在空中），暂停，打开烧饼变大了，落地，暂停，变小了，继续游戏，走个两秒，暂停搜索无变化重复两三遍，到只有100到200个数据时范围筛选99~999999999会有几十个数据，不管它继续游戏，直到吃到冲刺，暂停，把那几十个数据都锁定，等冲刺完了，就是无敌了，要结算分数是，解锁数据。 结算，成功。</t>
  </si>
  <si>
    <t>不可以的，天天酷跑的数据是存储在腾讯云服务器上的。刷完服务器数据一同步就还原了。</t>
  </si>
  <si>
    <t>社保可退吗</t>
  </si>
  <si>
    <t>　有关社保退保情况，不同类型的参保人员，所面临的社保政策是不同的，但是从目前的情况看，社保无法申请退保，但是可以转移。#是不能退的。有两种情况可以退。一是投保人不在人世，二是投保人失踪。#</t>
  </si>
  <si>
    <t>cea5.87偏高 可怕吗</t>
  </si>
  <si>
    <t>癌胚抗原是一种肿瘤标志物，它的大量升高往往提示着恶性肿瘤的可能，尤其是消化道肿瘤，大肠癌的可能。但是缺乏特异性和敏感性，升高不一定就有肿瘤。</t>
  </si>
  <si>
    <t>黄菊是黄敬的儿子吗</t>
  </si>
  <si>
    <t>不是,黄菊本姓黄，俞正声父亲黄敬也姓过黄，但本姓是俞。黄菊与俞正声应该是同志、同事关系。</t>
  </si>
  <si>
    <t>会计证继续教育难吗</t>
  </si>
  <si>
    <t xml:space="preserve"> 会计继续教育考试不难，考试不限时，而且考试有三次考试机会，考试是随机抽题，主要就是一些基本知识和道德规范而已</t>
  </si>
  <si>
    <t>上火会引起低烧吗</t>
  </si>
  <si>
    <t xml:space="preserve">  上火和发热是不同的概念,上火是中医的说法,从中医来说是一种体内的阴阳失调导致的,发热时致热源引起的体温升高,二者没有直接的联系.</t>
  </si>
  <si>
    <t>qq号必须用手机注册吗</t>
  </si>
  <si>
    <t>不一定需要的。</t>
  </si>
  <si>
    <t>二手电脑值得买吗</t>
  </si>
  <si>
    <t>值得。至于怎么买，就需要自己拥有一双慧眼了。如果有做电脑生意的朋友或者亲戚的话就方便太多了，放心的话甚至自己都不用多看，直接去领回来就行了。二手电脑中也有精品存在的，在性价比方面也是绝对不比全新购买的机器差，至于适不适合自己，只能自己掂量了，如果粉丝里有大神，估计会在评论中留下小技巧。</t>
  </si>
  <si>
    <t>小米4c是不是双卡</t>
  </si>
  <si>
    <t>小米4c是一款次旗舰系列手机，拥有7.8mm超薄一体化机身设计，采用了双卡设计，且支持移动/联通/电信的所有网络，另外值得一提的是，小米4c采用了单卡槽双卡位设计，其中靠近里面的是SIM卡1，靠外面的是SIM卡槽2，而且这两个卡槽都是Micro SIM卡类型。</t>
  </si>
  <si>
    <t>驾驶证住址必须跟身份证住址一致吗?</t>
  </si>
  <si>
    <t>是的。驾驶证上的住址应当和《居民身份证》或者《临时居民身份证》记载的住址一致。</t>
  </si>
  <si>
    <t>火车票可以提前改签吗</t>
  </si>
  <si>
    <t>火车票改签提前是完全可以的，在网上办理改签提前乘车时，需要注意提前30分钟以上进行，如果距离开车时间不足30分钟，需要到车站办理。</t>
  </si>
  <si>
    <t>皮脂腺痣是大病吗</t>
  </si>
  <si>
    <t>皮脂腺痣可以当地医院就诊检查，可以考虑手术或激光等治疗</t>
  </si>
  <si>
    <t>贝斯佳营养七点半好吗</t>
  </si>
  <si>
    <t>唯一能够结合生活方式的特膳食品,贝斯佳营养7：30的使用,可以轻轻松松的改变过去不良的生活方式,对于长期保证健康状态具有深远意义.</t>
  </si>
  <si>
    <t>控制不住情绪易发怒正常吗</t>
  </si>
  <si>
    <t>不正常，一个人控制不住自己的情绪，办事让情绪牵着自己的鼻子走，什么事儿也干不成，会让别人远离你，会让别人讨厌你。一个人不论在家里还是社会上想做成事，必须让自己的理智牵着自己的情绪走。</t>
  </si>
  <si>
    <t>每天都要大便吗</t>
  </si>
  <si>
    <t xml:space="preserve"> 即使这一天没有大便的感觉或者大便的感觉不强烈，也要去大便一次。</t>
  </si>
  <si>
    <t>多数健康人每日排便一次,但可以隔日或2～3天排粪一次也属正常。</t>
  </si>
  <si>
    <t>养鸟好吗</t>
  </si>
  <si>
    <t>不少人喜欢养鸟，而且为求方便，干脆就把鸟笼挂在室内。这种习惯不好，会对人的健康造成危害。</t>
  </si>
  <si>
    <t>忌室内养鸟。鸟粪中带有鹦鹉病毒、岛型结核杆菌及寄螨，鸟粪被踏碎以后，病毒与病菌便飞扬在空气中，若人长时间吸入，会诱发呼吸道黏膜充血、咳嗽、痰多、发烧等症状，严重者还会出现肺炎与休克</t>
  </si>
  <si>
    <t>非要说养鸟对家人不好，那就要看，你的家具体是什么情况，有老人的家里，一般不适合养鸣禽，因为鸣禽的叫声比较大，会影响邻居和老人的休息。有孩子的家里，一般不适合养攀禽，因为攀禽攻击型比较强，而且很难驯服。春秋季节是禽流感多发季节，也不适宜养鸟。如果家里有体弱者，也不适宜养鸟。现在养鸟的人很多，当然养鸟也需要一定的条件，而且任何宠物都很难伺候。必须要学好足够的功课，和具备一定条件才能养鸟，还有需要充足的时间。</t>
  </si>
  <si>
    <t>苹果最新系统好用吗</t>
  </si>
  <si>
    <t>苹果系统跟自己的硬件匹配比较好，这样就让系统的性能能够更好的发挥出来。</t>
  </si>
  <si>
    <t>黄豆有雌激素吗</t>
  </si>
  <si>
    <t>不是含有雌激素是大豆异黄酮的化学结构与雌激素相似.所以具有雌激素类似作用..一般非绝经期妇女不要服用以免减少体内雌激素的分泌产生衰老状.</t>
  </si>
  <si>
    <t>3个月的宝宝能坐飞机吗</t>
  </si>
  <si>
    <t>有医生是这样建议的，婴儿搭乘飞机前，最好抱宝宝到医院耳鼻喉科做一做声导抗检查，如果正常，那么可以乘坐。如果有鼻塞、感冒等这些症状，就不宜乘坐飞机。因为飞机升降过程中，中耳内外压力差异，会影响鼓膜。在飞机起飞和降落时，让宝宝吃奶，或者用奶瓶给他喂奶，或让他含一个安慰奶嘴，是个比较不错的方法。</t>
  </si>
  <si>
    <t>胃溃疡可以喝姜茶吗</t>
  </si>
  <si>
    <t>多喝生姜水治疗胃溃疡。因风寒或者饮食生冷导致的胃溃疡病发作的，可用生姜煎水喝，每天分2次服用，直到疼痛、呕吐以及泛酸等症状缓解。生姜能够健脾胃，能促进消化、健胃以及增进食欲。生姜还能驱寒养阳。溃疡发作时喝姜水。因感受风寒或者饮食生冷引起胃溃疡病发作的病患者，可用生姜50克煎汤喝，每天服用两次，直到疼痛，泛酸等症状消失或缓解。</t>
  </si>
  <si>
    <t>客房服务员累吗</t>
  </si>
  <si>
    <t>如果说的是客房服务打扫房间的工作，当然累，特别是第一个月，不少新人往往在第一个月感觉撑不住就离开了。其实，这工作就象做家务在家里打扫卫生，不同的是要按宾馆的操作规范与质量要求做。入职门槛比较低，对工作责任性要求高。对累的感觉因人而异，如果熬过一个月，也就慢慢适应并达到熟能生巧。</t>
  </si>
  <si>
    <t>游泳时会出汗吗</t>
  </si>
  <si>
    <t>在水里游泳温度低，游泳的运动强度也比跑步略低，所以要持续游时间长点才会出汗</t>
  </si>
  <si>
    <t>孕妇能吃椰子冻吗</t>
  </si>
  <si>
    <t>是可以适量吃的。</t>
  </si>
  <si>
    <t>线路连接处接触不良会导致火灾么</t>
  </si>
  <si>
    <t>因为当线路连接处接触不良时，会使该处的电阻增大，由焦耳定律的公式Q=I2Rt知，在电流、通电时间相同的情况下，电阻越大，产生的热量越多，温度越高，电流经过线路连接处时产生的热量增多；同时，接触处的电阻又将随温度升高而增大，使线路连接处产生热量进一步增加，从而形成电热的逐步积累和恶性循环，以致引发火灾。</t>
  </si>
  <si>
    <t>银饰生意好做吗</t>
  </si>
  <si>
    <t>银饰品受到大家关注，银饰生意好做，很多地方一条街好几家银饰品店，每个商场都有银饰品专柜。</t>
  </si>
  <si>
    <t>男人的尿能喝吗</t>
  </si>
  <si>
    <t>尿液主要是排出人体的代谢废物，里面很多有毒物质，喝下去以后会对身体造成伤害！</t>
  </si>
  <si>
    <t>极品飞车19 ps4 要会员才能玩吗</t>
  </si>
  <si>
    <t>只有测试版</t>
  </si>
  <si>
    <t>单人剧情要网不要psn会员，联机要</t>
  </si>
  <si>
    <t>甲亢验血需要空腹吗</t>
  </si>
  <si>
    <t>因为甲亢是需要抽血检查的，因此做甲亢检查是需要空腹的。</t>
  </si>
  <si>
    <t>韩国人长寿吗</t>
  </si>
  <si>
    <t xml:space="preserve">     说到韩国人为啥会预期寿命更长，其中与韩国地暖普及有一定关系，尤其对老年人来说，地暖有6大优点是不容忽略的，本期小编就给大伙说说地暖对老年人的好处。</t>
  </si>
  <si>
    <t>凯越2016出新款吗</t>
  </si>
  <si>
    <t>16年凯越没有新款</t>
  </si>
  <si>
    <t>备孕能吃南瓜吗</t>
  </si>
  <si>
    <t>南瓜是可以适当的吃的</t>
  </si>
  <si>
    <t>智齿自己会掉吗</t>
  </si>
  <si>
    <t>智齿长出来了就不会掉了。</t>
  </si>
  <si>
    <t>打火机能快递吗</t>
  </si>
  <si>
    <t>已经问过快递啊，一说打火机都不给邮寄，说是违禁品</t>
  </si>
  <si>
    <t>车漆镀膜有用吗</t>
  </si>
  <si>
    <t>有用，对车漆没有伤害。</t>
  </si>
  <si>
    <t>欧洲国家该不该接受难民</t>
  </si>
  <si>
    <t>　应该，没立场，理由是他们自己说人权大于主权。</t>
  </si>
  <si>
    <t>日禄归时好吗</t>
  </si>
  <si>
    <t>日禄归时格是指日主的禄位归于时支，喜欢日主坐旺，有印绶生助，月上透出财星、伤官、—食神和天德月德吉星，如此便是大富大贵的命。</t>
  </si>
  <si>
    <t>日禄归时，号青云得路。一般而言是指异路功名，发财、发贵来的快，不是正统功名。满足日禄归时的条件：一是八字中没有官星，同时也没有杀星，如果八字中有官杀，就要以官杀论命，看官杀的安顿处置，没必要去寻找虚的贵气。日禄归时是寻找虚的贵气的一种方式。二是八字不成格局。有的八字无官杀星，但是构成了伤官佩印、食神生财等等格局，如果有此类格局，就以格局用神论命，不必寻用日禄归。</t>
  </si>
  <si>
    <t>亮剑李幼斌版好看吗</t>
  </si>
  <si>
    <t>李幼斌版的才好看，新版的感觉很一般。</t>
  </si>
  <si>
    <t>去污粉有洗杯子有毒吗</t>
  </si>
  <si>
    <t>没有问题，只要保证清洗后充分用水冲洗，然后放入消毒碗柜或者开水煮烫就可以了。</t>
  </si>
  <si>
    <t>聚氨丙基双胍有毒吗</t>
  </si>
  <si>
    <t>PAPB 聚氨丙基双胍是一种新型消毒剂杀菌和防腐剂，可用於皮肤消毒和隐形眼镜清洗 （有效清理镜片上的细菌和微生物；蛋白分解素和离子溶液，有效清除镜片上的蛋白，并在镜片上形成保护膜，防止蛋白沉淀），也可当做除臭剂。它在10mg/l的浓度下对很多细菌和黴菌就能起到一定的杀菌、抑菌作用</t>
  </si>
  <si>
    <t>上边肯定的答案应该填写到这里</t>
  </si>
  <si>
    <t>生病会瘦吗</t>
  </si>
  <si>
    <t>消瘦是指人体因疾病等因素所致的体重减轻，一般较正常体重下降10%以上称为消瘦。可见于以下几种情况。 (1)食欲正常而体重减轻。由于消化及吸收功能异常使体重减轻，如消化系统以外病因所致呕吐、腹泻，寄生虫病等。 (2)食量增加，体重反而减轻。虽然进食较多，但消耗增加，使体重减轻，如甲亢、糖尿病等。 (3)食欲减退，摄入的食物减少，身体分解代谢亢进而致体重减轻，如①全身性疾病(感染、恶性肿瘤、血液病)，肾上腺皮质功能减退，垂体前叶功能减退;②精神因素：忧郁症，神经性厌食;③消化系统疾病：慢性胃肠疾病，慢性肝病，慢性胰腺疾病等; (4)严重创伤与烧伤，常有大量血浆渗出，蛋白质消耗量显著增加等; (5)某些药物原因，如甲状腺制剂，长期服用泻药等。消瘦特点为：皮肤粗糙而缺乏弹性，肌肉萎缩，皮下脂肪减少，骨骼显露。 各种原因所致的消瘦都会有相应的临床表现，如甲亢患者，可见有颈前肿大，目光炯炯，多食易饥，多汗，消瘦，心悸，手抖，大便次数增多等。您的体重低于标准体重的10%，属于消瘦。您目前亦排除了甲亢，饮食正常，排便异常，为结肠功能紊乱。肠功能紊乱，除便秘、腹泻交替的症状外，还可有腹胀、腹痛及一些全身性神经官能症状，一般无消瘦。建议您到医院找专科医生咨询，全面了解除饮食、排便外的其他情况，以便及早解除烦恼。</t>
  </si>
  <si>
    <t>外星人笔记本耐用吗</t>
  </si>
  <si>
    <t>外观很拉风，称得上是笔记本里面的皇者，机器的细节做的非常好非常人性化，14以上的都是双通道散热，显卡自带风扇，机器有多处灯可以自己设定颜色，键盘可以同时设置4个颜色，手感非常好，最牛的是售后服务，3年上门+意外保险，比如人为性的损坏DELL管保，比例说你拿着本摔到地上机器损坏很严重、你给售后打电话第二个工作日DELL会派工程师上门更换你摔坏的全部部件（都是新的，壳子也会换），美中不足就是重量，选这机器说明你有眼光，买完了你也不会后悔的</t>
  </si>
  <si>
    <t>广州大学城有电影院吗</t>
  </si>
  <si>
    <t>天河区很多，方便的当然是可以坐b25直接到达的如岗顶或者是体育中心喽，体育中心有飞扬大学城当然是科学中心的全亚洲最大IMAX</t>
  </si>
  <si>
    <t>急性肾盂肾炎严重吗</t>
  </si>
  <si>
    <t xml:space="preserve"> 急性肾盂肾炎患者在其疾病过程中可并发菌血症、肾乳头坏死性梗阻性肾病，严重者可并发休克和DIC。</t>
  </si>
  <si>
    <t>香港人考香港大学难吗</t>
  </si>
  <si>
    <t>先不说内地考香港的大学有多难，先是香港人考香港的大学，八万人也只有一万二千多能入读十所大学之一，中英数三科最为要紧。</t>
  </si>
  <si>
    <t>小孩子喝旺仔牛奶好吗</t>
  </si>
  <si>
    <t>你好，这是可以适当的喝的，也是有一定的营养，但是要注意不要过量</t>
  </si>
  <si>
    <t xml:space="preserve"> 你好，我不主张小孩子长期喝旺仔牛奶。</t>
  </si>
  <si>
    <t xml:space="preserve">   你好，这些东西毕竟是增加了添加剂，对身体多少都会有一些影响的</t>
  </si>
  <si>
    <t xml:space="preserve"> 你好，小孩喝旺仔牛奶并没有什么不好，只是喝多了，里面的糖分可能会比较多，容易造成营养过剩肥胖等一些表现，建议要适量饮用，同时适当锻炼，增强体质。</t>
  </si>
  <si>
    <t>sd敢达倒闭了吗</t>
  </si>
  <si>
    <t>SD敢达OL韩服已经停运，而且据不可靠消息说韩服在停运的同时将机体的版权退还给了BANDAI，这样国富如果要继续运营下去就必须向BANDAI交一笔不低的版权费，于是才有了如今国服的停运。</t>
  </si>
  <si>
    <t>终极一班4真的有吗</t>
  </si>
  <si>
    <t>一定会有的，不信你去百度一下终极一班4。具体说是2015年7月就出品了。</t>
  </si>
  <si>
    <t>异地可以打银行流水吗</t>
  </si>
  <si>
    <t>可以的，去银行带上身份证跟银行卡，就可以办理，也可以个人登录网上银行，自己打印流水。</t>
  </si>
  <si>
    <t>耳朵小没福气吗</t>
  </si>
  <si>
    <t>耳垂小的人是和金钱没有缘分的相，用钱犹如水冲沙。若是整只耳朵长得小而肉又薄，更没有耳垂的人，可能会在浪费或是失败下破财。要想赚进一点钱，确实不是一件易事。所以要特加留心，应培养自己对金钱的概念，提高理财能力。</t>
  </si>
  <si>
    <t>苹果可以装cad吗</t>
  </si>
  <si>
    <t>可以的。安装MAC版的就可以了。1、安装 Autodesk AutoCAD 20142、使用以下序列号安装。3、产品密码为4、安装完成后, 【断网】启动 Autodesk 产品5、点击激活,勾选同意协议之后它会告诉您,您的序列号是错误的,这时点击关闭等一会再点击激活即可。 6、在激活界面中选择“我拥有一个 Autodesk 激活码”。7、打开注册机。8、先粘贴激活界面的申请号至注册机中的 Request 中,9、点击 Generate 算出激活码,在注册机里点 Mem Patch 键否则无法激活提示注册码不正确。这条是激活的关键所在一定要算好之后先点击 Mem Patch 键否则就会提示激活码无效。10、最后复制 Activation 中的激活码至“输入激活码”栏中,并点击下一步完成激活。这样就完成了 AutoCAD 2014 产品的注册了。</t>
  </si>
  <si>
    <t>米币可以转账吗</t>
  </si>
  <si>
    <t>不能转账，你在充值的时候嘛，打上自己想要充值的米米号</t>
  </si>
  <si>
    <t>现在还可以开裤子实体店吗</t>
  </si>
  <si>
    <t>还是可以的</t>
  </si>
  <si>
    <t>证据不足能立案吗</t>
  </si>
  <si>
    <t>1，证据不足可以立案，立案侦查。2，审理到最后还是证据不足的，驳回起诉。证据不足也影响到量刑，与立不立案没什么太大的关系3，如果派出所现在说证据不足，无法立案的理由不能成立，可以向派出所所在地的公安分局监察室申诉，要求分局督促派出所收集相关证据以及具体说明不能立案的原因。#立案后证据不足怎么处理</t>
  </si>
  <si>
    <t>巨蟹男出轨后会离婚吗</t>
  </si>
  <si>
    <t>会不会为外遇离婚，不取决他的星座，而是取决于关键的两点。一，婚姻内部的感情是不是已经彻底耗尽，如果彻底没有感情了，离婚的概率会比较高，如果感情还没有完，估计很难下离婚的决定。二，要看对方的性格，如果是个比较冲动个性的人，可能头脑一热什么都不会想，如果个性比较犹豫的话，那就未必会轻易走这步。</t>
  </si>
  <si>
    <t>中国银行银行卡可以代办吗</t>
  </si>
  <si>
    <t>您好！正常情况下这种有风险的业务需要本人持身份证亲自去柜台办理的，但是如果您实在有特殊情况也是允许代办的，需要代理人带上您的证件和自己的有效身份证件去银行柜台办理，办理时工作人员会给您本人打电话核实。核实完毕就可以办理了。</t>
  </si>
  <si>
    <t>赫拉的气垫bb好用吗</t>
  </si>
  <si>
    <t>还可以的，遮瑕不错，有点偏干，你可以选个保湿点的</t>
  </si>
  <si>
    <t>妆容不错，上脸看上去皮肤很有光泽非常好，但是很容易脱妆</t>
  </si>
  <si>
    <t>澳大利亚旅游签证要面签吗</t>
  </si>
  <si>
    <t>澳大利亚驻华大使馆不要求申请人本人递交澳大利亚签证材料，也并不需要申请人本人面签。</t>
  </si>
  <si>
    <t>双立人不粘锅好用吗</t>
  </si>
  <si>
    <t>双立人不粘锅—最好用的不粘锅</t>
  </si>
  <si>
    <t>京东商城以旧换新靠谱吗</t>
  </si>
  <si>
    <t>需要只需提供以旧换新凭证、身份原件及复印件。于此同时以旧换新凭证、身份原件及复印件必须和发票证件信息完全一致。送新机的时候，把以旧换新凭证、身份复印件给送货的人就可以。</t>
  </si>
  <si>
    <t>奶粉喂养需要补充维生素d吗</t>
  </si>
  <si>
    <t>喂配方奶粉也是需要补充维生素d的，维生素d是预防佝偻病的，一般宝宝满月就可以开始补充，宝宝两个月到一岁是佝偻病的高发期，所以最好要补充。</t>
  </si>
  <si>
    <t xml:space="preserve"> 如果配方奶喂养婴儿，每天能够接受600-800毫升配方奶，没有必要特别补充维生素D。</t>
  </si>
  <si>
    <t>如果配方奶喂养婴儿过多补充维生素D，多于的维生素D有可能促使钙吸收过多，超过骨骼的利用量，会附着于肾脏等器官。所以维生素D的补充不是多多益善。</t>
  </si>
  <si>
    <t>气垫bb适合油性皮肤吗</t>
  </si>
  <si>
    <t>油性皮肤推荐使用粉底液，理由如下：两者都是常用底妆，是彩妆的第一步，用于调整肤色，使整体肤色看起来更加均匀细腻。功效的不同粉底液：具有较强的遮瑕力。对于细纹和色斑，粉底液能有效遮盖，让肌肤自然无暇;其次能有效均匀肤色，让肌肤看起来更自然，零瑕疵。BB霜：既能护肤又能遮盖细小毛孔、细纹，改善皮肤黯黄的气色。上妆速度快，延展性好。</t>
  </si>
  <si>
    <t>猎弓每次用完需要下弦吗?</t>
  </si>
  <si>
    <t>为了保存弓力，平时不用时弓应下弦。所以每次使用前都应上弦。</t>
  </si>
  <si>
    <t>不用下弦，不然的话弓片长时间维持形变状态产生疲劳会掉磅，也就是拉力衰减，弹力下降。所有的弓种里不需要下弦的只有现代复合弓</t>
  </si>
  <si>
    <t>如果你天天玩，可以不下弦，如果你偶然玩，还是下为好，长期上弦可能造成弓片掉磅。但是，经常上下弦，如果方法不对容易扭片，</t>
  </si>
  <si>
    <t>孕妇能去别人家做客吗</t>
  </si>
  <si>
    <t>要看那个地方有什么习俗了，我们这没关系的，自己朋友家随便的</t>
  </si>
  <si>
    <t>每一个地方的风俗不一样的，不过，一般不会参加丧事，喜事还是可以的</t>
  </si>
  <si>
    <t>女人可以拔罐吗</t>
  </si>
  <si>
    <t>可以拔的，一般的人都可以拔，拔火罐可以疏通经络，可以泻火去湿。</t>
  </si>
  <si>
    <t>花园战争破解了吗</t>
  </si>
  <si>
    <t>破解版有，不过你下载下来也没什么意思，又没有单人剧情，这游戏只有多人联机，需要全程联网</t>
  </si>
  <si>
    <t>花园战争没有破解版，而且游戏需购买，全程联网游玩</t>
  </si>
  <si>
    <t>有破解补丁，但是一下就被封了~而且破解出来的不能搜索全部房间，意思就是 你不能玩大部分的游戏房间，而且很快就不能玩了。LZ请尊重开发组的劳动成果~支持正版，“盗版无人权” 这是人人都知道的。</t>
  </si>
  <si>
    <t>文昌的冬天下雨多吗</t>
  </si>
  <si>
    <t>看天气预报，下周从28号开始一直到明年1月4号一直下雨，然后从1月6号开始到14号一直下雨</t>
  </si>
  <si>
    <t>风暴英雄坑钱吗</t>
  </si>
  <si>
    <t>暴雪游戏一大特点就是起步门槛比较高，但是后续消费比较合理</t>
  </si>
  <si>
    <t>风暴的英雄确实有点贵，但仔细想想也没那么坑</t>
  </si>
  <si>
    <t>美容院赚钱么</t>
  </si>
  <si>
    <t>没有人敢保证，开美容店就一定赚钱的，有的人赚了，有人赔了，要看个人的经营与运作。</t>
  </si>
  <si>
    <t>微信分身版是否安全</t>
  </si>
  <si>
    <t>很多人安装了这些分身版却不知道其中可能存在的风险，这些微信分身版无非就是通过load command动态库注入hook函数进行篡改，虽然你的手机没有越狱，但是安装了微信分身版后，你所用微信的所有信息都暴露在别人的面前了。包括获取你的微信账号密码，聊天记录等等，所有的信息。</t>
  </si>
  <si>
    <t>手机qq聊天记录删除了还能恢复吗</t>
  </si>
  <si>
    <t>可以在重新登录QQ 以后，设置&gt;聊天记录&gt;清空所有聊天记录。来删除手机上的聊天记录。 普通用户可以漫游最近7天的聊天记录到设备，QQ会员可以漫游最近30天的，超级会员用户享有漫游全体好友消息记录2年特权。</t>
  </si>
  <si>
    <t>　1）卸载了之后一般都把文件夹删除了，里面包含本地聊天记录，所以无法找回。　　2）如果是会员，可以在“菜单”—“好友与资料”—“消息管理器”中，下载聊天记（当然，前提是曾经上传过记录）。　　3）如果开启了消息记录漫游，就会解决这个问题，因为，除了在本地保存了聊天记录，在其他地方通过漫游的方式也保存了聊天记录。　　4）开启消息记录漫游的方法是：任意打开一个好友对话框，选择“消息记录”后再点击“漫游消息”，在左下方点击“消息漫游设置”，选择“漫游全部好友一个月”。若想漫游某一个好友聊天记录，则在此场景中选择“永久漫游此好友”。如号码已经设置独立密码，需要填写密码，填写后选择下一步即可。如未设置独立密码，请先设置独立密码，再进行后续操作，设置好以后，可以打开已漫游的好友对话框，点击“消息记录”，选中“漫游消息”，即可查看漫游的消息记录了，即使本地消息记录删除了也会在其他电脑或手机上看到。</t>
  </si>
  <si>
    <t>苹果手机可以充公交卡吗</t>
  </si>
  <si>
    <t>有nfc功能，并且带来了全新的Apple Pay支付服务，该功能就是借助NFC来实现的。 目前国内公交暂时没有开发这个。</t>
  </si>
  <si>
    <t>孕妇可以吃甘草杏吗</t>
  </si>
  <si>
    <t>不能吃甘草杏，不利尿易水肿。</t>
  </si>
  <si>
    <t>怀孕早期是胎儿发育的重要时期，这个时候不可以食物含有药物成分的食物，使用不当会对怀孕产生不良影响，甘草杏是加工以后的食物，按照工艺一般都有防腐剂，最好不要吃。</t>
  </si>
  <si>
    <t>乐山新村会动迁吗</t>
  </si>
  <si>
    <t>20年之内不会动迁，除非来几次楼倒倒死人了变成危房</t>
  </si>
  <si>
    <t>夫妻一个人可以购房吗</t>
  </si>
  <si>
    <t>可以以一个人的名义买房子</t>
  </si>
  <si>
    <t>金刚网纱窗防盗吗</t>
  </si>
  <si>
    <t>金刚防盗网比较好 不过价格比较高。</t>
  </si>
  <si>
    <t>用药妆好吗</t>
  </si>
  <si>
    <t>药妆不是药，而是一种专业性较强的护肤品。它主要是针对于皮肤敏感、皮肤受损、皮肤脆弱等特殊人群而研制，是一种要求非常严格、成分非常温和的护肤品。药妆的低敏要求之严格，即使是脆弱敏感肌肤都可以放心应用，正常皮肤用药妆自然也不会有任何问题。药妆成分天然安全，但是并不意味着可以盲目的滥用，药妆也是分功效、肤质的，只有选择适合自己肌肤的药妆产品才能够更好的护肤，否则只会造成肌肤的刺激伤害，使肌肤变得敏感脆弱。任何人的皮肤上都存在许多种类的皮肤常在菌，一般情况下，这些常在菌不仅不会对皮肤产生任何不良影响，而且能使皮肤形成正常的生理循环，起着防止其他细菌和霉菌繁殖入侵的作用。但如果常用药性化妆品，不仅会使致病菌产生抗药性，还会杀灭这些常在菌，给疾病治疗带来困难，甚至会出现新的感染。所以，疾病痊愈后就要停止使用药性化妆品，切勿长期使用。</t>
  </si>
  <si>
    <t>天明最后厉害吗</t>
  </si>
  <si>
    <t>天明会变强的。天明赢公孙家族的辩论赛充分证明了他的智慧。还有他非同寻常的武器。以及巨子的内功，还有一次一次的运气。最重要的是现实的激励引导着他，他对实力的追求，和对自己的信心。无一不证明他会变强</t>
  </si>
  <si>
    <t>天明最后也不会很强，退敌靠的依旧是自己的小聪明，而不是武功</t>
  </si>
  <si>
    <t>核磁有辐射吗</t>
  </si>
  <si>
    <t>核磁共振有强大的磁场，所以你不能带任何有磁性的物质进入，也不能带任何会被磁场影响的物体（如金属）进入。但是一般认为，核磁共振是不具有伤害性的。它并不产生任何放射性的辐射。</t>
  </si>
  <si>
    <t xml:space="preserve">核磁共振有辐射的影响。跟手机差不多，都是辐射的伤害，一般做磁共振对人体伤害影响不大，所以不用太担心。磁共振对人体影响不大,类似辐射的伤害,核磁的作用是不明显的,只要你不是天天照,年年照,就不会有任何副作用,没有必要佩戴严格的防护用具. </t>
  </si>
  <si>
    <t>蛀牙疼能拔吗</t>
  </si>
  <si>
    <t>牙周不疼也没肿的话是可以到医院去拔掉的</t>
  </si>
  <si>
    <t>蛀牙在牙疼的时候是不可以拔牙的，现在要先肖炎治疗的，您可以先检查一下的</t>
  </si>
  <si>
    <t xml:space="preserve"> 根据你的描述考虑牙周不疼也没肿的话是可以到医院去拔掉的#具体要看你牙齿的情况了。</t>
  </si>
  <si>
    <t>洁厕灵有毒吗</t>
  </si>
  <si>
    <t>洁厕灵”是人们常用的一种洁厕剂，其主要成分是：各种无机酸和有机酸、缓蚀剂、增稠剂、表面活性剂、香精等。一般除酸对皮肤有一定刺激和腐蚀外，其他物质对人体是安全的。因此，使用时匆与皮肤、衣物接触。一旦接触应立即用大量清水冲洗。 此外，主要成分里面的无机酸可能会挥发，因此，使用后，尽量把门关起来，远离它。一段时间后再打开通风。特别是小孩。</t>
  </si>
  <si>
    <t>宜人贷的利息高吗</t>
  </si>
  <si>
    <t>利息高不高，不是公司决定的，是个人资质决定的，最低0.78，。</t>
  </si>
  <si>
    <t>台湾可以寄手机到大陆吗</t>
  </si>
  <si>
    <t>因为最近台湾那边海关报关!厦门那边清关!手机是暂时不好寄到大陆的!其他的各种产品还是好寄的!</t>
  </si>
  <si>
    <t>负离子空气净化器有用么</t>
  </si>
  <si>
    <t>负离子空气净化器：是一种利用自身产生的负离子对空气进行净化、除尘、除味、灭菌的环境优化电器，其与传统的空气净化机的不同之处是以负离子作为作用因子，主动出击捕捉空气中的有害物质，而传统的空气净化机是风机抽风，利用滤网过滤粉尘来净化空气，称为被动吸附过滤式的净化原理，需要定期更换滤网，而负离子空气净化器则无需耗材。</t>
  </si>
  <si>
    <t>芜湖鸠兹古镇目前要门票吗</t>
  </si>
  <si>
    <t>不要钱</t>
  </si>
  <si>
    <t>yy发布的打字员兼职是真的吗</t>
  </si>
  <si>
    <t>兼职打字员都是假的，因为现在电脑普及，打字都很快，电脑打字已经成为一项非常基本的技能了，所以几乎没有人需要人打字了，网上之所以有那么多招收兼职打字的，其实都是骗子，为了骗所谓的押金的。仔细想下就明白的，真有那么高的工资，谁还上班啊，都去打字好了。这个骗局最大的漏洞就是一个公司竟然用个人账户收款。</t>
  </si>
  <si>
    <t>商业承兑汇票可以提前贴现吗</t>
  </si>
  <si>
    <t>商业承兑汇票是指银行以购买借款人未到期的商业承兑汇票的方式发放的贷款。银行办理贴现的商业承兑汇票必须是企业之间以真实的商品交易为基础而签发使用的商业票据，贴现期限一般在三个月以内，最长不超过六个月。</t>
  </si>
  <si>
    <t>龙猫能吃玉米吗</t>
  </si>
  <si>
    <t>龙猫可以吃玉米粒的，不用着急，没关系的，就当是磨牙吧。</t>
  </si>
  <si>
    <t>龙猫吃玉米=慢性自杀。即使是有玉米成分的主粮。任何玉米成分！对于龙猫来说，玉米是非常难消化的。而且玉米很容易生菌 真菌等等。 玉米是一些小厂家 非常便宜的成分 做来当填充物， 一个好的粮食 里面是不会有也不会用玉米成分。（包括玉米垫料 也是一种非常便宜的垫料 不要给龙猫或者其他小宠用， 很容易发霉生菌 导致真菌等其他菌类皮肤病）</t>
  </si>
  <si>
    <t>apple tv国内能用吗</t>
  </si>
  <si>
    <t>Apple TV 是一个类似机顶盒或高清播放器的设备，最初只在美国地区发售，提供 iTunes、互联网及本地内容服务，今年下半年开始在欧洲地区发售。因为其搭载的互联网服务（Netflix、http://MLB.tv 等）大部分不支持中国大陆地区或者对中国大陆用户没有使用价值，且 iTunes 本身并不为中国用户提供视频租赁（中国电影，中文字幕原声片等）</t>
  </si>
  <si>
    <t>该不该贷款买房</t>
  </si>
  <si>
    <t>买房该不该贷款？这个问题我们得拆分开来回答，首先，买房该不该贷款呢？好规划理财师的答案是YES！买房贷款是挣银行的钱！为什么这么说呢？我们来举个例子：假如你有100元买了房子，本来涨10%，你赚的是10元；但如果有了房贷，你又借了100元，那么你买了200块的房子，那你赚的就是20元！当然借钱是有成本的，假如借款利率是5%，100块钱你花费了5元，但最终你还是赚了15元。让你赚得更多，这就是房贷的魅力.房贷对于普通人来说有两大好处：一是承担了房产价格的一大部分压力，你可以贷出来的金额比较大；二是房贷利率是所有贷款中比较优惠的，再加上连续降息，现在房贷利率只有4.90%了，你要是再打个9折，借款成本只有4.41%。而公积金贷款的利率更是只有3.25%~这意味你只要把贷款来的这笔钱，随便放在银行理财、国债里面，就能挣到利息差。更不说好好理财，你要每年5%~8%左右的收益是完全不难的，这样算算，贷款100万，你每年能额外赚3.59万元。请问你有什么理由不贷款买房呢？</t>
  </si>
  <si>
    <t>你好,我认为作为工资阶层的人应该是要贷款买房的,因为工资阶层的员工一般都是有住房工资金的哦,这些住房公资金是可以用来贷款的哦。但是也要看个人的经济情况了哦,如果你的经济允许的话,一次性付款肯定是比较好的哦,因为这样就不用还很多的利息。贷款时可以缓解压力的哦。希望可以帮到你哦。</t>
  </si>
  <si>
    <t>室外楼梯算占地面积吗</t>
  </si>
  <si>
    <t>按2000土建定额，室外楼梯按建筑物自然层水平投影面积计算；如果按国家2005年建筑面积规范，分两种情况：（1）有永久性顶盖的室外楼梯，按建筑物自然层水平投影面积的一半计算；（2）无永久性顶盖的室外楼梯不计算建筑面积。</t>
  </si>
  <si>
    <t>新疆枣树还有前景吗</t>
  </si>
  <si>
    <t>很有前景，一亩地种8棵枣树，结果后收入至少16000元，比种其他作物赚钱多，管理费用低，但要选好品种。</t>
  </si>
  <si>
    <t>lol铁血剑豪有特效吗</t>
  </si>
  <si>
    <t>最开始时是全特效的，剑圣模型更新后q有特效</t>
  </si>
  <si>
    <t>占星术杀人魔法好看吗</t>
  </si>
  <si>
    <t>《占星术杀人魔法》的确是一本很好看的推理小说！</t>
  </si>
  <si>
    <t>八级分销合法吗</t>
  </si>
  <si>
    <t>现在法律只允许分销控制在三级内，超过的话，是违法的。</t>
  </si>
  <si>
    <t>辞职后医保卡里的钱能取出来吗</t>
  </si>
  <si>
    <t>辞职后医保卡里的钱不能取出来，医保卡里面的钱可以用医保药品的消费。</t>
  </si>
  <si>
    <t>离职后医保卡个人部分的钱可用 ，当年住院还可报 ，跨年度就不能用了。</t>
  </si>
  <si>
    <t>买房买四楼有讲究吗</t>
  </si>
  <si>
    <t>4楼没什么的，从事房产多年，大部分客户对于8楼意见比较大，中国人传统的七上八下！</t>
  </si>
  <si>
    <t>孕7周妊娠反映减弱会不会是胎停</t>
  </si>
  <si>
    <t>怀孕后孕期症状时间长短因人而异的，有的人在整个孕期没有孕吐反应也是正常的，可以去医院做b超检查明确一下胚胎发育情况。</t>
  </si>
  <si>
    <t>qq上的小妹是真的吗</t>
  </si>
  <si>
    <t>假的，骗人的。</t>
  </si>
  <si>
    <t>不一定，人生如戏全靠演技，有可能是真的，有可能是男的有可能是大妈。</t>
  </si>
  <si>
    <t>唱吧能赚钱吗</t>
  </si>
  <si>
    <t>虽然从单个包房来看，礼物的流通量并不算大，但是基于唱吧超过 1 亿的用户量，直播间的推出，依然将为唱吧带来不小的收入。</t>
  </si>
  <si>
    <t>胶州胡长富被查了吗</t>
  </si>
  <si>
    <t>民国时期历任青岛市长_胶州胡长富辞去副市长</t>
  </si>
  <si>
    <t>中共胶州市委关于明确胡长富等同志职级</t>
  </si>
  <si>
    <t>口腔溃疡散孕妇能用吗</t>
  </si>
  <si>
    <t>口腔溃疡散的成分是青黛、白矾、冰片。由于冰片与青黛均为性寒药物，孕妇要忌服。</t>
  </si>
  <si>
    <t>汉章帝是东汉最后一个皇帝吗</t>
  </si>
  <si>
    <t>不是，是汉献帝</t>
  </si>
  <si>
    <t>砍掉头的发财树能长高吗</t>
  </si>
  <si>
    <t>你好，发财树砍了头，也是会长高的，因为根茎没受到影响！</t>
  </si>
  <si>
    <t>不同型号的对讲机能一起用</t>
  </si>
  <si>
    <t>要想不同品牌的对讲机共同使用  那就把频率设置一样就可以了， 不过要把原先用的对讲机频率读出来，然后复制到新买的对讲机或者是别的品牌机里面就可以了，要有写频线才可以！</t>
  </si>
  <si>
    <t>蕾哈娜在美国火吗</t>
  </si>
  <si>
    <t>人家在国外超火,为什么在我周围的人就没有几个认识的呢</t>
  </si>
  <si>
    <t>每天喝啤酒好吗</t>
  </si>
  <si>
    <t>如果光喝少量啤酒是没有害处的，啤酒发酵过程中产生大量氨基酸，对人身体有利，所以一直被誉为“液体面包”，且热量为零，有利于减肥。但如果过量的话，体内酒精累积过多，就容易对肝脏代谢造成负担。</t>
  </si>
  <si>
    <t>香港买aj便宜吗</t>
  </si>
  <si>
    <t>香港归来 AJ贵爆了。</t>
  </si>
  <si>
    <t>不会，因为香港的aj都给人炒贵了。</t>
  </si>
  <si>
    <t>3m胶好清理吗</t>
  </si>
  <si>
    <t>找个稍微暖和的天，慢慢的揭下来，正品的3M胶是不会有残留的，放心好了。</t>
  </si>
  <si>
    <t>车子的装饰件是用3m双面胶粘上去的，现在取下来以后有很多痕迹，用什么东西能去掉。</t>
  </si>
  <si>
    <t>M胶带有很多种，如果是正品3M汽车专用泡棉胶带，直接撕下来不会留残胶的，据我所知，市面上大量使用假冒3M胶带，撕下来有残胶很难去除的。</t>
  </si>
  <si>
    <t>苹果体验店修手机吗</t>
  </si>
  <si>
    <t>你好，首先清楚你的手机是国行，还是其他版本的。其次是否在保修期内，可以去专卖店进行维修的。是国行的话，你可以在苹果官网查询维修网点，走售后你想随便找家店的也可以，便宜可是质量及服务上面是有差别的.</t>
  </si>
  <si>
    <t>人在饿的时候会消耗脂肪吗</t>
  </si>
  <si>
    <t>饥饿的时候最开始消耗的是糖分，还不是脂肪，当糖分已经不可以达到你的身体的需要的时候，就会有脂肪转化为糖分来供给你的身体的需要。最后如果你的脂肪都没有办法满足你的身体的需要，那么就会消耗你的蛋白质，但是这样的时候你的身体状况就到了一个很不好的状态了。</t>
  </si>
  <si>
    <t>苹果6s没有软回车键吗</t>
  </si>
  <si>
    <t>有的地方就有换行键</t>
  </si>
  <si>
    <t>95516免费吗</t>
  </si>
  <si>
    <t>不免费，按市话标准收费</t>
  </si>
  <si>
    <t>手机号码归属地可以改吗</t>
  </si>
  <si>
    <t>移动省内手机号码的归属地是可以更改的</t>
  </si>
  <si>
    <t>手机号码的前三位数一般指的是通讯公司的归属，比如139是移动，131是联通之类的。而中间的4位数指的就是号码的归属地，一般同样的4位数的归属地都是一样的，不太可能把其中的一个号码更改为另外一个归属地的。</t>
  </si>
  <si>
    <t>mediacoder好用吗</t>
  </si>
  <si>
    <t>支持的格式虽多，但绝大多数都用不上，且编码器的参数设置没分类，设的时候很费劲，据说bug比较多，被称作bugcoder。</t>
  </si>
  <si>
    <t>定向增发会停牌吗</t>
  </si>
  <si>
    <t>定增需要停牌，但是定增过程不同周期停牌时间不同</t>
  </si>
  <si>
    <t>拳皇有动漫吗?</t>
  </si>
  <si>
    <t>有，不过才三集</t>
  </si>
  <si>
    <t>猫眼买票能退吗</t>
  </si>
  <si>
    <t>紫菜变紫还能吃吗</t>
  </si>
  <si>
    <t>可以啊，不过，味道就没有原来那么香了。我们在老家，要是买得多紫菜，放久了不常吃就这样。</t>
  </si>
  <si>
    <t>对于这种情况，可能是刚买回来的紫菜由于是干的，颜色较深，看起来是黑色的，现在有一些返潮，有一些褪色，颜色变淡是正常现象，这种紫菜是可以吃的，对补充营养没有影响。对于买来的紫菜，可以适当泡发，如果洗出来的水颜色很深，那就有可能是染色的，对于这种紫菜，最好不要吃2016-</t>
  </si>
  <si>
    <t>韩国是发达国家吗?</t>
  </si>
  <si>
    <t>是的，韩国现今是世界第15大经济体，中国第二。可是韩国只有5000万人口，又具有强大的军事力量，人均收入在上个世纪九十年代已经破一万美元，属于发达国家。</t>
  </si>
  <si>
    <t>黄金大劫案好看吗</t>
  </si>
  <si>
    <t>看了黄金大劫案，感觉挺好看的，比较这种含蓄的表达方式，幽默中让人思考，可是百度了下，咋有不少人说不好看，个人觉得让子弹飞不怎么好看，可网上很多人却说好看，不理解。难道我三观不正。。。。反正看了黄金大劫案，觉得挺放松也挺感人，不是那种看了没有感觉的片子。让子弹飞，感觉看的时候没感觉，看完没印象，我老婆也是这种评价。</t>
  </si>
  <si>
    <t>2015人事代理涨工资吗</t>
  </si>
  <si>
    <t>这个得看当地人才中心是属于什么性质的事业单位，然后还得看当地的相关规定</t>
  </si>
  <si>
    <t>生命密码是传销吗</t>
  </si>
  <si>
    <t>好像是传销的手法，因为销售是以拉人头赚钱的，金字塔式的经销模式就可以确定为传销，</t>
  </si>
  <si>
    <t>医社保可以退吗</t>
  </si>
  <si>
    <t>根据《社会保险法》规定，个人账户养老金是个人工作期间为退休后养老积蓄的资金，是基本养老保险待遇的重要组成部分，是国家强制提取的，退休前个人不得提前支取。因此，一般情况下，要想退掉职工养老保险，则需等到年满法定退休年龄后才能执行，具体的职工养老保险退保条件可以向当地的社保局咨询。</t>
  </si>
  <si>
    <t>普京会英语吗</t>
  </si>
  <si>
    <t>普京绝对会讲英文</t>
  </si>
  <si>
    <t>天猫可以修改价格吗</t>
  </si>
  <si>
    <t>天猫已经上架的宝贝是不支持改价的，最多只能改运费。或者使用优惠券抵扣。</t>
  </si>
  <si>
    <t>结婚户口本复印件可以吗</t>
  </si>
  <si>
    <t>办理结婚证需要用户口本原件，复印件没有用，如果没有原件，则需要开户籍证明。</t>
  </si>
  <si>
    <t>desktop可以删除吗</t>
  </si>
  <si>
    <t>desktop.ini文件属于文件夹的配置文件，用户可以删除，删除后不会影响文件夹，只是会让文件夹恢复为默认设置。另外desktop.ini文件并不是病毒文件，当然有些病毒文件可能会伪装成_desktop.ini文件，那么可能就是病毒了，大家可以使用杀毒软件查杀即可</t>
  </si>
  <si>
    <t>暗黑3数字典藏包值得买吗</t>
  </si>
  <si>
    <t>不值得</t>
  </si>
  <si>
    <t>亚航好么</t>
  </si>
  <si>
    <t>亚航是一家廉价航空公司，总的来说服务还是非常不错的，最重要的一点是价格比别的航空公司的便宜很多。晚点什么的说不准，有坐过没体验晚点的，也有经历晚点的，主要看当时的实际情况还有天气因素才可以确定的。</t>
  </si>
  <si>
    <t>亚洲航空绝对是个骗子航空公司，奉劝千万不要预订这家肮脏航空公司的机票。</t>
  </si>
  <si>
    <t>d证12分扣完了c1要学科目三了以后对学c1有影响吗</t>
  </si>
  <si>
    <t>当然有影响了</t>
  </si>
  <si>
    <t>小米手环有上下之分吗</t>
  </si>
  <si>
    <t>这个不分的，随便你怎么放都可以，放心使用 我现在小米手环2</t>
  </si>
  <si>
    <t>轮滑好玩吗</t>
  </si>
  <si>
    <t>要看个人的兴趣爱好</t>
  </si>
  <si>
    <t>薄熙来会特赦吗?</t>
  </si>
  <si>
    <t xml:space="preserve">薄熙来被定了三宗罪，其中受贿金额380万美元。380万美元，折合人民币现价，也就是2400万人民币。 </t>
  </si>
  <si>
    <t>激光洗纹身疼不疼</t>
  </si>
  <si>
    <t>激光洗纹身痛不痛还要看患者自身的状况。手术疼痛程度不仅跟接受洗纹身的医疗条件有很多关系，同时还受制于自身纹身颜色和纹身面积以及纹身年限等因素，但其疼痛是完全可以忍受的。</t>
  </si>
  <si>
    <t>网上订火车票能退票吗</t>
  </si>
  <si>
    <t>火车票退票手续费火车票退票手续费新规定实行梯次退票，网上退票手续费和其他退票方式扣费无异。</t>
  </si>
  <si>
    <t>来月经能喝姜枣茶吗</t>
  </si>
  <si>
    <t>来月经能喝姜、枣茶的，就是生姜和红枣一起煮的，煮好后最好是再放点红糖</t>
  </si>
  <si>
    <t>最好在经期不要喝红糖姜枣茶哦，可能会影响你的月经量。千万不能大意的。</t>
  </si>
  <si>
    <t>来月经期间量不多，可以喝红糖姜枣茶，有活血化瘀可以改善月经量少症状。</t>
  </si>
  <si>
    <t>孕妇可以用雅漾的护肤品吗</t>
  </si>
  <si>
    <t>其实雅漾的大部分产品都适合孕妇使用，不过在产品选择上还是要根据自身肌肤状况决定哦，所以，为了安全起见，准妈妈们还是再选择护肤品之前，现行询问医生们的意见吧。孕妇在怀孕的时候，因为身体的激素与内分泌发生了很大的变化，使得皮肤也会随着有所改变。雅漾是药妆，专门给敏感性皮肤用的，不含有任何对人体有害的物质激素，重金属之类。雅漾具有的舒缓、减少刺激特性，确保了它对敏感肌肤的安全性和耐受性。同时，雅漾低矿物含量以及独特的钙镁离子比例给皮肤带来无比温和呵护。另外，根据网友的回答，雅漾的所有配方完全公开，刺激性小，一般情况下孕妇是适宜使用的。</t>
  </si>
  <si>
    <t>桥接需要网线吗</t>
  </si>
  <si>
    <t>不需要网线连接的，只有两个路由器再信号覆盖范围内就可以的。</t>
  </si>
  <si>
    <t>网银转账属于电汇吗</t>
  </si>
  <si>
    <t>通过网银转账不是“电汇”。</t>
  </si>
  <si>
    <t>剧院魅影好看吗</t>
  </si>
  <si>
    <t>剧院魅影真的很好看</t>
  </si>
  <si>
    <t>金星要上非诚勿扰了吗</t>
  </si>
  <si>
    <t>1月4日，江苏卫视招标会上，《非诚勿扰》制片人王培杰透露：“金星与黄磊将加盟节目。</t>
  </si>
  <si>
    <t>深圳东部华侨城要门票吗</t>
  </si>
  <si>
    <t>东部华侨城景区将实行一票制，大侠谷、茶溪谷景区将不再单独售票，两园合并为一个园区，合并后的票价由原来的248元（大侠谷+茶溪谷景区联票）调整为特惠220元。</t>
  </si>
  <si>
    <t>欠下巨额赌债可以自首吗?</t>
  </si>
  <si>
    <t>自首派出所不受理，因为赌债在我国是不受法律保护的。</t>
  </si>
  <si>
    <t>ipad air支持联通4g吗</t>
  </si>
  <si>
    <t xml:space="preserve"> 支持的！新出的ipad air 4g版分两种型号！1476型号支持移动＋联通4g网络，1475型号支持电信＋联通4g网络！联通是两种型号都支持，选购时要注意你要的网络支持！也可以购买前了解下自己打算用什么运营商的网络，</t>
  </si>
  <si>
    <t>ipad air2有必要贴膜吗</t>
  </si>
  <si>
    <t>没什么必要贴膜。</t>
  </si>
  <si>
    <t>白果是杏仁吗</t>
  </si>
  <si>
    <t>白果和杏仁是两种东西.白果是银杏的果实。</t>
  </si>
  <si>
    <t>可以异地购车本地上牌吗</t>
  </si>
  <si>
    <t>可以，要有全国统一发票、出厂合格证，保险可以在上牌地买，到当地上牌那里就行了，不是当地人没有下乡补贴。</t>
  </si>
  <si>
    <t>装修对哺乳期有影响吗</t>
  </si>
  <si>
    <t>有一定的影响，刚装修的房子含有有害气体较多，能通过你的呼吸道和消化道进入体内。有害物质还能通过乳汁传到孩子体内，建议不要去环境污染严重的地方。</t>
  </si>
  <si>
    <t>中专可以参加成人高考吗</t>
  </si>
  <si>
    <t>成人高考高中(中专)生可以报高起本，难度大一些.所以你一定要同时兼报高起专，万一本科未能录取，不影响专科录取(视为第一志愿)，以后在读专科时再进行专升本。</t>
  </si>
  <si>
    <t>兽人必须死收费吗</t>
  </si>
  <si>
    <t>腾讯游戏竞技平台获得Robot正版授权，在中国大陆地区独家提供正版单机 《兽人必须死》！玩家输入手机号码抢得激活码，激活后就能体验经典正版单机《兽人必须死》！</t>
  </si>
  <si>
    <t>电脑驱动用不用更新</t>
  </si>
  <si>
    <t>电脑驱动需不需要升级，可根据自身需求决定，升级后可以得到最佳的展示效果，支持更多功能；2.如果不适合自己的电脑，会出现蓝屏、卡顿等</t>
  </si>
  <si>
    <t>小米盒子要越狱吗</t>
  </si>
  <si>
    <t>不用越狱，用手机连接电脑的方法，打开91助手或者是豌豆荚之类的都可以，前提是得给盒子通上电源，然后你在百度里面找“兔子桌面”，“我爱iTV”，“泰捷视频TV版”，之后吧上述应用用任意一助手装到盒子里，打开盒子，进入主页，双击遥控器上的“主页”，显示选项，“小米盒子”和“兔子桌面”，选择兔子桌面之后你就随便看直播，看PPS什么的，都可以，真的不用越狱，我的是上月26号到的货</t>
  </si>
  <si>
    <t>做钣金需要重新喷漆吗</t>
  </si>
  <si>
    <t>要看它的变形的程度，如果钣金之后对车漆没有伤害，可以不用做补漆的处理。</t>
  </si>
  <si>
    <t>普通质地的石头可否收藏</t>
  </si>
  <si>
    <t>只要自己喜欢,不管值不值钱都可以收藏。</t>
  </si>
  <si>
    <t>杭州城站有机场大巴吗</t>
  </si>
  <si>
    <t>机场大巴站点距离城站就700米，停靠站点的名字是“杭州站前汽车客运站”，出城站，向东北方向走大概700米，看到“机场大巴售票处”</t>
  </si>
  <si>
    <t>私立高中可以参加高考吗</t>
  </si>
  <si>
    <t>可以的，有高中三年完整学籍及符合省其他有关高考报名要求的高中毕业生即可在参加高考。</t>
  </si>
  <si>
    <t>上古世纪龙刃守护者烧钱吗</t>
  </si>
  <si>
    <t>玩不起 要好的装备和武器 不然又不能抗又不能输出</t>
  </si>
  <si>
    <t>还行，不是最土豪的职业，</t>
  </si>
  <si>
    <t>有钱玩那个都可以，没钱就随便玩那个都一样</t>
  </si>
  <si>
    <t>有没有独生女找非独男结婚的</t>
  </si>
  <si>
    <t>独生女找非独男的话，要他兄弟或父母经济条件较好才可以。这样，兄弟之间还能互相帮衬。但如果，找个普通家庭的非独男，经济压力大不说，还会分走一部分资源。这话虽然现实，但我觉得确实值得思考。</t>
  </si>
  <si>
    <t>做av男优是不是很幸福</t>
  </si>
  <si>
    <t>日本AV产业发达，大多数人会以为当男优是人生中最“性”福的差事之一，但是事实并非如此。与女优收入差距比例悬殊、超负荷工作、容易染病让少的可怜的AV男优们苦不堪言，每位AV男优的心中都有一部辛酸血泪史。</t>
  </si>
  <si>
    <t>羊肉和茄子能一起吃吗</t>
  </si>
  <si>
    <t>羊肉和茄子能一起吃羊肉炒茄子材料：长茄子2根，羊肉200g，罗勒叶5g，蒜末5g，葱末5g，小米辣2只，酱油5ml，水10ml，辣椒酱8g，糖2g，盐2g，食用油15ml做法：茄子切片，羊肉切薄片，小米辣切成辣椒碎，除食用油外的调料混合成芡汁锅烧热，加入食用油10ml，放茄子进去中火煎到变软，控油捞出再起锅，放入食用油5ml，加入蒜末、小米辣，葱末小火炒香，然后转大火加入羊肉片，爆炒羊肉片变后，加入茄子，倒入调好的调料汁，稍微煮一下加入罗勒叶出锅。</t>
  </si>
  <si>
    <t>亚洲有狮子吗</t>
  </si>
  <si>
    <t>老虎分布在亚洲,亚洲没有狮子;狮子生活在美洲和非洲 ,那里几乎没有老虎。现在除了印度的吉尔以外亚洲其它地方的狮子均已经消失,北非也不再有野生的狮子。</t>
  </si>
  <si>
    <t>锦江之星好吗</t>
  </si>
  <si>
    <t>我感觉锦江之星是快捷酒店里各方面最好的</t>
  </si>
  <si>
    <t>1,莫泰和如家的前台装修一般比锦江'花哨'2,锦江的房间设施显得更整齐统一3,价格上差不多,同样房间，锦江似乎略低一点点</t>
  </si>
  <si>
    <t>珠颈斑鸠是保护动物吗</t>
  </si>
  <si>
    <t>野生斑鸠属一般保护动物，不允许贩卖。野生斑鸠为三有保护动物，即国家保护的有益的或者有重要经济、科学研究价值的陆生野生动物，同属被保护的斑鸠有欧斑鸠、山斑鸠、灰斑鸠、珠颈斑鸠、棕斑鸠、火斑鸠等。</t>
  </si>
  <si>
    <t>不是保护动物，只是被列入国家林业局2000年8月1日发布的《国家保护的有益的或者有重要经济、科学研究价值的陆生野生动物名录》。</t>
  </si>
  <si>
    <t>微信能看最近访客吗</t>
  </si>
  <si>
    <t>微信朋友圈是没有查询访客功能的</t>
  </si>
  <si>
    <t>朋友圈根本不能查看访客记录</t>
  </si>
  <si>
    <t>电热垫有辐射吗</t>
  </si>
  <si>
    <t>普通电热毯工作时产生100－190豪高斯的电磁波辐射，而我国及世界很多发达国家环保标准规定人们居住生活的环境电磁波辐射强度不得高于2豪高斯，可见普通电热毯电磁波辐射强度已超出国家标准几十倍至100多倍</t>
  </si>
  <si>
    <t>电热垫除了存在磁场外，还存在辐射</t>
  </si>
  <si>
    <t>迅雷有下载记录吗</t>
  </si>
  <si>
    <t>1、在迅雷左侧菜单栏的“已完成”和“垃圾箱”里面可以找到下载过的历史纪录。2、如下图，是迅雷7的主界面，红色箭头标记处，左侧菜单栏，“已完成”是下载过的已经下载完成的历史纪录，即使下载文件删除了，这列表里仍然能查看下载文件的名称和地址，并且可以选择“重新下载”。</t>
  </si>
  <si>
    <t>北极熊会不会游泳</t>
  </si>
  <si>
    <t>北极熊是天生的游泳健将。</t>
  </si>
  <si>
    <t>自学编程能找到工作吗</t>
  </si>
  <si>
    <t>现在越来越多的年轻人倾向从事IT行业，很多不是科班出生的人或是没有专业基础的人想通过自学的途径走上这条道路，但大家肯定也和我当初一样有很多的困惑。</t>
  </si>
  <si>
    <t>血小板高还是低好</t>
  </si>
  <si>
    <t>应该在正常范围内才好。血小板低——易出现出血症状；血小板高——易出现高凝血现象。</t>
  </si>
  <si>
    <t>提取过公积金还能贷款</t>
  </si>
  <si>
    <t>可以贷款的，但是提取公积金之后会影响贷款额度。</t>
  </si>
  <si>
    <t>遗迹手镯能转移吗</t>
  </si>
  <si>
    <t>office2016出正式版了吗</t>
  </si>
  <si>
    <t>微软宣布将于9月22日正式发布Windows版Office 2016</t>
  </si>
  <si>
    <t>开车累吗</t>
  </si>
  <si>
    <t>一定会累。</t>
  </si>
  <si>
    <t>开车不会很累。</t>
  </si>
  <si>
    <t>一般情况，开车只要连续不超过两个小时，不会感到累的。</t>
  </si>
  <si>
    <t>空调清洗剂好用吗</t>
  </si>
  <si>
    <t>绿色环保配方，中性无刺激，高效除垢因子，快速清洁除菌，温和松木清香，无二次污染，给你的空调一场清新的革命</t>
  </si>
  <si>
    <t>全职猎人完了吗</t>
  </si>
  <si>
    <t>全职猎人应该是前年2013看的吧 ，因为这个是完结版</t>
  </si>
  <si>
    <t>饥荒联机没有地洞吗</t>
  </si>
  <si>
    <t>联机版也有洞穴但必须要装dlc巨人的统治之后在森林地区有一定几率碰到，但也不是一定会在地图上生成。</t>
  </si>
  <si>
    <t>吃中药可以吃橘子吗</t>
  </si>
  <si>
    <t>口服中药治疗的时候是可以吃橘子的。不会有影响的。建议均衡营养多吃新鲜蔬菜水果多喝水忌辛辣食物注意休息，补充多种维生素增强抵抗力</t>
  </si>
  <si>
    <t>宝生元是德国的吗</t>
  </si>
  <si>
    <t>信用卡分期付款有利息吗</t>
  </si>
  <si>
    <t>进行信用卡分期业务，是当前银行很热衷的业务。分期的期数越多，你要付出的钱也就越多。所以建议你在自己财力允许的情况下，尽量选择比较短的分期时间。可以很明确的告诉你，这300多元的手续费和利息全部都被招商银行给拿走了</t>
  </si>
  <si>
    <t>一年级大学季正式生不播吗</t>
  </si>
  <si>
    <t>湖南卫视{一年级大学季}已经开播。</t>
  </si>
  <si>
    <t>微信朋友圈可以分组吗</t>
  </si>
  <si>
    <t>苹果手机升级到ios8.0.2后，原来的微信朋友圈分组在设置-隐私里找不到了，但你可以按以下方法来设置朋友圈：依次打开“发现”--"朋友圈“，点击右上角相机图标，从相册中选中一张照片，点”完成“，就出现四个选项，依次点开其中的“谁可以看”--“部分可见”--“编辑标签”，这时就可以进行朋友圈分组编辑或新建朋友圈分组了。</t>
  </si>
  <si>
    <t>潜水表适合商务用吗</t>
  </si>
  <si>
    <t>随便什么时候带都可以，日常就是块手表</t>
  </si>
  <si>
    <t>红米2可以刷miui7吗</t>
  </si>
  <si>
    <t>MIUI 7开发版适配机型：小米2/2S、小米3、小米4、小米Note/红米以及红米Note</t>
  </si>
  <si>
    <t>前一段时间升级了7，感觉红米2 真的不适合MIUI7，卡顿比原来要明显很多，我可以接受发热，但是不能接受发热还卡顿</t>
  </si>
  <si>
    <t>暂时不可以</t>
  </si>
  <si>
    <t>买社保有用吗</t>
  </si>
  <si>
    <t>没单位的要自己交全额，这个真不好说，有单位的社保肯定是划算的，大部分的钱由单位出了。</t>
  </si>
  <si>
    <t>6.2盗贼好玩吗</t>
  </si>
  <si>
    <t>盗贼在6.2版本中也是起伏不定的一个职业，时上时下，其实盗贼的玩法更时候pvp系统吧，不过在某段时间他都是副本近战的标杆,然后就没有然后了</t>
  </si>
  <si>
    <t>孕妇能用碳酸氢钠洗液么</t>
  </si>
  <si>
    <t>那看阴道里有豆腐渣样的白带，那应该用小苏打水直接冲洗阴道内就行的，这样可以把病理性白带冲洗干净的，这样不会影响到宝宝的</t>
  </si>
  <si>
    <t>如果是孕期出现的阴道炎，跟据你的描述，考虑是霉菌性阴道炎的表现，这种疾病是孕期常见的并发症，不建议你自己使用药物治疗，因为，你本身就有炎症，而炎症会导致你的阴道，羊膜组织变脆易破，而如果你自己操作不当，会导致胎膜早破，会危机孩子的生命的所以不建议你自行用药。</t>
  </si>
  <si>
    <t>建议怀孕期间最好不要乱用药，尤其内服药物，可以在医生的指导下，用外用药试试。平时多喝水，多吃水果，经常吃点VC也行，少吃辛辣有刺激性的食物，尤其要注意阴部卫生。</t>
  </si>
  <si>
    <t>阿司匹林能去痘吗</t>
  </si>
  <si>
    <t>阿司匹林是可以祛痘的。痘痘是由于皮肤油脂分泌过多，导致毛孔堵塞引起的。阿司匹林中的水杨酸有去油脂的功效，可有效对付痘痘和粉刺等。</t>
  </si>
  <si>
    <t>微信视频聊天流量大吗</t>
  </si>
  <si>
    <t>很费流量，不建议没有WiFi的情况下视频聊天。</t>
  </si>
  <si>
    <t>微信视频聊天一个小时的流量在200~400M之间，这个跟网速有关，网速快，画面流畅，流量就大，否则画面卡的时候，流量就小一点。所以不是一个固定值。</t>
  </si>
  <si>
    <t>妈 我不要孩子可以吗</t>
  </si>
  <si>
    <t>想生就生，不想生就不生，结婚也不逼我。</t>
  </si>
  <si>
    <t>可以呀，你觉得幸福快乐即可。</t>
  </si>
  <si>
    <t>妈回答：“可以呀，你觉得幸福快乐即可。”</t>
  </si>
  <si>
    <t>奥迪a4l能播放视频吗</t>
  </si>
  <si>
    <t>奥迪A4L2.0T 舒适型SD卡可以播放视频，支持AVI的格式。</t>
  </si>
  <si>
    <t>csol不花钱能玩吗</t>
  </si>
  <si>
    <t>其实现在玩csol根本就不用充钱的，只是需要时间</t>
  </si>
  <si>
    <t>玩生化，不花钱没法玩，就算你有技术，龙炮，电锯，雷神生化三大神器。</t>
  </si>
  <si>
    <t>台湾买衣服便宜吗</t>
  </si>
  <si>
    <t>有高的地方，也有低的。</t>
  </si>
  <si>
    <t>有子宫肌瘤可以做试管婴儿</t>
  </si>
  <si>
    <t>患者有子宫肌瘤的话，建议患者还是不要做试管婴儿，因为子宫当中含有的肌瘤那么我们应该首先先去治疗子宫肌瘤，比较严重还会切除子宫，所以与胎儿就会有一定的影响，所以不能够去采用试管婴儿。</t>
  </si>
  <si>
    <t>卡卡寿梅子能减肥吗</t>
  </si>
  <si>
    <t>吃过 蛮好吃的 越胖的人瘦的越快 会加快消化 也排宿便。</t>
  </si>
  <si>
    <t>这要看人的体质，有快的有慢的。</t>
  </si>
  <si>
    <t>国家领导人上网吗</t>
  </si>
  <si>
    <t>习近平19日在京主持召开网络安全和信息化工作座谈会并发表重要讲话。习近平指出，网民来自老百姓，老百姓上了网，民意也就上了网。群众在哪儿，我们的领导干部就要到哪儿去。各级党政机关和领导干部要学会通过网络走群众路线，经常上网看看，了解群众所思所愿。</t>
  </si>
  <si>
    <t>吃芹菜杀精吗</t>
  </si>
  <si>
    <t>芹菜能提高男性性功能的说法是不科学的。芹菜不但不能‘助性’，而且多吃还会杀伤精子#芹菜是含钠蔬菜,但含钠量不高,不致抵销降高血压药效。吃芹菜也会使男人的精子数减少,从而降低男性生育力,对此心存芥蒂的男性还是少吃芹菜为妙。#芹菜有杀精作用。因为多吃芹菜会抑制睾丸酮的生成，从而有杀精作用，会减少精子数量。</t>
  </si>
  <si>
    <t>不管产地是哪里的芹菜，不管是芹菜叶还是芹菜叶柄，芹菜素含量的数量级仅为0.01%。以常食用的芹菜叶柄计算，表格中给出的芹菜素含量的平均值为0.021%，即平均起来1kg芹菜叶柄所含的芹菜素仅为0.21g。一位体重60kg的男子每天须吃掉140多斤的芹菜叶柄才能达到实验中给出的低剂量标准！这样的实验能说明吃芹菜会影响精子的生成吗？#芹菜杀精只是一条小道花边消息而已。</t>
  </si>
  <si>
    <t>地暖可以铺木地板吗</t>
  </si>
  <si>
    <t>常用的木地板有三类：实木复合地板、强化木地板、实木地板。 有关专家认为：选择地热地板，应根据地热采暖方式的特殊性来决定：适应冷热反复变换和利于热传导</t>
  </si>
  <si>
    <t>apple watch 有辐射吗</t>
  </si>
  <si>
    <t>电子产品产生的辐射都是普通的非电离辐射，这种辐射如果不是特别高的强度的话，对人体是没有任何，一丁点的影响的。很明显，这种小手表小手机什么的，不可能会产生超强度的辐射</t>
  </si>
  <si>
    <t>4级行会boss爆率书吗</t>
  </si>
  <si>
    <t>行会BOSS是可以打到书或者装备的</t>
  </si>
  <si>
    <t>便携式导航改成嵌入的有吗</t>
  </si>
  <si>
    <t>有AV in接口就能！没有就不行。</t>
  </si>
  <si>
    <t>联通欠费影响信用吗</t>
  </si>
  <si>
    <t>机号码实名制登记欠费停机3个月，如没有缴费欠费会影响个人信誉，身份证就会进入黑名单。</t>
  </si>
  <si>
    <t>硬卧代硬座好不好</t>
  </si>
  <si>
    <t>比硬座好，上面都木有人的，乘务员不管的话可以爬上去睡</t>
  </si>
  <si>
    <t>我坐过！太难受了！！就是把硬卧最下一层改成硬座坐三个人！上面还是卧铺</t>
  </si>
  <si>
    <t>坐过好难受！</t>
  </si>
  <si>
    <t>坐过哈哈哈哈超级爽 人少的话可以躺着！！</t>
  </si>
  <si>
    <t>莲雾贵吗</t>
  </si>
  <si>
    <t>新品台湾黑珍珠莲雾40元一斤(4到5个)。最顶级的莲雾——黑金刚莲雾，42元一斤。一般莲雾的价钱要30块左右。不过有些地方可能卖10元一斤，也有15元或者20元一斤的，具体价格还是得看莲雾的品质以及各个地区的消费水平哦。</t>
  </si>
  <si>
    <t>租车安全吗</t>
  </si>
  <si>
    <t>看是长期租还是短期租车了。如果是短期租车还可以，长期租车的多是不好的，是属于融资，很不安全，之前在的租车公司就倒闭了，坑了一大批人</t>
  </si>
  <si>
    <t>牛奶和豆浆可以一起吃吗</t>
  </si>
  <si>
    <t>牛奶和豆浆的营养不仅不会叠加而损失，反而会因为互补而加强</t>
  </si>
  <si>
    <t>tct检查能查出hpv吗</t>
  </si>
  <si>
    <t xml:space="preserve"> TCT有一定的机率能检查出HPV病毒，因为只有HPV病毒感染一段时间并造成细胞明显改变的时候，还要宫颈细胞采集到了异常细胞，还要检测者够细心才可能检测出来。但直接检测HPV病毒，可以查载量可以查高危低危，很直观的。不能说TCT检查没见HPV就没有病毒感染。</t>
  </si>
  <si>
    <t>流程图属于概念图吗</t>
  </si>
  <si>
    <t>这样要看流程图前面几个字了，只有前面几个字才能给这个图下最后的定义。如果这个流程图是虚拟的,而且表述的内容也是概念间的联系或链接，那么这就属于概念图，假如这个图是某项工作的具体表现或者是某项工作的实际操作过程，则这项就不算概念图而是实际的工作图。</t>
  </si>
  <si>
    <t>运费险换货可以用运费险吗</t>
  </si>
  <si>
    <t>灭魂辅助好用吗</t>
  </si>
  <si>
    <t>非常垃圾，付完款就不管你了，而且经常更新，然后以各种理由收费，买个永久版没用几天就用不了了 让我在花500买其他的 谁买谁傻 问点啥几个小时回一句。</t>
  </si>
  <si>
    <t>例假可以吃橙子吗</t>
  </si>
  <si>
    <t>经期适量吃一些橙子是不会有所影响的，不过如果是在冬天吃橙子可将橙子温水加热后一下食用比较好，而且橙子对于女性来说也是非常不错的美容水果，橙子中丰富的维生素C能够起到抑制黑色素的形成，从而起到美白皮肤的功效。橙子中所散发出的气味还有助于女性克服紧张情绪。</t>
  </si>
  <si>
    <t>该不该相信命运</t>
  </si>
  <si>
    <t>命运是由无数个选择组成，掌握了选择权就掌握了命运</t>
  </si>
  <si>
    <t>吉克隽逸好看吗</t>
  </si>
  <si>
    <t>每个人的审美都不同，但是如果一件事物本身就是美好的，那它就一定是美好的，对于东方女性来说，皮肤白的女生一般大家都觉得好看 ，相反觉得女生皮肤黑会很丑，但是这些对于吉克隽逸来说，这恰恰相反！</t>
  </si>
  <si>
    <t>天猫买床可靠吗</t>
  </si>
  <si>
    <t>买过床，定做半个多月才发的货，不过质量还不错，比店里便宜一千多</t>
  </si>
  <si>
    <t>千万不要在淘宝买家具!</t>
  </si>
  <si>
    <t>天津中宝制药是直销吗</t>
  </si>
  <si>
    <t>天津中宝是一家合法的直销国企，填补国内市场空白特别好做</t>
  </si>
  <si>
    <t>剑三亲传弟子能收徒吗</t>
  </si>
  <si>
    <t>剑三里面徒弟分普通徒弟和亲传徒弟。。普通徒弟就是一到90就解出关系。。。亲传徒弟就是你们双方不解出 就一直存在的关系。。。而2者关系都可以从1级就开始拜！做了亲传徒弟以后就只能收10个普通徒弟了。。。。除非你和师傅解出亲传关系，，然后去新手镇找NPC去转化你自己的身份。。把自己的亲传徒弟身份变成亲传师傅。。。这样就可以收亲传徒弟了。。。。注意  这样的转化身份。。。。剑三规定只能转化一次。。。。所以。。。。你如果好现在的师傅关系好。。。就别转了。。。。收10个普通徒弟也不错的。。。。反正加好友以后一起玩都一样的！亲传就多了一些好处。。还有每天可以互啦3次！！！！望采纳！！</t>
  </si>
  <si>
    <t>行车记录仪带导航的好吗</t>
  </si>
  <si>
    <t>专一的好，多功能不伦不类</t>
  </si>
  <si>
    <t>经期可以喝花茶吗</t>
  </si>
  <si>
    <t>女人经期可以适量喝花茶，适量喝不会对月经造成影响。</t>
  </si>
  <si>
    <t>cpu插座可以换吗</t>
  </si>
  <si>
    <t>CPU座子是可以换的，但不知道你是怎么判断座子坏了。找芯片级电脑店就会，一般以销售为主的电脑，是没有硬件维修的能力的</t>
  </si>
  <si>
    <t>CPU座下面的叫CPU插座，不可以换，因为主板集成，还有就算换了，主板上的总线也很难和CPU同步</t>
  </si>
  <si>
    <t>儿童可以吃纳豆吗</t>
  </si>
  <si>
    <t>小孩不要吃，是变异食品，而且其功能只是各种广告上吹的，并无科学依据。</t>
  </si>
  <si>
    <t>最好不要吃，因为纳豆是对三高人群有好处的。</t>
  </si>
  <si>
    <t>lol有卡人挂吗</t>
  </si>
  <si>
    <t>无限卡，飘逸，一大团立马就卡，无限重连，网络一点问题都没有，打团就卡，不打不卡，表示无力吐槽，玩过dota的玩家都懂得，卡人挂，卡飞你，这游戏应该也有吧</t>
  </si>
  <si>
    <t>朗动毛病多吗</t>
  </si>
  <si>
    <t>北京现代朗动无论是外观还是内饰的设计都很赞，特别剃须刀型的中控，实在是将流体雕塑做到极致。性价比高，功能实用，油耗低，外形也漂亮。 转向比较灵活，轮胎抓地力也很好。</t>
  </si>
  <si>
    <t>尿酸400多算高吗</t>
  </si>
  <si>
    <t>血尿酸430-500umol/L称为尿酸临界偏高，血尿酸≥500umol/L，单纯性尿酸升高，无痛风症状者称高尿酸血症。</t>
  </si>
  <si>
    <t>坦克世界费流量吗</t>
  </si>
  <si>
    <t>我一个小时才玩了几局就用了600MB，前天玩一个小时才是200mb，有人说玩3个小时也就100mb左右，我为什么用那么多</t>
  </si>
  <si>
    <t>移动4G一局大概10兆左右，</t>
  </si>
  <si>
    <t>子宫内膜厚需要治疗吗</t>
  </si>
  <si>
    <t>子宫内膜增厚典型症状就会有月经量多经期延长如果没有症状可以动态观察。</t>
  </si>
  <si>
    <t>动脉瘤开颅手术后遗证能恢复</t>
  </si>
  <si>
    <t>术后出现脑梗是动脉瘤术后的一种常见并发症。脑梗的治疗需要长期的康复以及时间。  如果过了术后的水肿期，然后经过积极的治疗，一般在半年左右半年内都能往好的方向发展。关键是要积极的治疗以及康复治疗，还有功能锻炼。</t>
  </si>
  <si>
    <t>utv能上路吗</t>
  </si>
  <si>
    <t>理论上不行。因为在中国，国家暂时没有法律法规允许沙滩车上路上牌，目录里面没有这个车种（参见《中华人民共和国机动车驾驶证管理办法》），也不属于残疾人车，而且这个车很明显属于四轮机动车，所以无法像电动自行车那样钻空子上路。</t>
  </si>
  <si>
    <t>澳洲版的iphone 6 能否支持移动4g</t>
  </si>
  <si>
    <t>澳洲版苹果6，支持移动+联通234G，在中国可以使用。</t>
  </si>
  <si>
    <t>可以是移动2G网络，但无法使用3／4G网络。澳洲版phone6 3/4G网络制式为WCDMA／FDD－LTE。中国移动3/4G网络制式为TD－SCDMA／TDD－LTE。由于两网络无法兼容所有无法使用。</t>
  </si>
  <si>
    <t>可以的，Model A1586 \Model A1524 这2个澳洲版是支持移动4G的,其他版本均只支持联通4G。</t>
  </si>
  <si>
    <t>战舰少女果敢好用吗</t>
  </si>
  <si>
    <t>好用，72一发沉战巡以下。</t>
  </si>
  <si>
    <t>不好</t>
  </si>
  <si>
    <t>好用好用，如果铝多的话。</t>
  </si>
  <si>
    <t>提新车要看日子吗</t>
  </si>
  <si>
    <t>严重需要！！！！！！！！！！提车那天手机日历上写“宜交易”，可是擦挂不断，车子没开到半年就出了车祸，两个车修了一万多。同事开车比我快，每次都能化险为夷，同事说就算他速度快，对方也能踩停，不撞上去。同事就是看了日子的啊</t>
  </si>
  <si>
    <t>如果信这个，就可以看。说个难听的哈，既然这么喜欢看日子，那结婚肯定也是看了的，还不是离婚了，有什么用？</t>
  </si>
  <si>
    <t>不老女婴死了吗</t>
  </si>
  <si>
    <t>布鲁克已经在上个礼拜离开了人世</t>
  </si>
  <si>
    <t>在2013年10月不老女婴布鲁克离奇死亡</t>
  </si>
  <si>
    <t>不老女婴去世年仅20岁</t>
  </si>
  <si>
    <t>绰号“不老女婴”的20岁美国女孩布鲁克·格林伯格，2013年10月离开了人世</t>
  </si>
  <si>
    <t>怪物猎人 锤子牛吗</t>
  </si>
  <si>
    <t>跟手法有关，锤子输出还是一角的高，不过锤子比较吃肉质。</t>
  </si>
  <si>
    <t>网上能查个人信用记录吗</t>
  </si>
  <si>
    <t>可以的，网上能查个人信用记录。</t>
  </si>
  <si>
    <t>mackeeper是病毒吗</t>
  </si>
  <si>
    <t>MacKeeper 是个在国外臭名昭著的垃圾软件.</t>
  </si>
  <si>
    <t>劲酒有保质期吗</t>
  </si>
  <si>
    <t xml:space="preserve">酒精度高于30度的酒，本身就有防腐功能，基本是不需要标准保质期的。 </t>
  </si>
  <si>
    <t>劲酒本身的保质期是两年，劲酒是低度酒，而且添加了有关药材，如果瓶盖没开封，而且储藏条件好的话，应该还是能够保存长一点时间的，不过建议不要超过5年，一般只有高度白酒，而且要求密封条件好的，才可以长期储藏的。</t>
  </si>
  <si>
    <t>三七能空腹吃吗</t>
  </si>
  <si>
    <t>三七粉是可以空腹服用的</t>
  </si>
  <si>
    <t>开庭后发现新证据还可以申请法院调取吗</t>
  </si>
  <si>
    <t>根据刑事诉讼法第一百九十二条的规定，法庭审理过程中，当事人和辩护人、诉讼代理人有权申请通知新的证人到庭，调取新的物证，申请重新鉴定或者勘验。在一审庭审中，一旦当事人提出此类申请，通常会导致案件延期审理，进而影响审判集中进行，因此，法庭需要对申请的明确性和必要性进行审查。</t>
  </si>
  <si>
    <t>淘宝账号能贷款吗</t>
  </si>
  <si>
    <t>有些软件平台是提供淘宝账号申请贷款的</t>
  </si>
  <si>
    <t>化脂酵素有用吗</t>
  </si>
  <si>
    <t>的任何减肥药都是有副作用而且还会反弹，还很可能造成易胖难瘦的体质。建议不要使用任何的减肥药，减肥没有捷径，想要减肥平时可以少食多餐，每顿只吃七分饱，多吃水果蔬菜等低热量食物，多喝水，适量吃一点肉，均衡饮食和营养，喝些维她茶、决明子茶、荷叶茶、桃花茶等天然茶品，最好做一些有氧的运动比如快走、站墙根、游泳等。</t>
  </si>
  <si>
    <t>谷歌浏览器可以截图吗</t>
  </si>
  <si>
    <t>现在很多浏览器中都带有截图功能，谷歌浏览器中也是如此，不过第一次使用谷歌浏览器的用户还需要安装一个截图插件才行。</t>
  </si>
  <si>
    <t>停薪留职是否需购买社保</t>
  </si>
  <si>
    <t>停薪留职协议书的内容有： 在停薪留职期间，企业停发工资、奖金、各种津贴和补贴，停止享受劳保福利等待遇</t>
  </si>
  <si>
    <t>复明片对眼睛有害处吗</t>
  </si>
  <si>
    <t xml:space="preserve">  复明片是一种中成药，对白内障具有一定的治疗作用，但里面有关木通的成分，关木通对肾脏具有一定的损害。</t>
  </si>
  <si>
    <t>商业贷款能取公积金吗</t>
  </si>
  <si>
    <t>商业贷款购房后，可以提取公积金用于还贷。</t>
  </si>
  <si>
    <t>相宜本草面膜好吗</t>
  </si>
  <si>
    <t>相宜本草的睡眠面膜分类还是比较多， 绿茶，白茶，红石榴，水白晶等。 根据你自己的肤质进行选择吧， 油性皮肤不适合红石榴。 因为这个面膜特油。 其他的三个都不是很油， 一般肤质就用水白晶吧， 很好用，性价比很高。</t>
  </si>
  <si>
    <t>相宜本草黑茶男士控油泥面膜是挺清爽的，不过好像有酒精，用着有点刺激，很适合夏季使用，使用于那些中毒油腻肌肤的GG们，控油效果确实不赖。</t>
  </si>
  <si>
    <t>卤牛肉有营养吗</t>
  </si>
  <si>
    <t>牛肉含有丰富的蛋白质，其氨基酸的组成和存在方式，比猪肉更接近于人体需要。牛肉中大量的亮氨酸、异亮氨酸和缬氨酸等，能帮助人体产生热量，给肌肉提供能量，促进身体组织修复。吃牛肉，长牛劲，可以说，牛肉是增加肌力，保持活力的最佳肉类食物。同时，牛肉中还富含维生素B6、B12，以及铁、锌、镁等多种有益成份。多吃牛肉，可以暖胃御寒，强健筋骨，提高身体的抗病能力。</t>
  </si>
  <si>
    <t>狮子座说冷静想想就是分手吗</t>
  </si>
  <si>
    <t>我觉得快要分手了把，任何一个男的说这种话不就是分手的前兆么？无关星座啊，姑娘。</t>
  </si>
  <si>
    <t>不一定，可能在考虑要不要继续，或者考虑如何跟你相处下去或者沟通</t>
  </si>
  <si>
    <t>12306可以电话退票吗</t>
  </si>
  <si>
    <t>目前12306是不能通过电话退票，</t>
  </si>
  <si>
    <t>过山车大亨3好玩吗</t>
  </si>
  <si>
    <t>个人认为水上乐园好玩 除了原来过山车版本建造的游乐设施外 里面多了些建造水上池子的设施 游客可以在水中敬请的嬉戏 游泳 滑水</t>
  </si>
  <si>
    <t>对方车辆逆行导致对方出车祸并且死亡交警判定我方有责任对吗</t>
  </si>
  <si>
    <t>具体情况要具体分析，如违反规定上了禁止货车通行路段和违反单向通行路段在本案当中的责任是不一样的，要看交警队事故责任怎么认定</t>
  </si>
  <si>
    <t>首先，机动车在道路上行驶，应当遵守相关交通规则，你的机动车在右转弯时，应当优先让行直行车辆和其他非机动车辆，其次，电动车存在逆行的行为。另外，还要看事故发生时电动车是否存在闯红灯的行为，综合各因素，事故责任可能划分为主（你）次（电动车）责任。事故发生后，请及时报警，最终事故责任以公安交警部门的认定为准，对事故认定不服，可以提起行政复议或者行政诉讼。</t>
  </si>
  <si>
    <t>给10010发短信要钱吗</t>
  </si>
  <si>
    <t>1、联通用户发送短信到10010无需收费；2、联通用户在国内（不含港澳台）直拨10010客服热线免收通信费用，且通话时长不计入套餐包内时长。</t>
  </si>
  <si>
    <t>固态硬盘效果明显吗</t>
  </si>
  <si>
    <t>安装固态硬盘后，进入系统速度会大幅提升，当然系统得装到固态上</t>
  </si>
  <si>
    <t>139邮箱安全吗</t>
  </si>
  <si>
    <t>安全，就目前而言，大多数人在使用，且是信得过的邮箱站点、#139邮箱在登录过程中，已经采用了https协议，保证您的帐号、密码信息不会在登录过程中被窃取。如果您对安全有更高要求，请设置“https安全访问”模式。这样，您在139邮箱的所有操作、与服务器的所有数据传输，都会加密传送，受到https的安全保护。#其实真正最安全的邮箱是139邮箱</t>
  </si>
  <si>
    <t>邮政储蓄短信提醒花钱吗</t>
  </si>
  <si>
    <t>这个业务是收费的 包月3元每月 包年30每年 包月免费赠送一个月 包年免费赠送两个月</t>
  </si>
  <si>
    <t>属羊的人适合养狗吗</t>
  </si>
  <si>
    <t>生肖羊能养狗</t>
  </si>
  <si>
    <t>不能养狗。羊象征着吉祥如意。狗仗人势，狗急跳墙，狗胆包天。这些成语说明狗从来都是反面的丑恶形象。狗很不吉利。养狗必然带来灾祸。</t>
  </si>
  <si>
    <t>因人而议异。</t>
  </si>
  <si>
    <t>狗跟羊相刑，说的是指人与人之间的事情。</t>
  </si>
  <si>
    <t>薯片孕妇能吃吗</t>
  </si>
  <si>
    <t>可以吃，但是要控制少吃，因为薯片是油炸膨化食品。</t>
  </si>
  <si>
    <t>小区地下车位能卖吗</t>
  </si>
  <si>
    <t>有产权证的地下车位能买卖</t>
  </si>
  <si>
    <t>淘宝上拍卖会是真的吗</t>
  </si>
  <si>
    <t>我是淘宝老手了 应该这样说吧 你可以从卖家的信用度和好评度入手</t>
  </si>
  <si>
    <t>6s和6 手机壳有区别吗</t>
  </si>
  <si>
    <t>由于iPhone 6s机身厚度比iPhone 6增加了0.2mm，只是机身略重一点点，而其它尺寸方面则完全相同。因此，通过测试，绝大多数的iPhone 6的保护壳也能适用iPhone 6s，只是部分手机壳安装后，会稍微紧一些。</t>
  </si>
  <si>
    <t>苹果系统9.0可以刷回8.4吗</t>
  </si>
  <si>
    <t>苹果系统9.0可以刷回8.4，【点击下载】或直接通过PP助手电脑版【固件下载】功能下载相应机型的iOS8.4固件</t>
  </si>
  <si>
    <t>仙女山还有雪吗</t>
  </si>
  <si>
    <t>仙女山在2月10号下了一场大雪的！这个冬季仙女山的雪很少，而且应该马上就不下雪了。</t>
  </si>
  <si>
    <t>台式电脑可以用360wifi吗</t>
  </si>
  <si>
    <t>纯朝东的房子好不好</t>
  </si>
  <si>
    <t>您好，其实房屋的朝向最好的朝向是东南方向：从夏季来看，白天长夜晚短，最炎热的时间不是中午而是下午2时左右，早上的阳光虽然很充足，但并不是最热。东南向的房子比朝南的房子少遭西晒，西晒的房子比不受西晒的房子温度要高2-3度。从冬季来看，白天短夜晚长，东南房屋接受光照的时间最早、最长，易于早些解除夜里的寒意。因此 朝西方向的房子采暖是最差的，其次是西南朝向的房子，最好的朝向是东南向。</t>
  </si>
  <si>
    <t>尿酸高能吃火锅吗</t>
  </si>
  <si>
    <t>尿酸高患者吃火锅后会引起尿酸快速升高，可能导致痛风性关节炎，影响身体健康。</t>
  </si>
  <si>
    <t>苯佐卡因药店有没有</t>
  </si>
  <si>
    <t>你好，根据你的描述，这个药在全国各个大的药店都可以买到，实在不行可以去医院</t>
  </si>
  <si>
    <t>管制刀具可以收藏吗</t>
  </si>
  <si>
    <t>　收藏不违法，只有携带、走私才涉嫌违法</t>
  </si>
  <si>
    <t>二个月未见胎心有必要等么</t>
  </si>
  <si>
    <t>考虑如70天彩超检查没有胎心说明胚胎没发育好需要清宫处理</t>
  </si>
  <si>
    <t>怀孕二个月检查没有胎心的现象，也不排除胚胎发育不良的现象，和孕酮有关系的</t>
  </si>
  <si>
    <t>星球大战7和前几部有联系吗</t>
  </si>
  <si>
    <t>和之前的联系并不是很大，讲的是30年后的事情了。会有一点点穿插！</t>
  </si>
  <si>
    <t>西伍服饰好吗</t>
  </si>
  <si>
    <t>福利不好。新人工资比老员工高。员工流动性大。</t>
  </si>
  <si>
    <t>轻度抑郁症能治疗吗 寻医问药网</t>
  </si>
  <si>
    <t>答案是肯定的额，只要每天保持良好的心态，是没有什么疾病能难倒我们的，相信希望就在前方，调节好自己的心态，抑郁症就会自己消失了</t>
  </si>
  <si>
    <t>运动鞋可以用洗衣机洗</t>
  </si>
  <si>
    <t>贵重的鞋子绝对不要放进去洗衣机洗</t>
  </si>
  <si>
    <t>圣诞老人是不是真的</t>
  </si>
  <si>
    <t>没有，圣诞老人的传说在数千年前的斯堪的纳维亚半岛出现</t>
  </si>
  <si>
    <t>韦小宝真实存在吗</t>
  </si>
  <si>
    <t>韦小宝是个虚构的小说人物</t>
  </si>
  <si>
    <t>床尾对窗户好吗</t>
  </si>
  <si>
    <t>床尾正对窗户确实不是太好。从风水角度上讲，床尾正对窗户有送出之意，有不太好的寓意。</t>
  </si>
  <si>
    <t>银行背债可行吗</t>
  </si>
  <si>
    <t>不真实，不建议操作</t>
  </si>
  <si>
    <t>长城机油有假货吗</t>
  </si>
  <si>
    <t>假货横行的时代</t>
  </si>
  <si>
    <t>咳嗽可以喝海带汤吗</t>
  </si>
  <si>
    <t>海带具有软坚化痰的作用是可以吃的。多吃会更好</t>
  </si>
  <si>
    <t>可以吃的海带的营养价值很高，富含蛋白质、脂肪、碳 水化合物、膳食纤维、钙、磷、铁、胡萝卜素 、维生素B1、维生素B2、烟酸以及碘等多种微 量元素</t>
  </si>
  <si>
    <t>宋茜尼坤公开恋情了吗</t>
  </si>
  <si>
    <t>没有，宋茜躲尼坤都来不及</t>
  </si>
  <si>
    <t>wii过时了吗</t>
  </si>
  <si>
    <t>作为主机，Wii 确实过时了。</t>
  </si>
  <si>
    <t>从市场和技术的角度看wii确实过时了，</t>
  </si>
  <si>
    <t>新鲜桑叶能泡水喝吗</t>
  </si>
  <si>
    <t xml:space="preserve">  你好，目前的症状表现，考虑还是干的为好，新鲜也可以使用的</t>
  </si>
  <si>
    <t>您好，不可以的，因为桑叶毕竟入药，性甘苦而寒，润肺止咳，平抑肝阳，清肝明目，性味必然有它的偏性。</t>
  </si>
  <si>
    <t>新鲜的桑叶是可以泡水喝的，只是要注意有没有打过药。</t>
  </si>
  <si>
    <t>小产权房交房产税吗</t>
  </si>
  <si>
    <t>所谓“小产权”是指在农民集体土地上建设的房屋,未缴纳土地出让金等费用,其产权证不是由国家房管部门颁发,而是由乡**或村**颁发,所以叫做“乡产权”,又叫“小产权”。乡镇**发证的所谓小产权房产,实际上没有真正的产权。这种房没有国家发的土地使用证和预售许可证,购房合同国土房管局也不会给予备案。所谓产权证也不是真正合法有效的产权证,所以过户是不用交税的。</t>
  </si>
  <si>
    <t>苹果id密码忘了刷机可以吗</t>
  </si>
  <si>
    <t>目前忘记apple id密码暂时只有以下三个解决办法，只有找回原id密码才可以激活的。三个办法依次从推荐，靠自己：找苹果官方：找第三方维修店：</t>
  </si>
  <si>
    <t>apple id密码遗忘后刷机会导致手机无法激活，如果ID只是密码遗忘，可以在apple id页面进行邮箱和安全密码验证后重置密码。</t>
  </si>
  <si>
    <t>007幽灵党适合儿童看吗</t>
  </si>
  <si>
    <t>本周共上映了8部电影，妈妈评审团认为《007》有较多的暴力血腥镜头和部分性暗示场景，适合13岁以上的观众观看。</t>
  </si>
  <si>
    <t>孕妇可以喝决明子吗</t>
  </si>
  <si>
    <t>不可以。孕妇最好不要喝决明子，尤其是不建议在怀孕早期或有出血等现象时服用。因为决明子有“主渲泻”的副作用，喝了不仅对孕妇自身健康有影响，严重情况下还可能会诱发胎儿早产！孕妈妈一定要注意了！</t>
  </si>
  <si>
    <t>底盘装甲真的有用吗</t>
  </si>
  <si>
    <t>我们常说的“底盘装甲”是一种通俗叫法，它的学名是“防撞防锈隔音底漆”，一种特殊的弹性胶质材料，将它喷涂在底盘上（一般厚度为2-4mm）然后自然固结后形成的底盘保护层。</t>
  </si>
  <si>
    <t>lumia1520支持4g吗?</t>
  </si>
  <si>
    <t>【PConine 资讯】14日凌晨，微软向Windows Phone开发者预览版设备用户推送了新的更新，此次更新的版本号为8.10.14203.306。本次更新最重要的内容便是对部分机型开启了对4G网络的支持，包括Lumia 1520、Lumia 1020及Lumia 930国行版本，这下部分国行Lumia手机也能使用4G网络了。</t>
  </si>
  <si>
    <t>胃炎能运动吗</t>
  </si>
  <si>
    <t>有胃病的人不适合做剧烈的运动，会加重胃的负担，引起胃部不适。但可以进行强度较低的运动，例如气功、太极拳、步行、慢跑、骑自行车等，可以促进血液循环，帮助胃肠蠕动、消除压力。</t>
  </si>
  <si>
    <t>盐藻的功效是真实的吗</t>
  </si>
  <si>
    <t>电视广告夸大成分太大，不太可信，理性判断，不过盐藻的真实作用可以的</t>
  </si>
  <si>
    <t>血管堵塞严重吗</t>
  </si>
  <si>
    <t>这个要看是哪里的血管堵塞，心血管堵塞有可能导致心肌梗死，脑血管堵塞会导致脑梗死，偏瘫等。</t>
  </si>
  <si>
    <t>王爷刷q币真的假的</t>
  </si>
  <si>
    <t>假的,骗人流量而已,</t>
  </si>
  <si>
    <t>公积金能还商业贷款吗</t>
  </si>
  <si>
    <t>公积金是绝对可以提取出来还商业贷款的，每年一次，个别地方连租房都可以用公积金来付房租。</t>
  </si>
  <si>
    <t>公积金冲还商业贷款是个人住房贷款成立以后,借款人用本市公积金账户的资金冲还本市贷款的一种业务行为。但冲还贷款得具备以下条件:购买本市具有权的自住房；主贷人及配偶无其他公积金贷款债务和冲还贷业务；所办理贷款业务的银行有冲还贷业务。</t>
  </si>
  <si>
    <t>工程设计费可以抵扣吗</t>
  </si>
  <si>
    <t>2016年5月1日全面营改增后，在建工程设计费，只要是增值税一般纳税人取得增值税专用发票，且该在建工程用于增值税应税项目，取得的增值税进项税额可以抵扣。</t>
  </si>
  <si>
    <t>公司的在建工程如果不属于 《固定资产分类与代码》(GB/T14885-1994)中前2位代码为01(土地)、02(房屋)、03(构筑物),且不以建筑物或者构筑物为载体的附属设备和配套设施,其进项税额可以抵扣,否则不能抵扣,认证了,也要进项转出。</t>
  </si>
  <si>
    <t>博雅豪庭好不好</t>
  </si>
  <si>
    <t>博雅豪庭不错呢。文化路那边，谭鑫培那边的新楼盘都不错。都是小高层。环境都在往那边发展。</t>
  </si>
  <si>
    <t>2016一建教材会改版吗</t>
  </si>
  <si>
    <t>一建教材是三年一大改，每年小改，到2017年是要大改一次的，每年的教材是不一样的，但是15年和16年教材也不会差太多的.</t>
  </si>
  <si>
    <t>红米note3好不好</t>
  </si>
  <si>
    <t>相对该机的配置而言，可谓性价比十足，虽然它的屏幕和相机表现稍微有些差强人意，但全金属机身和大容量电池却相当诱人，同时还有指纹识别加持，所以，如果打算购买一款千元机，那么红米note3值得拥有。</t>
  </si>
  <si>
    <t>我自己的感受，wf信号差，非常差，如果只用流量每天500MB有时候还不够 申明我不看片不打游戏，幸好我们这里有种日租卡流量特便宜要不这手机买的起用不起我的是全网通高配版，直接颠覆了我对小米的认知</t>
  </si>
  <si>
    <t>断流（包括数据）、漏接电话、通话时对方听不到声音，这还是全网通高配</t>
  </si>
  <si>
    <t>我买了个红米N0te3月了1个月不到就坏了，寄过去维修没修好又寄回来了反反复复维修五次，最后直接俢都不修又寄回来了要求换也不给换，直接给个差评垃圾厂家</t>
  </si>
  <si>
    <t>新车需要做镀膜吗</t>
  </si>
  <si>
    <t>用不着吧 因为是新的</t>
  </si>
  <si>
    <t>根据经济和行驶环境来定</t>
  </si>
  <si>
    <t>成都的美女多吗</t>
  </si>
  <si>
    <t>多，成都和重庆都是西部地区美女最多的城市了。</t>
  </si>
  <si>
    <t>在成都待了一个月，没有觉得美女特别多，皮肤大多比较白个子矮这倒是真的。</t>
  </si>
  <si>
    <t>有时候有美女，有时候没有。</t>
  </si>
  <si>
    <t>酒可以上高铁吗</t>
  </si>
  <si>
    <t>乘坐火车的旅客不能携带散装白酒乘车，旅客只能携带封闭好的瓶装白酒，并且携带的数量上限为六瓶装的一箱，但是白酒的度数如果高于50度，旅客只能携带两瓶乘车。</t>
  </si>
  <si>
    <t>坐高铁不可以带散装白酒，坐高铁不可以带散装白酒目前，铁路部门并未明文规定说坐高铁不可以带白酒。所以旅客是可以适量携带白酒的，但是！散装酒是不可以携带乘车的，旅客可以携带封存完好的瓶装白酒上车。另外，乘客不能直接携带超过100毫升的酒精。并且在数量上也限制了只能携带20瓶酒。</t>
  </si>
  <si>
    <t>敲肚子能减肥吗</t>
  </si>
  <si>
    <t>我们在敲打肚子的时候会给我们的身体带来一种震动，这个震动会产生类似于在跑步时的效果，简单一点来说就是会让我们的身体开始发热，燃烧脂肪。所以呢我们就可以轻轻松松的减肥了。</t>
  </si>
  <si>
    <t>360随身wifi mac能用吗</t>
  </si>
  <si>
    <t>360随身wifi驱动Mac版是Mac os平台上的一款软件驱动，安装此软件之就可以在Mac os平台上运行360wifi,非常的方便使用。</t>
  </si>
  <si>
    <t>无套口叫会传染艾滋吗</t>
  </si>
  <si>
    <t>你好，艾滋病通过血液，性，母婴传播，其它途径不传播</t>
  </si>
  <si>
    <t>真的有福尔摩斯吗</t>
  </si>
  <si>
    <t>夏洛克·福尔摩斯，又译作歇洛克·福尔摩斯，是由19世纪末的英国侦探小说家阿瑟·柯南·道尔爵士所塑造的一个才华横溢的侦探形象。夏洛克·福尔摩斯的原型是柯南·道尔自己见习于爱丁堡皇家医院时所认识的的一名善于观察的老师约瑟夫·贝尔，但福尔摩斯身上的品性、性情与柯南·道尔本人的却密不可分。是虚构的人物。</t>
  </si>
  <si>
    <t>dudu osun 好用吗</t>
  </si>
  <si>
    <t>Dudu Osun是专业制造非洲传统的手工黑香皂品牌，它的产品的所有材料都来自热带雨林和草原地区的纯天然植物，不含有任何添加剂，颇受市场的欢迎，这款Dudu Osun黑香皂配方独特，采用乳木果油、天然蜂蜜、芦荟、柑橘汁和紫木构成，可滋养并修复受损的肌肤，有助于治愈长期的湿疹，痤疮，粉刺，雀斑，黑点。</t>
  </si>
  <si>
    <t>夹腿会导致处女膜破裂</t>
  </si>
  <si>
    <t>不会的。这个一般是由于过度的大幅度的运动才可以导致其破裂的。这个夹腿是不会的。</t>
  </si>
  <si>
    <t>联想y400能换显卡吗</t>
  </si>
  <si>
    <t>Y400不能更换显卡，但可以联系客服看能不出加装双显卡，Y410可以将光驱位，更换成另一个显卡，组建SLI，另外也可以外接显卡使用。</t>
  </si>
  <si>
    <t>宝马有前驱车吗</t>
  </si>
  <si>
    <t>有前驱啊。比如宝马3系</t>
  </si>
  <si>
    <t>七雄争霸火云血麟是永久的吗</t>
  </si>
  <si>
    <t>永久的，没有时间限制</t>
  </si>
  <si>
    <t>黑曜石有放射性吗</t>
  </si>
  <si>
    <t>黑曜石就是天然火山玻璃，玻璃自然对人体无害。</t>
  </si>
  <si>
    <t>学历到底重不重要</t>
  </si>
  <si>
    <t>光提升学历，不提升自己的工作技能和业务能力也不行</t>
  </si>
  <si>
    <t>港澳通行证过期换证号码会变吗</t>
  </si>
  <si>
    <t>港澳通行证过期,换证后号码会变。证件号码要等到省制证的环节时才能出来，所以大概在前台受理后约1周向出入境部门索取你的新证号码。</t>
  </si>
  <si>
    <t>胡萝卜养胃吗</t>
  </si>
  <si>
    <t>胡萝卜：增强抵抗力，养胃。胡萝卜中丰富的胡萝卜素能转化成维生素A，能明目养神，增强抵抗力，防治呼吸道疾病。胡萝卜素属脂溶性，和肉一起炖最合适，味道也更好</t>
  </si>
  <si>
    <t>cfa大学生可以考吗</t>
  </si>
  <si>
    <t>可以考。本科生在毕业前的18个月可以考。即大三最后一学期就可以报考。</t>
  </si>
  <si>
    <t>三星手机自己能刷机吗</t>
  </si>
  <si>
    <t>三星手机自己能刷机。</t>
  </si>
  <si>
    <t>儿童可以吃榴莲吗</t>
  </si>
  <si>
    <t>两岁以上的小孩是可以吃榴莲的，不要太担心，平时可以多吃新鲜的瓜果蔬菜，但是一定要注意卫生，小儿的肠道不是吸收不是特别好，尽量不要吃冰凉的食物，</t>
  </si>
  <si>
    <t>退休人员有车补吗</t>
  </si>
  <si>
    <t>车改补贴是针对在职人员因工外出的车贴,退休后不在职在岗了,所以不能再享受补贴了</t>
  </si>
  <si>
    <t>怀孕9个月可以坐火车吗</t>
  </si>
  <si>
    <t>别累着，累着容易导致早产，带足吃食有家人陪同的话路上注意安全是可以坐的。</t>
  </si>
  <si>
    <t>最好不要坐长途火车。因为孕妇不宜久坐，孕妇坐不得超过1个小时的车，对胎儿不好。</t>
  </si>
  <si>
    <t>在孕晚期,准妈妈的生理反射会慢,而且最小的撞击会引起摇动或者是激动,都有可能导致子宫收缩。因此孕晚期最好不要做长途旅行,容易诱发早产。</t>
  </si>
  <si>
    <t>怀孕晚期是可以坐火车的，但建议先检查一下胎儿情况，另外如果胎盘位置偏低的话建议不要坐火车了，容易早产。</t>
  </si>
  <si>
    <t>孕妇tsh0.47对胎儿有影响吗</t>
  </si>
  <si>
    <t>不会的，我们人体本身也有调节能力的，建议你口服优甲乐，半片开始，半月后复查</t>
  </si>
  <si>
    <t>现在艾滋病假阳性多吗?</t>
  </si>
  <si>
    <t>这种区别是需要依靠医院的抽血化验检查的，如果有症状并化验检查是阳性就是真的艾滋病，如果化验检查是阴性，有症状也是假的艾滋病。</t>
  </si>
  <si>
    <t>当艾滋病病毒进入人体后人体的免疫系统会进行正常的反应任何病毒感染的早期都会有各种各样的类似感冒的症状发生例如：发热、皮疹、关节酸痛、肠胃反应等等值得注意的是这种反应不仅仅是艾滋病独有而是任何病毒感染人体都有可能出现的现象。</t>
  </si>
  <si>
    <t>双色球杀号有用吗</t>
  </si>
  <si>
    <t>在双色球杀号的方法使用上，好多彩民，一直在使用绝杀公式杀号，但是，使用很多期发现了一个问题，每期都会有误杀号，甚至杀三个，两个都是错误，经过长时间对双色球公式杀号数据的监测，经过了一个小小的调整，再和双色球开奖结果对比，杀号的准确率更高了。</t>
  </si>
  <si>
    <t>兴业中学好吗</t>
  </si>
  <si>
    <t>上海兴业中学校风好，教学质量高！</t>
  </si>
  <si>
    <t>gta5正版可以换存档吗</t>
  </si>
  <si>
    <t>2016年元旦假期高速免费吗</t>
  </si>
  <si>
    <t>2016年元旦高速公路是照常要收费、没有免过路费的。</t>
  </si>
  <si>
    <t>美亚圣诞节有打折吗</t>
  </si>
  <si>
    <t xml:space="preserve">美国亚马逊圣诞节有打折，因为这是主要节日。 </t>
  </si>
  <si>
    <t>手机丢了支付宝安全吗</t>
  </si>
  <si>
    <t>当手机不慎丢失后，以下三种情况出现时极易导致密码被破解：1、在没有进行实名身份验证时，支付宝登录密码容易被破解。2、在没有进行手机短信验证时，支付宝账户和淘宝账户登录密码容易被破解。3、在没有设置密保问题时，支付宝支付密码会被破解。此外，绑定的银行卡卡号泄露，支付宝支付密码同样容易被破解。用户可通过绑定实名身份证和设置密保问题来加强账户资金安全，同时亦要防止个人身份证号、密保问题、银行卡卡号等信息泄露</t>
  </si>
  <si>
    <t>胰腺癌会误诊吗</t>
  </si>
  <si>
    <t>首先是因为胰腺癌早期症状不典型，有些患者仅仅表现为食欲不振或体重下降，有些病人会出现腹痛、背痛，但有时病人往往很难描述，疼痛部位也不典型，有时会误诊为胃炎、胆囊炎等。</t>
  </si>
  <si>
    <t>生化需要坐月子吗</t>
  </si>
  <si>
    <t>您好。生化妊娠之后一般不需要像坐月子那样，一个月内不能出门，不能洗澡等。这种情况只是需要多注意休息和保暖，注意饮食上适当加强营养，做好定期复查。一般是不会影响到正常的生活和工作的。身体恢复好之后，建议间隔半年再考虑怀孕为好。再次怀孕之前，最好双方都全面的检查一下身体，利于优生优育，避免类似情况再次发生。</t>
  </si>
  <si>
    <t>北冥龙君好用吗</t>
  </si>
  <si>
    <t>最实用的还是龙马和孔雀，龙君不怎么行。</t>
  </si>
  <si>
    <t>月子米酒是醪糟吗</t>
  </si>
  <si>
    <t>月子米酒主要是用糯米和山泉水为原料酿制而成的，味道醇香美味</t>
  </si>
  <si>
    <t>主卧卫生间要不要</t>
  </si>
  <si>
    <t>主要看你家庭的人员数，如果是三口之家是没有太大必要的。可以修改为衣帽间。如果是三世同堂，则最好还是准备2个卫生间好啦~</t>
  </si>
  <si>
    <t>全民枪战十连抽必的骑士吗</t>
  </si>
  <si>
    <t>一般的游戏都遵循以下定律：你越想得到的东西，就越难得到。</t>
  </si>
  <si>
    <t>华为高科是培训机构吗</t>
  </si>
  <si>
    <t>华为高科和华为根本就没关系，就是名字取的像，就是培训机构。</t>
  </si>
  <si>
    <t>林希微有没有变节</t>
  </si>
  <si>
    <t>电视剧中说，康sir把她安排在庞言廷身边调查他，但是在调查过程中林希微发现庞言廷对她很好，于是爱上他了，女人为了爱情可以不顾一切，所以变节了，但是庞言廷只是利用林希微，把100亿的芯片安插在林希微的背上的纹身里面，所以一直以来对林希微很好，林希微一直代替那四位“宋先生集团”威胁覃欢喜</t>
  </si>
  <si>
    <t>a股有t0操作么</t>
  </si>
  <si>
    <t>T+0操作有正向操作和反向操作两种方法.1.正向操作:要是自己手中有某个股票.一只个股,已经很熟悉,并且手中还持有,但因为种种原因没有满仓操作,手中还有米,这时这个个股又已下跌,根据分时走势,跌幅基本到位,那你可以买入手中原有相同的股数(不同也可以).买入之后,它上涨了,又达到了获利的要求,为了保证资金安全或考虑第二天还有可能回到原位,此时你就可以卖出手中原有的股数.2.反向操作:一支个股,受利好刺激往上涨,但涨到一定高度,就滞涨了,如果有能力预见到此股后市要下跌,可以卖出手中的股票.到了尾市果然不出所料跌了有2%以上(跌得幅度越大,对T+0来说获利越多),此时如果认为该股是主力震仓,明天有可能还要上涨,此时就可以及时买入.这样保持了原有的仓位,避免了踏空的危险</t>
  </si>
  <si>
    <t>震动减肥仪有效吗</t>
  </si>
  <si>
    <t>这个没有用的。减肥的问题，一般来讲需要积极控制饮食和加强锻炼的</t>
  </si>
  <si>
    <t>金钟国真的付款了吗</t>
  </si>
  <si>
    <t>对，钟国刷的卡。看花絮貌似给了1300W韩元，将近7W1人民币。</t>
  </si>
  <si>
    <t>增高药是真的吗</t>
  </si>
  <si>
    <t>人体的身高很大程度是由于先天的因素所决定的，后天因素只占到很少的一部分。一般成人后，如果骨骺完全闭合后，身高不再增加，所谓的药物增高也没有科学道理。</t>
  </si>
  <si>
    <t>炉石传说id可以重复吗</t>
  </si>
  <si>
    <t>可以重复</t>
  </si>
  <si>
    <t>养老保险转移只能转个人缴纳的部分吗</t>
  </si>
  <si>
    <t>社保转移只转个人账户部分</t>
  </si>
  <si>
    <t>拆线可以换医院吗</t>
  </si>
  <si>
    <t>拆线在医疗过程中属于非常普通也非常简单的一个操作所以这种操作没有难度，完全可以去有这个能力的任何医院拆线。</t>
  </si>
  <si>
    <t>差旅费属于管理费用吗</t>
  </si>
  <si>
    <t>差旅费不属于什么会计科目，但可以用某些会计科目下的明细进行核算，属于什么性质的人员报销的费用就划分什么科目。</t>
  </si>
  <si>
    <t>差旅费一般计入管理费用，</t>
  </si>
  <si>
    <t>先兆流产可以泡脚吗</t>
  </si>
  <si>
    <t>不能泡脚，泡脚可以增加血液循环，有活血的作用，可以增加流产的几率。</t>
  </si>
  <si>
    <t>胃炎可以运动吗</t>
  </si>
  <si>
    <t>胃炎是可以适量运动的</t>
  </si>
  <si>
    <t>单车改装燃油机可以吗</t>
  </si>
  <si>
    <t>可以，但是安全性太低，还可能让交警扣车罚款，还不如买个摩托车或者电动车安全</t>
  </si>
  <si>
    <t>宫颈转化区1型严重吗</t>
  </si>
  <si>
    <t>转化区1型多发生在宫颈部位，多见于不典型增生的,认为是属于轻度的病变</t>
  </si>
  <si>
    <t>否</t>
  </si>
  <si>
    <t>山地车可以带上高铁吗</t>
  </si>
  <si>
    <t>现在全国铁路局都禁止自行车带上动车了</t>
  </si>
  <si>
    <t>长年吃素好吗</t>
  </si>
  <si>
    <t xml:space="preserve">吃素食的十大有益之处 1) 益寿延年。根据营养学家研究，素食者比非素食者更能长命。巴基斯坦北部的浑 匝人和墨西哥中部的印第安人，都是原始的素食主义民族，平均寿命极高。令人称羡。佛教的僧、基督教复临安息日会教友，也因素食而享高寿。 2) 体重较轻。素食者比肉食者的体重较轻，因较少不必要的赘肉之故。 3) 降低胆固醇含量。素食血液中所含的胆固醇永远比肉食者更少，血液中胆固醇含量如果太多，则往往会造成血管阻塞，成为高血压，心脏病等病症的主因。 4) 减少患癌症机会。某些研究指出，肉食与结肠癌有相当密切的关系。 5) 较无寄生虫之类。条虫及其他好几种寄生虫，都是经由受感染的肉类而辗转寄生到人体上的。 6) 减少肾脏负担。各种高等动物和人体内的废物，经由血液带至肾脏。肉食者所食用的肉类中，一旦含有动物血液时，更加重了肾脏的负担。 7) 易于储藏。植物性蛋白质通常比动物性的蛋白质更易于储存。 8) 价格低廉。植物性蛋白质比肉类便宜。 9) 合乎生态原理。生产一磅牛肉所需的土地，可生产十磅的植物性蛋白质。许多生态学家预言，人口爆炸将迫使全世界不得不吃素。 10) 富于变化。素食的家庭主妇往往发现，利用植物性蛋白质，比利用一般肉类更能烧出色香味俱佳的菜肴，而制作方法也富于变化，更能引起良好的食欲。 </t>
  </si>
  <si>
    <t>艾草可以驱蚊吗</t>
  </si>
  <si>
    <t>艾草能驱蚊，是因为它散发的一种独特的香气，是蚊虫的“克星”</t>
  </si>
  <si>
    <t>佣金确认书有法律作用吗</t>
  </si>
  <si>
    <t>不违反相关的法律法规，双方的真实意思表示，那就是有效的。</t>
  </si>
  <si>
    <t>基金扎堆的股票好吗</t>
  </si>
  <si>
    <t>基金扎堆，一般而言不算太好，行情好还可以，行情不好往往跌的比较惨。</t>
  </si>
  <si>
    <t>咳嗽可以吃干贝吗</t>
  </si>
  <si>
    <t>咳嗽可以吃干贝咳嗽是人体清除呼吸道内的分泌物或异物的保护性反射动作。虽然有其有利的一面，但剧烈长期咳嗽可导致呼吸道出血。咳嗽的原因有许多，刺激性咳嗽，炎症引起的咳嗽，需要化验血常规，做个胸片，看一下咽部有无充血，如果是炎症引起的，需要积极用抗菌素控制感染，干贝营养丰富，可以增加抵抗力，对咳嗽的恢复 有好处</t>
  </si>
  <si>
    <t>苏梅岛有没有免税店</t>
  </si>
  <si>
    <t>有的，换了登机牌后往候机厅走的那条路上有一排免税店，国际候机厅也有一个单独的免税店。</t>
  </si>
  <si>
    <t>外汇是赌博吗</t>
  </si>
  <si>
    <t>也许这个标题下的有点重，但却是中谦老师看到的真实面，在我看到的许多短线外汇交易者都是绝顶聪明的，他们的职业可能是医生、律师、法官或是企业老板，清华、北大等名校毕业的朋友也不在少数，但这些朋友往往陷入一个通病，就是太高估自己的聪明才智了！往往因为短线外汇的简易性把市场想的太简单，开始频繁的交易，并使用风险极高的倍投方式做单，这种完全没有任何技术含量的倍投无疑就是在赌博！也许短时间内能够尝到点甜投、甚至短时间翻了无数倍创造了神话，但最后都逃离不开亏损的宿命。原因很简单，因为他们在赌博！</t>
  </si>
  <si>
    <t>外汇和赌博在心理上有一定的相似之处 ，不过外汇可以设置止盈止损 ，合理的控制盈亏 。从法律层面来讲 ，赌博是不合法的 ，外汇在中国的法律中是空白的。</t>
  </si>
  <si>
    <t>头围9.6好顺产吗</t>
  </si>
  <si>
    <t>你好，胎儿双顶径的大小只是顺产的一个因素，只要头位正，你的骨盆条件好，9.6顺产不成问题，但什么都没绝对的，要通过试产才能知道。</t>
  </si>
  <si>
    <t>哈利波特有没有续集</t>
  </si>
  <si>
    <t>《哈利波特》系列的著名导演克里斯·哥伦布在接受媒体采访时谈到，他希望能够再次执导《哈利波特》系列电影，并欲打造精彩的电影续集</t>
  </si>
  <si>
    <t>利波特一共七部。作者罗琳已经说过不会再续了</t>
  </si>
  <si>
    <t>法律上有父债子还吗</t>
  </si>
  <si>
    <t>法律是没有父债子偿的条文，父债子还是封建社会的法制观念，在现代社会已经没有法律依据。但是，根据《继承法》第三十三条规定“ 继承遗产应当清偿被继承人依法应当缴纳的税款和债务，缴纳税款和清偿债务以他的遗产实际价值为限。超过遗产实际价值部分，继承人自愿偿还的不在此限。”这条的意思是，被继承人有债务的，应当用他的遗产偿还，如果遗产不足以清偿的，继承人不必偿还。但现实生活是复杂的，继承人继承财产时，可能并不清楚被继承人有多少债务，也许要过几年后，债权人才会来要求继承人偿还，这时，继承人应该拿出证据来证明自己继承了那些财产及其价值。</t>
  </si>
  <si>
    <t>动车票可以用户口本买吗</t>
  </si>
  <si>
    <t>　户口本可以购买火车票</t>
  </si>
  <si>
    <t>梦幻西游月卡武器很厉害吗?</t>
  </si>
  <si>
    <t>梦幻西游月卡送的武器属性相对较好，武器总伤还可以。</t>
  </si>
  <si>
    <t>到底有没有歼23</t>
  </si>
  <si>
    <t>目前没有，因为官方也没公布，歼-20和歼-31是目前我国最新的正在研发中的战斗机。</t>
  </si>
  <si>
    <t>兰博基尼能上高速吗</t>
  </si>
  <si>
    <t>当然能跑它本身就是公路跑车</t>
  </si>
  <si>
    <t>2016元旦限号吗</t>
  </si>
  <si>
    <t>元旦假期不限行 高速不免费</t>
  </si>
  <si>
    <t>神采好玩吗</t>
  </si>
  <si>
    <t>神采太好玩了</t>
  </si>
  <si>
    <t>带头大哥777是骗子吗</t>
  </si>
  <si>
    <t>关于带头大哥777，就是早些年被人们唾弃的江湖骗子，现在沦为靠卖光碟为生</t>
  </si>
  <si>
    <t>凉皮里有明矾吗</t>
  </si>
  <si>
    <t>视情况而定，有黑作坊跟正规作坊</t>
  </si>
  <si>
    <t>神庙逃亡能跑到头吗</t>
  </si>
  <si>
    <t>逃离神庙的道路是没有终点的，也就是不能逃出神庙。</t>
  </si>
  <si>
    <t>能在京东商城开店吗</t>
  </si>
  <si>
    <t>京东商城暂不接受未取得国家商标总局颁发的商标注册证或商标受理通知书的境外品牌的开店申请</t>
  </si>
  <si>
    <t>慢性盆腔炎可以治愈吗</t>
  </si>
  <si>
    <t>慢性盆腔炎只要正规,规范的治疗是可以治愈的,慢性盆腔炎多是因为急性盆腔炎未彻底治疗所致,盆腔炎容易被忽视,此病容易导致不孕,所以要引起重视.我院针对急慢性盆腔炎的发病特点,采用高新技术,运用祖国传统医学辨证施治,结合多功能盆腔治疗仪,波姆光治疗仪,中药灌肠等,用腹腔灌注手段,配合独特的中药方剂,促进盆腔局部的血液循环,改善组织的营养状态,提高局部的新陈代谢,促进炎症的吸收和消退.其临床效果显著,给盆腔炎患者开辟了一条高效,快速,安全的治疗途径.祝您早日康复!</t>
  </si>
  <si>
    <t>皮肤暗黄穿酒红色好看吗</t>
  </si>
  <si>
    <t>皮肤暗黄的女人就穿酒红色，显白气质佳提升女人味</t>
  </si>
  <si>
    <t>模特可以做女朋友吗</t>
  </si>
  <si>
    <t>可以，但是如果一般的条件是镇不住的，最近网上就很多有关王皓老婆因上台与人跳舞而受不了的新闻，模特这个职业诱惑太多了。</t>
  </si>
  <si>
    <t>孕早期能去电影院看电影吗</t>
  </si>
  <si>
    <t>怀孕一般来说不要劳累等就可以了，看电影一般问题不大，可以去看。</t>
  </si>
  <si>
    <t>卡号判断是否是信用卡</t>
  </si>
  <si>
    <t>通过卡号判断的话，一般信用卡都是16位卡号，借记卡都是19位卡号；但是像中信、招行等银行也发行了16位卡号的借记卡和理财卡，所以仅仅从卡号上比较难判断是信用卡还是借记卡。</t>
  </si>
  <si>
    <t>樟脑丸致癌吗</t>
  </si>
  <si>
    <t>樟脑丸长期使用有致癌风险</t>
  </si>
  <si>
    <t>团购需要网银吗</t>
  </si>
  <si>
    <t>团购是网上支付若你在淘宝等网站,可以用支付宝;若你在拍拍网购,就要用财付通账户用支付宝付款,可以开通网银,也可以不开通网银;若不开通网银,就要选择快捷方式付款,邮政淘宝绿卡\建行龙卡通\中行淘宝卡,都可直接添加支付宝账户的,无需先开通网银的,建行龙卡通允许16周岁办理,但支付宝账户要求18周岁才可开通;18周岁,淘宝首页点击新用户注册-注册信息-手机号码,勾选同意-手机校验码-淘宝账户注册成功,同步创建支付宝账户-淘宝账户,激活支付宝.若不满18周岁,可在家人的已实名认证的支付宝账户的"账户管理"-会员信息-(最右下端的)"添加关联账户"关联你未实名认证的支付宝账户.未满18周岁,可在支付宝登录界面不实名注册支付宝账户登录你自己未实名认证的支付宝-提现-添加银行卡-所在地级市-选银行-输卡号-保存账户.将银行卡添加到你的支付宝账户也可选择支持信用卡付款的淘宝店,用信用卡直接付款(需填写本人信息,用手机验证码),也无需开通网银的</t>
  </si>
  <si>
    <t>99朵玫瑰女孩喜欢吗</t>
  </si>
  <si>
    <t>虽说送花很浪费很不值得，但是收到了还是会很开心的，女生都这样。</t>
  </si>
  <si>
    <t>没什么吧，很老套。</t>
  </si>
  <si>
    <t>吸食k粉会上瘾吗</t>
  </si>
  <si>
    <t>肯定会上瘾啊，偶尔抽烟都可以上瘾，还别说吸毒了。效果立竿见影。</t>
  </si>
  <si>
    <t>不会上瘾，你所说的瘾不过就是心瘾，不过这东西有副作用，且很大，不吸了很容易烦躁，且很常失神胡思乱想，…这些且不说，有些不良贩子为提高利润，在里面加玻璃粉，头痛散，吸多的人都知道，他大脑皮层肯定有玻璃渣子，那些是永远都弄不出来的了，为什么我知道的那么多，我吸这些足足五年了！</t>
  </si>
  <si>
    <t>居我观察，生理上不会上瘾，但心理上会上瘾。也就是说，谈不上不吸就会死的地步，但是吸的越多，人就越依赖那种感觉。</t>
  </si>
  <si>
    <t>生男孩预产期会提前吗</t>
  </si>
  <si>
    <t>大多数生男孩的产妇都会在预产期提前个十来天，甚至二十来天出生，但也不排除比预产期晚个几天。以下方法也是仅供参考，就是快出生的那个月肚子反而比前期要小那估计生男宝的概率大</t>
  </si>
  <si>
    <t>k562是什么细胞</t>
  </si>
  <si>
    <t>胸水提取培养得到的细胞系</t>
  </si>
  <si>
    <t>招财宝是阿里的吗</t>
  </si>
  <si>
    <t>招财宝是一个阿里巴巴在2014年4月份推出的一个理财产品，投资者只能是余额宝用户。</t>
  </si>
  <si>
    <t>晚上吃青菜能减肥吗</t>
  </si>
  <si>
    <t>多吃蔬菜对身体是有帮助的，晚上只吃蔬菜应该能起到一定的效果，必须坚持一段时间才会管用，最少半个月，但是早餐一定好、要吃好，午餐吃饱 ，七分饱，这样才会有用。</t>
  </si>
  <si>
    <t>月经期能喝柠檬蜂蜜水吗</t>
  </si>
  <si>
    <t>来例假可以喝蜂蜜柠檬水，月经期间忌食辛辣刺激性食物，忌吃冷饮及有活血的药物，蜂蜜加柠檬，柠檬中含有大量的维生素C,对造血是有益的，月经期内是可以吃的。不喝冰的牛奶，如果胃肠功能好，所有水果几乎都可以吃的</t>
  </si>
  <si>
    <t>qt68884是真的吗</t>
  </si>
  <si>
    <t>进去还让交99,交完钱就封号了！原来的推荐人都把你删了，不知道去哪找！</t>
  </si>
  <si>
    <t>杭州师范大学研究生好考吗</t>
  </si>
  <si>
    <t>但是由于考生所报的专业不同，不同专业之间的难度又存在着差异。</t>
  </si>
  <si>
    <t>双卡双待是不是费电</t>
  </si>
  <si>
    <t>双卡双待会多费电。</t>
  </si>
  <si>
    <t>在职研究生好考吗</t>
  </si>
  <si>
    <t>花呗能在淘宝用吗</t>
  </si>
  <si>
    <t>天猫和淘宝的大部分商户或商品都支持花呗服务。在付款时若能看到花呗服务，表示该商品支持</t>
  </si>
  <si>
    <t>sns中国能上吗</t>
  </si>
  <si>
    <t>除了那个聊天工具Kakao talk以外在中国都被禁了</t>
  </si>
  <si>
    <t>魔力宝贝玩的人多吗</t>
  </si>
  <si>
    <t>很多。各种小团体。怀旧牧羊</t>
  </si>
  <si>
    <t>纯牛奶能和鸡蛋一起吃吗</t>
  </si>
  <si>
    <t>牛奶和鸡蛋可以一起吃的。牛奶+鸡蛋的早餐搭配一直是人们认为最简单而且健康的搭配，这二者都含有丰富的蛋白质，能补充人体所必须的营养成分，因此，牛奶和鸡蛋是可以一起吃的。但要注意，一次不宜吃太多，建议每天只吃一个鸡蛋就好，以免加重肠胃负担。</t>
  </si>
  <si>
    <t>舒克牙膏好不好</t>
  </si>
  <si>
    <t xml:space="preserve"> 舒客牙膏采取的是植物配方。含有高丽红花天然活性成分，能缓解口腔病症，比如口腔异味、口臭、牙龈出血等。舒客牙膏能高效清除口腔细菌，让牙齿周围的环境变得干净，不刺激牙龈，还能有保护牙龈的作用。</t>
  </si>
  <si>
    <t>配音秀有电脑版吗</t>
  </si>
  <si>
    <t>配音秀电脑版是首款配音软件，就像电影电视上配音一样，可以为自己拍摄的视频或者选择的视频配音，至于是配成搞笑的风格还是其他风格就看自己了，欢迎大家下载配音秀电脑版。</t>
  </si>
  <si>
    <t>空中蹬自行车瘦小腿吗</t>
  </si>
  <si>
    <t>可以瘦小腿。</t>
  </si>
  <si>
    <t>江门幼儿师范办的幼师证靠谱吗</t>
  </si>
  <si>
    <t>江门幼师办理的幼儿园教师资格证由江门市江海区教育局认定，认定程序统一按照教育部的规定和流程开展，认定的教师资格证可统一在“中国教师资格网”验证，所以是国家承认的教师资格证。</t>
  </si>
  <si>
    <t>郑爽整容了吗</t>
  </si>
  <si>
    <t>沸沸扬扬的张翰郑爽分手事件，终于得到了当事人郑爽的亲口承认，日前的新剧发布会上，郑爽直言张翰已不是自己的结婚对象，并单方面公布自己已与张翰分手，分手是我单方面公布的，我们没有商量过，或许也是我不自信的地方。以前很多人说我只和他拍戏，我在工作方面的成绩不太多。而且没有工作的时候，越来越不自信，包括我去整容，我有很多负面的情绪，对方也离我越来越远。</t>
  </si>
  <si>
    <t>汉后阿胶糕是传销吗</t>
  </si>
  <si>
    <t>不是传销.传销花钱买不到实物，微商是拿钱进货，汉后阿胶糕，中国平安保险公司质保，如果检测到没有阿胶，可以找平安保险公司理赔.</t>
  </si>
  <si>
    <t>银魂德川茂茂死了吗</t>
  </si>
  <si>
    <t>死了</t>
  </si>
  <si>
    <t>beats好不好</t>
  </si>
  <si>
    <t>Beats品牌的耳机挺好的，是一款非常时尚的耳机，也是高端用户的选择。</t>
  </si>
  <si>
    <t>大家都懂的beats主打时尚外观，音质其次，明星效应。</t>
  </si>
  <si>
    <t>未婚证明委托书还要公证吗</t>
  </si>
  <si>
    <t>这种情况一般不需要做委托的,你只需要让你朋友拿着你的户口本、身份证去民政局开具未婚证明就可以了。</t>
  </si>
  <si>
    <t>热风男鞋尺码偏大吗</t>
  </si>
  <si>
    <t>是的    因为鞋子是欧码的，所以比其他鞋要大</t>
  </si>
  <si>
    <t>金刚菩提开裂正常吗</t>
  </si>
  <si>
    <t>无裂不金刚#开裂不一定是坏事儿，一是可以证明金刚不是塑胶合成的，二是可以证明金刚是活种子，而非死种子，有句话叫做，无裂不金刚，这种说法其实是非常正确的。#说起金刚的开裂确实是一件很难避免的事情，这跟金刚本身的属性有很大关系。</t>
  </si>
  <si>
    <t>开翻译公司挣钱吗</t>
  </si>
  <si>
    <t>需要人力物力的结合</t>
  </si>
  <si>
    <t>macbookair 128g够用吗</t>
  </si>
  <si>
    <t>256G比较好，128就太小了，因为苹果电脑装双系统的话，两个系统的区域是分开来的，不能互用。比如说，你划了30G给windows的话，苹果电脑就只剩下90多了，这样的话，128就肯定不够了。</t>
  </si>
  <si>
    <t>孕妇适合吃火龙果吗</t>
  </si>
  <si>
    <t>可以吃的，营养专家们也建议孕妇适量的吃些火龙果，而且火龙果基本无污染，由此看来孕妇是可以吃火龙果的。孕妇不仅可以吃火龙果，而且孕妇吃火龙果还有很多的好处。</t>
  </si>
  <si>
    <t>打狂犬疫苗期间可以吃辣吗</t>
  </si>
  <si>
    <t xml:space="preserve"> 注射疫苗期间，一般建议清淡饮食。因为部分人注射疫苗后会发热，皮疹，过敏，注射部位局部肿痛等有不良反应，辛辣刺激性食物有加重上述不良反应的可能，故一般建议清淡饮食以避免加重不良反应。结束接种疗程后一周左右可以正常饮食。</t>
  </si>
  <si>
    <t>厨房有门的墙敲掉要加固吗</t>
  </si>
  <si>
    <t>我看见图片了，1，可以拆掉门连窗，窗台部分可以拆除，窗边墙、窗顶墙及窗顶过梁不拆，不用加固；2，如果非得拆到楼板圈梁，建议找专业人员核算加固，已经拆了过梁上的墙体了，就加固吧，理论上圈梁不能用来承受上层楼板荷载及重量，不出问题是因为实际用了圈梁的承载能力。</t>
  </si>
  <si>
    <t>中国人寿保险能退吗</t>
  </si>
  <si>
    <t>中国人寿保险可以退保。投保人带上保单，身份证，银行卡，到保险公司有客服中心办理退保。</t>
  </si>
  <si>
    <t>2月6日上班吗</t>
  </si>
  <si>
    <t>2月6日（周六）、2月14日（周日）上班</t>
  </si>
  <si>
    <t>男人能吃女人的避孕药</t>
  </si>
  <si>
    <t>可以吃，但没效果。</t>
  </si>
  <si>
    <t>不可以啊，吃了也没用</t>
  </si>
  <si>
    <t>孕妇能吃鸽子肉吗</t>
  </si>
  <si>
    <t>孕妇当然是可以吃鸽子肉的</t>
  </si>
  <si>
    <t>尖锐湿疣真的治不好吗</t>
  </si>
  <si>
    <t>尖锐湿疣可以治愈的，治疗宜采用综合治疗为好，提高身体免疫力</t>
  </si>
  <si>
    <t>尖锐湿疣的复发性决定了它的难治性，病毒仍在体内，仍易复发。</t>
  </si>
  <si>
    <t>ps4游戏收费吗</t>
  </si>
  <si>
    <t>要的。一个PS4才两三千可是游戏太贵了，买完游戏也基本一两天就通关了。</t>
  </si>
  <si>
    <t>孕妇感冒了可以喝板蓝根吗</t>
  </si>
  <si>
    <t>孕妇感冒一般由于抵抗力低导致的,如果是轻度感冒,仅有喷嚏、流涕及轻度咳嗽一般不需用药,可注意休息、多喝开水</t>
  </si>
  <si>
    <t>苹果电脑可以同时登两个qq吗</t>
  </si>
  <si>
    <t>可以的，打开 QQ，然后command+n快捷键</t>
  </si>
  <si>
    <t>酒店打电话来的特殊服务安全吗</t>
  </si>
  <si>
    <t>不安全。小城市的一般酒店一般跟派出所有点联系。 你是外地人的话，八成挨抓</t>
  </si>
  <si>
    <t>肉苁蓉女人能吃吗</t>
  </si>
  <si>
    <t>肉苁蓉对于女性最大的功效就是暖宫，调理宫寒</t>
  </si>
  <si>
    <t>肉苁蓉是女人可以吃的药品</t>
  </si>
  <si>
    <t>肉苁蓉具有很高的营养价值，女性食用有很好的滋补效果</t>
  </si>
  <si>
    <t>陶瓷砂锅好吗</t>
  </si>
  <si>
    <t>归根结底，砂锅的最大好处就在于以下2点：1。密封性和温度： 容易入味以及内循环比较好，汤，羹和炖类。比如肉类容易烂一点，而豆腐之类的容易入味 2。保温性：传导热的速度慢，有些汤羹不是要喝烫的，而是要喝温的，而砂锅在这方面的效果要远远超过其他锅类。</t>
  </si>
  <si>
    <t>迁移户口需要档案吗</t>
  </si>
  <si>
    <t>不需要。目前我国的户口和档案是两个不同的管理部门，户口属于公安部门管理，档案是人事部门管理。所以迁移户口只要有户口迁移证就可以的，而迁移档案需要调档函。如果你的企业不需要你的档案，那你就只能自己找人事部门去挂靠。如果是需要档案，可以迁移，但必须有调档函。</t>
  </si>
  <si>
    <t>去美国能带话梅吗</t>
  </si>
  <si>
    <t>话梅可以</t>
  </si>
  <si>
    <t>在淘宝卖素材不侵权吧</t>
  </si>
  <si>
    <t>有可能会造成侵权，毕竟这些东西用在商业范围的话，被原创者发现搞不好会告你的。</t>
  </si>
  <si>
    <t>葡萄酒能不能带上火车</t>
  </si>
  <si>
    <t>葡萄酒度数那么低，可以放心的携带</t>
  </si>
  <si>
    <t>不能超过10公斤</t>
  </si>
  <si>
    <t>shpagf.exe 是病毒吗</t>
  </si>
  <si>
    <t>shpagf.exe不是病毒</t>
  </si>
  <si>
    <t>卷发球好用吗</t>
  </si>
  <si>
    <t>　我买的不错</t>
  </si>
  <si>
    <t>不太好用还不如电棒</t>
  </si>
  <si>
    <t>吉利远景 好不好啊</t>
  </si>
  <si>
    <t>吉利新远景，车子的操控性能，非常不错，安全性也是很高的。</t>
  </si>
  <si>
    <t>胃炎会很想睡觉吗</t>
  </si>
  <si>
    <t>胃病与嗜睡没有直接联系的，所以，嗜睡的情况不是胃病引起的。嗜睡的原因比较多，有脑血管疾病，耳道疾病，还有神经系统方面的疾病等引起，在对症治疗，与胃炎没有关系的 。</t>
  </si>
  <si>
    <t>银行从业答案可靠吗</t>
  </si>
  <si>
    <t>这个可信度比较低</t>
  </si>
  <si>
    <t>出国留学有用吗</t>
  </si>
  <si>
    <t>可以接受和国内教育体制不一样的教育方式，这对与不适应我们国内教育方式的学生来说无疑是幸福的，另外你可以增长你自己的生活阅历，了解世界不同地区的不同文化和风俗，如果能再学一门除了英语以外的语言，那就是在好不过的了，对于你以后在社会上行走找工作都是有很大帮助的。</t>
  </si>
  <si>
    <t>微盟靠谱吗</t>
  </si>
  <si>
    <t>微盟weimob--国内最大的微信公众服务平台,拥有超过10000家注册入驻企业或商家,30过个代理商,成为国内微信运营领域的引领者。</t>
  </si>
  <si>
    <t>微信里有什么好营销的，微盟就那么点垃圾功能，模块痴呆的一匹，模板看着好看，做出来难看的要命，还贼贵 ，总之，功能并不强大，只是听上去高端而已。</t>
  </si>
  <si>
    <t>孕妇能不能闻油漆味</t>
  </si>
  <si>
    <t>你好，油性味严重的话，就有可能影响怀孕的</t>
  </si>
  <si>
    <t>你好，根据你描述的情况分析，你说的情况考虑影响不大的。</t>
  </si>
  <si>
    <t>梦幻160龙f能保点卡么</t>
  </si>
  <si>
    <t>要看区的行情。比如新区50点点卡卖5W。老区就能卖到50W。所以说这都说不定的。你到节日使者那里去看看不就知道了吗？（活动，帮战时肯定要涨价的）要看是啥区，才出来的新区就很贵了，老区鬼区一点也不值钱。就像手机一样，大家都有了，不值钱的。</t>
  </si>
  <si>
    <t>阿特兹问题多吗</t>
  </si>
  <si>
    <t>阿特兹小毛病比较多的是。手机放 中控附近，来电时，会有很大的干扰音！总体阿特兹是值得入手的B级车。1  科技配置高。（前后8雷达， 换挡拨片，ISTOP  ， 能量回收等）2  油耗低。3   风阻低。  波箱反应快。 操控好。4  颜值 高</t>
  </si>
  <si>
    <t>传奇道士嗜血术厉害吗</t>
  </si>
  <si>
    <t>噬血术更能有效的袭击对方，造成令对手难以招架的伤害。而且其跨越地形躲避攻击的特性，更适合道士对地形的利用</t>
  </si>
  <si>
    <t xml:space="preserve"> 噬血术 没多大用 火雨的杀伤力 和速度 比噬血强多了</t>
  </si>
  <si>
    <t>月经前10天是安全期吗</t>
  </si>
  <si>
    <t xml:space="preserve">  一般来说，安全期在月经出现的之前7天至之后7天。</t>
  </si>
  <si>
    <t>银谷财富理财靠谱吗</t>
  </si>
  <si>
    <t>第二现在理财公司这么多，银谷是一家成立时间比较长的企业所以银谷财富还是靠谱</t>
  </si>
  <si>
    <t>这个平台是符合规范的</t>
  </si>
  <si>
    <t>不可靠，这是一个不正规的理财公司，要理财一定找正规的银行和人行批准的金融机构，而且要对理财产品多了解，不能盲目投资，以免造成更大的损失，你可以根据自己的风险偏好，选择合适的理财产品，一般正规的银行都会做理财产品风险测评，根据你的风险偏好来决定你购买理财产品，这样有保障安全。</t>
  </si>
  <si>
    <t>elle杂志好看吗</t>
  </si>
  <si>
    <t>设计简洁时髦，功能性强，很国际化。很喜欢干净的白色界面，首页别致的导航转盘设计是一大亮点，让人想起iPod的操作体验。内容方面信息量很大，内容实用性强，更新及时，阅读体验也不错。并不是简单的照搬杂志内容，其实更像是对杂志内容的一种补充。是每天都会看一眼update时尚资讯的好工具。无论是意识还是操作上在国内媒体当中都算是最优秀的之一，而且还是免费的！</t>
  </si>
  <si>
    <t>男人需要吃叶酸么</t>
  </si>
  <si>
    <t>男人往往有抽烟、喝酒的习惯，这不仅对身体有害，还容易造成很多营养素的流失。另外，男人在饮食方面偏食荤腥，而蔬菜、水果吃得较少，对身体产生不良的影响，进而影响胎儿。孩子虽然在母体中孕生，但后代的优劣很大程度上取决于受精卵的质量。因此，孕前男人吃叶酸是有必要的。</t>
  </si>
  <si>
    <t>单招需要高中毕业证吗</t>
  </si>
  <si>
    <t>单招需要高中毕业证，档案必须要有高中记录，才能从高中升大专</t>
  </si>
  <si>
    <t>不需要，单招时，还没毕业，那你也可以去问问招办。</t>
  </si>
  <si>
    <t>共享打印机需要安装驱动吗</t>
  </si>
  <si>
    <t>共享打印机中每一台电脑不需要都安装驱动，只需要其中一台就可以了。</t>
  </si>
  <si>
    <t>开淘宝店要钱么</t>
  </si>
  <si>
    <t>开通网上银行，免费注册淘宝账号，开通支付宝，申请实名认证，认证通过后发布10件产品，发完后就可以开张了，这过程中是不花钱的，得到的店铺是普通店铺，如果你想要店铺美观一点的，就得花钱买旺铺，普通用户一个月50元，开通消费者保障服务的用户是30元。</t>
  </si>
  <si>
    <t>东方财富网开户好不好</t>
  </si>
  <si>
    <t>直接下载东方财富证券软件APP就可以自助开户，10分钟就可以</t>
  </si>
  <si>
    <t>东方财富是财经资讯网站，不具备开户权限，开户是证券公司挂上去的#，东方财富证券股票开户交易太不安全太不靠谱了</t>
  </si>
  <si>
    <t>艾滋病淋巴结肿大疼吗</t>
  </si>
  <si>
    <t>HIV病毒感染后，早期的淋巴结肿大，后颈2侧各1个，能摸得到，也能看得到。没有什么不适的感觉。颈部不会疼的。</t>
  </si>
  <si>
    <t>抹茶戚风蛋糕是不是要把抹茶先融化</t>
  </si>
  <si>
    <t>抹茶粉用热水融合备用</t>
  </si>
  <si>
    <t>找小姐打飞机需要检测吗</t>
  </si>
  <si>
    <t>没有性接触一般不会感染艾滋病</t>
  </si>
  <si>
    <t>空手道可以自学吗</t>
  </si>
  <si>
    <t>再说回关于自学的问题，我并不建议初学者就开始自学，即使是有长期练习经验的人，想自学新的东西也得慎重再慎重。</t>
  </si>
  <si>
    <t>大话西游2免费版人多吗</t>
  </si>
  <si>
    <t>版里有许多现在大话经典版没有而是以前老版的一些东西，比如200环。如果你没玩过经典版，就选版吧，起码不用想着点卡问题。如果玩经典版很长时间了，会不对版的一些东西不习惯的，那就继续经典版吧。</t>
  </si>
  <si>
    <t>琅琊榜电视剧梅长苏会与郡主在一起吗</t>
  </si>
  <si>
    <t>　赤焰一案终得告结，苏宅内，蔺晨兴致勃勃，准备携梅长苏出游散心，梅长苏也觉心事已了。太子下令恢复林氏宗祠与牌位，梅长苏终得以祭拜已故亲人。前方战事烽烟乍起，急报频频传至金陵，景琰召集群臣商议对策，有大臣以兵力不足为由提议讲和，景琰则质问诸军侯有无人敢称将带兵御敌，众人纷纷推诿，景琰有意亲自带兵赶往前线。朝廷募兵，萧景睿与言豫津纷纷前去报名。梅长苏找到景琰，规劝他不得在京都不稳之时离开金陵，自己则请命前往最纷乱的北境对阵大渝，即刻遭到景琰与霓凰的反对，景琰告诉梅长苏，只要他身边的大夫肯定他身体无恙便答应他的请求。</t>
  </si>
  <si>
    <t>婴儿白斑能治好吗</t>
  </si>
  <si>
    <t>可以的，一般来说，年龄小、病程短、面积小者易治；年龄大、病程长、面积大者难治。因此，争取早期治疗，是治愈白斑的一个重要环节。</t>
  </si>
  <si>
    <t>家长发现孩子身上出现白斑后，就要多加留意了，是到专业正规的白癜风医院进行检查和治疗。以免影响孩子的心里健康。</t>
  </si>
  <si>
    <t>糖尿病人不吃药行吗</t>
  </si>
  <si>
    <t>糖尿病一般一经确诊就是需要长期服药的，平时也要注意饮食。</t>
  </si>
  <si>
    <t>如果没有不适是可以暂不用药的，可以锻炼还要注意饮食的。</t>
  </si>
  <si>
    <t>黑糖瓜子吃多了好吗</t>
  </si>
  <si>
    <t>这个会牙疼。</t>
  </si>
  <si>
    <t>正常符合国家卫生标准的黑糖瓜子不致癌，但如果是小作坊生产的三无产品，则黑糖瓜子产品质量不能保证。</t>
  </si>
  <si>
    <t>安德的游戏有没有第二部</t>
  </si>
  <si>
    <t>目前还没有第二部！</t>
  </si>
  <si>
    <t>一级恐惧好看吗</t>
  </si>
  <si>
    <t>一般般</t>
  </si>
  <si>
    <t>车贷未放款 能提车吗</t>
  </si>
  <si>
    <t>银行没放款是不能够提车的。</t>
  </si>
  <si>
    <t>气泡水是酸性还是碱性</t>
  </si>
  <si>
    <t>气泡水是一种典型的碱性水，虽然有的气泡水的PH值显示弱酸性，但是气泡水含有碳酸因子，而碳酸是呈现弱碱性的，它可以中和身体内的酸性物质，使身体保持弱碱性的状态，防止体酸的产生。</t>
  </si>
  <si>
    <t>170可以扣篮吗</t>
  </si>
  <si>
    <t>篮筐是315，170CM的人抓稳球的可能性不大，所以，起码要超出篮筐20CM才能保证基本100%成功灌篮.</t>
  </si>
  <si>
    <t>羊毛围巾掉毛吗</t>
  </si>
  <si>
    <t>羊绒围巾轻微掉毛是正常现象。</t>
  </si>
  <si>
    <t>经常梳头好不好</t>
  </si>
  <si>
    <t>梳头发是我们每天都要进行的一件事情，甚至有些爱美的女性还会随身携带梳子。事实上，梳头的是一件非常有利于身心健康的举动，是值得发扬的行为。</t>
  </si>
  <si>
    <t>谷歌浏览器需要翻墙吗</t>
  </si>
  <si>
    <t>谷歌浏览器是可以用的，谷歌的搜索有限制的</t>
  </si>
  <si>
    <t>玫瑰花有毒吗</t>
  </si>
  <si>
    <t>女人喝这样的玫瑰花茶，不但不养颜，反而是毒药</t>
  </si>
  <si>
    <t>贵宾掉毛吗</t>
  </si>
  <si>
    <t xml:space="preserve">雪纳瑞和贵宾是没有体味不掉毛的狗。适合家庭室内养。 但都是美容犬需要经常打理，修毛。 性格上雪纳瑞更独立一起，胃口也比较好，不爱挑食。一般情况下不会乱叫。 贵宾更粘人一些，娇气一点 </t>
  </si>
  <si>
    <t>贵宾犬掉毛很厉害怎么办</t>
  </si>
  <si>
    <t>蓝屏重装系统有用吗</t>
  </si>
  <si>
    <t>有可能是系统问题，重新安装就好了；有可能是硬件有问题，比如说内存条，硬盘，主板都可能造成蓝屏的。先重装系统试下。</t>
  </si>
  <si>
    <t>普宁流沙的煲仔饭的生意好吗</t>
  </si>
  <si>
    <t>好吃，味道特别好，特别喜欢</t>
  </si>
  <si>
    <t>仙羽幻境好看吗</t>
  </si>
  <si>
    <t>如果想知道淡晚的情况和丁原苏芷玉姬雪雁的结局，或者想看看丁原的儿子丁寂的风采，或者想重温那些和丁原交好的魔道朋友的嘻哈故事，《仙羽幻境》还是值得一看的。</t>
  </si>
  <si>
    <t>拿铁是牛奶吗</t>
  </si>
  <si>
    <t>拿铁是牛奶的。拿铁（latte） 在意大利语中是牛奶的意思。</t>
  </si>
  <si>
    <t>咽炎可以喝蜂蜜吗</t>
  </si>
  <si>
    <t>咽喉炎是可以适量喝蜂蜜水的，因为蜂蜜水用清热泻火，利咽喉的作用，所以可以使用的</t>
  </si>
  <si>
    <t>山地车可以上火车吗</t>
  </si>
  <si>
    <t>自行车禁止上火车！</t>
  </si>
  <si>
    <t>天津工业大学是211吗</t>
  </si>
  <si>
    <t>不是的，天津工业大学既不是211大学也不是985大学。</t>
  </si>
  <si>
    <t>闷骚男喜欢高冷女生吗</t>
  </si>
  <si>
    <t>男人有保护女人的欲望，高冷的太难以接近了</t>
  </si>
  <si>
    <t>淘宝加盟费可以退吗</t>
  </si>
  <si>
    <t>不能退的，现在这种太多了，</t>
  </si>
  <si>
    <t>要加盟费的都是不可靠的！！！</t>
  </si>
  <si>
    <t>蔡英文亲大陆吗</t>
  </si>
  <si>
    <t>蔡英文是台独的代表，之所以不说出来一是美国不让她说第二迫于大陆的强大武力</t>
  </si>
  <si>
    <t>微信会被封号吗</t>
  </si>
  <si>
    <t>微信发的内容被大量举报，如果你发的让粉丝或者朋友圈人举报，并且人数比较多的话也是可能被封的。#使用微信第三方工具进行站街、刷粉丝等，如果你使用微信一些营销工具，做得太够也一样被封号。#发布不良信息，违规，违法信息。这类100%封杀，在任何平台都是。#在微信上卖东西，和好友聊天多次使用打钱、支付宝、汇款、建行、工行、付款方式等和微信背道而驰的词语。#</t>
  </si>
  <si>
    <t>sata3支持热插拔吗</t>
  </si>
  <si>
    <t>SATA支持热插拔</t>
  </si>
  <si>
    <t>大新华航空安全吗</t>
  </si>
  <si>
    <t>一样的安全,跟其它航空公司一样安全，大新华是海南航空公司的。</t>
  </si>
  <si>
    <t>陆金所 点金计划 不续订 本金能拿回来吗</t>
  </si>
  <si>
    <t>点金计划的每一个计划有效期均为6个月，对应投资的“稳盈-安e系列”有效期为36个月，个人会员需在到期日后2天至到期日后30天内选择续订或退出点金计划；若个人会员不进行任何操作，则默认为退出点金计划。个人会员选择退出，则继续持有点金计划对应的“稳盈-安e系列”项目，享有获得的收益，或对“稳盈-安e系列”项目进行转让。（“稳盈-安e系列”具体转让规则及条件您可以登陆陆金所官网--帮助中心搜索查看。）个人会员选择续订，将产生新的点金计划并持有。如点金计划对应的“稳盈-安e系列”项目出现逾期未还款，则原点金计划将持续至还款或代偿后结算。</t>
  </si>
  <si>
    <t>50岁以上双肾囊肿可排除多囊肾吗好大夫在线</t>
  </si>
  <si>
    <t>多囊肾和肾囊肿不是一个概念。要看辅助检查。</t>
  </si>
  <si>
    <t>北京牌照能过户吗</t>
  </si>
  <si>
    <t>1、北京车照确实是不允许过户的，也就是说，买您车的人如果没有购车指标（也就是号牌），那他买您的车就上不了牌照。如果买您车的人有指标，那就可以过户了，但过户后您手里就会剩余一个购车指标（也就是号牌），如果您不再购车上北京牌照，那么这个号牌及购车指标将在6个月后作废。</t>
  </si>
  <si>
    <t>添阴道舒服吗</t>
  </si>
  <si>
    <t>两性在性爱的时候，是可以进行口交的，口交是一种很普遍的性爱方式，一般男性只是为了在前戏的时候女性可以达到很高的兴奋感或者刺激感，所以进行口交的，不过一定要注意卫生，一般只要双方健康且自愿的情况下，并且事前事后注意清洗的话，偶尔口交是可以进行的，不会对身体造成什么影响的。</t>
  </si>
  <si>
    <t>口交是很难做到卫生的，请不要这样做， 还是正常的性交方式好</t>
  </si>
  <si>
    <t>2016年雷诺espace能进入中国市场吗?</t>
  </si>
  <si>
    <t>雷诺旗下的MPV车型新一代Espace计划于2017年以进口的方式开始在国内销售。</t>
  </si>
  <si>
    <t>车行易网络是真的吗</t>
  </si>
  <si>
    <t>车行易处理违章非常地靠谱，基本上快的只需要几小时，最慢的也不超过三天，就可以代办完毕。全国各地的车主们都可以使用它来进行违章情况的查询，而查询的步骤也是相当地简单</t>
  </si>
  <si>
    <t>芦荟胶消炎吗</t>
  </si>
  <si>
    <t xml:space="preserve"> 芦荟胶是一种以“冷冻稳定法”技术从天然草本植物“芦荟”中萃取而成的产品。其纯度非常高，无毒副作用。它对割伤、擦伤、伤口溃烂手术疤痕等都有明显的辅助作用，还具有很好的消炎杀菌美容功效，使用安全可靠。</t>
  </si>
  <si>
    <t>苦瓜水减肥吗</t>
  </si>
  <si>
    <t>其实经常吃苦瓜不仅减肥还可以明目有助于身体健康，清口清肠胃。</t>
  </si>
  <si>
    <t>火车上可以带海鲜吗</t>
  </si>
  <si>
    <t>《铁路乘客运输规程》规定，乘客乘坐列车时，动物及妨碍公共卫生(包括有恶臭等异味)的物品均不得带入车内。也就是说，不管是宠物还是海鲜等，都是不能带上动车的，违反此规定者，将受到相应处罚。</t>
  </si>
  <si>
    <t>日本有计划生育吗</t>
  </si>
  <si>
    <t>没有，日本没有中国政府实施的控制人口增长的计划生育政策，</t>
  </si>
  <si>
    <t>习访美接待规格高吗</t>
  </si>
  <si>
    <t>从习大大访美看常见外交访问规格及英文表达</t>
  </si>
  <si>
    <t>蛋白虫对虾有害吗</t>
  </si>
  <si>
    <t>蛋白虫对虾有害，这个问题没有办法解决，蛋白虫是虾缸无解的难题。下凶猛的生物，吃小虾比吃蛋白虫好吃，下药，水体就崩溃了，总之虾缸基本上没办法。</t>
  </si>
  <si>
    <t>中山的房子会升值吗</t>
  </si>
  <si>
    <t>利好消息的逼近令楼盘出现不同程度的上涨，但在多名业内人士看来，所谓的涨价恐怕是“有价无市”。“中山楼市缺乏有效产业和流动人口支撑，多年来都是珠三角楼市的洼地，作为投资恐怕很难转手。</t>
  </si>
  <si>
    <t>2016年艺术生复读好吗</t>
  </si>
  <si>
    <t>这分情况而定的，有的同学复读是有用的，有的同学复读是没有用的，主要看你是为了什么而复读，你是单纯的喜欢艺术，还是因为艺术分数线低，如果你喜欢艺术，那么复读就是有用的，</t>
  </si>
  <si>
    <t>佛朗戈手表好吗</t>
  </si>
  <si>
    <t>很好，是世界级的手表，知名钟表。</t>
  </si>
  <si>
    <t>纯粹就是骗人的，破表，质量还不如地摊货，客服态度极差。</t>
  </si>
  <si>
    <t>经t管取胆结石好取吗</t>
  </si>
  <si>
    <t>至少一个半月后做纤维胆道镜检查，再视情况而定，一般胆道手术1-3月就可以拨除T管。如果复习一些手术那要放置时间长一些。T管是放到胆管上的，一部分胆汁流到肠道，一部分从T管流出体外，（流到引流袋）有胆汁流出来那是很正常的。要注意在未够时间拨T管时不能让T管脱落</t>
  </si>
  <si>
    <t>刘亦菲会讲韩语吗</t>
  </si>
  <si>
    <t>据悉，刘亦菲会说中文、英文、还有日文(她曾经出过日文专辑签过日本唱片公司)发辅篡恍诂喝磋桶单垃，她不会流利的韩文但估计会一点点，她跟宋承宪交流都是用英文，看三爱花絮就可以知道。</t>
  </si>
  <si>
    <t>给老婆口交卫生吗</t>
  </si>
  <si>
    <t>最好还是避免的</t>
  </si>
  <si>
    <t>男鸡和女猪相配吗</t>
  </si>
  <si>
    <t>鸡和猪在生肖中分别属酉和亥，十二地支中有“酉亥相害”的说法。男鸡女猪的搭配已经犯了十二属相中的“六害”，生肖鸡和生肖猪的婚姻称为“六害婚姻”。是不吉的婚配组合。</t>
  </si>
  <si>
    <t>风扇灯好不好用</t>
  </si>
  <si>
    <t>装饰吊扇多数采用优质矽钢片做成的电机，产生的电磁效应更好，且低中速是采用电容调速的比不用电容调速的更省电。冬天夏天都可用 装饰吊扇还设有正反开关。夏季，设为正向，风扇扇叶正转，风感温柔凉爽；在有空调的室内可以辅助空调机，增加冷空气流动，既减少用电量，节能环保，又可预防空调综合症。冬季，设为反向，风扇扇叶反转，可把室内上升的热气向下压，室内的人感觉不到有风，但却增加了空气流通，在有暖风机的室内，更加可以增加暖空气的对流率，使室内热气均匀温暖如春。安静、安全 由于装饰吊扇多数采用优质矽钢片做成的电机所以电机产生的噪声比普通吊扇小很多更安静，另外都采用木制叶片所以更安全。</t>
  </si>
  <si>
    <t>退出微信群有提示吗</t>
  </si>
  <si>
    <t>微信的规则已经变了,有朋友退群的时候不再显示“XXX已退出了群聊”,没有人会发现,包括群主在内,因为微信不会有任何提醒。</t>
  </si>
  <si>
    <t>宫腔镜手术要麻醉吗</t>
  </si>
  <si>
    <t>这种手术完全不需要麻醉，虽有腹部胀痛感，但完全是可忍受范围。</t>
  </si>
  <si>
    <t>一般常规的宫腔镜就不是很痛的，有十几分钟就可以了。也有打麻药的，但是这种需要单独预约，最好是和医院商量好。</t>
  </si>
  <si>
    <t>尉健行下半旗吗</t>
  </si>
  <si>
    <t>（一）中华人民共和国主席、全国人民代表大会常务委员会委员长、国务院总理、中央军事委员会主席；　　（二）中国人民政治协商会议全国委员会主席；　　（三）对中华人民共和国作出杰出贡献的人；　　（四）对世界和平或者人类进步事业作出杰出贡献的人。其中，是否符合第三、四类人的具体标准由国务院最后做决定。根据上述规定，曾任职全国人大常委会委员长的乔石，属于第一类。</t>
  </si>
  <si>
    <t>荣耀4c支持otg吗</t>
  </si>
  <si>
    <t>荣耀4C也是支持OTG功能的。</t>
  </si>
  <si>
    <t>mmm金融互助平台是真是假</t>
  </si>
  <si>
    <t>告诉你一个真实的MMM社区 就是国际大骗局</t>
  </si>
  <si>
    <t>高层能用燃气热水器吗</t>
  </si>
  <si>
    <t>高层可以安装燃气热水器的，只是要区分情况对待而已。</t>
  </si>
  <si>
    <t xml:space="preserve"> 高层使用热水器主要是要注意水压，跟燃气没有什么关系的，要是水压不够的话就不要用了。</t>
  </si>
  <si>
    <t>md5 会重复吗</t>
  </si>
  <si>
    <t>Md5自然产生重复的概率</t>
  </si>
  <si>
    <t>打印机算固定资产吗</t>
  </si>
  <si>
    <t>打印机属于固定资产。</t>
  </si>
  <si>
    <t>你赞成养小蝌蚪吗</t>
  </si>
  <si>
    <t>赞成，因为养蝌蚪可以培养我们的独立性，还可以培养爱心、恒心。</t>
  </si>
  <si>
    <t>仪器减肥有效果吗</t>
  </si>
  <si>
    <t>仪器减肥原理不科学</t>
  </si>
  <si>
    <t>美团销售好做吗</t>
  </si>
  <si>
    <t>美团的业务员主要是去找商家谈合作，让商家在美团上销售商品和服务，美团从中提点盈利。准确的岗位职责建议和薪资待遇还是去和招聘部门咨询了解。一般这种岗位的底薪不会太高，二三线城市一般都是两三千的底薪加业绩奖金。</t>
  </si>
  <si>
    <t>微信抢钱到100体现是不是真的</t>
  </si>
  <si>
    <t>微信挣钱100元提现只是骗你的</t>
  </si>
  <si>
    <t>恒星都会发光吗</t>
  </si>
  <si>
    <t>早早孕试纸很淡水印</t>
  </si>
  <si>
    <t>早孕试纸在月经推迟2天后测试是准确的，如果是没有推迟的话，体内的激素还没有到达一定的水平，测试是不准确的。</t>
  </si>
  <si>
    <t>自考本科文凭能考公务员吗</t>
  </si>
  <si>
    <t>可以考公务员的</t>
  </si>
  <si>
    <t>乙肝携带者可以献血吗</t>
  </si>
  <si>
    <t>专家明确表示，乙肝病毒携带者是不可以进行献血的。</t>
  </si>
  <si>
    <t>9这个数字吉利吗</t>
  </si>
  <si>
    <t>在中国，9和5是最吉利的</t>
  </si>
  <si>
    <t>在易经中 6 9 是不吉利的数字</t>
  </si>
  <si>
    <t>although可以放在句中吗</t>
  </si>
  <si>
    <t>金毛寻回犬好养吗</t>
  </si>
  <si>
    <t>金毛寻回犬均称、有力、活泼的犬种，稳固、身体各部位配合合理著称的金毛犬。腿既不太长也不笨拙，表情友善，个性热情、机警、自信，很好养。</t>
  </si>
  <si>
    <t>没有专科文凭可以报自考本科吗</t>
  </si>
  <si>
    <t>没有专科文凭不可以直接报自考本科,自考本科的考生必须具有国民教育系列的专科学历，在读和专科毕业的考生才可以参加专升本考试报名及考试，考试分数通过并录取后方可进入本科段继续学习。考生完成规定的教学计划，修满学分即可毕业并获得相应的毕业证书，符合条件者将获得相应的学士学位证。</t>
  </si>
  <si>
    <t>成年人能喝婴儿奶粉吗</t>
  </si>
  <si>
    <t>当然可以喝，配方奶粉营养非常全面的，但是成人不要刻意去买婴儿奶粉来喝，主要是婴儿奶粉的微量元素及吸收方式不太合适成人方式，可以选择适合成人的奶粉来喝。</t>
  </si>
  <si>
    <t>成人喝了婴儿配方奶粉，会造成胃肠道不适。这是由奶粉成分比例与成人对营养需求的不对等所造成的消化障碍。婴儿配方奶粉中蛋白质含量约是鲜奶的1/3，而乳糖含量非常高。婴儿的主要能量来源自乳糖，肠胃对乳糖的消化能力也是极强的，对蛋白质的消化能力偏弱。而成人却恰恰相反，对乳糖的消化能力远不及婴儿，需要补充的主要是蛋白质和维生素等，因此成人喝了高乳糖含量的婴儿配方奶粉，不仅营养吸取不到位，还会造成乳糖的消化不良，表现为腹胀、腹泻等症状。</t>
  </si>
  <si>
    <t>胆切除后能吃鸡蛋吗</t>
  </si>
  <si>
    <t>鸡蛋的主要成分是蛋白质，没有问题，可以吃</t>
  </si>
  <si>
    <t>不可以吃的，主要是胆固醇含量太高了</t>
  </si>
  <si>
    <t>妈妈在打青霉素能喂奶吗?</t>
  </si>
  <si>
    <t>青霉素属于孕期和哺乳期可以应用药物，一般不需要停止哺乳。</t>
  </si>
  <si>
    <t>茶叶是不是碱性的</t>
  </si>
  <si>
    <t>并不是所有的茶水都是碱性的</t>
  </si>
  <si>
    <t>生物焊接双眼皮是永久的吗</t>
  </si>
  <si>
    <t>生物焊接双眼皮是永久的。</t>
  </si>
  <si>
    <t>instagram内地能用吗</t>
  </si>
  <si>
    <t>可以用的，可以通过V*PN的方式来解决这个问题。</t>
  </si>
  <si>
    <t>机械专业有前途吗</t>
  </si>
  <si>
    <t>本行业里一直弥漫着这样的论调，干机械越老越吃香，刚开始几年工资低，等以后经验足了就熬出头了。</t>
  </si>
  <si>
    <t>不是很好，机械行业是由多个行业所支持的，因为大家说它好完全是因为它是综合国力的体现，但是涉及到这个行内，你会发现其实它是一个巨大的陷阱，能做好的都是有其他行业支持的，也就是有后台的。</t>
  </si>
  <si>
    <t>吃药能喝山楂水吗</t>
  </si>
  <si>
    <t>这种情况主要还是根据所使用的药物决定的，一般还是不会影响到药物的治疗效果的，可以适当食用。</t>
  </si>
  <si>
    <t>dnf能赚钱么</t>
  </si>
  <si>
    <t>有不少人在这个游戏里赚rmb，但是也有很多人被游戏坑的。</t>
  </si>
  <si>
    <t>大四可以考注册会计师吗</t>
  </si>
  <si>
    <t>应届毕业生在毕业那年才可以开始报名考试，也就是说，一般报名时间是每年的4月份，这个时候大四学生是应届毕业生，可以报名。</t>
  </si>
  <si>
    <t>根据官方公布的注册会计师考试报名条件，应届毕业生可以参加注册会计师考试。如果大学四年毕业，大四就可以考注会，如果大学五年毕业，大四就不可以考注会。</t>
  </si>
  <si>
    <t>无理数是开方开不尽的数对吗</t>
  </si>
  <si>
    <t>无理数是无限不循环小数：它包括带有π的代数式,无限不循环小数,开方开不尽的数</t>
  </si>
  <si>
    <t>雪地胎有用吗</t>
  </si>
  <si>
    <t>雪地胎是有用，但是并不是不滑，而是增大摩擦，减轻打滑，并不是万能的</t>
  </si>
  <si>
    <t>大话西游手游有大力吗</t>
  </si>
  <si>
    <t>大话西游手游大力魔存在吗？手游里面真的有大力吗？哈哈，今天就由杀手666，给大家带来一个神秘的种族:很少有人触碰它，原因有很多，但是他的的确确是存在的，还很暴力</t>
  </si>
  <si>
    <t>伍佰有孩子吗</t>
  </si>
  <si>
    <t>有两个，一个男孩 一个女孩</t>
  </si>
  <si>
    <t>减肥瘦身贴有用吗</t>
  </si>
  <si>
    <t>减肥贴以药物穴位刺激、理气活血排“三瘀”， 恢复人体正常新陈代谢功能，调节胃肠道、胰脏功能，调理内分泌，激活脂肪酶活性、加速脂肪分解，是有一定减肥效果的减肥产品。</t>
  </si>
  <si>
    <t>天下hd不花钱能玩吗</t>
  </si>
  <si>
    <t xml:space="preserve">没什么的，不充钱也能玩。 </t>
  </si>
  <si>
    <t>小黑猪泡泡面膜好用吗</t>
  </si>
  <si>
    <t>我不得不说效果真的超棒哦！这是一款蕴含多种植物成分提取物的的碳酸面膜</t>
  </si>
  <si>
    <t>星际争霸2虫群之心免费吗</t>
  </si>
  <si>
    <t>目前星际争霸2虫群之心还没有完全免费，没有购买畅玩版或者典藏版的玩家还是不能玩的。</t>
  </si>
  <si>
    <t>山地车能装后座吗</t>
  </si>
  <si>
    <t>　没有后座（货架）安装孔的山地车和有后座（货架）安装孔的山地车都可以安装后座（货架）。</t>
  </si>
  <si>
    <t>可以  但是货架分种类 有直接在车架和座杆上安装的 还有一种只在座杆上安装的 只在座杆上安装不是很结实 估计带人的话难度比较大 但是在车架与座杆上都安装的带人没问题 还有货架分碟刹货架和普通货架 要看你是什么车子了  一般上面写的允许载重量都是瞎扯的 完全可以不去考虑  安装好以后可以试试 应该问题不大</t>
  </si>
  <si>
    <t>国药吉龙丹是什么药</t>
  </si>
  <si>
    <t>国字号的保健品</t>
  </si>
  <si>
    <t>mysql in 会用索引吗</t>
  </si>
  <si>
    <t>mysql in 只要对in的字段建立的索引就会使用索引，但in里的参数不要太多，太多容易产生问题。</t>
  </si>
  <si>
    <t>糖尿病能吃牛排吗</t>
  </si>
  <si>
    <t>糖尿病人是可以吃牛排的</t>
  </si>
  <si>
    <t>银行大劫案是真的吗</t>
  </si>
  <si>
    <t>郑州16年前银行大劫案真相.1999年12月5日傍晚，几名男子持枪闯入郑州市航海东路一银行储蓄所内，酿下抢劫208万并重伤两人的惊天大案，震惊全国</t>
  </si>
  <si>
    <t>展车好不好</t>
  </si>
  <si>
    <t>4S店工作人员介绍，每款车到4S店后都要派专业的人士来作PTA检测，确认没有问题，4S店才会接收，而且有汽车三包法的保障，客户可以放心购买。此外，工作人员还强调，在展厅停放时间短的展车基本没有特殊的优惠，因为那就是新车。而放了较长时间的展车，一般都会作为特价车处理。</t>
  </si>
  <si>
    <t>铜锣湾有苹果专卖店吗</t>
  </si>
  <si>
    <t>香港铜锣湾轩尼诗道500号：Apple Store Causeway Bay(希慎广场店)</t>
  </si>
  <si>
    <t>韦德之道2耐磨吗</t>
  </si>
  <si>
    <t>鞋底是用全面耐磨橡胶材料做得，还有中底碳板加固，所以在水泥地打篮球狠耐磨！亲身体验过！看你在哪里打。有的底做的适合地板，有的适合草水泥，看你买什么版本的，质量还不错的。也很耐磨，但是要是内场的底拿去草水泥地也不行吧，不适合外场，最好内场使用。</t>
  </si>
  <si>
    <t>戴墨镜玩电脑好不好</t>
  </si>
  <si>
    <t>戴墨镜看电脑对眼睛没有保护作用。</t>
  </si>
  <si>
    <t>电脑辐射较大，主要是需要戴可以防辐射的眼镜，墨镜在光线暗的地方是不适合佩戴的。</t>
  </si>
  <si>
    <t>2015冒险岛还能玩吗</t>
  </si>
  <si>
    <t>恩，冒险岛确实人还很多，但是不建议蓝蜗牛，鬼区人少有激情，大区人多全是G，阿斯旺有个鬼区开发计划，你可以去体验下。</t>
  </si>
  <si>
    <t>中国银行收小额管理费吗</t>
  </si>
  <si>
    <t>一个银行有一张卡免收，旧的卡要自己申请，后来开的自动免收，不过两张卡的只有一张可以免费</t>
  </si>
  <si>
    <t>大多数银行卡都有10元的年费的。小额管理费，是银行卡常年资金额少于300元的，另行收取小额管理费。</t>
  </si>
  <si>
    <t>陈赫的老婆是娄艺潇吗</t>
  </si>
  <si>
    <t>当然不是，那个只是爱情公寓里边的剧情。现实中是许婧#陈赫与妻子许婧恋爱长跑13年，于2013年完婚，两人也被视为娱乐圈的模范夫妻。</t>
  </si>
  <si>
    <t>matlab else if 后面还能else if么</t>
  </si>
  <si>
    <t>这种格式中，else 后面的逻辑语句好像不起作用吧，只要前面几种elseif都为0，那么就无条件执行else后面的语句，忽略之后的逻辑判断吧。试试把else 改为elseif</t>
  </si>
  <si>
    <t>龙年瞎子有特效吗</t>
  </si>
  <si>
    <t>没特效。主要还是稀缺。再加上龙年瞎子表示龙的传人。。。</t>
  </si>
  <si>
    <t>360随身wifi好不好</t>
  </si>
  <si>
    <t>60随身WiFi是360手机助手于2013年6月推出的首款硬件设备。该产品是一款超迷你、操作极其简单的无线路由器。</t>
  </si>
  <si>
    <t>胆囊切除后可以喝茶吗</t>
  </si>
  <si>
    <t>胆囊摘除后基本上不会影响什么,因为胆囊的作用就是储存胆汁,同样可以食用任何食物，是不会影响身体的.</t>
  </si>
  <si>
    <t>咖啡要煮吗</t>
  </si>
  <si>
    <t>速溶咖啡是不需要煮的。因为咖啡的固体可溶性物质，在水中很容易被溶解。</t>
  </si>
  <si>
    <t>如果是磨好的咖啡粉是需要咖啡器具来冲煮。</t>
  </si>
  <si>
    <t>茅台王子酒好吗</t>
  </si>
  <si>
    <t>茅台王子酒是属于茅台酒的旗下产品，与正宗茅台国酒可谓是同根同源，质量上乘有保证。茅台王子酒可以说是茅台酒的年轻产品。</t>
  </si>
  <si>
    <t>海淘可靠吗</t>
  </si>
  <si>
    <t>海淘可靠不可靠还得看我们自己的选择。</t>
  </si>
  <si>
    <t>大润发可以用支付宝吗</t>
  </si>
  <si>
    <t>不可以，他们用微信，排斥支付宝。</t>
  </si>
  <si>
    <t>gtr电机好不好</t>
  </si>
  <si>
    <t>GTR更省电，在GE上改进的，扭力大，起步快速，极速没有GE快，滑行和刹车都会对电池反充电，同样电池比GE多跑10公里</t>
  </si>
  <si>
    <t>ge适合人多拥挤的路况中段提速其实非常畅快。走走停停ge电机合适。还有ge比较省电。gtr完全的运动风格。起步扭力大。高速会突然发力非常爽快。但是中段表现不突出。还有耗电要大过ge不过自己控制好不急加速一样耐用。声音方面其实都差不多很安静的。</t>
  </si>
  <si>
    <t>脂肪肝会不会疼</t>
  </si>
  <si>
    <t>脂肪肝是不会疼痛的</t>
  </si>
  <si>
    <t>巫师王座好看吗</t>
  </si>
  <si>
    <t>好看不好看，个人口味不同。</t>
  </si>
  <si>
    <t>抽脂痛苦吗</t>
  </si>
  <si>
    <t>不是一般的疼！我是做脂肪填充苹果肌。打了麻药还要打膨胀剂！尤其打膨胀剂时候用很长的针往里面捅，捅到一个地方打一点膨胀剂就那样等你 腿部都膨胀起来才能抽。而且抽的时候也很难受到腿边缘的时候也疼！这些都是我 亲身经历希望能帮到你。不过还是要说一句想美丽是要复出代价的呵呵！</t>
  </si>
  <si>
    <t>泡沫能保温吗</t>
  </si>
  <si>
    <t>　能，泡沫作为保温隔热材料在国外已有几十年的应用历史，在我国近几年也发展很快。</t>
  </si>
  <si>
    <t>iphone指纹锁 容易坏吗</t>
  </si>
  <si>
    <t>当然不会坏，指纹解锁就是为了安全跟方便。</t>
  </si>
  <si>
    <t>一年多了，没什么感觉，就是偶尔反应慢点</t>
  </si>
  <si>
    <t>二手车过户车牌过户吗</t>
  </si>
  <si>
    <t>二手车辆过户不能连车牌一起过户。</t>
  </si>
  <si>
    <t>硅胶枕头好不好</t>
  </si>
  <si>
    <t>硅胶因其优异的耐候性能，从而使得做出来的硅胶枕头既能用开水烫洗，也能放在太阳底下曝晒。这也是硅胶枕区别于其他枕头最大的不同点！枕头长期不清洗容易产生细菌、螨虫，人体若长期与这类枕头接触很容易造成皮肤过敏及一系列疾病。所以，拥有一个能洗能晒的枕头非常重要。</t>
  </si>
  <si>
    <t>不是定点医院能报销吗</t>
  </si>
  <si>
    <t>在非医保定点医院治疗，将不能得到报销的，但是参加医保的人员在非定点医疗机构急诊发生的医疗费用，是可以报销的。</t>
  </si>
  <si>
    <t>厄运制造者值钱吗</t>
  </si>
  <si>
    <t>大众货</t>
  </si>
  <si>
    <t>查理九世27喋血的鱼骨旅馆是盗版吗</t>
  </si>
  <si>
    <t>《查理九世》现只出了第一季的24册，25册正在更新中，所谓的第二季完全是纯粹的盗版，</t>
  </si>
  <si>
    <t>dnf角色可以转区吗</t>
  </si>
  <si>
    <t>在DNF官网里有转区申请，不是什么时候都可以转的，要节日什么的，每次可以转区都会通知，留心看就知道了。</t>
  </si>
  <si>
    <t>微量元素检查需要空腹</t>
  </si>
  <si>
    <t>不需要空腹的!没有什么特别需要准备!</t>
  </si>
  <si>
    <t>微量元素的检查方式有多种的，有血液和头发两周取样的，如果是抽血进行血液检查，最好在早上9点之前空腹抽血，水也不要喝</t>
  </si>
  <si>
    <t>建行信用卡可以取现金吗</t>
  </si>
  <si>
    <t>我行信用卡有预借现金（取现）功能，您可在境内我行各网点柜台、ATM 或贴有银联标识的其他银行ATM 提取人民币现金；在境外贴有VISA、[PLUS]、MasterCard、[CIRRUS]、JCB 或银联标识的ATM、银行柜台提取当地货币。为保障您的账户安全，取现时需输入消费/ 取现密码。预借现金的额度根据您用卡情况设定，一般不超过您信用额度的50%，且不能超过卡片当前可用信用额度（信用额度- 已使用额度）。预借现金无免息期。</t>
  </si>
  <si>
    <t>苹果手机偷去了别人订位可以取消吗因为没密码</t>
  </si>
  <si>
    <t>　苹果手机手机注销掉Apple ID和密码后是无法进行定位的</t>
  </si>
  <si>
    <t>手机接收彩信要钱吗</t>
  </si>
  <si>
    <t>1、如果开通了GPRS上网业务，接收彩信不要钱，只扣去相应大小流量；2、如果没有开通GPRS上网业务，接收彩信会先扣流量，然后收取相应流量费用。</t>
  </si>
  <si>
    <t>疾风之刃坑吗</t>
  </si>
  <si>
    <t>看你怎么玩了, 小花一点也就能玩的转了, 不花钱就要找人多的区</t>
  </si>
  <si>
    <t>张飞跃真的吗</t>
  </si>
  <si>
    <t>大大集团是p2p吗</t>
  </si>
  <si>
    <t>是的，如今大大集团对外塑造的巍然形象已轰然倒塌。资金链出现问题、强迫性内购、暴力裁员，种种恶劣举措已让这家P2P金融集团离正轨越来越远。</t>
  </si>
  <si>
    <t>国际ems是空运吗</t>
  </si>
  <si>
    <t>EMS是邮政特快专递服务，主要的运送方式是空运，也包括公路以及海运。</t>
  </si>
  <si>
    <t>男性综合维生素有用吗</t>
  </si>
  <si>
    <t xml:space="preserve">  口服人参健脾丸。六味地黄丸治疗。多吃一段时间。可以促进体质恢复。同时吃上面的维生素。效果更好。没有副作用。可以放心。</t>
  </si>
  <si>
    <t>巴菲特是基督徒吗</t>
  </si>
  <si>
    <t>不是的直接证据是：巴菲特并没有把财产捐赠给教堂或其他如“救世军”、“国际联合劝募协会”之类的宗教慈善组织，而是交给了同样不相信上帝的比尔·盖茨管理。这位在科技创新中发家致富的世界首富比巴菲特更像一个彻头彻尾的无神论者。</t>
  </si>
  <si>
    <t>房间隔缺损儿童能打疫苗吗</t>
  </si>
  <si>
    <t>疫苗不影响心脏的缺损，疫苗是可以正常打的，没有特殊的。</t>
  </si>
  <si>
    <t>精索静脉曲张手术后可以手淫吗</t>
  </si>
  <si>
    <t>精索静脉曲张手术后一切影响侧枝建立的动作都不要做，包括手淫，反复刺激精索静脉，是局部过度充血，加重精索静脉曲张负担，影响手术恢复。还有以后注意，避免久站久坐劳累过度，忌辛辣刺激性食物，忌易怒伤肝。</t>
  </si>
  <si>
    <t>死或生5xp能玩吗</t>
  </si>
  <si>
    <t>XP系统无法直接运行《死或生5》，需要安装一些补丁和修改boot文件才能实现在XP系统上运行</t>
  </si>
  <si>
    <t>除螨仪吸尘器有用吗</t>
  </si>
  <si>
    <t>除螨吸尘器都内置强力拍打器，用每分钟几千次的频率模拟人用工具拍打被褥的动作，将内部灰尘拍打出来。拍打出来的灰尘、毛发、头屑等脏物将被高速旋转的刷头刷入，再通过强大吸力吸入吸尘器的尘仓当中。最后，再通过紫外线模拟太阳光，直接破坏微生物机体细胞，使螨虫、细菌、霉菌丧失生存及繁殖力。</t>
  </si>
  <si>
    <t>室内甲醛含量0.15有事吗</t>
  </si>
  <si>
    <t>室内甲醛含量国家的标准是关闭门窗12个小时数值低于0.1算合格，0.15的数值属于超标的，长期在甲醛超标的环境居住对身体是有害的。</t>
  </si>
  <si>
    <t>珍草堂植物染发剂好吗</t>
  </si>
  <si>
    <t>珍草堂植物染发剂还可以</t>
  </si>
  <si>
    <t>公务员辞职后工龄能否接上</t>
  </si>
  <si>
    <t>公务员辞职、辞退重新就业、并参加企业职工基本养老保险后，辞职辞退前原在机关可计算连续工龄的工作年限，可视同缴费年限，并与实际缴费年限合并计算。</t>
  </si>
  <si>
    <t>水泥纤维板能做楼板吗</t>
  </si>
  <si>
    <t>不可以，承重不能达到现有生活质量的一个要求</t>
  </si>
  <si>
    <t>单招和统招的毕业证一样吗</t>
  </si>
  <si>
    <t>对一个学校来说，毕业证都是一样的，没有单招和统招的区别。不过成人、自考等是不一样的。很多毕业证有国家教育部发的和省教育厅（学校）发的，这是不一样的。</t>
  </si>
  <si>
    <t>苹果6被偷了报警有用吗</t>
  </si>
  <si>
    <t>。理论上来说，所有丢失的iPhone都可以找回来，除非这个手机永远不再使用了。找到盒子或者发票上记下IMEI、序列号等信息。</t>
  </si>
  <si>
    <t>能不能找到，都要选择报警，如果记得IMEI码还有可能找到，如果不记得，机会就渺茫了。当手机被盗或丢失的时候，如知道IMEI码，可以通过手机供应商进行手机锁定，即：获知被盗或捡到之后的手机号码，中止手机的通话功能，获知手机的方位</t>
  </si>
  <si>
    <t>弹钢琴一定要手指长吗</t>
  </si>
  <si>
    <t>常常听到有人说“某某人的手指又细又长，很适合弹钢琴”、或者“某某人长了一双钢琴家的手，又细又长的”之类的话。甚至不少童鞋也会用这样的标准来作为学钢琴的重要参考条件，仿佛手指短些的人无法学好钢琴一样。但其实这些话本身是没有什么道理的，而且说这些话的人恐怕也大都没有见过钢琴家的手是什么样子的。几年前看过一本书，书中翻拍了历史上许多著名钢琴家的手的石膏像。说实话，里面很少有符合“又细又长”这个条件的手指。恰恰相反，尽管钢琴家们大都有一双大手，但从比例上来说，绝大多数手指看上去又粗又短，手掌也是又宽又厚。这一点就像歌剧演员大都没有现在流行的模特身材是一个道理，当身体成为演绎音乐的“工具”时，“实用性”远比“观赏性”更为重要。手也一样，钢琴演奏是一项非常注重技巧的艺术，因此强劲有力的手指远比细长优雅的手指更为有利。在其它条件相同的情况下，通常细长的手指在速度上处于劣势。同样完成一个动作，较长的手指要比较短的手指用的时间更长。哪怕只是百分之一秒的时间，放到音符飞速流动的乐曲中也会产生一定的影响。另外，细长的手指常常在力量上输给看上去粗短的手指。而速度与力度对钢琴演奏是至关重要的。那么是不是细长的手指就不适合弹钢琴呢?当然不是。如果说较粗的手指常常较有力量、较短的手指常常容易提高速度的话，那么细长的手指在表达音乐的优美与抒情性上常常具有无可比拟的优势。其实对于弹奏钢琴来说，最重要的手指条件是灵巧、有力、并具有柔韧性与控制能力，而不是外观的大小、粗细与长短。著名作曲家、“钢琴诗人”肖邦的手指作为为数不多的例子，就是完全符合细长这个标准的。尽管现代人都没有听过肖邦本人的演奏，但从他的许多作品中完全可以感受到惊人的速度与力度的存在，而这些作品都是他当年亲自演奏过并获得成功的。多数钢琴家的手远远没有肖邦的手那么“迷人”，但这也丝毫没有影响他们把如泣如诉的音乐段落演奏得沁人心脾。所以仅看手指的样子来判断钢琴演奏技术的发展前景，就像靠外观来挑桔子一样靠不住。最后要说明的是，这里说的手指外观对钢琴演奏的影响其实是把钢琴演奏的技艺发挥到高超顶点之后的情况。说实话，一万个学琴的童鞋里面也出不了一个钢琴家，而一万个钢琴家里面也出不了一个肖邦。对于学习钢琴的童鞋们来说，所谓手指长短、粗细的优、劣势绝对小到应该完全忽略不计。我们又何必用这个原本就靠不住、又应该忽略不计的标准当作学琴的参考条件呢?</t>
  </si>
  <si>
    <t>和付是一清机吗</t>
  </si>
  <si>
    <t>和付不是,但是它被易宝并购了，易宝有支付拍照。一清机就是第三方或银行直接结算，二清机就是个人或某某公司结算，还有在机器上刷下卡，然后入账了后看下显示的是什么，商户基本上就明白了。</t>
  </si>
  <si>
    <t>贝拉米 死了吗</t>
  </si>
  <si>
    <t>死了啊，后来尸体被路飞埋在了王之高地。</t>
  </si>
  <si>
    <t>没有死，只是打昏了。</t>
  </si>
  <si>
    <t>在海贼王里 只要尾田不是亲口用文字说明这个人死了 无论他是被打趴打跪打出翔 无论他血飙得多高 管翘得多硬 你都不能认为他死了。</t>
  </si>
  <si>
    <t>ps4可以连电脑显示器吗</t>
  </si>
  <si>
    <t>PS4可以连接电脑显示器的。</t>
  </si>
  <si>
    <t>如果显示器有HDMI接口可以直接连接，如果没有可以买个VGA转换。</t>
  </si>
  <si>
    <t>t3t4要空腹吗</t>
  </si>
  <si>
    <t>首先必须空腹，但是空腹时间不能超过18小时</t>
  </si>
  <si>
    <t>花呗和蚂蚁花呗一样吗</t>
  </si>
  <si>
    <t>蚂蚁花呗，是支付宝提供的一项透支支付服务。花呗分期，是蚂蚁花呗的一个功能。</t>
  </si>
  <si>
    <t>高血压有没有遗传</t>
  </si>
  <si>
    <t>有高血压家族史的人比无高血压家族史的人更易患高血压。父母中有一人是高血压患者，子女的高血压发生率可达28%，父母如果都是高血压，子女的高血压发生率可达46%。高血压病人的成人兄弟姐妹中65%可患高血压，其中单卵双生子比其他亲属高血压相关性更高。一些与高血压发病有关的因素，如高脂血症、肥胖、糖尿病、高盐饮食等，与遗传也有密切关系。</t>
  </si>
  <si>
    <t>红光面膜好吗</t>
  </si>
  <si>
    <t>这个要看你的肤质了，如果适合你的肤质那就是好用的。</t>
  </si>
  <si>
    <t>理论上是有用，但需要是正确波长的远红外线.才有修护及唤醒功能。</t>
  </si>
  <si>
    <t>法证先锋有没有第四部</t>
  </si>
  <si>
    <t>有的，香港TVB为了挽留金鹏监制梅小青，目前已经筹划开拍《法证先锋4》，请各位观众拭目以待。随着香港电视大战一触即发，不少电视界人才成为各大电视台争相拉拢对象。担任《法证先锋》系列的金牌监制梅小青，早前就有传成为王维基极力拉拢的对象。虽然梅小青对跳槽一事不置可否，但据知TVB对此颇为担忧。于是早前TVB决定开拍《法证先锋4》，希望以诚意打动梅小。青。</t>
  </si>
  <si>
    <t>2013建的房子会反水吗</t>
  </si>
  <si>
    <t>二楼不会的，放心吧。如果前面的楼层较高的话二层可能会稍被遮住点光</t>
  </si>
  <si>
    <t>六合彩合法吗</t>
  </si>
  <si>
    <t>六合彩在香港地区属于合法的，但在我国内地是禁止任何人和组织经营合彩的，属于赌博罪</t>
  </si>
  <si>
    <t>二手房能转户口吗</t>
  </si>
  <si>
    <t>全幅头用在半幅上画质会降低吗</t>
  </si>
  <si>
    <t>总体来说没啥影响，完全可以正常使用。</t>
  </si>
  <si>
    <t>工资卡安全吗</t>
  </si>
  <si>
    <t>安全,但最好不要往里存钱,并且还要把每个月的工资取出来另存其它卡上.我是这么做的,我认为这样才能看清楚我的月工资.也方便分帐户理财.</t>
  </si>
  <si>
    <t>不会的放心吧，改下密码就可以了。小心保管！</t>
  </si>
  <si>
    <t>安全，开通手机银行只要不泄漏自己的密码给别人就不会有事。我开通手机银行也2年了，都没事</t>
  </si>
  <si>
    <t>“太搞笑了，单位这个月给我们多发了一个月工资，还没高兴几天，钱却被银行以扣学杂费的名义划走了。”昨日，福州李先生拨打968111说起这事时，还显得很调侃。可随即，他又严肃地说，和同事沟通后，大家都觉得不必经本人同意，擅自把大家工资卡里的钱转走，“这样设置密码有什么用？感觉没有安全感”。工资卡被扣款“没商量”李先生说，他是一所高校的老师，8月初，他同时收到银行的两笔工资，每笔1800多元，此前听说学校获得一项荣誉，因而奖励每个员工一个月工资，还以为是学校多发了一个月工资。可没想到几天后，账户里被扣去了1800多元，“搞笑的是扣钱的名义是学杂费”。无独有偶，几个月前，省内另一所高校的一位员工也拨打968111反映说，他们学校员工的工资都是集体往工资卡里打的，但是现在他们卡里的钱被无缘无故转走，“我们的工资卡有开通银行短信服务，我们收到的短信说"今天9:42，批量转支"，我们都少了一个月的工资”。半个多小时后，他又告诉记者，被转出的钱已经回到账户了。昨日记者通过网络搜索得知，江苏如东县马塘镇一家企业员工也碰到类似的事情，他们单位在员工不知情的情况下，从员工工资卡中扣了120元钱。他们一打听才知道，单位让员工捐款，扣的是“危桥改造建设资金”。银行竟称安全有保障对于李先生反映的情况，其工资卡所在银行有关人士告诉记者，据了解，这是李先生所在学校的财务出错，银行是根据该学校财务的要求进行调账。采访中，一些市民提出，银行没有持卡人的密码，只有卡号，却把钱转出，“这样我们设置密码有什么用？感觉没有安全感”。但采访中，在榕银行业人士都称工资卡安全有保障。在榕一家银行有关人士介绍，对于工资卡，银行和持卡人单位签有协议，银行根据该单位的财务要求进行代发工资、调账等。他说，单位财务带着代发工资系统生成的加密磁盘，到代发工资的银行网点，工作人员将加密磁盘的内容扫描到系统里，由系统分发工资。银行只知道发放总额和发放的人数，至于每个人发多少工资，银行都不知情。“代发工资很少会出错。”他说，如果出错，单位财务要带着单位开具的调账通知到代发工资的网点提出申请，网点上报给省级行，然后由代发工资系统进行调账。 (来源：海峡都市报)</t>
  </si>
  <si>
    <t>痔疮影响排便吗</t>
  </si>
  <si>
    <t>痔疮是影响大便的，疼痛刺激不敢排便条件反射。</t>
  </si>
  <si>
    <t>俄罗斯 过圣诞节吗</t>
  </si>
  <si>
    <t>俄罗斯人会在12月25号之前就准备新年和圣诞，但是12月25号他们不过圣诞节，因为12月25号是天主教的圣诞节，1月1号他们过完新年以后，1月7号就是俄罗斯的另一个盛大节日——东正教的圣诞节，所以俄罗斯人1月7号过圣诞节</t>
  </si>
  <si>
    <t>月经前会出现弱阳性么</t>
  </si>
  <si>
    <t>一般在月经来潮前，有时候也会出现弱阳性的情况</t>
  </si>
  <si>
    <t>一般不会有弱阳性的症状。</t>
  </si>
  <si>
    <t>一般在月经前后的几天都可以出现阳性或弱阳性的。是因为激素原因造成。</t>
  </si>
  <si>
    <t>洗衣机镀锌钢板好吗</t>
  </si>
  <si>
    <t>洗衣机在市场上一种名为渗锌钢板的箱体材料，虽然也耐腐蚀但质量上不如PCM彩钢板，是厂家降低成本的“好帮手”。</t>
  </si>
  <si>
    <t>这个主要是分用途的。</t>
  </si>
  <si>
    <t>油汀不要温控器可以吗</t>
  </si>
  <si>
    <t>不用温控器很危险的，过热里面会产生大量的气体，后果很严重。</t>
  </si>
  <si>
    <t>有必要给宝宝买保险吗</t>
  </si>
  <si>
    <t>多种情况，根据个人的经济情况</t>
  </si>
  <si>
    <t>浙江东日重组成功了吗</t>
  </si>
  <si>
    <t>浙江东日重组获通过</t>
  </si>
  <si>
    <t>个人独资企业可以变更法人吗</t>
  </si>
  <si>
    <t>可以变更法定代表人</t>
  </si>
  <si>
    <t>银行利率下调每月房贷会自动下调吗</t>
  </si>
  <si>
    <t xml:space="preserve">银行的利率有三种调息方法，如果选择的是按月调息的话，银行根据央行利息的调整每个月调整利息，一是利率为分期特定利率时，遇央行利率调整时，利率调整日之前已发放的贷款本年度内不作利率调整，于次年1月1日按新利率执行；利率调整日之后发放的新贷款按调整后新利率执行。二是利率为分段利率时，遇央行利率调整时，贷款执行利率当日即调整。三是利率为浮动利率，浮动周期可按月、按季、按半年、按年。 </t>
  </si>
  <si>
    <t>三亚现在能下海吗</t>
  </si>
  <si>
    <t>现在可以下海不过下海有点凉，慢慢就适应了哦</t>
  </si>
  <si>
    <t>三亚一年四季都可以下海的没有任何问题的</t>
  </si>
  <si>
    <t>sha1可以解密吗</t>
  </si>
  <si>
    <t>普通hash函数如md5、sha1、base64等都是不可逆函数。虽然我们利用php可以利用这些函数写出可逆函数来。但是跨语言时这类可逆函数非常难搞定。所以这时尽量使用AES DES RC4 Rabbit TripleDes这些方法。</t>
  </si>
  <si>
    <t>面包是垃圾食品吗</t>
  </si>
  <si>
    <t>面包不属于垃圾食品。</t>
  </si>
  <si>
    <t>城市建设理论研究是国家级期刊吗</t>
  </si>
  <si>
    <t>《城市建设理论研究》杂志创刊于2011年，是经新闻出版总署批准，由中国商业联合会主管、国务院国资委商业网点建设开发中心主办的旬刊连续型出版物，为国家级期刊。</t>
  </si>
  <si>
    <t>xp有家庭组吗</t>
  </si>
  <si>
    <t>xp加入win7家庭组方法：文件夹右键-共享-选择要与其共享的用户-点击黑色的小三角箭头-在下拉菜单中选择-everyone(这个列表中的所有用户)。</t>
  </si>
  <si>
    <t>魔兽世界美服人多吗</t>
  </si>
  <si>
    <t>人多少的话，也要看服务器的，总体还可以</t>
  </si>
  <si>
    <t>直肠癌每次都便血吗</t>
  </si>
  <si>
    <t>直肠癌的表现是多种多样的，不一定每次大便都带血的</t>
  </si>
  <si>
    <t>三叫好吃吗</t>
  </si>
  <si>
    <t>老前辈说吃起来汁液很多，很爽口</t>
  </si>
  <si>
    <t>据说非常好吃，而且人工养的小白鼠很有营养。。</t>
  </si>
  <si>
    <t>梅核气能转成癌症吗</t>
  </si>
  <si>
    <t>梅核气不是癌症，属于痰瘀互结，吞之不下，咳之不出。</t>
  </si>
  <si>
    <t>空调匹数越大越费电吗</t>
  </si>
  <si>
    <t>理论上来说。空调匹数越大，其制冷功率、输入功率就会越大，所以耗电量就会相应的增大。</t>
  </si>
  <si>
    <t>养血安神片治疗心悸效果好吗</t>
  </si>
  <si>
    <t>养血安神片治疗心悸效果不错，值得使用。</t>
  </si>
  <si>
    <t>雷霆之怒boss积分换的装备是帮定的吗</t>
  </si>
  <si>
    <t>BOSS积分装备肯定是永久绑定的</t>
  </si>
  <si>
    <t>镇魔曲需要激活码吗</t>
  </si>
  <si>
    <t>激活方法：打开《镇魔曲》客户端；在角色创建界面处的左下角点击“序列号兑换”，输入序列号即可。</t>
  </si>
  <si>
    <t>先注册一个网易的邮箱，然后用下面的流程激活。</t>
  </si>
  <si>
    <t>cf新角色零值得入手吗</t>
  </si>
  <si>
    <t>有条件的可以买，如果有了审判者，就没必要买新角色了</t>
  </si>
  <si>
    <t>请假一天扣两天的工资吗</t>
  </si>
  <si>
    <t>违法，协商不成，向劳动局投诉</t>
  </si>
  <si>
    <t>单手斧能幻化单手剑吗</t>
  </si>
  <si>
    <t>不能，斧头对应斧头，剑对应剑</t>
  </si>
  <si>
    <t>ps4 destiny 好玩吗</t>
  </si>
  <si>
    <t>根据个人喜好，有人觉得好玩，有人觉得不好玩</t>
  </si>
  <si>
    <t>蒙古包蚊帐好用吗</t>
  </si>
  <si>
    <t>蒙古包蚊帐就是比较方便</t>
  </si>
  <si>
    <t>马来西亚ev效果好不好</t>
  </si>
  <si>
    <t>原装进口通过GMP认证，纯名贵植物提炼而成，纯天然，无添加，航空破壁技术低温萃取更容易吸收，不含任何违禁成份(支持各种医疗机构检测)，不催情，不强迫大脑神经，不影响正常生活和工作。本品为速效+温补的男性保健品，增加勃起频率，增强勃起硬度，延长勃起和射精时间，还能有效缓解前列腺疾病和射精无力等症状。</t>
  </si>
  <si>
    <t>2016年上海企业退休人员还会涨工资吗</t>
  </si>
  <si>
    <t>企业退休人员：①先统一增加80元;②按本人缴费(含视同缴费)每满1年增加2.5元;③以本人2015年12月的基本养老金为基数增加2.5%。机关事业单位退休人员：①先统一增加80元;②再按照同类人员平均养老金增加4.5%。</t>
  </si>
  <si>
    <t>粉丝热量高么</t>
  </si>
  <si>
    <t>干粉丝单位热量很高，但煮熟的粉丝热量接近熟面条，可偶尔作为减肥期间的主食食用。</t>
  </si>
  <si>
    <t>服务器能用普通内存吗</t>
  </si>
  <si>
    <t>可以的。带ECC功能的内存，能用到普通主板上。</t>
  </si>
  <si>
    <t>不可以。服务器内存不能用普通PC内存，不认。</t>
  </si>
  <si>
    <t>部分可以，但是ecc用到家用上就没那么好了</t>
  </si>
  <si>
    <t>lol简单百宝箱还可以用皮肤吗</t>
  </si>
  <si>
    <t>不能，百宝箱现在下架了英雄换肤功能了，后续也就无法进行英雄换肤了</t>
  </si>
  <si>
    <t>三亚旅游贵吗</t>
  </si>
  <si>
    <t>贵有贵的游法，便宜有便宜的游法。路费就看你到三亚的机票要多少钱了。住宿也是贵的便宜的都有，当然海边的风景好的条件好的都不便宜。寒暑假，春节，十一是比较热门的时间，躲开这些时间会相对便宜一些。</t>
  </si>
  <si>
    <t>公司出事直接抓法人吗</t>
  </si>
  <si>
    <t>是的，但不够全面</t>
  </si>
  <si>
    <t>公司法定代表人代表公司处理事务，法律后果由公司承担，以下情况除外：1、因经营过错向法人承担民事赔偿责任如：签订、履行合同失职产生的赔偿责任；2、法定代表人因单独或者共同侵害单位财产可能承担的民事侵权法律责任；3、因违法行为而受到的民事制裁--罚款、拘留，比如：根据《民法通则》49条规定：“企业法人有下列情形之一的，除法人承担责任外，对法定代表人可以给予行政处分、罚款，构成犯罪的，依法追究刑事责任： (一) 超出登记机关核准登记的经营范围从事非法经营的; (二) 向登记机关、税务机关隐瞒真实情况、弄虚作假的; (三) 抽逃资金、隐匿财产逃避债务的; (四) 解散、被撤销、被宣告破产后，擅自处理财产的; (五) 变更、终止时不及时申请办理登记和公告，使利害关系人遭受重大损失的; (六) 从事法律禁止的其他活动，损害国家利益或者社会公共利益的。”</t>
  </si>
  <si>
    <t>凯立德实时路况 有用吗</t>
  </si>
  <si>
    <t>凯立德实时路况信息的实时功能，需要机器设备支持上网，并且是正版的带有实时路况版本的凯立德地图就可以哦！</t>
  </si>
  <si>
    <t>个人交社保医保卡里没钱吗</t>
  </si>
  <si>
    <t>医保卡可以再就医时候使用。首先，在挂号时必须出示社会保障卡，以现金交纳个人自付和自费费用，医院为参保人员出具收费票据；其次，到诊室看病时，要向医生主动出示社会保障卡和北京地区医疗机构门急诊病历手册；再次，交费时，须将社会保障卡和交费单据一起交给结算人员，缴纳个人自付和自费费用；最后，拿到结算单据后，认真核对单据上的各项内容，收回社保卡。领到社保卡的参保人员在已开通持卡就医结算服务的定点医疗机构就医，须出示社保卡。未出示社保卡的，所发生费用由个人全额负担，医保基金不能支付。参保人员因急诊、计划生育手术、企业欠费、补换卡期间、参保后未发卡等情况就医的，发生的医疗费用可由个人现金垫付后按原流程再到医疗保险经办机构进行报销。</t>
  </si>
  <si>
    <t>请问长春市海乘学校好吗?</t>
  </si>
  <si>
    <t>长春海乘中等职业学校是长春市教育局打造的特色品牌学校，是吉林省商务厅唯一认定的有资质向国际豪华游轮输送高级的服务人员和中级的管理人才的学校，学校环境优美，专业的相关老师是具有海外工作经验的专业教师</t>
  </si>
  <si>
    <t>刘备托孤对诸葛亮说的话是真的呢</t>
  </si>
  <si>
    <t>不是，希望诸葛亮能完成统一大业，能够辅佐不争气的阿斗沿袭皇位千秋万载。</t>
  </si>
  <si>
    <t>电信光纤好吗</t>
  </si>
  <si>
    <t>电信光纤真是个坑 贵不说还不好用。</t>
  </si>
  <si>
    <t>玩网络游戏多，且均在电信区的话，用电信的宽带更方便，如果主要是看电影、下载东西，不怎么玩网游或者是不介意在网通区玩的话，联通的宽带实惠点。</t>
  </si>
  <si>
    <t>火车票变更到站多的钱会退吗?</t>
  </si>
  <si>
    <t>网上办理变更到站的时候,需要退差价,在扣除差价部分的退票手续费后,余款就直接退回到你买票时用的银行卡账户中</t>
  </si>
  <si>
    <t>iphone6自带的软件可以删除吗</t>
  </si>
  <si>
    <t>可以。对于一些几乎用不到的iOS10原生应用，用户可以通过长按应用图标，然后点击左上角叉叉的方式进行删除。</t>
  </si>
  <si>
    <t>不可以删除，10系统也只是隐藏，内存还是占用的。</t>
  </si>
  <si>
    <t>无法删除，越狱以后才可以通过pp助手等一键删除，但是越狱会增加手机风险以及增加电池损耗，不建议越狱。</t>
  </si>
  <si>
    <t>os10版本有部分软件可以删除，但是也仅是部分，比如Apple watch 这个APP。其他的没法删除，即使越狱。建议弄个文件夹把APP放进去就看不见了。</t>
  </si>
  <si>
    <t>长按应用图标出现小叉的就是可以删除的，包括系统自带。</t>
  </si>
  <si>
    <t>充满型的可以做保胆取石手术吗</t>
  </si>
  <si>
    <t>针对胆囊方面的疾病，比较有效的就是采取手术治疗，目前手术方式有传统开放切除胆囊手术，腹腔镜摘除胆囊手术，以及最安全最有效的微创保胆取石术</t>
  </si>
  <si>
    <t>死神被封了吗</t>
  </si>
  <si>
    <t>死神是因为暴力原因被文化部给封了的</t>
  </si>
  <si>
    <t>浴霸灯泡是通用的吗</t>
  </si>
  <si>
    <t>基本都是通用的。</t>
  </si>
  <si>
    <t>喝中药可以喝茶吗?</t>
  </si>
  <si>
    <t>1、喝中药期间喝茶可以降低药效，因为茶有一定的解药功能，我们喝中药的目的是治病，如果因为此期间喝茶而耽误了药效，那就不值得了。2、喝中药期间喝茶容易产生副作用，茶叶中含有一些化学成分，这些化学成分与中药成分容易产生冲突，形成一些副作用，这样就会加重患者的病情。3、喝中药期间喝茶容易产生类似结石的不溶性沉淀物，因为茶叶中含有鞣酸，而中药中含有生物碱，两者的结合容易产生不溶性的沉淀物，沉积在患者体内无法排出。4、喝中药期间喝茶容易影响营养物质的吸收。患者生病期间不仅仅要对症用药，同时还应该增加营养，我们患者患病期间增加营养的同时喝茶，影响了蛋白质的吸收，那自然就会弊大于利。5、喝中药期间喝茶容易导致大脑兴奋，尤其是对那些神经衰弱的患者，想通过服用中药来调节睡眠的，那么如果此时喝茶，药效尽失不说，还加重兴奋的程度，睡眠质量不但不能改善，反而会下降，完全达不到治疗的效果。6、喝中药期间喝茶容易产生胃部不适，茶叶属于刺激性强的饮品，患者期间脾胃虚弱，喝茶会刺激胃酸的产生，同时加重胃痛的感觉，不利于病情的痊愈。</t>
  </si>
  <si>
    <t>指标都是根据k线来的吗</t>
  </si>
  <si>
    <t>指标和K线图的结合学习对交易来说很重要，但对于技术分析来说它们都是一个参考的工具。</t>
  </si>
  <si>
    <t>弓箭 管制吗</t>
  </si>
  <si>
    <t>中国有不少民族有使用弓箭的民族传统。根据国家规定，非机械的弓箭类器材（反曲弓、复合弓）不属于公安管理范畴。相关法规规定，机械类的弓箭类器材，如弩（又称：机械弩、弩机）是一种具有较强杀伤力的器材，具有枪支、管制刀具的部分功能和特性，如不严加控制和管理，极易被犯罪分子利用，危害公共安全，属于国家严格管制物品。</t>
  </si>
  <si>
    <t>乌镇月老庙灵吗</t>
  </si>
  <si>
    <t>是庙都灵,重点是,说愿时要一心无杂念,达成后要还愿</t>
  </si>
  <si>
    <t>门前的大树上都系满了红丝带，可以买个红带写上心愿挂上去，据说非常灵验。</t>
  </si>
  <si>
    <t>我上次也去过，不怎么准，十七卦应该是十七号的意思，她会给你一张纸呀，然后告诉你是上上签还是啥的，然后解读又要收钱</t>
  </si>
  <si>
    <t>子宫内膜厚0.5cm正常吗</t>
  </si>
  <si>
    <t xml:space="preserve"> 子宫内膜太薄会影响到你的生育能力的</t>
  </si>
  <si>
    <t>长城m2有自动挡吗</t>
  </si>
  <si>
    <t>现在在售的2012款的有自动挡，2014款没有自动挡</t>
  </si>
  <si>
    <t>中专有报到证吗</t>
  </si>
  <si>
    <t>　1、只有参加中考并录取的中专学生，才是计划内招生，毕业后才有报到证。2、如果中专生是计划外的招生，没有报到证。</t>
  </si>
  <si>
    <t>房屋空鼓 多 是不是 质量有问题?</t>
  </si>
  <si>
    <t>贴墙砖的墙面会出现，墙砖开裂、脱落现象的发生。很美观的瓷砖墙面，有开裂的和不均称的脱落地面空鼓危害：铺实木地板的要有木龙骨，空鼓的地方是不好固定木龙骨的，它固定不好，地板就会是活动。</t>
  </si>
  <si>
    <t>“空鼓问题，是目前的建筑通病。” 几乎每一套房子都有空鼓的问题。验房的时候一旦发现空鼓，不管是多是少，都应立即找物业，要求开发商整进行空鼓填补，不然空鼓就会变得更加严重。虽然房屋空鼓不属于房屋主体的质量问题，但如果空鼓过多会影响后期的装修。</t>
  </si>
  <si>
    <t>美国现在还有印第安人吗</t>
  </si>
  <si>
    <t>目前美国有印第安人253万多人，分属560多个部落，居住在200多块印第安保留区内。</t>
  </si>
  <si>
    <t>笔记本可以加内存条么?</t>
  </si>
  <si>
    <t>可以自己加的。</t>
  </si>
  <si>
    <t>红色冬衣能幻化吗</t>
  </si>
  <si>
    <t>红色冬衣不能幻化</t>
  </si>
  <si>
    <t>孕妇能吃橘子吗?</t>
  </si>
  <si>
    <t>1、孕妇可以吃桔子，但也不能贪多。桔子吃多了容易上火，尤其在孕后期孕妇容易发生便秘的情况下，孕妇要少吃桔子。2、桔子不宜与萝卜、牛奶同食。</t>
  </si>
  <si>
    <t>孕37周还要吃钙片吗</t>
  </si>
  <si>
    <t xml:space="preserve">  多喝喝牛奶,牛奶是补充钙剂最安全有效的途径.牛奶中钙的含量很丰富,每百克牛奶中含钙可达100～110 毫克,而且这种钙为天然乳钙,容易被人体消化吸收.况且,药补不如食补.</t>
  </si>
  <si>
    <t>surface可以插网线吗</t>
  </si>
  <si>
    <t>不能插网线，但可以USB网卡，从而实现插入网线.Surface在机身左右只设置了一个USB插口 和一个SD卡槽和一个HDMI的插口，是没有设置网线插口也没有预设Sim卡槽 。WiFi功能：支持802.11b/g/n无线协议.网络模式：不支持3G网络.蓝牙功能：支持蓝牙4.0模块.</t>
  </si>
  <si>
    <t>我买了转换接头，带3个usb接口，80多，好用，适用于无wifi的酒店</t>
  </si>
  <si>
    <t>悦诗风吟化妆品好用吗</t>
  </si>
  <si>
    <t>它家的东东成分比较天然，价位不高，如果诉求只是补水保湿之类的就不错。</t>
  </si>
  <si>
    <t>悦诗风吟我用了绿茶，补水保湿还行，治不了痘痘。</t>
  </si>
  <si>
    <t>彩妆比护肤好用，睫毛膏和气垫粉扑是真的好用。</t>
  </si>
  <si>
    <t>北京凌晨有机场大巴吗</t>
  </si>
  <si>
    <t>北京凌晨过后没有机场大巴</t>
  </si>
  <si>
    <t>孕妇需要做糖耐吗</t>
  </si>
  <si>
    <t>条件允许的话，孕妈妈都需要做一下糖耐检查，这样能尽早的检测出是否患有妊娠糖尿病并积极采取治疗措施，将危害减至最低。任何事情都没有绝对的，但是为了胎儿的健康有条件的孕妈妈最好都做糖耐检查，以尽早检测出是否有妊娠糖尿病并治疗。</t>
  </si>
  <si>
    <t>lol小智是不是碧哥</t>
  </si>
  <si>
    <t>他们无疑是合作伙伴，小智经常和碧哥双排，而且也经常在直播间里替他带一波节奏。</t>
  </si>
  <si>
    <t>马代是落地签吗</t>
  </si>
  <si>
    <t>pp助手可以更新系统吗</t>
  </si>
  <si>
    <t xml:space="preserve"> 使用PP助手(Win)版固件下载,下载对应手机型号最新固件版本(不建议使用iTunes直接升级,因为会使用iTunes下载固件速度非常慢)，将iPhone \ iPad \ iTouch 连接电脑打开iTunes，按住键盘上Shift(上档键)+鼠标左键点击iTunes 的 更新 \ 恢复功能，iTunes会弹出对话窗--请选择已经使用PP助手(Win)下载固件--点击更新--等待iTunes运行。成功升级\恢复iOS8需要激活设备!</t>
  </si>
  <si>
    <t>迪迦是奥特曼吗</t>
  </si>
  <si>
    <t>迪迦不是奥特曼，迪迦、戴拿、盖亚（其实还应该包括阿古茹）是属于平成三部曲，与原有奥特之国设定不在同一世界观。</t>
  </si>
  <si>
    <t>以色列过圣诞节吗?</t>
  </si>
  <si>
    <t>不过，不是所有的西方国家都过圣诞节，以色列就是一个例外。</t>
  </si>
  <si>
    <t>妇科病影响生育吗</t>
  </si>
  <si>
    <t>妇科炎症会不同程度地阻碍精子和卵子相结合,引发不孕;还会增加早产、流产等风险.因此,如患有妇科炎症,一定要及时科学治疗.所以说妇科炎症会严重地影响女性怀孕。</t>
  </si>
  <si>
    <t>轮胎带轮毂吗</t>
  </si>
  <si>
    <t>轮胎不带轮毂</t>
  </si>
  <si>
    <t>按揭中的房子可以过户吗</t>
  </si>
  <si>
    <t>按揭中的房子出售需要先还清按揭款，可以选择将下家的购房款先用于偿还按揭或者自己筹款偿还按揭，然后才可以进行过户交易。</t>
  </si>
  <si>
    <t>广州南站好打车吗</t>
  </si>
  <si>
    <t>很方便的</t>
  </si>
  <si>
    <t>金针菇会胖吗</t>
  </si>
  <si>
    <t>金针菇吃了不会发胖。</t>
  </si>
  <si>
    <t>照片可以正对着门吗</t>
  </si>
  <si>
    <t>不要正对回家的主大门、厨房门、洗手间门，如果家中还有其它卧室门的话，也不要正对。</t>
  </si>
  <si>
    <t>笔记本电源适配器可以通用吗</t>
  </si>
  <si>
    <t>严格说不同品牌笔记本电脑的电源适配器是不能通用的。</t>
  </si>
  <si>
    <t>看b超单能不能知道男女</t>
  </si>
  <si>
    <t>b超结果是绝对的不可能看出男女的，国家法律也不允许私自鉴别胎儿的性别的</t>
  </si>
  <si>
    <t>架空层算不算一层</t>
  </si>
  <si>
    <t xml:space="preserve">  四周有维护的层高超过1.2米~2.1米的使用空间要算一半建筑面积，2.1米以上的空间全算。但是，各个地方有详细的规划建设条理也不是一样的，主要要看看你那边城市的规定。</t>
  </si>
  <si>
    <t>360win10永久免费吗</t>
  </si>
  <si>
    <t>360升级win10是永久免费的</t>
  </si>
  <si>
    <t>iphone4s升级ios7.0.4卡吗</t>
  </si>
  <si>
    <t>很多网民反映他们的iPhone 4和4S升级iOS 7后变得更卡了，果粉一直引以为豪的iOS设备的流畅体验变得大大折扣。不幸的是，这些用户也没法回到iOS 6.iOS 7是为性能更高的5S和5C设计的，旧款设备运行起来会比较吃力。不过虽然4和4S无法变得像5S一样流畅，还是有一些方法能让它们更流畅地运行iOS 7。要想让iPhone 4和4S变得更流畅，核心的理念是：少就是多，既然性能不够强大，就要减少不必要的使用--例如释放设备空间，限制同时运行的进程，以及关掉不必要的功能。</t>
  </si>
  <si>
    <t>4S升级了ios7.0.4，玩什么都不卡了。</t>
  </si>
  <si>
    <t>磁条卡要换芯片卡吗</t>
  </si>
  <si>
    <t>换芯片卡必须知道三大攻略 磁条卡不是非换不可#辟谣！5月起纯磁条银行卡还能用，不换卡也没多大关系#可以不更换，目前没有规定一定要更换芯片卡，老磁条的卡能继续使用。</t>
  </si>
  <si>
    <t>英雄联盟有单人模式吗</t>
  </si>
  <si>
    <t>单人模式是你一个人随机排到4个队友5个对手</t>
  </si>
  <si>
    <t>房屋可以质押吗</t>
  </si>
  <si>
    <t>房屋属于不动产，不能质押。</t>
  </si>
  <si>
    <t>淘宝网上买机票可靠吗</t>
  </si>
  <si>
    <t>可以购买有保障#定过，别的我不知道，但我定的还蛮靠谱的 #靠谱，淘宝上的飞机票都是特价票，买完后不能退改签，过期直接作废，自己要注意时间</t>
  </si>
  <si>
    <t>千万不要在淘宝旅行上购买机票</t>
  </si>
  <si>
    <t>营业收入 含税吗</t>
  </si>
  <si>
    <t>报税的营业收入，是不含税收入</t>
  </si>
  <si>
    <t>日本av行业合法吗</t>
  </si>
  <si>
    <t>是合法的，因为日本AV产业被披上了保护国民权利的外衣。</t>
  </si>
  <si>
    <t>住房公积金可不可以转</t>
  </si>
  <si>
    <t>1.公积金账户余额可以转移。2.在新工作地单位缴存公积金后，在当地管理中心开具缴存证明，接收证明和接收账户，到原理啊缴存地管理中心即可办理转移手续。</t>
  </si>
  <si>
    <t>吃血补血吗</t>
  </si>
  <si>
    <t>血里含铁，铁是造血所需的重要材料,机体内缺乏铁元素将会发生缺铁性贫血,所以,贫血患者常吃血可以起到补血的功效。</t>
  </si>
  <si>
    <t>小米手机在泰国能用吗</t>
  </si>
  <si>
    <t>泰国的3G网络制式是WCDMA，包括happy卡和AIS在内的所有电信运用商都是用这种制式的。LZ你要先弄清楚一点，你的手机是不是合约机不重要，重要的是你的手机是什么制式的手机。如果你的手机是联通手机或者水货手机、全网通手机，那就可以用泰国的电话卡。如果你的手机是移动定制机或者电信定制机，网络制式跟泰国是不一样。根据我自己的经验，移动定制机使用happy卡只能打电话，不能上网。如果你的手机制式能支持用泰国网络的，那我建议你还是应该买happy卡。如果你的手机制式不支持泰国网络，用电话卡只能打电话，我就觉得不太划算了。</t>
  </si>
  <si>
    <t>卧室可以放书柜吗</t>
  </si>
  <si>
    <t>答案是肯定的。因为很多小户型房子没有办法弄单独的书房，这时候我们就可以把卧室兼具书房功能。</t>
  </si>
  <si>
    <t>美版6s在国内可以用吗</t>
  </si>
  <si>
    <t>美版最大的优势就是便宜，价格相比港版来说更具诱惑力，但如果考虑到转运成本以及被税的几率的话，相比港版来说就有所不如了。但作为iPhone的大本营，美国首批的货源应该是最充足的，所以抢到的希望会大增。美版的劣势在于，目前大部分转运公司可能都不支持配送苹果产品，而且美版多为有锁机，无锁机的数量较少。所以说要买美版的话要买无锁机哦，有锁的不行</t>
  </si>
  <si>
    <t>多功能方向盘有必要吗</t>
  </si>
  <si>
    <t>很实用的一个配置，把最常用的一些功能按键（比如蓝牙、音响、车辆设置等等）转移到方向盘上，这样在操作这些功能时，手不需要长时间离开方向盘，视线也不需要长时间的离开前方路面。这个功能对于那些在开车过程中经常使用这类功能的车主来说，是一个十分方便、人性化，并且能一定程度提高行车安全性的一个配置。</t>
  </si>
  <si>
    <t>怀孕会口干吗</t>
  </si>
  <si>
    <t xml:space="preserve">  怀孕初期会引起口干。怀孕初期口干是因为，婴儿核氨酸的形成需要水分，怀孕中晚期口干是因为，婴儿将尿液排在羊水里，子宫需要经常更换羊水造成的！</t>
  </si>
  <si>
    <t>吉利金刚好吗</t>
  </si>
  <si>
    <t>我开的就是金刚，当事买车预算十分有限，考虑再三，感觉金刚性价比最高，说实在话，这车对得起这价格，事实证明， 选择是对的，堪称5万元内性价比最高，省油  外观可以 空间大 保有量高</t>
  </si>
  <si>
    <t>梁子岛好玩吗</t>
  </si>
  <si>
    <t>梁子岛是个以旅游观光为主的小镇，这里空气清新最适宜夏日度假，观光，写生，对于喜欢垂钓的朋友着里自然成为了另一个最佳地点，夏季可以体味湖风吹拂的凉意，呼吸荷糖的清香，还可以在湖中感受畅游500米的乐趣，每年的9月底还有热闹的开湖节,可以品尝到美味的梁子湖鱼，十月这里还有最火的梁子湖螃蟹。岛上观赏烟花自是另一种美，湖光月色的衬托总让人有种身处异地的感觉。</t>
  </si>
  <si>
    <t>漳州有民生银行吗</t>
  </si>
  <si>
    <t>有啊， 一个在芗城区水仙大街42号新城大厦A座13层，另一个在漳浦县万新商业广场D3128A-3130B。</t>
  </si>
  <si>
    <t>漳州没有民生银行，但漳浦是有一家民生村镇银行，但只办理存款，其他所有业务都没有</t>
  </si>
  <si>
    <t>红领巾有没有直角</t>
  </si>
  <si>
    <t>根据全国少工委2005年颁发的《关于中国少年先锋队队旗、队徽和红领巾、队干部标志制作和使用的若干规定》,少先队员佩戴的红领巾分大、小号两种规格.规格一：等腰三角形,底长为100厘米,腰为60厘米.（60厘米×60厘米×100厘米）规格二：等腰三角形,底长为120厘米,腰为72厘米.（72厘米×72厘米×120厘米），根据这个尺寸,红领巾是不可能有直角的.</t>
  </si>
  <si>
    <t>顺丰可以寄化妆品吗</t>
  </si>
  <si>
    <t>可以的,我就是一名顺丰的员工,但化妆品是不能走航空的,因为化妆品是航空违禁品,所以就只能陆运.那样的话相对来说时间就要长一点点.顺相的速度还是比较快的.希望能帮到你.</t>
  </si>
  <si>
    <t>首先要确定你的化妆品是固体还是液体还是半液体。如果是液体，不好意思，不能走航空件，只能陆运，稍微慢一点但是价格便宜些，不过还是比四通一达贵。如果不是液体就能走航空件，当然这不是绝对的，看每个地方的收派员和上飞机之前的安检员！</t>
  </si>
  <si>
    <t>dnf灵魂猎者组队有用吗</t>
  </si>
  <si>
    <t>这个肯定有效果啊，说个新游戏吧，腾讯出的，叫王g牌k对决，给人的感觉很不错，有好多英雄可以不用花钱玩，还有好多精彩的模式可以随意挑选，玩家还可以自由的创建房间，好多网友都喜欢。</t>
  </si>
  <si>
    <t>月经期间能吃黑米粥吗</t>
  </si>
  <si>
    <t>可以吃，黑米的营养非常丰富，具有很好的滋补作用，被称为“补血米”、“长寿米”等</t>
  </si>
  <si>
    <t>yy幻影是真唱吗</t>
  </si>
  <si>
    <t>一般是真唱，也有少部分人对口型，不过唱的好的一般都有个好声卡</t>
  </si>
  <si>
    <t>大多数都是真唱但也不排除假唱 那些唱的都是那些频道花钱的员工 唱歌是她们的工作</t>
  </si>
  <si>
    <t>布洛芬缓释胶囊感冒可以吃吗</t>
  </si>
  <si>
    <t>是可以的，布洛芬缓释胶囊用于缓解轻至中度疼痛如：关节痛、肌肉痛、神经痛、头痛、偏头痛、牙痛、痛经，也用于普通感冒或流行性感冒引起的发热。口服用药，成 人一次1粒，一日2次(早晚各一次)，注意要多喝水。</t>
  </si>
  <si>
    <t>布洛芬是可以解热镇痛的，是可以退烧的，不是感冒药。</t>
  </si>
  <si>
    <t>眩晕症能喝酒吗</t>
  </si>
  <si>
    <t>不能。免疫力的高低与平时的饮食生活习惯有很大的关系，应该从这些方面进行积极的调整，逐渐的改善加强。</t>
  </si>
  <si>
    <t>尽量少喝，不然的话，会更晕的</t>
  </si>
  <si>
    <t>男人戴平安扣好吗</t>
  </si>
  <si>
    <t>平安扣很好啊，寓意很深的</t>
  </si>
  <si>
    <t>金华十五中好吗</t>
  </si>
  <si>
    <t>十五中好，和五中四中齐名的，而且升学率高。</t>
  </si>
  <si>
    <t>景甜演过床戏吗</t>
  </si>
  <si>
    <t>景甜自曝首次拍床戏与男主只有动作戏。</t>
  </si>
  <si>
    <t>叶问是真的吗</t>
  </si>
  <si>
    <t>叶问是中国历史上有名的武术宗师，是中国近代最负盛名的咏春大师，在叶问之前咏春只是在一些小地方流传，但是自从他在香港教学20多年之后咏春才算是被推广开来，他的关门弟子更是将咏春带到了世界各地，使得咏春成为了世界知名的拳术。</t>
  </si>
  <si>
    <t>蜜蜂巢能吃吗</t>
  </si>
  <si>
    <t>蜜蜂巢是能吃的一种天然物质，它是由多种蜂产品一起构成的，最重要的成分就是天然蜂蜡，而这种蜂蜡也是一种可以入药的天然物质，能消炎止痛，也能促进组织再生。另外蜜蜂巢中还有花粉、蜂蜜、蜂胶以及蜂王浆等多种成分，这些物质都是可以食用的蜂产品，因此蜜蜂巢不但能吃，还能为人们的身体提供大量营养呢。</t>
  </si>
  <si>
    <t>爱丽小屋口红好用吗</t>
  </si>
  <si>
    <t>kiss note这个系列不错。是滋润的。有8个颜色可以选。抹完挺自然的。不是很贵。外表也挺可爱，拿出来应该很多小女生喜欢噢。我是看同学擦了之后挺好看的颜色问了之后才知道的。现在自己也用，真的不错噢，推荐推荐。</t>
  </si>
  <si>
    <t>酸奶可以放微波炉加热吗</t>
  </si>
  <si>
    <t>可以啊。酸奶要低温才能保持益生菌活力，只要方法对，冬天也能喝到热乎乎的酸奶。</t>
  </si>
  <si>
    <t>不能加热，如果喝不了太凉的，可以先在常温下放置一会再喝。</t>
  </si>
  <si>
    <t>只要温度不太高就没事，加热不能超过35-45℃，过了里面的益生菌就会死亡，营养价值就大打折扣了。</t>
  </si>
  <si>
    <t>京东有卖蓝色贵宾46度酒吗</t>
  </si>
  <si>
    <t>90元两瓶，，，，，46度500ml</t>
  </si>
  <si>
    <t>宏大小额贷款是真的吗</t>
  </si>
  <si>
    <t>我被上海普陀宏大小额贷款股份有限公司骗走了五千</t>
  </si>
  <si>
    <t>血糖高会皮肤痒吗</t>
  </si>
  <si>
    <t>高血糖刺激是会引起皮肤瘙痒的症状的。</t>
  </si>
  <si>
    <t>负数是不是整数</t>
  </si>
  <si>
    <t>整数既有正整数也有负整数负数既有负整数还有负小数</t>
  </si>
  <si>
    <t>市胜国际理财是传销吗</t>
  </si>
  <si>
    <t>是不是传销，要观察其销售模式现在的传销不一定控制人身自由，但却用洗脑控制思想，用交钱控制你的行为！</t>
  </si>
  <si>
    <t>老鸹眼树做手串好不好</t>
  </si>
  <si>
    <t>老鸹眼树瘤子做手串好</t>
  </si>
  <si>
    <t>例假提前4天正常吗</t>
  </si>
  <si>
    <t>一般情况下月经提前或者是推迟一周的话都是在正常的范围内的</t>
  </si>
  <si>
    <t xml:space="preserve"> 月经周期容易受外界环境、情绪等影响，偶尔提前或者拖后也是有可能的，只要不超过一个星期就没问题</t>
  </si>
  <si>
    <t>750ti能玩辐射4吗</t>
  </si>
  <si>
    <t>可以，试试中特效</t>
  </si>
  <si>
    <t>js可以连接数据库吗</t>
  </si>
  <si>
    <t>不建议  太暴露了</t>
  </si>
  <si>
    <t>要保证客户端有这个东东 （ocx控件），而且还要有权限运行。另外连接字符串暴露给客户端？难道是自读数据库？且数据不重要？如果真的想连接的话，服务器也要允许远程连接，还有防火墙的设置等等。</t>
  </si>
  <si>
    <t>抗战胜利日以后每年都放假吗</t>
  </si>
  <si>
    <t>应该不会</t>
  </si>
  <si>
    <t>早上爬山好不好</t>
  </si>
  <si>
    <t xml:space="preserve"> 登山对人体有很大的好处，从医学角度来说，它对人的视力、心肺功能、四肢协调能力、体内多余脂肪的消耗、延缓人体衰老等五个方面有直接的益处。</t>
  </si>
  <si>
    <t>北京公交卡能挂失吗</t>
  </si>
  <si>
    <t>北京公交卡今年可实现实名登记挂失 自选不强制</t>
  </si>
  <si>
    <t>公交卡是不记名的卡，无法挂失。</t>
  </si>
  <si>
    <t>喝完中药可以吃苹果吗</t>
  </si>
  <si>
    <t>可以，中药是治疗青春痘的那就是有调节内分泌的功效。水果可以补充很多的维生素。这两样不会有什么冲突。</t>
  </si>
  <si>
    <t>旅行发票能报销吗</t>
  </si>
  <si>
    <t>如果取得的旅游景点的门票是符合法规并且套印全国统一发票监制章的发票，可以作为财务报销凭证。</t>
  </si>
  <si>
    <t>旅游发票不能报销 公务活动频遭“发票歧视”</t>
  </si>
  <si>
    <t>超市能开增值税发票吗</t>
  </si>
  <si>
    <t>广州市所有的超市（百佳、华润万家、家乐福、好又多等），都不会向客户开增值税专票的，只有增值税普票和通用机打发票。</t>
  </si>
  <si>
    <t>动脉导管未闭会遗传吗</t>
  </si>
  <si>
    <t>不会，请放心，怀孕期间注意补充叶酸</t>
  </si>
  <si>
    <t>西安国庆人多吗</t>
  </si>
  <si>
    <t>西安中国的一座名城，这里历史文化底蕴醇厚，各种古迹文明世界，所以十一去西安的话，人肯定是多的。</t>
  </si>
  <si>
    <t>联合培养研究生好吗</t>
  </si>
  <si>
    <t>联合培养硕士研究生有好也有不好：坏处是说明学校的培养实力和培养经验不足，好处是报考的竞争没有那么激烈，容易考上。</t>
  </si>
  <si>
    <t>长隆水上世界好玩吗</t>
  </si>
  <si>
    <t>长隆水上乐园总面积超过40万平方米，是世界上最大、最先进、游乐项目最多、更适合全家游玩的水上乐园。</t>
  </si>
  <si>
    <t>广州长隆水上乐园真是不好玩，真是坑爹</t>
  </si>
  <si>
    <t>迈腾底盘被磕到有事吗</t>
  </si>
  <si>
    <t>有事</t>
  </si>
  <si>
    <t>没问题的，没影响！</t>
  </si>
  <si>
    <t>你好，这种不好判断。建议到汽修店检查一下【汽车有问题，问汽车大师。4S店专业技师，10分钟解决。】</t>
  </si>
  <si>
    <t>友谊雪花膏有激素吗</t>
  </si>
  <si>
    <t>从里面的成分看没有激素</t>
  </si>
  <si>
    <t>公海可以捕鱼吗</t>
  </si>
  <si>
    <t>只要在划分的界内没问题，到别国海域捕鱼会被扣般，重罚，还会判刑，会引起外交纠纷。</t>
  </si>
  <si>
    <t>极路由3可以翻墙吗</t>
  </si>
  <si>
    <t>极路由本身具有vpn，ssh翻墙功能，通过某些操作之后可以实现ss功能，是目前最流行的翻墙路由。</t>
  </si>
  <si>
    <t>新车没上牌保险生效吗</t>
  </si>
  <si>
    <t>新车没上牌买了保险能出险可以获得理赔。没上正式牌照，没有临时牌照的新车出险，不属于交强险的责任免除范围，交强险必须要赔;但属于商业险的责任免除范围，商业险不赔。</t>
  </si>
  <si>
    <t>gz偏码吗</t>
  </si>
  <si>
    <t>gz比正常的鞋子偏大半码到一码</t>
  </si>
  <si>
    <t>理论上比正常鞋小一码。</t>
  </si>
  <si>
    <t>360好不好</t>
  </si>
  <si>
    <t>360的软件挺好用的</t>
  </si>
  <si>
    <t>360越来越流氓了</t>
  </si>
  <si>
    <t>好不好，自己用过后才会有一个更客观的评判。</t>
  </si>
  <si>
    <t>戚风蛋糕能放冰箱吗</t>
  </si>
  <si>
    <t>是的，蛋糕需要低温冷藏的！</t>
  </si>
  <si>
    <t>北京剃刀冬眠吗</t>
  </si>
  <si>
    <t>剃刀龟算蛋龟里比较耐寒的，  头苗建议不要冬眠  ，第二年 可以考虑15度停止喂食，  浅水让他进入冬眠，  冬眠温度5-10度差不多 ， 不要太低。</t>
  </si>
  <si>
    <t>硬盘必须有主分区吗</t>
  </si>
  <si>
    <t>当然，没有主分区，那电脑他来咱认先从那进入呢，主分区的功能就是做系统。</t>
  </si>
  <si>
    <t xml:space="preserve">  一个硬盘的主分区也就是包含操作系统启动所必需的文件和数据的硬盘分区，要在硬盘上安装操作系统，则该硬盘必须得有一个主分区。</t>
  </si>
  <si>
    <t>一块硬盘（包括移动硬盘）如果只分一个区必须是主分区，最多可以分为四个主分区或者三个主分区一个扩展分区，而扩展分区可以再分很多逻辑分区盘符占满为止。</t>
  </si>
  <si>
    <t>这个问题不是绝对的。如已有一块硬盘，其上有主分区，即可安装操作系统使用。而另一块硬盘则可以没有主分区，即全为逻辑分区。这第二块硬盘的分区中，仍可安装操作系统，与第一块盘的系统，组成多操作系统环境。</t>
  </si>
  <si>
    <t>休病假有工资吗</t>
  </si>
  <si>
    <t>有，劳动法规定，病假工资不得低于当地最低工资标准的80%</t>
  </si>
  <si>
    <t>啤酒有酒精吗</t>
  </si>
  <si>
    <t>当然有，喝啤酒易醉是因为啤酒里面含有酒精，啤酒的酒精含量是按重量计算的，通常为2％—5％。啤酒的酒精含量越高，酒质越好。啤酒瓶上的度数标志是指麦芽汁的含糖浓度。10°啤酒是每公斤麦芽汁含糖100克。啤酒根据麦芽汁浓度可分为三类：6°—8°为低浓度啤酒，酒精含量也最低（为2％左右），最适宜在夏季作为清凉饮料饮用；10°—12°为中浓度啤酒，酒精含量为3.5％左右；14°—20°为高浓度啤酒，酒精含量接近5％，国际上公认12°以上的啤酒为高级啤酒，这种啤酒酿造周期长，耐贮存。我国最新的国家标准规定:啤酒是以大麦芽(包括特种麦芽)为主要原料，加酒花，经酵母发酵酿制而成的、含二氧化碳的、起泡的、低酒精度(2.5~7.5%)的各类熟鲜啤酒。</t>
  </si>
  <si>
    <t>车被点燃保险赔偿吗</t>
  </si>
  <si>
    <t>只要买了自燃险，保险公司会赔。</t>
  </si>
  <si>
    <t>这个是绝对不会赔偿的</t>
  </si>
  <si>
    <t>结核病能治愈吗</t>
  </si>
  <si>
    <t>肺结核是完全可以治好的，但是因为这是一种慢性病，所以治疗时间较长。</t>
  </si>
  <si>
    <t>硬盘再生器 有用吗</t>
  </si>
  <si>
    <t>普通的格式化不影响的。修复实际上是重映射的过程，即将坏块部分指向别的未使用的正常区域，同时屏蔽坏块，并不是说坏块真的修好了。</t>
  </si>
  <si>
    <t>双氧水可以消毒伤口吗</t>
  </si>
  <si>
    <t>双氧水清洗伤口并不是说非要到没有泡沫为止，因为双氧水接触到血液也会起泡沫，所以您所说的到没有泡沫是做不到的，一般双氧水擦洗1-2遍后，用无菌生理盐水清洗即可，</t>
  </si>
  <si>
    <t>1岁多的宝宝 能用甲强龙吗</t>
  </si>
  <si>
    <t>甲强龙是一种糖皮质激素类的药物，临床上还没有报道引起蚕豆病患儿溶血等情况出现，如果其他病情需要，应该还是可以考虑使用的。</t>
  </si>
  <si>
    <t>一般临床上婴幼儿应用甲强龙多见于支气管肺炎，支气管哮喘急性发作。</t>
  </si>
  <si>
    <t>甲强龙是一种糖皮质激素，除非用于某些内分泌疾病的替代治疗，糖皮质激素仅仅是一种对症治疗的药物。所以不可以长期应用，当使用甲强龙冲击治疗时，可以连用3天为一疗程。糖皮质激素有增加感染，导致消化道出血，水钠潴留，低血钾，影响伤口愈合，影响小儿生长发育等副作用。使用过程中需同时抗感染，保护胃粘膜，加强营养等。可以连续使用，但不能长期应用。且静脉应用副作用大，若需要使用糖皮质激素，应尽快转为口服用药，以减少副作用。</t>
  </si>
  <si>
    <t>b2驾照难考吗</t>
  </si>
  <si>
    <t>因为2013驾照考试制度改革，大车牌的考试难度提升很多，以前科目二是训练十项选考六项，现在是训练和考试都是十六项。科目三的考试要求距离在15公里以上。各科考试都要求90分才合格。训练成本大大提升。</t>
  </si>
  <si>
    <t>怀孕期间可以矫正牙齿吗</t>
  </si>
  <si>
    <t>牙套矫正牙齿需要3年左右时间，期间有很多不确定因素或意外，不论是否是适应症，都不应该与怀孕同时进行。</t>
  </si>
  <si>
    <t>感冒发烧能刮痧吗</t>
  </si>
  <si>
    <t>你好朋友，感冒发烧头疼可以刮痧注意休息不要疲劳。</t>
  </si>
  <si>
    <t>可以刮痧。但是刮痧后需要注意防寒保暖,避风.刮痧后可以喝些温热开水,以助其效</t>
  </si>
  <si>
    <t>松蘑有毒吗</t>
  </si>
  <si>
    <t>没有毒的；松蘑肉质肥厚，味道鲜美滑嫩，不但风味极佳、香味诱人，而且是营养丰富的食用菌，有食用菌之王的美称，不亚于猴头、灵芝，欧美尤视之为珍品。</t>
  </si>
  <si>
    <t>娇韵诗v脸精华有用吗</t>
  </si>
  <si>
    <t>有用！</t>
  </si>
  <si>
    <t>已经对它们彻底放弃了，还是省点钱</t>
  </si>
  <si>
    <t>server可以禁用吗</t>
  </si>
  <si>
    <t>文件和打印机共享服务禁用影响到你共享文件和局域网访问。不需要的话可以禁用。一般不用管它即可</t>
  </si>
  <si>
    <t>hellokitty主题乐园好玩吗</t>
  </si>
  <si>
    <t>多种情况，有些人觉得好玩，有些人觉得不好玩</t>
  </si>
  <si>
    <t>韩莹莹死了吗</t>
  </si>
  <si>
    <t>死了，战死沙场</t>
  </si>
  <si>
    <t>顿号后能接句号吗</t>
  </si>
  <si>
    <t>lol苹果电脑能玩吗</t>
  </si>
  <si>
    <t>苹果系统玩不了。可以装个win7.</t>
  </si>
  <si>
    <t>手机可以压缩文件吗</t>
  </si>
  <si>
    <t>下载一个压缩文件管理器就行了</t>
  </si>
  <si>
    <t>发财树怕冷吗</t>
  </si>
  <si>
    <t>发财树怕冷，如果冬季温度达到10℃以下，发财树轻则落叶，重则死亡，所以花友可以适当关注发财树的冬季情况，10℃是一个参考值，地域环境不同，这个温度可能会高一些，也可能会低一下，花友要灵活应对。</t>
  </si>
  <si>
    <t>皮肤太白会不会有问题</t>
  </si>
  <si>
    <t>不好,人们长假期间户外活动多，容易晒伤有关之外，还与当今越来越多女性追求美白，滥用美白产品，导致皮肤中一些正常“黑素”减少，皮肤对日光的抵御能力下降有关。</t>
  </si>
  <si>
    <t>毕畅是毕福剑女儿吗</t>
  </si>
  <si>
    <t>毕畅不是毕福剑的女儿</t>
  </si>
  <si>
    <t>win8能玩模拟城市5吗</t>
  </si>
  <si>
    <t>很简单，这部模拟城市5未来之城不仅完美兼容win8，而且连过气的XP也能完美运行，再加上刚放出就被破解的离线模式，大家尽可以放心下载</t>
  </si>
  <si>
    <t>貌似还没有成功的先例 都是卡在最后一步点运行游戏没反应 等破解更新吧</t>
  </si>
  <si>
    <t>新生儿要吃鱼肝油吗</t>
  </si>
  <si>
    <t>0-3岁的婴幼儿由于饮食较单一、户外活动少、生长发育快，加之现在的雾霾等污染加重，这个阶段更容易出现维生素AD摄入不足问题，是维生素AD缺乏的高发阶段，而且母乳中维生素D的含量非常低，不足以满足宝宝健康生长发育的需要，对于年幼的宝宝来说，鱼肝油是必须服用的。</t>
  </si>
  <si>
    <t>新生儿期宝宝吃鱼肝油有以下几个原因：1.在宝宝出生后的15天左右要补充鱼肝油，因为胎儿在出生前的一个月是从母体吸收营养储存在体内的一个月，胎儿会在出生前在身体里储存一些钙和铁，其中还要储存一些维生素D，以解决出生后的营养消耗。但到出生后半个月左右，宝宝身体内储存的维生素D基本上就消耗完了，所以在此时要及时添加鱼肝油来补充所需的维生素D。2.有些孕妇营养不足或在孕期就缺乏维生素D的话，那么宝宝在母体中能储存到的维生素D就不足了，所以有的宝宝在出生后不久就会很快表现出由于缺乏维生素D而发生的缺钙症状。新生的宝宝生长发育是非常迅速的，所以维生素D的缺乏就会很快影响到宝宝的钙吸收，从而发生缺钙的症状。3.未满月前的宝宝都属于新生儿，在新生儿时期宝宝一般都是不出门的，所以宝宝接触日光照射能自身合成维生素D的机会几乎为零。即使宝宝储存了足够的维生素D，但如果不补充鱼肝油的话也是不行的。如果天气较冷或在冬天，光照不足的时候，由于穿得较厚暴露在阳光下的皮肤较少，即使能出去活动的大一些的宝宝也会发生维生素D的缺乏，何况在月子里的宝宝呢！到了夏天光照充足皮肤接触阳光较多，就可以暂停补充鱼肝油。鱼肝油要按说明的量服用，不可因急于求成而超量服用。长期的超量服用会慢慢积累产生毒副作用，按正确用量服用是安全的。</t>
  </si>
  <si>
    <t>虎鲸聪明吗</t>
  </si>
  <si>
    <t>虎鲸聪明到让你惊讶！</t>
  </si>
  <si>
    <t>企业间借款是否合法</t>
  </si>
  <si>
    <t>企业间借贷，是指非金融企业之间相互借款的行为。依据我国法律规定，一般不允许非金融企业之间相互借款。但针对当前经济运行中存在的一些突出问题，在现今的司法实践中，对非金融企业之间的借贷，应根据案件的实际情况，如存在上下级关系、长期业务往来关系，对企业确因资金周转困难，临时性、个别的、不以收取高息为目的的短期借款，经审查不属于违反国家规定办理借贷或者变相借贷融资业务的违法行为的，结合其他情况可认定为该借款行为有效。企业将自有资金出借给其他企业帮助其解决生产经营中所急需资金的，孳息可按照银行同期同类贷款基准利率计算</t>
  </si>
  <si>
    <t>山东商业职业技术学院能专升本吗</t>
  </si>
  <si>
    <t>都是可以的</t>
  </si>
  <si>
    <t>成都双流机场凌晨有车吗</t>
  </si>
  <si>
    <t>成都双流机场到市区共有：300路，303路，304路，317路，318路，其余的线路晚间都在19点至20点间收车，只有303路收车较晚。</t>
  </si>
  <si>
    <t>在职研究生专科可以考吗</t>
  </si>
  <si>
    <t>专科生可以直接考研</t>
  </si>
  <si>
    <t>微波炉可以放玻璃碗吗</t>
  </si>
  <si>
    <t>微波炉可以用玻璃碗热东西，但是必须是硼硅酸玻璃、微晶玻璃、氧化钛结晶玻璃制成的器皿。普通玻璃制成的玻璃杯、牛奶瓶、哺乳瓶只适宜在微波炉中短时间加热，约3分钟。</t>
  </si>
  <si>
    <t>世纪佳缘有好女孩吗</t>
  </si>
  <si>
    <t>我发现世纪佳缘上还是好女孩子多~</t>
  </si>
  <si>
    <t>怀孕38天可以去医院看吗</t>
  </si>
  <si>
    <t>目前怀孕初期，怀孕时间准确根据末次月经期时间推算，或者根据B超检查孕囊大小推算的，相对误差比较小。指导意见： 根据抽血化验血hcg值结果推算，并不能准确判断怀孕时间，存在误差偏大，不必紧张，定期B超检查，如果和月经时间推算相符合没有问题</t>
  </si>
  <si>
    <t>丁字内裤穿着舒服吗</t>
  </si>
  <si>
    <t>舒服啊，感觉自己特别性感。不要穿太细的。</t>
  </si>
  <si>
    <t>360浏览器以下网页失去响应是否要刷新该网页</t>
  </si>
  <si>
    <t>　360安全浏览器失去响应，是因为IE有问题导致的。360是IE内核，所以会受到影响。以下是解决方法：1.360代理功能会延迟启动，把代理改成不使用代理。 2.用360系统修复功能和360急救箱[在360安全卫士功能大全中]的修复功能进行修复，注意不是扫描的那个。 3.如果是IE9建议安装IE8，IE9是测试版，存在一些问题，容易页面崩溃。 4.如果没有安装IE漏洞补丁请安装。 5.如果360浏览器在安装过程使用了非360的安全软件请关闭所有杀软后重新安装。</t>
  </si>
  <si>
    <t>lol人马好玩吗</t>
  </si>
  <si>
    <t>人马前期抓人不太犀利.  但是到6抓人很效率的.想玩还是值得一买的</t>
  </si>
  <si>
    <t>骑动感单车能瘦腿吗</t>
  </si>
  <si>
    <t>骑动感单车的确是可以瘦腿的，答案是肯定的！不过需要注意方法。今天思月就把我这亲身经历的不传之秘告诉大家。熟悉动感单车的朋友都知道，骑动感单车的方式无非就是：“坐式、趴式以及交叉式”</t>
  </si>
  <si>
    <t>骑动感单车能减肥对于超出稍胖人群(离真正偏瘦体重5KG左右、)的人，或离“有形”还差最后10来斤的人来说，如果想减少身上的脂肪，中等强度的力量训练(覆盖所有肌肉群)结合骑动感单车，以及每周四次高强度间歇运动(HIIT)是能减去脂肪，成功瘦腿的</t>
  </si>
  <si>
    <t>代理记账能学到东西吗</t>
  </si>
  <si>
    <t>在代理记账公司能学到东西，具体体现在:第一，学会做账，自己独立做账。第二，减少在自己在实际工作中的错误。第三，把理论变成实践第四，会计都是有这关的“别问发展如何”把“现在做好”以后才会有好发展。</t>
  </si>
  <si>
    <t>战国basara好玩吗</t>
  </si>
  <si>
    <t>战国basara系列作品，作为类似无双系列游戏的非无双类游戏，以其出色的操作感觉、还算不错的打击感、丰富的人物剧情以及细腻的人设、饱满丰富的人物性格和天马行空的对于战国时代霓虹的诸位英雄的形象塑造的想象力获得了玩家的一致好评。并且在拥有一众粉丝同时还有不断的新生粉丝加入到这一系列旗下。</t>
  </si>
  <si>
    <t>BASARA嘛，号称割草界的鬼泣，毕竟是卡普空的作品，手感啊绝对是好的。</t>
  </si>
  <si>
    <t>友家过桥米线是真是假</t>
  </si>
  <si>
    <t>多种情况，正规生产没有假，不是正规生产的就有假</t>
  </si>
  <si>
    <t>bec商务英语难吗</t>
  </si>
  <si>
    <t>英语功底好的话还行，中级不是很难，BEC的话难就难在听力上，听力上失分比较多，然后是阅读，因为阅读时间有点赶，经常来不及做，作文多练练你就能知道大概的套路了</t>
  </si>
  <si>
    <t>药店挣钱吗</t>
  </si>
  <si>
    <t>首先根据药品零售价格与生产成本之比，众多药品的零售价通常在生产成本的3倍以上，将药品列入暴利行业似乎一点也不冤。其次对于药品的利润来说，应该是建立在能卖出去的基础上，因为只有把药品卖出去你才能真正获得其中所产生的利润，否则就算利润能达到百分之百对你而言也是毫无收益。最后，药店在经营中是不可能永远都保持那么高的利润的，因为我们不仅需要有优秀的药店货架陈列来吸引顾客，偶尔更需要做一些促销活动，从而帮助达到提升销量的目的。</t>
  </si>
  <si>
    <t>三星s5升级安卓5.0好不好</t>
  </si>
  <si>
    <t>三星s5升级安卓5.0好用，系统流畅。</t>
  </si>
  <si>
    <t>红米2a移动版可以刷成联通版吗</t>
  </si>
  <si>
    <t>手机支持的网络制式是由硬件所决定的，一般不能变更为另外一种网络制式的手机的。由于联通和移动2G采用相同的GSM制式，所以一般联通版的手机是可以使用移动卡的，在使用的频段有重叠下是可以使用2G（GSM）的网络，如需了解更多详情，建议可联系手机客服了解。</t>
  </si>
  <si>
    <t>房贷利息是固定的吗</t>
  </si>
  <si>
    <t>不固定，随着基准利率的变化而变化。</t>
  </si>
  <si>
    <t>台湾雅培奶粉好吗</t>
  </si>
  <si>
    <t>亚培台湾分公司于1983成立，总部设于台北市，营养办公室分布于台北、台中、高雄三地。全国各地并派驻区业务人员推展业务服务顾客。主要产品自英、美及欧洲等地的亚培机构进口，并负责所有亚培产品在台湾的销售、配送及售后服务，目前员工400多人。 亚培婴幼儿营养品在国内市场上是主要领导品牌之一，主要提供从出生到十岁阶段的婴幼儿及学龄儿童成长必须的营养品。</t>
  </si>
  <si>
    <t>精索静脉曲张能当兵么</t>
  </si>
  <si>
    <t>精索静脉曲张分为四个级别：1、亚临床型：检查不能扪及曲张静脉，经彩色多普勒检查可发现轻微的精索静脉曲张。2、I度：体检时时可扪及曲张静脉。静脉内造影示造影剂精索静脉内逆流长度达5cm。3、II度：触诊可扪及曲张静脉。4、III度：阴囊肿大，肉眼即可见阴囊表面曲张的静脉团。根据《征兵体检条例》外科章的　第九条 脉管炎，动脉瘤，重度下肢静脉或精索静脉曲张，不合格。其中，中度下肢静脉曲张、精索静脉曲张，指挥专业不合格。【解析】III°即为重度曲张，所以你需要先说明你的具体曲张程度，才能判断。</t>
  </si>
  <si>
    <t>手足口痒不痒</t>
  </si>
  <si>
    <t>到医院一看诊为手足口病，听说手足口病不痛不痒，而我的孩子总是抓，有的地方皮都抓破了。</t>
  </si>
  <si>
    <t>档案要跟着户口走吗</t>
  </si>
  <si>
    <t>不是，户口与档案是分开的，没有规定要放在一起，</t>
  </si>
  <si>
    <t>nt检查就是b超吗</t>
  </si>
  <si>
    <t>NT扫描依然是超声波扫描，因此是在B超科室进行。但是NT扫描对B超大夫有很高的要求，因为B超大夫必须运用B超仪器将顽皮的胎儿引导到正确的体位一正矢位。</t>
  </si>
  <si>
    <t>野豹魔法9好吗</t>
  </si>
  <si>
    <t>不论是哪个都要看适不适合你</t>
  </si>
  <si>
    <t>烤瓷牙对身体有害吗</t>
  </si>
  <si>
    <t>烤瓷牙有一定的效果，但是前提是要先治疗牙齿。烤瓷牙对人体是没有什么损害的，只是有的人对一些比较低贱的金属会过敏，但是这是很罕见的，如果不放心的话，可以装好一些的烤瓷牙，比如纯钛或是全瓷的。</t>
  </si>
  <si>
    <t>timberland好吗</t>
  </si>
  <si>
    <t>属于奢侈品，他的运动系列绝非阿迪耐克骆驼这种大众化品牌能比的。很多奢侈品只是品牌贵，但是天博兰的确做工精良。</t>
  </si>
  <si>
    <t>正在穿这双，感觉挺好的，唯一缺点就是不好打理</t>
  </si>
  <si>
    <t>abc360英语好吗</t>
  </si>
  <si>
    <t>abc360课程跟大部分的在线英语培训机构差不多，在线课程无非就是电话，视频，在线聊天，我先说说视频课程，这个在中国的网络下面，我只想说呵呵了，还是同步视频聊天这个依赖网速太严重，在线聊天的一般都是很多人，就YY的那种，我个人感觉能起作用的学员没有几个，如果那样都可以学好的话，估计培训机构就没有存在的必要了，大家都弄个群聊天就好了。</t>
  </si>
  <si>
    <t>爆胎保险公司赔吗</t>
  </si>
  <si>
    <t>在高温的路面上行驶，爆胎也是多发的一件事。 由于轮胎属于易耗品，单独破损，是不属于（任何保险公司的）赔偿范围。而高温爆胎就恰恰属于单独破损的范畴，所以不能赔付，也没有任何附加险是保这个的。如果是因为事故导致的车胎破损，则可以赔付，前提必须是在轮胎跟汽车同步受损的前提下，且有事故现场时。这时车身可以得到100%全赔，而轮胎则按一定折扣赔付。因为高温爆胎，或者被螺丝钉等东西扎破，都可拨打你所投保的保险公司的电话免费拖救。</t>
  </si>
  <si>
    <t>公务员可以持股吗</t>
  </si>
  <si>
    <t xml:space="preserve">不能，公职人员不得经商或者参与任何企业的入股，公务员不可以作为股东或者法人 </t>
  </si>
  <si>
    <t>湖北养鱼补贴吗</t>
  </si>
  <si>
    <t>每个地方的政策都不一样，你需要咨询当地农业部门</t>
  </si>
  <si>
    <t>孕妇能吃烤肉吗?</t>
  </si>
  <si>
    <t>孕妇吃烧烤，最大的食物中毒危险来自于生的和没烤熟的肉，因为其中可能寄生有大肠杆菌、沙门氏菌以及弯曲杆菌。怀孕时，你的身体免疫系统功能不像平常那样好，因此你就更容易被所有导致食物中毒的细菌所感染，也更容易患病。#怀孕时分，饮食都是要讲究健康，新鲜，营养，这烧烤类的食物，火气大，营养低，所以不建议在孕期吃的。#</t>
  </si>
  <si>
    <t>喜炎平是中药吗</t>
  </si>
  <si>
    <t>喜炎平注射液属于中药注射剂</t>
  </si>
  <si>
    <t>奥迪a3手动挡好开吗</t>
  </si>
  <si>
    <t>如果经常在市区跑自动档好，经常在高速上跑手动档也可以，只是不能用定速巡航。</t>
  </si>
  <si>
    <t>大润发购物卡能网购吗</t>
  </si>
  <si>
    <t>不可以的,只能在大润发超市使搜索用;</t>
  </si>
  <si>
    <t>天王补心丸能长期吃吗</t>
  </si>
  <si>
    <t xml:space="preserve"> 这个一般调理了身体好了后，就不用一直都吃的，药物吃多了，对身体始终是不好的。</t>
  </si>
  <si>
    <t>南瓜和胡萝卜可以一起吃吗</t>
  </si>
  <si>
    <t>南瓜和胡萝卜可以一起吃，这两种食物可以同时煮粥食用，但是因为胡萝卜中含有的胡萝卜素属于脂溶性维生素，必须要在油脂之中才可以溶解，从而被人体吸收，所以胡萝卜最好还是炒过之后食用才能使营养成分被人体充分吸收。#胡萝卜和南瓜能一起吃。目前没有胡萝卜和南瓜同时食用相冲突的的报道和经验介绍。</t>
  </si>
  <si>
    <t>ipad可以显示网速吗</t>
  </si>
  <si>
    <t>前往appstore查找并下载一个叫speed test 的应用， 免费的。 可以帮忙查网络速度</t>
  </si>
  <si>
    <t>苹果的ipad和iphone不支持像安卓一样在桌面上显示实时网速。想显示网速，必须将平板或者手机越狱后安装插件才行。</t>
  </si>
  <si>
    <t>斗鱼郭mini 还直播吗</t>
  </si>
  <si>
    <t>现在郭Mini仍然在斗鱼TV直播间直播</t>
  </si>
  <si>
    <t>亚索要出三相吗</t>
  </si>
  <si>
    <t>玩家对他的喜爱依旧不减，在众多爱好亚索的大神们研究实践之后，电刀三相亚索再次的席卷中路火热起来。</t>
  </si>
  <si>
    <t>常州恐龙园水上世界好玩吗</t>
  </si>
  <si>
    <t>这里是名副其实的中华侏罗纪公园，园内所有的景观都与恐龙相关，主要是各种惊险刺激的大型游乐设施、恐怖屋等，各种生理与心理的挑战啊，适合成人的居多，老年人与小不点们，很多设施不合适!从日场到夜场，可以足足玩一整天，晚上还有特别的花车表演。</t>
  </si>
  <si>
    <t>苹果4s还有全新的吗</t>
  </si>
  <si>
    <t>苹果公司已经停止生产苹果4手机。</t>
  </si>
  <si>
    <t>截止2015年8月8日，苹果4S全新原装的机器还有的。不过全新的机器市面并不多见了，很多都是翻新机，部分全新的苹果4S掌握在，中国联通，中国电信运营商手中。</t>
  </si>
  <si>
    <t>史考特安全吗</t>
  </si>
  <si>
    <t>没有问题，只要是二十五万美元以内，政府是有担保的。</t>
  </si>
  <si>
    <t>慢性腹泻能根治吗</t>
  </si>
  <si>
    <t>治疗疾病是没有秘方的，也不要寻求秘方，有病了及时到医院检查是正理</t>
  </si>
  <si>
    <t>癌症必须化疗吗</t>
  </si>
  <si>
    <t>不一定 因为化疗或者是放疗 有利有弊 我们都知道 这些治疗其实是毁灭性的 它们在杀死坏的细胞的同时 也一并的杀死了好的细胞</t>
  </si>
  <si>
    <t>眠弹追加值钱吗</t>
  </si>
  <si>
    <t>现在有个类似bug的东西，所以眠弹追加很厉害</t>
  </si>
  <si>
    <t>可以根据图片搜索吗</t>
  </si>
  <si>
    <t>无v</t>
  </si>
  <si>
    <t>虚拟内存 有用吗</t>
  </si>
  <si>
    <t>虚拟内存可以使得应用程序认为拥有连续的可用的内存，增加虚拟内存可以使电脑运行更稳定、流畅。</t>
  </si>
  <si>
    <t>微信公众号注册要钱吗</t>
  </si>
  <si>
    <t>注册微信公众平台是不要钱的。</t>
  </si>
  <si>
    <t>红宝书好吗</t>
  </si>
  <si>
    <t>红宝书不错的,考研背单词肯定要买红宝书的。</t>
  </si>
  <si>
    <t>中腾信是国企吗</t>
  </si>
  <si>
    <t>肯定不是国企，是私人合伙成立的公司中腾信投资为上海股权托管交易中心推荐机构会员，由一批在法律、会计、投资及金融证券等专业经验丰富的资深人士共同组建，主要为全国中小企业提供专业的三板上市辅导及推荐业务。同时，中腾信投资根据企业的融资需求，利用各种金融工具为企业提供专业的融资顾问服务，为企业拓宽融资渠道，改善融资环境。</t>
  </si>
  <si>
    <t>威朗白色好看吗</t>
  </si>
  <si>
    <t>白色好看时尚</t>
  </si>
  <si>
    <t>老房子装修要铲到红砖吗</t>
  </si>
  <si>
    <t>每个墙面从上到下全部检查一遍，如果有50％左右是空鼓，建议全部铲除到红砖，重新粉刷为好。若只是几个地方局部空鼓，且面积不大，就用切割机把空鼓部分剔除修补即可。顶上也要检查。</t>
  </si>
  <si>
    <t>微信解封必须发短信吗</t>
  </si>
  <si>
    <t>微信解封无需手机发短信验证</t>
  </si>
  <si>
    <t>三山岛要门票吗</t>
  </si>
  <si>
    <t xml:space="preserve"> 45元，70岁以上老人凭证免票，60岁以上老人5折优惠，1.2以下儿童免费，团体20人以上折。</t>
  </si>
  <si>
    <t>智能电视需要小米盒子吗</t>
  </si>
  <si>
    <t>由于智能电视内存较小，看直播或视频时有时候会卡。所以最好还是加个盒子，盒子内存较大，可以缓解一些问题。</t>
  </si>
  <si>
    <t>不需要，小米盒子是一个电视的配件，能够连接网络，下载app然后通过电视展示出来</t>
  </si>
  <si>
    <t>属鸡是不是不好</t>
  </si>
  <si>
    <t>属鸡的人命运还是比较坎坷的。但是并不代表所有属鸡的人命都苦，毕竟人的命运是掌握在自己手里的，对于命运这种说法，信则有不信则无</t>
  </si>
  <si>
    <t>干黄豆可以打豆浆吗</t>
  </si>
  <si>
    <t>干黄豆能打豆浆，不过豆浆的品质没有经过浸泡的黄豆打出豆浆好，而且易损坏机器。</t>
  </si>
  <si>
    <t>饥荒触手可再生吗</t>
  </si>
  <si>
    <t>触手会在沼泽地皮上随机重生，你在这么大个沼泽上</t>
  </si>
  <si>
    <t>楼上扯淡，触手打掉就没了，我玩艾斯的时候把一个沼泽的触手全清掉了</t>
  </si>
  <si>
    <t>胶原蛋白能长期服用吗</t>
  </si>
  <si>
    <t>胶原蛋白长期服用可以延缓衰老 , 当我们的年龄日益增大，身体里的胶原蛋白流失得也会越来越快，各种皮肤老化的问题就会出现，比如皮肤松弛、出现皱纹、肤色黯沉等，而长期服用胶原蛋白就可以不断的为身体补充流失的胶原蛋白，改善皮肤出现的老化问题，并减缓皮肤老化的速度。服用胶原蛋白可以提高提高肌肤内部的含水量，让皮肤变得水润饱满，从而提亮肤色。还可以抑制皮肤内黑色素的生成，让皮肤色斑渐渐淡化。长期服用胶原蛋白就能让肌肤保持白皙，并去除皮肤色斑。胶原蛋白长期服用可以增加皮肤弹性 , 皮肤中的胶原蛋白可以让皮肤保持弹性，如果胶原蛋白缺少就会出现很多的问题，所以补充胶原蛋白可以恢复皮肤的弹性，如孕妇妊娠纹等问题都能得到解决，所以需要长期服用胶原蛋白让皮肤保持弹性。</t>
  </si>
  <si>
    <t>你画我猜ipad可以玩吗</t>
  </si>
  <si>
    <t>苹果IOS系统的产品(iPhone,iPad,iTouch),不支持AdobeFlashplayer. 你画我猜网页版（Q游,空间,新浪）是用Flash做的游戏,所以没办法玩。还有另一种版本的 例如ios版 Android版移动版之类的APP就可以。</t>
  </si>
  <si>
    <t>房地产企业所得税按15%毛利率直接预缴吗</t>
  </si>
  <si>
    <t>所得税的税率都是25%。不过房地产预缴所得税主要考虑预缴的毛利率。因为预缴税款=毛利X税率。</t>
  </si>
  <si>
    <t>猫能吃洋葱吗</t>
  </si>
  <si>
    <t>洋葱会使血液中的红细胞受到破坏，会陷入极度贫血的状态，并排出红色的尿液，严重会导致猫死亡。</t>
  </si>
  <si>
    <t>爱如潮涌好看吗</t>
  </si>
  <si>
    <t>还不错，大部分原因是因为哥才不错！</t>
  </si>
  <si>
    <t>还好的</t>
  </si>
  <si>
    <t>好看好看！！我快看完了，前面的比较搞笑，好几次我都笑喷了，这部剧不错的，怎么感觉不是很受欢迎呢</t>
  </si>
  <si>
    <t>泰拉瑞亚手机版有霜月吗</t>
  </si>
  <si>
    <t>泰拉瑞亚手机版霜月怎么召唤 霜月召唤条件</t>
  </si>
  <si>
    <t>巴基斯坦还在打仗吗</t>
  </si>
  <si>
    <t>巴基斯坦《黎明报》8日报道说，印度军方当天向巴控克什米尔地区印巴实际控制线附近多个地区进行炮击，目前已造成至少5名平民遇难。与此同时，巴基斯坦军方当天发表声明证实，印军无端炮击事件，并称巴军方已对此进行了有效回应。</t>
  </si>
  <si>
    <t>大部分是内部战争与冲突，国际上好像从巴印冲突后再也没听说过战争。</t>
  </si>
  <si>
    <t>买新车必须买全险吗</t>
  </si>
  <si>
    <t>国家并没有强制性规定新车一定要购买全险，大家可结合自己实际选择。</t>
  </si>
  <si>
    <t>佳菌益生菌是真是假</t>
  </si>
  <si>
    <t>佳茵四大特点天然天然成分，有生命的活性乳酸菌，微生态生物制剂，无污染，无任何人工加工因素。安全不添加任何杀菌产品和抗生素成分，孕产妇均可放心使用，妈妈宝宝都放心。精准正确对症，不伤及无辜，采用“以菌治菌、天敌治理”的国际领先的微生态平衡理论，快速、有效达到自然健康状态。持久提高阴道的免疫力，恢复阴道的自洁功能，不再依赖药物，持久维护阴道菌群平衡健康状态。#佳茵益生菌的成分就是：乳酸杆菌。每克产品含有1000万个乳酸菌活菌主要应用于调节阴道菌群，保持阴道酸减平衡也就是ph值，治愈和保养妇科佳茵就是乳酸菌，它不是药品，是消字号。 对人体无任何伤害，可长期使用，孕妇、哺乳期也均可使用。#益生菌对人体的作用有：①预防或改善腹泻，②缓解不耐乳糖症状，③预防生殖系统感染，④增强人体免疫力，⑤促进肠道消化系统健康，⑥降低血清胆固醇，⑦帮助吸收营养成分等好处。#佳菌益生菌是一种有益的活性微生物，它可以定植于人体肠道，可以促进肠胃的蠕动，促进消化，可以抑制和清除有害菌的产生。益生菌的保质期一定要保持一定的数量级才可以取到杀菌的作用。佳菌益生菌的品牌还不错，只要去正规的店里购买，一般是不会购买到假货的。</t>
  </si>
  <si>
    <t>3ds能外接手柄吗</t>
  </si>
  <si>
    <t>S是手掌机，有自己的手柄，不需要电视，不需要额外的游戏手柄。</t>
  </si>
  <si>
    <t>喝完豆浆能喝茶吗</t>
  </si>
  <si>
    <t>不要马上喝绿色的茶，以为茶多酚会和蛋白质反应，生存固体小颗粒，产生脂肪肝。而且马上喝茶会影响豆浆的吸收。还是过后一小时后喝。</t>
  </si>
  <si>
    <t>hpv16.33.43可以怀孕嘛</t>
  </si>
  <si>
    <t>没有什么关系，再说现在这种检查极不靠谱也就是弄点检查费而已。就算是真的有这个感染一样不影响怀孕生宝宝。</t>
  </si>
  <si>
    <t>HPV16阳性，有可能是感染人乳头瘤，需到医院复查，确定是HPV阳性治愈后再考虑怀孕。</t>
  </si>
  <si>
    <t>如果只是高危携带者的话问题不大。如果是在发病期间胎儿有可能会被感染的。</t>
  </si>
  <si>
    <t>梦幻五开封号吗</t>
  </si>
  <si>
    <t>如果五开仅仅是娱乐而不是在藏宝阁上卖梦幻币进行商业牟利的话，是不会被封号的</t>
  </si>
  <si>
    <t>ppt美化大师可以卸载吗</t>
  </si>
  <si>
    <t>ppt美化大师卸载不了</t>
  </si>
  <si>
    <t>红米note3值得购买吗</t>
  </si>
  <si>
    <t>对想买还没买红米NOTE3的用户的忠告。垃圾手机，你不值得拥有</t>
  </si>
  <si>
    <t>不知道为啥大家问题这么多，我手机都用4个月了，一直很好用，note3千元机很值得.</t>
  </si>
  <si>
    <t>珍珠粉孕妇可以吃吗</t>
  </si>
  <si>
    <t>现在主要还是处于怀孕的阶段这个还是可以选择吃点珍珠粉</t>
  </si>
  <si>
    <t>小朋友坐高铁要买票吗</t>
  </si>
  <si>
    <t>一名成年人旅客可以免费携带一名身高不足1.2米的儿童。如果身高不足1.2米的儿童超过一名时，一名儿童免费，其他儿童请购买儿童票。儿童身高为1.2～1.5米的，请购买儿童票；超过1.5米的，请购买全价座票。</t>
  </si>
  <si>
    <t>哮喘能吃虾吗</t>
  </si>
  <si>
    <t>哮喘病人不能吃虾</t>
  </si>
  <si>
    <t>folic acid的叶酸好不</t>
  </si>
  <si>
    <t>叶酸可以吃，别吃Folic Acid就好。</t>
  </si>
  <si>
    <t>项羽是重瞳吗</t>
  </si>
  <si>
    <t>而其中最著名的重瞳子就是：上古帝王——舜春秋五霸之一：晋文公——重耳西楚霸王——项羽（本名项籍）历史上有名的词人：南唐后主——李煜这四个人，在重瞳子中应该算得上最出众的了。</t>
  </si>
  <si>
    <t>汤臣倍健鱼油好吗</t>
  </si>
  <si>
    <t>汤臣倍健-鱼油软胶囊以产自挪威北部无污染深海野生鲑鱼油为原料制成的保健食品，而挪威深海野生鲑鱼油是国际公认最好的，每粒含有129mg的DHA、182mg的EPA，这些元素都有助于保护视力的作用哦，而且汤臣倍健-鱼油软胶囊还特别添加了天然维生素E，更有效的保护鱼油不会受氧化而变质，更好的保证了汤臣倍健-鱼油软胶囊的质量。</t>
  </si>
  <si>
    <t>股票可以卖1股吗</t>
  </si>
  <si>
    <t>卖出没有限制，可以1股，1股，10股，99股随意卖出。</t>
  </si>
  <si>
    <t>宝贝属性可以修改吗</t>
  </si>
  <si>
    <t>可以的，在出售中的宝贝中编辑处修改，重新发布就可以了。</t>
  </si>
  <si>
    <t>修改属性面料成份会降权的，能不改就尽量不改吧。</t>
  </si>
  <si>
    <t>不可以 有影响的。</t>
  </si>
  <si>
    <t>人是猴子变的吗</t>
  </si>
  <si>
    <t>现在，是彻底洗刷达尔文给全人类带来耻辱的时候了，人不是动物变的。</t>
  </si>
  <si>
    <t>香港有sbenu吗</t>
  </si>
  <si>
    <t>你可以去旺角的波鞋街逛逛 那东西还是挺全滴</t>
  </si>
  <si>
    <t>公猫发情时可以绝育吗</t>
  </si>
  <si>
    <t>无公猫发情不妨碍绝育</t>
  </si>
  <si>
    <t>孕妇可以吃大葱蘸酱吗</t>
  </si>
  <si>
    <t>基本上是可以的，孕检时应注意医嘱，注意量。</t>
  </si>
  <si>
    <t>最好少吃刺激性太大食物哦</t>
  </si>
  <si>
    <t>您好按照常理来说是最好不要吃因为小葱本身是辛燥的食物在怀孕的时候机体本身是容易出现气血的不足而出现燥热反而加重机体的燥性建议最好是不要再吃了可以适当的吃些水果同时在饮食上多以清淡为主还有注意适当的补血如多吃些大枣等</t>
  </si>
  <si>
    <t>怀孕初期最好是不要吃小葱蘸酱，怀孕期间应该少吃辛辣食品,清淡一些,如豆芽菜,豆腐等。多吃点核桃对小孩的脑神经系统发育有好处。</t>
  </si>
  <si>
    <t>护照可以办加急吗</t>
  </si>
  <si>
    <t>护照可以加急办理的 在填申请表的时候有这一伴随公安部制定的《中华人民共和国普通护照和出入境通行证签发管理办法》（以下简称《管理办法》）于2007年12月15日的正式施行，出国奔丧、探望危重病人等四种情况的中国公民可申请加急办理普通护照，符合规定的，公安机关将在接到材料之日起5个工作日内签发</t>
  </si>
  <si>
    <t>住房公积金可以跨省吗</t>
  </si>
  <si>
    <t>工作调动可以公积金转移的，可以全国跨的，非本市户口离职后可以提取公积金的</t>
  </si>
  <si>
    <t>本来是不能跨省的，现在广东的能跨省了，要提取的话要辞职，我提过，到建设银行拿你的身份证和存折，还有辞职证明，能马上提出来。它是转到你建设银行的卡上的，我以前工资也是建设银行的存折，所以它直接转到我建设银行储蓄卡上了。</t>
  </si>
  <si>
    <t>lol的举报有用吗</t>
  </si>
  <si>
    <t>举报的人越多，封号的几率就越大！</t>
  </si>
  <si>
    <t>有用，但是只针对犯众怒的玩家。</t>
  </si>
  <si>
    <t>交通发达 英文</t>
  </si>
  <si>
    <t>high developped traffic</t>
  </si>
  <si>
    <t>阿胶可以晚上吃吗</t>
  </si>
  <si>
    <t xml:space="preserve">   适合吃阿胶时间是早晚饭之前半小时空腹吃，利于肠胃的吸收，养生效果最佳，如果要饭后吃的话，最好在饭后一小时之后再吃。</t>
  </si>
  <si>
    <t>在金华前面有大车挡住了闯红灯了会扣分吗</t>
  </si>
  <si>
    <t>如果被拍可以申诉，但是要看地方政策，有的地方这种情况可以免罚，有的地方明确表示不免罚。</t>
  </si>
  <si>
    <t>蒙迪欧还臭吗</t>
  </si>
  <si>
    <t>针对部分新蒙迪欧客户提出在特殊工况下车内有异味的问题，通过福特全球工程团队的反复测试和验证，目前己确定该问题的解决措施，并已式发布技术服务公告《TSB》，15Q3102新蒙迪欧天窗翘起异味问题。</t>
  </si>
  <si>
    <t>刑事案件可以调解吗</t>
  </si>
  <si>
    <t>刑事和解制度是随着刑事诉讼法修改（2013年1月1日正式实施）而引入的一项司法制度改革。刑事和解是指在刑事诉讼过程中，通过调停人或其他组织使被害人与犯罪嫌疑人、被告人直接沟通、共同协商，双方达成民事赔偿和解协议后，司法机关根据案件的具体情况对犯罪嫌疑人、被告人不再追究刑事责任或从轻减轻刑事责任的诉讼活动。</t>
  </si>
  <si>
    <t>污水处理厂有前途吗</t>
  </si>
  <si>
    <t>环保行业是很有前途的工作。</t>
  </si>
  <si>
    <t>没有前途。</t>
  </si>
  <si>
    <t>看个人的努力了，考证、向管理层前进，这个行业还是很有前途的。</t>
  </si>
  <si>
    <t>排卵期烫发可以要小孩吗</t>
  </si>
  <si>
    <t>专业书上说是怀孕前三个月还可以烫</t>
  </si>
  <si>
    <t>部落冲突公众聊天充值宝石可信吗</t>
  </si>
  <si>
    <t>百分之一百的骗你</t>
  </si>
  <si>
    <t>交通银行信用卡能网购吗</t>
  </si>
  <si>
    <t>可以，信用卡网上支付还是比较方便的</t>
  </si>
  <si>
    <t>上海退休工人2016加工资吗</t>
  </si>
  <si>
    <t>海退休工人2016年加工资10%</t>
  </si>
  <si>
    <t>琵琶是弦乐吗</t>
  </si>
  <si>
    <t>丝竹乐器：二胡、琵琶、扬琴、三弦、中胡、秦琴等</t>
  </si>
  <si>
    <t>上海有遗产税吗</t>
  </si>
  <si>
    <t>目前有关于上海房产遗产税起征的消息是不存在的。</t>
  </si>
  <si>
    <t>新密凤凰山好玩吗</t>
  </si>
  <si>
    <t>不怎么样</t>
  </si>
  <si>
    <t>怀孕初期可以吃海鱼吗</t>
  </si>
  <si>
    <t>怀孕初期能吃海鱼。</t>
  </si>
  <si>
    <t>水果属于食品吗</t>
  </si>
  <si>
    <t>水果不是食品。</t>
  </si>
  <si>
    <t>有会计从业资格证可以直接考中级吗</t>
  </si>
  <si>
    <t>首先要看是什么学历毕业的，才能确定能不能参加中级职称考试。</t>
  </si>
  <si>
    <t>爱丽思iris 有假货吗</t>
  </si>
  <si>
    <t>正品iris 爱丽思</t>
  </si>
  <si>
    <t>英语6级好过吗</t>
  </si>
  <si>
    <t>很简单</t>
  </si>
  <si>
    <t>你好，只要四级过了希望还是很大的，但是不能轻心一定还是要踏实的复习，四级分数不高的情况下六级裸考很难过的</t>
  </si>
  <si>
    <t>高中要补课吗</t>
  </si>
  <si>
    <t>建议还是不要,高中压力太大,你的孩子上了好的高中说明他的基础很不错,高中只需适当引导就行了,应嘱咐他注意高一的学习,要百分百地投入,高一上好了高二高三就比别人轻松多了.</t>
  </si>
  <si>
    <t>新车真的需要磨合吗</t>
  </si>
  <si>
    <t>磨合期还是存在的，正确的磨合可以让车的使用寿命更长一些，工作状态更好一些#主要是受配合件研磨精度和装配精度的限制，如果不注意新车的使用方式，例如长期满载、超负荷高速行驶以及经常紧急制动等，就会造成汽车上的摩擦副零件之间过度磨损，从而影响车在今后使用中的可靠性，导致油耗增加、使用寿命缩短等不良现象产生。#</t>
  </si>
  <si>
    <t>怀孕 防辐射服有用吗</t>
  </si>
  <si>
    <t>由于防辐射服使用时并不会完全封闭，特别其底部呈敞开状态，而日常的辐射多来自服装的外部，且不集中，因此其防辐射作用会相应降低。但不可否认的是，防辐射服在一定程度上可以有效减少辐射的不良影响。</t>
  </si>
  <si>
    <t>联通预存话费可以退吗</t>
  </si>
  <si>
    <t>如你是有办理合约的话，在合约期内是不能办理销户的，如你不使用的话，你的月租等费用是照常扣取的，当你账户余额不足扣取的时候，是会导致欠费停机，欠费停机三个月后一般联通是会销户，进行回收处理，而且你的身份证信息将拉入联通黑名单，是会影响到你以后办理联通的优惠业务等，并且会产生一定的滞纳金或违约金。也有可能会收到联通的欠费通知书要求结清欠费的。如你的合约机遗失，建议你可以先办理挂失并到营业厅重新补卡。根据合约的约定，如发生机卡分离会影响你合约赠款的返还。关于遗失合约机后合约赠款的处理方法，由于各地市的政策不尽相同，具体详情你可咨询当地人工客服或是当地营业厅。</t>
  </si>
  <si>
    <t>产妇能不能看电视</t>
  </si>
  <si>
    <t>因为坐月子期间，主要是产妇在生理和心理上的恢复期，坐月子应该安排休息和适当活动，产妇还要喂哺婴儿，如果看电视和看书，往往时间过长，容易使产妇的眼睛疲劳，加上看书，看电视往往是长时间内保持在一个姿势或一个体位，这样对产后体质的恢复也不利。另外婴儿一般在母亲旁边，婴儿需要睡眠的时间比较多，母亲看电视还对婴儿的成长不利，往往形成婴儿睡不好，吃不好。所以坐月子期间要少看电视少看书，最好是不看，祝您健康。</t>
  </si>
  <si>
    <t>太空棉可以用洗衣机洗吗</t>
  </si>
  <si>
    <t>太空棉衣服可以用自动洗衣机进行洗涤和脱水。和正常洗衣一样，选择标准洗衣程序，启动洗衣机就可以了。注意不要使用热水和烘干，太空棉衣服外表面一般都经过防渗处理的。使用热水或烘干，会损伤衣服外表面防渗处理层的。</t>
  </si>
  <si>
    <t>牙根短会掉吗</t>
  </si>
  <si>
    <t>一般不会的，矫正牙齿在移动的过程中可能会感觉有点松是正常的，等矫正好了慢慢就不会的</t>
  </si>
  <si>
    <t>女人肋骨比男人多吗</t>
  </si>
  <si>
    <t>男人和女人的肋骨是一样多的。</t>
  </si>
  <si>
    <t>日本料理热量高吗</t>
  </si>
  <si>
    <t>日本料理的热量很低，但是如果还是要适量啦，因为寿司一般是用米和生鱼片做的，大米含淀粉。</t>
  </si>
  <si>
    <t>刚怀孕能过性生活吗</t>
  </si>
  <si>
    <t>孕早期，不建议性生活，增加流产的风险。选择上，怀孕头三个月不建议性生活。</t>
  </si>
  <si>
    <t>658金融网靠谱吗</t>
  </si>
  <si>
    <t>有保险公司托底，是安全的平台，问题解决很快，客服态度很好。</t>
  </si>
  <si>
    <t>qq飞车 噬魂金甲 好吗</t>
  </si>
  <si>
    <t>这辆新出的T1噬魂金甲可能出的有点急，动作设计的很少，就那几个动作而已，而且开始游戏的时候不会跳舞。总体来说，性能一般，手感还行，感兴趣的可以抽看看。</t>
  </si>
  <si>
    <t>通水疼吗</t>
  </si>
  <si>
    <t xml:space="preserve">  输卵管通水的检查过程中很痛</t>
  </si>
  <si>
    <t xml:space="preserve">  通畅的话没有什么大的感觉，就是觉得有点涨</t>
  </si>
  <si>
    <t>火车站可以站内换乘吗</t>
  </si>
  <si>
    <t>可以站内换乘：1提前了解车次的时间，到站时间。以免错过车次。2提前购买好车票。3下车换乘期间及时找到站台，可以向车站服务人员寻求帮助。4遇到较长换乘等待时间一定要保持合理的休息。</t>
  </si>
  <si>
    <t>镶了烤瓷牙的牙龈上长了个脓包需要重新治牙吗</t>
  </si>
  <si>
    <t>建议您到口腔进行治疗。</t>
  </si>
  <si>
    <t>例假可以吃柿子吗</t>
  </si>
  <si>
    <t>女性在经期最好是不要吃柿子。月经期是不能吃生冷、辛辣的食物，不然会引起月经不调的。而且柿子是生冷寒凉性的食物，经期是特别不能食用的</t>
  </si>
  <si>
    <t>双节棍能带上火车吗</t>
  </si>
  <si>
    <t>火车上可以带双截棍</t>
  </si>
  <si>
    <t>高铁属于轨道交通吗</t>
  </si>
  <si>
    <t>凡是在轨道上行走的交通形式，都属于轨道交通</t>
  </si>
  <si>
    <t>蓝田玉有红色的吗</t>
  </si>
  <si>
    <t>蓝田玉色泽丰富，白、黑、黄、绿、青、红六种颜色</t>
  </si>
  <si>
    <t>一个月的狗能洗澡吗</t>
  </si>
  <si>
    <t>一个月的小狗不要洗澡 实在很脏的话，可以用半湿的温毛巾给它擦拭，等3个月以后，全部作完免疫驱虫之后，才可以洗澡。夏天一个星期一次，冬天半个月或一个月一次都可以 。因为狗狗没有汗腺，频繁的洗澡对狗狗并不好，所以即便是脏了，用干洗粉或湿布一擦就OK 了。</t>
  </si>
  <si>
    <t>红花油可以喝吗</t>
  </si>
  <si>
    <t>这是外用药物，不可以内服的。</t>
  </si>
  <si>
    <t>z97支持4通道吗</t>
  </si>
  <si>
    <t>z97主板支持4通道</t>
  </si>
  <si>
    <t>网上订火车票安全吗</t>
  </si>
  <si>
    <t>在铁路12306官网或者手机客户端购买火车票是安全的，因为是铁路官方的售票渠道。</t>
  </si>
  <si>
    <t>华硕的显卡好吗</t>
  </si>
  <si>
    <t>华硕的显卡基本上是同级别中最贵的，但是正因为价格贵，所以华硕的显卡也是做的最好的，如果要求显卡质量高华硕是最好的选择之一。</t>
  </si>
  <si>
    <t>奔驰c200l白外黑内好看吗</t>
  </si>
  <si>
    <t>跟个人爱好，感觉而定</t>
  </si>
  <si>
    <t>退款自主完结率越高越好吗</t>
  </si>
  <si>
    <t>退款自主完结率是越高越好的。自己尽快结束处理退款申请，另外可以做预处理机制，就是说看到对方顾客已经发出退货了，并且查到物流信息了，都可以先处理退款，快速。退款纠纷率=客服介入退款笔数/支付宝成交笔数；退款完结时长=退款完结总时长/退款完结总笔数；退款自主完结率=商家自主完结退款笔数/店铺完结退款总笔数。</t>
  </si>
  <si>
    <t>肛交大宝能做润滑油吗</t>
  </si>
  <si>
    <t xml:space="preserve"> 可以的。但是润滑效果不会太好，并且比较浪费。</t>
  </si>
  <si>
    <t>不行，最好不要用大宝SOD蜜代替。</t>
  </si>
  <si>
    <t>儿童可以泡温泉</t>
  </si>
  <si>
    <t>3岁以上的孩子泡温泉不要超过15分钟，3岁以下的孩子更要缩短泡温泉的时间，太小的孩子则不宜泡温泉</t>
  </si>
  <si>
    <t>玫瑰金男人用合适吗</t>
  </si>
  <si>
    <t>这个颜色高端大气上档次，男生用的挺好！</t>
  </si>
  <si>
    <t>进藏有97号汽油吗</t>
  </si>
  <si>
    <t>在西藏7个地区《拉萨，那 曲 ，山南，日喀则，昌都，林芝，阿里》的中心城镇，都会有97号汽油，但是西藏面积大，城镇之间相距较远，在中途的加油站就不是都有97了，大多是93或90号。</t>
  </si>
  <si>
    <t>cb190r值得购买吗</t>
  </si>
  <si>
    <t>质量没问题，主要还是看你怎么用，适合就值，不适合就不值</t>
  </si>
  <si>
    <t>新手对排量没有什么概念，排量大了怕驾驭不了</t>
  </si>
  <si>
    <t>霍元甲是被毒死的吗</t>
  </si>
  <si>
    <t>他是患病一年后死的,属于正常情况下死亡!#赛后，日方设宴招待霍元甲。席间，日本人知道霍元甲身患“热”“疾”，就介绍一个叫秋野的医生为之看病。哪知服药后，病反而逐渐恶化，仅月余，一代武术大师就含恨离开了人间。事后朋友们把药拿去化验，才知是一种慢性烂肺药。这是日本浪人暗下了毒手。#</t>
  </si>
  <si>
    <t>小三阳能当护士吗</t>
  </si>
  <si>
    <t>感染了乙肝小三阳的患者，一定要及时来医院进行治疗，等乙肝小三阳治好以后，才能再考虑当护士，从事医疗行业的问题，因为乙肝小三阳如果还没有治好，病情比较严重的话，是很容易传染到周围人的，而且也不能更好的为病人进行护理，因此，乙肝小三阳一定要及时来医院先进行治疗，等病情稳定以后，才能再从事医疗行业</t>
  </si>
  <si>
    <t>汉龙集团还在吗</t>
  </si>
  <si>
    <t>已经查封了，电视已经报道了</t>
  </si>
  <si>
    <t>北京移动可以异地补卡吗</t>
  </si>
  <si>
    <t>实名制并且有客服密码才行</t>
  </si>
  <si>
    <t>到移动自营营业厅办理异地号码补卡业务，需要提供“客户服务密码+身份证件原件”办理</t>
  </si>
  <si>
    <t>苏运莹是冠军吗</t>
  </si>
  <si>
    <t>《中国好歌曲》第二季总结赛落下帷幕。此前冠军呼声颇高的苏运莹（苏苏）在最终对决——101位媒体评审投票环节，以48：53惜败杭盖，痛失冠军。</t>
  </si>
  <si>
    <t>交易员累吗</t>
  </si>
  <si>
    <t>操盘手是专门负责代客户进行交易的一个负责人的操盘手是很累的要时刻盯住盘面 根据行情的细微变化提前判断行情</t>
  </si>
  <si>
    <t>沙子可以养花吗</t>
  </si>
  <si>
    <t>单纯的用沙子来种花养草是不行的，必须要辅以其他手段，比如加入一些腐烂的植物在沙子中，或者将沙子用营养液浸润。</t>
  </si>
  <si>
    <t>小米手环荣耀3c能用吗</t>
  </si>
  <si>
    <t>华为荣耀3c可以用小米手环，下载安装小米手环的APP就行了。Android 4.4以上则完美支持小米手环，荣耀3C为Android 4.4以上的版本。所以可以用小米手环。</t>
  </si>
  <si>
    <t>远程可以重装系统吗</t>
  </si>
  <si>
    <t>远程可以安装系统</t>
  </si>
  <si>
    <t>这个不可以，因为重装系统是要重新启动来完成安装的。安装过程中并没有网络连接，所以无法实现远程。</t>
  </si>
  <si>
    <t>乌龟放生好吗</t>
  </si>
  <si>
    <t>放生等于积累无量功德，所以要想修行好，放生是必须的。</t>
  </si>
  <si>
    <t>家养的放生基本等于杀生。除非你放到寺庙前的那种放生池里，有人喂的。</t>
  </si>
  <si>
    <t>处女会得梅毒吗</t>
  </si>
  <si>
    <t>如果接触到梅毒患者使用过的东西，如患者的衣服、被褥、物品、用品、用具、便器、马桶和浴巾等，均有可能被病人的分泌物污染而感染梅毒苍白螺旋体。甚至与梅毒病人密切生活在一起的健康人，当轻微的伤口接触到这些沾有病原菌的物品时，就容易感染上梅毒。</t>
  </si>
  <si>
    <t>火车票有必要买保险吗</t>
  </si>
  <si>
    <t>没所谓有没有必要，主要看你个人是否愿意而已。</t>
  </si>
  <si>
    <t>彩礼钱包括三金吗</t>
  </si>
  <si>
    <t>不包括要另给的</t>
  </si>
  <si>
    <t>套现违法么</t>
  </si>
  <si>
    <t>属于犯法</t>
  </si>
  <si>
    <t>如果你套现的款项能够按期还，一般不会追究。如果不能归还，则涉嫌信用卡诈骗</t>
  </si>
  <si>
    <t>修脚店能割鸡眼吗</t>
  </si>
  <si>
    <t>妹子，鸡眼有啥好丢人的，，不过你要是实在不好意思的话，主要功能是修复足跟干裂，它这个奇异的附加功能真的不是一般人可以发现得了的，祝你早日摆脱鸡眼困扰</t>
  </si>
  <si>
    <t>周庄值得去吗</t>
  </si>
  <si>
    <t>]论名气、规模周庄比同里大，但周庄游客更多，更商业化些，消费略高些</t>
  </si>
  <si>
    <t>在途股份可以撤单吗</t>
  </si>
  <si>
    <t>当天申购的当天可以撤单</t>
  </si>
  <si>
    <t>qq飞车火焰奇兵是a车吗</t>
  </si>
  <si>
    <t>火焰骑兵是2015年国庆在线送的首发绝版永久d车</t>
  </si>
  <si>
    <t>0是不是最小的自然数</t>
  </si>
  <si>
    <t>在小学里,自然数指正整数,到初中,自然数指扩大的自然数,就是指加上0的自然数.不知道你处于哪个年级,如果是初中,0是自然数</t>
  </si>
  <si>
    <t>上海青麦人才真的假的</t>
  </si>
  <si>
    <t>任何东西有人说好，也有人说不好，好不好不是别人说了算，是要靠自己去体会</t>
  </si>
  <si>
    <t>日本酵素可以减肥吗</t>
  </si>
  <si>
    <t>类似酵素这样的产品可以帮助促进身体新陈代谢，所以自然也会起到促进减重的作用。</t>
  </si>
  <si>
    <t>神乎其神的效果，只存在于营销之中，而非科学之中。</t>
  </si>
  <si>
    <t>荷兰会说英语吗</t>
  </si>
  <si>
    <t>在欧洲国家中，英语普及率仅次于英国。虽然荷兰官方语言是荷兰语，但95%以上的荷兰人都可以讲很好的英语</t>
  </si>
  <si>
    <t>四行仓库纪念馆要门票吗</t>
  </si>
  <si>
    <t>四行仓库纪念馆日前正式对外开放，观众可免费入馆参观。</t>
  </si>
  <si>
    <t>企业必须有工会吗</t>
  </si>
  <si>
    <t>　《工会法》第十条规定，企业、事业单位、机关有会员25人以上的，应当建立基层工会委员会;不足25人的，可以单独建立基层工会委员会，也可以由两个以上单位的会员联合建立基层工会委员会，也可以选举组织员一人，组织会员开展活动。</t>
  </si>
  <si>
    <t>i3 3220能超频吗</t>
  </si>
  <si>
    <t>Intel 酷睿i3 3220不可以超频，同时Intel 酷睿i3 3220不具备睿频功能，支持超线程，是双核心四线程的处理器。</t>
  </si>
  <si>
    <t>心脏有两个洞是心脏病吗?</t>
  </si>
  <si>
    <t>一般是指心脏房间隔缺损或室间隔缺损。</t>
  </si>
  <si>
    <t>（2）房间隔缺损系较常见的先天性心脏病。顾名思义，就是两个心房间的那堵“墙”（即房间隔）在胎儿期没长好，有个“洞洞”在房间隔上，左心房的血液通过这个缺损去了右心房。如果房间隔较小（通常小于3mm），很多宝宝可以在3个月内自然闭合，无需手术处理。但部分缺损较大的（通常大于8mm）会影响宝宝生长发育的供血从而出现营养不良、气促及反复呼吸道感染的症状，需要通过手术解决。（3）室间隔缺损也是较常见的先天性心脏病。它则是室间隔在胎儿期没长好，左心室的血液通过缺损去了右心室。与房间隔类似，小的室间隔缺损也有自行闭合的可能性，通常在1岁以内，中型的室间隔缺损如果没有临床症状（如反复呼吸道感染，营养不良、心力衰竭等）也可先门诊随访，定期复查心脏彩超。如果是大的室间隔缺损，或出现上述症状，则需通过手术干预。</t>
  </si>
  <si>
    <t>震动甩脂机能减肥吗</t>
  </si>
  <si>
    <t>震动甩脂机不能减肥</t>
  </si>
  <si>
    <t>电信合约机可以改套餐吗</t>
  </si>
  <si>
    <t>电信合约机套餐一般在协议期内是可以向上变更套餐的，协议期后可以根据您的需要变更成其他套餐。</t>
  </si>
  <si>
    <t>氟树脂涂层有毒吗</t>
  </si>
  <si>
    <t>现在也没有什么科学研究证明这种物质是具有毒性的，不然，这种不粘锅也不可能被生产出来是吧。#氟树脂就是不粘锅的衬里,放心吧……再说,都制成商品了,理论上是不会有害的。</t>
  </si>
  <si>
    <t xml:space="preserve"> 针对社会广泛关注的特富龙不粘锅质量安全问题，国家质检总局有关负责人今日表示，我国企业生产的符合国家强制性标准的不粘锅产品质量安全有保证，消费者可以放心使用，但 使用温度限制在250℃以下 。# 针对社会广泛关注的特富龙不粘锅质量安全问题，国家质检总局有关负责人今日表示，我国企业生产的符合国家强制性标准的不粘锅产品质量安全有保证，消费者可以放心使用，但 使用温度限制在250℃以下 。</t>
  </si>
  <si>
    <t>齿轮大师的扳手有用么</t>
  </si>
  <si>
    <t>非常棒的盗贼新武器。</t>
  </si>
  <si>
    <t>没用，就算有机械也就是一个33武器，盗贼不缺武器</t>
  </si>
  <si>
    <t>开休闲食品店赚钱吗</t>
  </si>
  <si>
    <t>你好，这个要根据当地的市场环境和竞争度来判断。天时地利人和一样都不能少。是否能够赚到钱还得看加盟品牌和后期的店铺运营了。希望能帮到您。</t>
  </si>
  <si>
    <t>登机牌可以代领吗</t>
  </si>
  <si>
    <t>持本人身份证是可以代领登机牌的。</t>
  </si>
  <si>
    <t>油条过夜能吃吗</t>
  </si>
  <si>
    <t>可以，但是口感会变得不好，不酥脆，相对现炸油条，对人体是不会产生什么新危害（油条、油饼是高温油炸食品，食物经过高温油炸之后，营养素会被破坏，还会产生致癌物质，油脂量明显超标，不宜长期使用）。</t>
  </si>
  <si>
    <t>此表单将要以不安全的方式发送,您确定要发送它吗?</t>
  </si>
  <si>
    <t>您好，只要不超过超大附件的最大文件容量要求，就可以发送邮件附件的，无需担心邮件无法发送成功，您点击  确定  然后发送邮件即可，望采纳，谢谢</t>
  </si>
  <si>
    <t>白天能看到月亮吗</t>
  </si>
  <si>
    <t>白天看见月亮</t>
  </si>
  <si>
    <t>手机壳会不会影响信号</t>
  </si>
  <si>
    <t>塑料和硅胶的都不影响信号 只有金属才会屏蔽信号，但用塑料和胶质壳影响散热 尤其是夏天 从而影响手机使用效果和寿命 而且手机壳散发有害物质对身体也不利，实在心疼手机就用那种硅胶的 只套边框的吧 起码不影响散热 或者金属边框也行</t>
  </si>
  <si>
    <t>欧帝丝是否骗局吗</t>
  </si>
  <si>
    <t>欧帝丝晶玉全屋装饰降低吸水率欧帝丝晶玉全屋装饰是事实说话让骗子哑口无言，欧帝丝晶玉坚决揭露骗子惊天骗局，欧帝丝晶玉全屋装饰是由瓷土烧制而成，而瓷砖则是指有瓷面的地砖，而瓷砖对内部是否存在气泡要求不高，但不属于砖欧帝丝晶玉坚决揭露骗子惊天骗局，瓷片和瓷砖是两个不同的概念。</t>
  </si>
  <si>
    <t>来月经可以吃益母草吗</t>
  </si>
  <si>
    <t>益母草有活血及调经作用，如果你平时月经比较多，月经期建议不要吃益母草，如果你月经量少及会肚子疼，可以吃的，但要在月经少量开始时吃，月经量开始增多了，要及时停止。</t>
  </si>
  <si>
    <t>去韩国留学好吗</t>
  </si>
  <si>
    <t xml:space="preserve"> 好不好，不同的人之间肯定会有不同的答案，个体的差别是很大的。 主要看个人的努力程度，留学目的是否明确，并且是否能为自己的目的不放弃的努力。 这些都很重要，还有选择的专业是否适合等等，这些因素都会有影响。 但是最最重要的，还是个人的努力。</t>
  </si>
  <si>
    <t>手机卡能代办吗</t>
  </si>
  <si>
    <t>现在办卡是实名制的，办手机卡的时候需要带上身份证。补卡更加需要提供本人身份证。不过有些营业厅，只要提供对应的身份证也可以给你补办。具体可以去营业厅问问</t>
  </si>
  <si>
    <t>丰田车不安全吗</t>
  </si>
  <si>
    <t>丰田的安全性是很高的，我们不说配置，因为至于气囊，安全系统在同级别中就算不是配的最全的，也是配的很全的，这点没人反对吧。</t>
  </si>
  <si>
    <t>三星掉价快吗</t>
  </si>
  <si>
    <t>手机上新快，在这个电子产物横行的社会，一旦出现新型号，旧的就得降价。而三星手机因为技术开发比较先进，所以产量比较快，旧手机掉价也就掉的快了。</t>
  </si>
  <si>
    <t>糖尿病能吃花生油吗</t>
  </si>
  <si>
    <t xml:space="preserve"> 糖尿病人能吃花生油</t>
  </si>
  <si>
    <t>产妇可以喝水吗</t>
  </si>
  <si>
    <t>产后是可以喝水的。分娩时准妈妈身体内会丧尸大量的体液，如血液、汗水和唾液等，产后又容易流汗，身体水分大量流失的信号会通过中枢神经传递信号给大脑，让妈妈产生口渴的感觉。所以产后是需要喝水的。</t>
  </si>
  <si>
    <t>剑灵至尊仙豆可以交易吗</t>
  </si>
  <si>
    <t>可以买洪门还丹，修炼凭证</t>
  </si>
  <si>
    <t>细菌是不是生物</t>
  </si>
  <si>
    <t>细菌隶属生物学一类，是一类形状细短，结构简单，多以二分裂方式进行繁殖的原核生物</t>
  </si>
  <si>
    <t>拍拍是不是给京东合并了</t>
  </si>
  <si>
    <t>拍拍现在是京东的子公司。京东于2014年3月份收购QQ网购、拍拍网。所以目前拍拍是京东的子公司。拍拍网： 京东旗下大型、安全网上交易平台，提供各类服饰、美容、家居、数码、母婴、珠宝等商品.</t>
  </si>
  <si>
    <t>家里中央空调好吗</t>
  </si>
  <si>
    <t>使用效果上，家用中央空调往往是一台主机连接多个末端，也就是说一个室外机能够连接多个室外机，从而将冷气或者暖气送达各个不同的空间。另外，其制冷速度也比较快，大约5-6分钟便可以达到相应的温度，在送风方面也比较均匀，能够保持室内空气的清新与舒适；而普通的家用传统空调往往在制冷速度方面相对慢一些，大约需要10分钟以上的时间，而且温度的波动也比较大，偶尔会出现忽冷忽热的情况，在调节室内空气的舒适度方面会相对较差。</t>
  </si>
  <si>
    <t>取保候审需要谅解书吗</t>
  </si>
  <si>
    <t>关于取保候审的适用条件，《刑事诉讼法》第六十五条明确规定，人民法院、人民检察院和公安机关对有下列情形之一的犯罪嫌疑人、被告人，可以取保候审：(一)可能判处管制、拘役或者独立适用附加刑的;(二)可能判处有期徒刑以上刑罚，采取取保候审不致发生社会危险性的;(三)患有严重疾病、生活不能自理，怀孕或者正在哺乳自己婴儿的妇女，采取取保候审不致发生社会危险性的;(四)羁押期限届满，案件尚未办结，需要采取取保候审的。由上可知，只要满足以上取保候审的条件，就可以对犯罪嫌疑人、被告人进行取保候审，因此，取保候审是不需要被害人的谅解书的，只是如果有被害人的谅解书对取保候审将更为有利。</t>
  </si>
  <si>
    <t>陆风是国产车吗</t>
  </si>
  <si>
    <t>是的，陆风是国产车</t>
  </si>
  <si>
    <t>甲肝可以喝牛奶吗</t>
  </si>
  <si>
    <t>牛奶是含有脂肪蛋白质非常高的食物，对于身体是比较好的，对于肝病患者还是可以适当用一些，可以补充蛋白也可以提供适当的能量，还是可以吃的。</t>
  </si>
  <si>
    <t>微信运动需要流量吗</t>
  </si>
  <si>
    <t>微信运动关了流量不会计算步数，使用微信运动必须打开数据流量才能计算步数</t>
  </si>
  <si>
    <t>相恋网可靠吗</t>
  </si>
  <si>
    <t>好多骗子啊，网络毕竟是网络，也有好人，但是几率小</t>
  </si>
  <si>
    <t>努比亚z7mini支持电信4g吗</t>
  </si>
  <si>
    <t>努比亚z7 mini目前的版本安卓5.1是支持电信4g的</t>
  </si>
  <si>
    <t>梦幻西游手游炼药赚钱吗</t>
  </si>
  <si>
    <t>炼药是笔者最看好的一个帮派技能，因为手游里竞技的内容太多了，几乎每天都有。而且不少高级剧情关卡，都需要大量消耗药物。而且随着帮战等内容的开放，小团体的形成及小团体之间的PK行为，药物市场的需求可以说是极其庞大的。特别高品药更加会供不应求。</t>
  </si>
  <si>
    <t>梦幻西游手游之前看了人家的文章说炼药赚钱，所以就去学习了炼药，但是经过亲身体验之后发现炼药并不赚钱。</t>
  </si>
  <si>
    <t>115网盘可以上传av吗</t>
  </si>
  <si>
    <t>网盘上你可以存放任何东西，只要不共享，别人无法查看，何谈举报？就算你共享，别人也只能输入你提供的提取码来下载查看你共享的那个文件，其他没共享的文件仍然是看不到、无法举报的。</t>
  </si>
  <si>
    <t>印第安人过感恩节吗</t>
  </si>
  <si>
    <t>印第安人从不过感恩节，因为这是一种耻辱和欺骗的延续</t>
  </si>
  <si>
    <t>手淫到底会不会影响身高</t>
  </si>
  <si>
    <t>一般来说自慰不影响身高的，但不能过度。</t>
  </si>
  <si>
    <t>小米商城送货快吗</t>
  </si>
  <si>
    <t>很轻狠快</t>
  </si>
  <si>
    <t>历史上真的有花木兰吗</t>
  </si>
  <si>
    <t>花木兰的故事只是记载于《木兰辞》，我们要考证花木兰是否真有其人也只能从《木兰辞》入手。《木兰辞》是属于《乐府诗集》，与《孔雀东南飞》并称乐府双璧，《木兰辞》的文学价值和文化内涵可见非同一般。</t>
  </si>
  <si>
    <t>高铁站票是不是随便站的</t>
  </si>
  <si>
    <t>在二等车厢是随便站的，一等车厢不能进</t>
  </si>
  <si>
    <t>我是大主宰摩诃厉害吗</t>
  </si>
  <si>
    <t>单从游戏角度来谈，摩诃对追求极致速度以及极致力量的玩家来说无疑是福音。针对单体敌人的话不建议使用残月，残月是刷怪技能不说，100%加成20点的伤害实在不能说可观。</t>
  </si>
  <si>
    <t>日本人是中国人后裔吗</t>
  </si>
  <si>
    <t>终于证实： 日本人的确是中国人的后代</t>
  </si>
  <si>
    <t>安华黑茶是传销吗</t>
  </si>
  <si>
    <t>安化黑茶本身是不会传销的，但是，近年来确有不少不法分子以它为载体，从事传销活动。是不是传销，按照其具体的经营运作模式判定</t>
  </si>
  <si>
    <t>彩虹六号 好玩吗</t>
  </si>
  <si>
    <t>《彩虹六号：围攻》是一款很好的游戏，但是它的升级系统实在有点磨人</t>
  </si>
  <si>
    <t>双面羊绒大衣有内衬吗</t>
  </si>
  <si>
    <t>很多人不知道羊绒大衣和双面羊绒大衣的区别，今天就我知道的给大家科普一下。羊绒分为单面羊绒和双面羊绒两种，单面羊绒分正反面，正反面颜色一致，必须加内衬，所以只能做大衣。</t>
  </si>
  <si>
    <t>其实双面绒大衣是不能简单定论成大衣的，双面绒呢还细分为单色色双面绒，双色双面绒，可以不加内衬，做出来就是一般大家看到的比较软塌塌的薄双面绒外套；也可以加内衬，所以会更厚实一点，呈现出跟单面羊绒大衣差不多的效果，这样就可以称作双面绒大衣。</t>
  </si>
  <si>
    <t>当军人好吗</t>
  </si>
  <si>
    <t>本人就是一个退伍老兵，说实话，本人经常做梦都回到部队，聆听部队的号声，和战友们共同嘶喊着口号，和战友们共同挥汗如雨，和战友们共同跋山涉水，和战友们共同摸爬滚打，和战友们共同接受荣誉，和战友们一起挨首长批，和战友们共同享受青春的活力。。。那些日子，不去部队，是体验不到的，是不知道那个滋味的。所以，去当兵，没错的。</t>
  </si>
  <si>
    <t>成都民政局周六上班吗</t>
  </si>
  <si>
    <t>民政局作为国家公务机构，按国家法定工作时间上下班。成都民政局在周一到周五，婚姻登记处上班时间是早上九点到下午五点，所谓的“朝九晚五”。</t>
  </si>
  <si>
    <t>美国有退税吗</t>
  </si>
  <si>
    <t>win8能升级到win8.1吗</t>
  </si>
  <si>
    <t>可以的。一般通过应用商店就可以免费升级，如果无法升级，可以下载免激活的win8.1系统快速安装。</t>
  </si>
  <si>
    <t>在澳门刷银联卡要手续费吗</t>
  </si>
  <si>
    <t>不收手续费</t>
  </si>
  <si>
    <t>统计学难学吗</t>
  </si>
  <si>
    <t>学好统计学，要有非常强的数学功底，很多学统计的都是数学专业出身，由于它的难度摆在这里，所以很多学校都没有好的统计学的师资，学生的就业也就一般。</t>
  </si>
  <si>
    <t>也不会太难，只要系统的去学习，你很快就可以适应了</t>
  </si>
  <si>
    <t>喜欢数学，对这方面感兴趣，应该就不会觉得难。</t>
  </si>
  <si>
    <t>车管所星期六星期天上班</t>
  </si>
  <si>
    <t>周末不上班</t>
  </si>
  <si>
    <t>波士顿安全吗</t>
  </si>
  <si>
    <t>真正的波士顿安全一般，这个城市分为几个地区，Dochester、Roxbury、Mattapan等非常不安全，而West Roxbury，Charlestown等相对安全，Brighton，Hydepark等中等。大波士顿地区的有些城镇，如Newton等比较安全。</t>
  </si>
  <si>
    <t>老婆出轨老公会原谅吗</t>
  </si>
  <si>
    <t>丈夫是否能原谅妻子的出轨，要看丈夫对妻子的感情有多深，同时也要看妻子出轨的情节有多严重。如果丈夫对妻子的感情深，同时妻子出轨的情节也不严重，可能会原谅；否则，不会原谅，会考虑离婚。</t>
  </si>
  <si>
    <t>捐骨髓痛吗</t>
  </si>
  <si>
    <t>抽取骨髓造血干细胞有两种方法：一是医生在供者的髂骨部位穿刺采集骨髓中的造血干细胞，术后一两天内有些疼痛，一周内就可完全恢复。二是用科学的方法有效地动员骨髓和其他部位的造血干细胞大量释放到外周血液中去，从供者的手臂静脉中采集，并通过机器将造血干细胞分离出来，剩余的血液回输到供者体内。 一 疼 二 不疼(跟献血一样)</t>
  </si>
  <si>
    <t>多喝酸奶会胖吗</t>
  </si>
  <si>
    <t>早上喝不会发胖，酸奶最好在饭后二小时或睡前饮用酸奶，有排便通气的功效，即滋补健康，又促进消化.酸奶含糖量高(人工添加的),易使人发胖,晚上9点以后最好不要吃!否则一定会胖的。除非你是天生吃不胖的那种。</t>
  </si>
  <si>
    <t>山药能空腹吃吗</t>
  </si>
  <si>
    <t>早上可以空腹食用</t>
  </si>
  <si>
    <t>水蝎子是蜻蜓幼虫吗</t>
  </si>
  <si>
    <t>我养的水蝎子（蜻蜓幼虫）变成蜻蜓飞走了～</t>
  </si>
  <si>
    <t>显然不是。蜻蜓幼虫会脱壳成为蜻蜓成虫。</t>
  </si>
  <si>
    <t>微博是社交网站吗</t>
  </si>
  <si>
    <t>微博是属于社交类的网站平台，可以通过百科上的定义了解微博，微博在后期归类为社交媒体。</t>
  </si>
  <si>
    <t>翼龙贷出事了吗</t>
  </si>
  <si>
    <t>根据第一黄金网掌握的消息，近日，相关媒体的一则《翼龙贷涉嫌资金池违规操作》让还没从e租宝事件缓过神的投资人着实再被棒头一击。</t>
  </si>
  <si>
    <t>还有人坐马航吗</t>
  </si>
  <si>
    <t>有啊，不能因为出一次事情就一刀切啊</t>
  </si>
  <si>
    <t>新上海滩结局冯敬尧死了吗</t>
  </si>
  <si>
    <t>新上海滩结局冯敬尧死了</t>
  </si>
  <si>
    <t>江苏省医保卡全省通用吗</t>
  </si>
  <si>
    <t>暂不能.全省尚未联网.在省内异地查不到你个人医保信息的。</t>
  </si>
  <si>
    <t>老炮儿怎么样好看吗?</t>
  </si>
  <si>
    <t>我觉得好看！</t>
  </si>
  <si>
    <t>我谈谈我的感受，一句话“太枯燥！”全程无引燃点，就结局有一丝沸腾。那困意犯的啊！别跟我说什么电影内涵深我不理解。</t>
  </si>
  <si>
    <t>海皮城靠谱么?</t>
  </si>
  <si>
    <t>不靠谱啊，80%为高仿，11%为野生，其他全是杂的拼的！野生太贵了，土豪就当没说！</t>
  </si>
  <si>
    <t>皮肤黑能穿灰色吗</t>
  </si>
  <si>
    <t>合适，可以突出个人的气质，更加增加时尚感，看起来显得更加青春质朴端庄，灰色基本上属于百搭颜色。</t>
  </si>
  <si>
    <t>皮肤黑的人穿衣服时，颜色方面不要选择颜色过于鲜明的本白、红、黄、绿、蓝、紫等颜色，这些颜色会把人的眼球会合在衣服上，而显得皮肤更黑；过于灰的，也不能选择，因为过于灰的颜色，让人显得没有肉体，透不出灵气来；最好选择米色系列、粉色，但切不行有粉红。  穿较深蓝色、玄色会好一点。</t>
  </si>
  <si>
    <t>净化能解蝎子的大吗</t>
  </si>
  <si>
    <t>净化不行的</t>
  </si>
  <si>
    <t>蜜淘是正品吗</t>
  </si>
  <si>
    <t>不好，商品都没有评论，没有好评差评…所有人都买的假货你也根本不知道。退款什么的都没有保障！</t>
  </si>
  <si>
    <t>百雀羚bb霜好用吗</t>
  </si>
  <si>
    <t>我是干性皮肤，本来很想支持国货，但你说的这支产品，我也因为支持国货而选择了它，明星水嫩精纯BB霜，98的。唉，不好用，弄在脸上不服贴，脸很干很干，鼻子上，嘴解周围全起皮，讨厌死了。我以后绝对不买。</t>
  </si>
  <si>
    <t>时间戳单位是秒吗</t>
  </si>
  <si>
    <t>时间戳是以秒为单位</t>
  </si>
  <si>
    <t>蘑菇街靠谱吗</t>
  </si>
  <si>
    <t>千万不要在蘑菇街买东西，一点都不靠谱，</t>
  </si>
  <si>
    <t>实况足球可以双人玩吗</t>
  </si>
  <si>
    <t>可以双人玩</t>
  </si>
  <si>
    <t>h6好不好</t>
  </si>
  <si>
    <t>现在哈弗H6的保有量确实很大，买这款车假设要再倒手卖出去，保值率仍是很高的</t>
  </si>
  <si>
    <t>小六子就性价比这一方面来说，真的挺高的，而且长城的技术在国产车里面也比较成熟，还有就是，销量摆在那里的，比较吸引人。</t>
  </si>
  <si>
    <t>金鹰女神有杨幂吗</t>
  </si>
  <si>
    <t>快捷快递便宜吗</t>
  </si>
  <si>
    <t>快捷快递除了便宜没什么好的了</t>
  </si>
  <si>
    <t>红米1s屏幕是全贴合吗</t>
  </si>
  <si>
    <t>红米手机的屏幕是内外屏分开的！不是全贴合屏幕！</t>
  </si>
  <si>
    <t>瘦身霜有副作用吗</t>
  </si>
  <si>
    <t xml:space="preserve"> 药物减肥肯定是有副作用的</t>
  </si>
  <si>
    <t>一般来说没什么副作用</t>
  </si>
  <si>
    <t>广州在校大学生集体户能否购房</t>
  </si>
  <si>
    <t>集体户口大学生，在广州买房子与本地人一样。</t>
  </si>
  <si>
    <t>广东白云学院好不好</t>
  </si>
  <si>
    <t>超级棒，1200平方米，绿化到处都是，宿舍24小时有热水，有网络。网络也还OK。。800kb左右。全部ppt教学。。。。个人是超级喜欢的，不懂得地方可以问我</t>
  </si>
  <si>
    <t>地方偏僻，交通系统逐渐改善，但去趟市区好则一两个小时，坏则两三个小时，不晕车，会在车上睡觉是必备的。学校小（多小就不说了，很多同学上课从不怕迟到），教学一般，兼职老师好多，感觉有点乱，各二级学院有差距，指的是教学态度，领导老师的教育教学态度，。都听闻在白云区钟落潭建了个新校区（头一批进入新校区绝壁不是好事，隔壁村的广技师白云校区就是一个例子），鸟不拉屎，荒山野岭，地理战略位置比江高还差。最重要一点，也是根本，民营学校，学校由白云教育集团说了算，应该称作白云赚钱集团。看不出教育的理念，只会赚钱。。。最后一点：高富帅，白富美，空调，都有的。学霸，学渣也有，学习氛围，渐渐地，没有了。</t>
  </si>
  <si>
    <t>暴击伤害符文有用吗</t>
  </si>
  <si>
    <t>蛮王、亚索、剑圣、船长这种比较依靠暴击伤害的英雄都是可以选择暴击伤害符文的，因为这些英雄基本都是必出电刀这件装备的，拥有了暴击机率后非常需要暴击伤害。</t>
  </si>
  <si>
    <t>你可以买来欣赏，没其他用</t>
  </si>
  <si>
    <t>中国有方向盘在右边的车吗</t>
  </si>
  <si>
    <t>周总理有孩子吗</t>
  </si>
  <si>
    <t>周总理一生为国，无子无女，但他有个唯一的养子，名叫王戍。</t>
  </si>
  <si>
    <t>剃须刀可以剃头发吗</t>
  </si>
  <si>
    <t>如果头发短，理论上是可以的。但毕竟不是专业的剃头工具，用起来不方便。而且头发比胡子多的多，容易夹头发，也需要不断清理刀头。应急的时候用用，别的时候还是算了！</t>
  </si>
  <si>
    <t>iphone耳机麦克风能在电脑上用吗</t>
  </si>
  <si>
    <t>iiPhone耳机插入台式电脑后，话筒功能无法使用，除非单独配备一个麦克风，否则无法实现语音。</t>
  </si>
  <si>
    <t>炸鸡店赚钱吗</t>
  </si>
  <si>
    <t>营业额低，客流量小</t>
  </si>
  <si>
    <t>赚不赚钱需要看选址问题</t>
  </si>
  <si>
    <t>飞机起飞后还能改签吗</t>
  </si>
  <si>
    <t>错过了航班是可以改签的</t>
  </si>
  <si>
    <t>来月经时可以喝红糖水吗</t>
  </si>
  <si>
    <t>关于来月经是否能喝红糖水的问题，这个是可以喝的。因为喝了红糖水除了能补血以外，还有缓解痛经的作用，不会使月经出血更多。</t>
  </si>
  <si>
    <t>女性在月经期间身体比较虚弱，而且还容易造成贫血的现象，导致头晕头痛，因此要注意些进补的方法，有效补充气血，可以喝糖水。</t>
  </si>
  <si>
    <t>经期是否可以喝红糖水， 这个不是一定的，要根据自己的情况来定； 有些人适合而有些人不适合喝。平时如果月经量比较正常或是量稍多，经期没有什么疼痛的表现就不必喝；相反如果经量比较小，经期有腹痛的话可以经期前7天左右开始喝红糖水，有很好的补血化瘀止痛的作用 。</t>
  </si>
  <si>
    <t>调经的中药经期能喝吗</t>
  </si>
  <si>
    <t>月经期间是可以吃调经的中药</t>
  </si>
  <si>
    <t>吃梨能治糖尿病吗</t>
  </si>
  <si>
    <t>糖尿病是一种代谢性疾病，是由于胰腺的功能差导致的，对人体的健康是有很大的危害，而梨是富含糖分的对血糖的影响是很大的。对于患者的情况是不能吃梨的</t>
  </si>
  <si>
    <t>国考报名要重新注册吗</t>
  </si>
  <si>
    <t>是的，公务员考试每一年都会新建立数据库，所以考生需要重新注册。</t>
  </si>
  <si>
    <t>怀孕了还需要婚检吗</t>
  </si>
  <si>
    <t>要的，去的时候跟医生说明情况，会根据你的情况来检查，然后会给你一张表，那个表是登记要用的</t>
  </si>
  <si>
    <t>已经怀孕的话，就是做产检的，不需要做婚检了</t>
  </si>
  <si>
    <t>是否要做婚前检查要看你们当地是怎么规定的，如果没有这个检查就不能登记结婚，那就是花钱也还是要做的。</t>
  </si>
  <si>
    <t>青葡萄可以酿制葡萄酒吗</t>
  </si>
  <si>
    <t>可以的，把葡萄洗净，控干，捣碎。除去皮、籽、梗，放入一些糖，密闭容器(不要装满)恒温发酵</t>
  </si>
  <si>
    <t>可以做，但是没有成熟的就不能做。其做法跟红葡萄的做法一样：先采摘，再压榨，再发酵，再陈酿装瓶。</t>
  </si>
  <si>
    <t>异形真的有吗</t>
  </si>
  <si>
    <t>地球应该暂时没有。</t>
  </si>
  <si>
    <t>男人能喝银耳汤吗</t>
  </si>
  <si>
    <t>这个东西男女喝都是可以的、银耳滋阴止咳，润肺化痰，润肠开胃。对中老年和高血压、动脉硬化以及肺结核患者，有良好的保健作用。饮食应以清淡易消化的饮食为主，宜多食富含维生素C、矿物质及植物蛋多吃新鲜蔬菜水果，以供给多种维生素和无机盐，有利于机体代谢功能的修复。</t>
  </si>
  <si>
    <t>孕妇7个月高血糖13要住院吗</t>
  </si>
  <si>
    <t>空腹血糖数值太高，属于孕期糖尿病患者，需要住院调理治疗</t>
  </si>
  <si>
    <t>南疆是不是很穷</t>
  </si>
  <si>
    <t>基础设施较为薄弱，众所周知，南疆地区乃至西部地区都是长期落后的</t>
  </si>
  <si>
    <t>血压高能吃海参吗</t>
  </si>
  <si>
    <t xml:space="preserve"> 结合血压高饮食特点及海参营养成分，血压高是可以吃海参的，其原因主要是海参的胆固醇含量及低，肉质细嫩，容易消化，适合的血压高的易发人群，同时还具有其他诸多功效和作用。但是要注意烹饪的时候要注意清淡，避免油腻，放太多的盐，要注意选择合适的海参类别。</t>
  </si>
  <si>
    <t>违法停车扣分么</t>
  </si>
  <si>
    <t>看你在哪里违章停车。1，市区内停车，或者没有及时驶离这种违章停车情况只罚款200元不扣分。2，高速公路上无故停车，或者在非紧急情况下在紧急车道上停车，将会扣6分，罚款200元。3，违章停车属于违反禁令标志、警告标志、禁止标线、警告标线指示的,一般是扣2分.</t>
  </si>
  <si>
    <t>垂体瘤会恶变吗</t>
  </si>
  <si>
    <t>垂体瘤一般是属于良性的肿瘤，很少会出现恶化的可能，但是也要引起重视，如果长期没有及时治疗，很有可能也是会导致癌变的，一旦癌变会造成脑出血，从而死亡率是非常的高。一定要及时的服用药物和通过手术的方法来进行治疗。</t>
  </si>
  <si>
    <t>佛惩罚人吗</t>
  </si>
  <si>
    <t>佛是大慈大悲的圣人，他只会救苦救难，不会降祸于人，绝对不会惩罚任何人。对于那些作恶多端的恶人，佛会用种种善巧方便去度化他，让弃恶从善。遇到灾难或者不如意事，这是以前（或者前世）做恶事导致今生的果报。恶有恶报，善有善报，是宇宙规律，不是佛菩萨惩罚。</t>
  </si>
  <si>
    <t>秋田犬适合城市养吗</t>
  </si>
  <si>
    <t>秋田列入城市禁养犬种</t>
  </si>
  <si>
    <t>制服呢好不好</t>
  </si>
  <si>
    <t>制服呢面料是一种混纺布料，经常用来做cos服，厚款的制服呢大概可以春秋季用，不推荐做日常服。</t>
  </si>
  <si>
    <t>阳台做不做防水</t>
  </si>
  <si>
    <t>照理封闭式阳台是不需要做防水，但装了洗衣机，有了上下水，还是应该做防水的。阳台装了洗衣机，不但不做防水，还铺了地板，如果发生了渗漏水，第一个倒霉的还是他自己，麻烦更大！地板铺了，再做防水，既麻烦损失也大，你也要理解楼上的苦衷，毕竟他还是换了水龙头。如果现在逼他做防水，困难较大，可以答应他这次先不做，但如果再发生漏水，除了给你维修赔偿损失，防水还必须要做！</t>
  </si>
  <si>
    <t>密送人是否可以看到收件人</t>
  </si>
  <si>
    <t>如果你选了密送选项，那么收到信的人不能看到你这封信都给谁发过。</t>
  </si>
  <si>
    <t>淘抢购c店可以报名吗</t>
  </si>
  <si>
    <t>淘抢购商家报名条件 。1、淘宝卖家：(1)符合《淘宝网营销活动规则》标准;(2)符合淘宝各类目的行业资质标准;(3)开店时间：90天及以上;(4)卖家信用等级：三钻及以上;(5)店铺在售商品数量在10件以上;(6)店铺本年度内无因违禁或品控B类6分严重违规处罚;(7)店铺本年度内无任何售假处罚;(8)以上准入条件，类目若有特殊情况，可根据书面说明，另行处理。　　　2、天猫卖家：(1)符合《天猫营销活动基准规则》;(2)符合天猫各类目的行业资质标准;(3)开店时间：90天及以上;(4)店铺本年度内无因违禁或品控B类6分严重违规处罚;(5)店铺本年度内无任何虚假交易处罚;(5)店铺本年度内无任何虚假交易处罚;(6)以上准入条件，类目若有特殊情况，可根据书面说明，另行处理。</t>
  </si>
  <si>
    <t>黑苦荞茶苦吗</t>
  </si>
  <si>
    <t>黑苦荞是不苦的，而且效果是很好的。</t>
  </si>
  <si>
    <t>北京周六日能办暂住证吗</t>
  </si>
  <si>
    <t>可以办。</t>
  </si>
  <si>
    <t>不能办理 暂住证得到派出所办理 周六、周日休息</t>
  </si>
  <si>
    <t>英国人有钱吗</t>
  </si>
  <si>
    <t>英国是欧洲最发达国家之一，世界金融中心之一，资本市场成熟、发达；社会治安良好、高度法治，保护私产；享受免费医疗福利，自由自置英国物业。</t>
  </si>
  <si>
    <t>狗是色盲?</t>
  </si>
  <si>
    <t>在狗的眼中世界是黑色。白色和暗灰色，同时夹杂着中长光波的红黄色光和光波短的蓝光，世界就如同黑白电视里的画面一样，只有黑白亮度的不同，而无法分辨色彩的变化</t>
  </si>
  <si>
    <t>过去我们一直以为狗狗是完全的色盲，但实际上狗狗还是能分辨出一部分颜色的</t>
  </si>
  <si>
    <t>买手机需要身份证吗</t>
  </si>
  <si>
    <t>不需要 不管是到普通商场还是到邮局买手机都不需要身份证！</t>
  </si>
  <si>
    <t>苹果电脑能装广联达吗</t>
  </si>
  <si>
    <t>目前不可以，广联达软件目前只有windows版本，没有苹果系统的ios版本。除非改成windows系统或者装双系统。</t>
  </si>
  <si>
    <t>茶水能代替白开水吗</t>
  </si>
  <si>
    <t>茶能代水，别太浓</t>
  </si>
  <si>
    <t>联想g50有光驱吗</t>
  </si>
  <si>
    <t>G50的光驱可以通过光驱盖板上的按钮打开，也可以通过右击DVD驱动器，点击弹出按钮。</t>
  </si>
  <si>
    <t>监理师好考吗</t>
  </si>
  <si>
    <t>监理工程师的通过率还是比较高的，一般在30%左右。学习嘛，关键还是在自己，看自己用不用心了。</t>
  </si>
  <si>
    <t>百度云看av会不会中毒</t>
  </si>
  <si>
    <t>只要是保存到百度云，还能在线播放的就没问题，但是最近查的很严，建议不啊哟这么做，小心封盘。不懂的话可以追问，满意采纳奥，谢谢</t>
  </si>
  <si>
    <t>这个放心，不会的。百度云都是在线观看的。</t>
  </si>
  <si>
    <t>途牛旅游网可靠吗</t>
  </si>
  <si>
    <t>途牛是一个平台运营，自己没有旅游产品，都是采购各个供应商的。不能说途牛网靠谱不靠谱，只能是你报名的供应商靠谱不靠谱。一般来说问题不大，毕竟供应商是希望长期和途牛合作的！</t>
  </si>
  <si>
    <t>单眼能考驾照吗</t>
  </si>
  <si>
    <t>单眼优眼裸视力或者矫正视力达到对数视力表5.0以上，且水平视野达到150度的，可以考驾照。</t>
  </si>
  <si>
    <t>怀孕会不会肚子疼</t>
  </si>
  <si>
    <t>在怀孕初期，是会出现轻微的腹痛的，这是子宫收缩引起的，如果偶尔出现时间也不长是没有什么问题的，属于正常。 指导意见：   您说的这种情况，如果是偶出现的轻微腹痛没什么问题，但如果频繁明显的腹痛这就是先兆流产的症状，需要卧床休息，少活动。</t>
  </si>
  <si>
    <t>郑多燕瘦腿有用吗</t>
  </si>
  <si>
    <t>1.郑多燕的减腿操是有用的，一般一个星期左右会出一些变化，因为人体是七天为一个周期循环的。所以不要每天在意体重，一周测一次是准确的。2.注意你每天运动量和饮食起居养成较好的习惯，15天就会有明显变化。3.郑多燕更多的是塑形的，减肥效果不会特别明显的，除非你特别节食</t>
  </si>
  <si>
    <t>以贷收息违法吗</t>
  </si>
  <si>
    <t>你好，违法的。</t>
  </si>
  <si>
    <t>正常阴道口有肉球吗</t>
  </si>
  <si>
    <t>女性正常情况下，在外阴以及阴道口，阴道内都不会有出现颗粒，以及肉块等，那肯定是不正常的，首先考虑的是由于个人以及性生活卫生不注意而导致引起的。</t>
  </si>
  <si>
    <t>淘宝上买lol账号安全吗</t>
  </si>
  <si>
    <t>买高段位的号可能会被骗 但是买普通的30级的号一般不会</t>
  </si>
  <si>
    <t>塔吉锅好用吗</t>
  </si>
  <si>
    <t>主要是看到几个用塔吉锅来做菜的食谱觉得又方便又快，号称“懒人锅”</t>
  </si>
  <si>
    <t>反正不推荐</t>
  </si>
  <si>
    <t>放鸡岛可以露营吗</t>
  </si>
  <si>
    <t>茂名放鸡岛，碧海、阳光、沙滩，最适合露营。</t>
  </si>
  <si>
    <t>中国海洋大学博士好考吗</t>
  </si>
  <si>
    <t>博士一般没有明确的分数线，他不像考硕士那样凭考试分数，因为博士考试的题目很简单，即使都考满分也说明不了你的科研水平，而只是考察一下你对这个专业的基本了解。要考上博士，一般是综合以下几个因素：1、你的专业方向是否与你报考的导师的研究方向符合或相近 2、你硕士毕业论文做得怎么样，发表了那些论文，在什么级别的期刊上，从事了那些项目研究，获得什么成绩 3、考试成绩（主要是英语） 4、面试情况（你报考导师对你的印象如何） 5、和报考导师的关系如何。#海大的博士英语考试难度应该是在六级和考研之间。专业课不懂，就我来说，只要是本专业的，复习了，都没啥问题。</t>
  </si>
  <si>
    <t>过了申报期还能去地税前台报税吗</t>
  </si>
  <si>
    <t>肯定</t>
  </si>
  <si>
    <t>拔腿毛会长粗吗</t>
  </si>
  <si>
    <t>因为你没有破坏毛囊，所以还会长的，并且越长越粗。</t>
  </si>
  <si>
    <t>男人说分手能挽回吗</t>
  </si>
  <si>
    <t>男人说分手没必要挽回</t>
  </si>
  <si>
    <t>斑块性质能否变化</t>
  </si>
  <si>
    <t>火车票验证码换了还能用软件吗</t>
  </si>
  <si>
    <t>21世纪抢票拼的是技术，什么百兆带宽抢票都是忽悠，科技不行再快的网速也没用。普通浏览器上带的抢票插件真心的不靠谱，什么所谓的榴莲抢票王、360抢票王三代、猎豹抢票党，人生订票、UC抢票、百度、搜狗、QQ抢票、心蓝抢票、海蓝抢票王、吾易抢票、山鸟抢票，12306抢票助手，抢票神器等三十多款抢票软件和浏览器抢票插件都不靠谱，我用的是VIP版的抢票软件，自动登录免输图片验证码，帐号防踢，IP防封，CDN防缓存，与12306官网服务器同步时间，抢票相关项设置好之后，自动提交不排队，不输验证码，不分配坑爹的无座，可以选硬卧下铺，还可以选软卧两人同一包间对面下铺（票源足的情况下百分百准确率），每个环节大约一百多毫秒，从开始抢票到抢到票待支付，整个过程10秒内完成，去年没有图片验证码时5秒内完成.</t>
  </si>
  <si>
    <t>电信版5s支持移动4g吗</t>
  </si>
  <si>
    <t>iphone5s并不支持4g模式，但是可以支持电信3g和联通3g，移动2g</t>
  </si>
  <si>
    <t>信用卡是否属个人债务</t>
  </si>
  <si>
    <t>有分个人债务，有分夫妻共同债务</t>
  </si>
  <si>
    <t>北京雷阵雨影响旅游吗</t>
  </si>
  <si>
    <t>你真的很幸运，不知你是不是东北的，如果没有雨的话，北京的夏天超级燥热，然你游兴大减，只要你带好伞，建议你选颐和园，因为什刹海地处北京胡同，雨天不好走。况且，你的天气预报比一定准呢！</t>
  </si>
  <si>
    <t>16周岁可以打工吗</t>
  </si>
  <si>
    <t>年满16周岁打工在法律上是允许的，这被称为未成年工。</t>
  </si>
  <si>
    <t>2016年元旦收过路费吗</t>
  </si>
  <si>
    <t>我国有4个法定节假日高速免费，即春节、清明、劳动节和国庆节，元旦、中秋、端午都不免费。</t>
  </si>
  <si>
    <t>乐视电视耐用吗</t>
  </si>
  <si>
    <t>听说乐视电视还是很不错的，而且现在市场销量也很火爆，我正准备414活动的时候入手呢</t>
  </si>
  <si>
    <t>乐视电视不能买，会员到期了，就是个显示器！根本没法看，霸道耍流氓！各种功能不能用，多屏看看，蓝牙…………只要不交会员费，就是显示器一个，任何软件不支持安装！智能的东西统统不能用！谁买谁后悔，我买的是s50，现在后悔的要命！！</t>
  </si>
  <si>
    <t>6s不越狱能换手机铃声吗</t>
  </si>
  <si>
    <t>很多小伙伴说iPhone6换铃声得先越狱，其实不然，在不越狱的情况下我们也可以轻松给iPhone更换铃声</t>
  </si>
  <si>
    <t>打蛋器和面好用吗</t>
  </si>
  <si>
    <t>打蛋器和不了面的，最多具有搅拌的功能。</t>
  </si>
  <si>
    <t>并非所有打蛋机都适合搅面包面团！因打蛋机的功率及性能不同</t>
  </si>
  <si>
    <t>越狱了安全吗</t>
  </si>
  <si>
    <t>安全，越狱后安全度会降低</t>
  </si>
  <si>
    <t>泰国免签证吗</t>
  </si>
  <si>
    <t>中国公民前往泰国可以直接在机场办理落地签证。</t>
  </si>
  <si>
    <t>福耀汽车镀膜玻璃好吗</t>
  </si>
  <si>
    <t>镀膜玻璃不用贴膜，透光性好，特别是晚上。价格和换普通玻璃再贴膜的价格一样</t>
  </si>
  <si>
    <t>g41主板支持e8400吗</t>
  </si>
  <si>
    <t>可以的，这样的配置在六七年前还是不错的，现在来说性能太低了，如果要买e8400进行升级的话就不建议了，建议整机升级，看看主流的i3或赛扬。</t>
  </si>
  <si>
    <t>美亚海外移民服务中心是真的吗</t>
  </si>
  <si>
    <t>了解一家移民公司，看看成立时间，是否有公安部批准的移民拍照，参考百度口碑。</t>
  </si>
  <si>
    <t>银行卡绑定手机号收费吗</t>
  </si>
  <si>
    <t>银行卡可以在网上进行绑定手机号码，不需要收费</t>
  </si>
  <si>
    <t>手机能上vpn吗</t>
  </si>
  <si>
    <t>手机设置教程如下：以下为PPTP模式设置步骤，如果您的网络不能使用PPTP模式连接，再选择L2TP模式连接。第一步： 打开手机主菜单，选择“设置”，然后选择“无线和网络”； 第二步：选择“虚拟专用网设置”； 第三步：选择“添加虚拟专用网” ；第四步：选择“添加VPN PPTP” ；第五步：进入PPTP连接设置界面 ；第六步：点击输入虚拟专用网名称“pptp”（此名称可自己随便定义） ；第七步：点击填写您所登录的服务器地址（用．任意游．vpn的服务器），点击“确定” ；第八步：点击刚创建的VPN连接登录(账号密码去.任意游．官网注册），然后点击“连接”。连接成功后就可以访问你所需要浏览的网站了</t>
  </si>
  <si>
    <t>已经无法再使用这种模式连接，不是你本地设备或者网络错误的问题，而是Green、天行等一系列的传统海外V*N通信技术也都因为现在的新规定，网站都已经停止运营，都不能再使用了，服务器不是关闭就是IP地址被屏蔽，无法再连接到国际的网络，并且运营商检测到数据特征后也会屏蔽。但国内企业、学校，单位内部网络之间的V*N通信不受影响。</t>
  </si>
  <si>
    <t>我的花果园面膜有激素吗</t>
  </si>
  <si>
    <t>如果不是专业人士没办法鉴别是否含有激素，因为不同的激素鉴别方法是不一样的，而且需要专业仪器和方法，外行人是鉴别不了的。</t>
  </si>
  <si>
    <t>c照可以开7座吗</t>
  </si>
  <si>
    <t>可以,根据《机动车驾驶证申领和使用规定》，c1驾驶证准驾范围为小型、微型载客汽车及轻型、微型载货汽车;轻、小、微型专项作业车;小型载客汽车乘坐人数小于或等于9人。根据这项标准要求，c1证不能驾驶多出9座的车辆。</t>
  </si>
  <si>
    <t>证信金安是不是传销</t>
  </si>
  <si>
    <t>"证信金安"是网络传销！</t>
  </si>
  <si>
    <t>ios9.2可以完美越狱吗</t>
  </si>
  <si>
    <t>现在还不能，未来可以越狱</t>
  </si>
  <si>
    <t>吃了海鲜能吃药吗</t>
  </si>
  <si>
    <t>这个关系一般是不大的，但是吃了海鲜再吃药，效果会比较差，而且有时有过敏反应。</t>
  </si>
  <si>
    <t>老公喝酒能要孩子吗</t>
  </si>
  <si>
    <t>喝酒量不多的情况下一般对胎儿的影响还是较小的，如果是喝酒量比较大，还是要谨慎，要根据情况来选择的</t>
  </si>
  <si>
    <t xml:space="preserve"> 注意孕期检查即可</t>
  </si>
  <si>
    <t>卖炒货赚钱吗</t>
  </si>
  <si>
    <t>炒货，其实分两种情况当全世界的新手都在骂炒货的可耻，炒货的都该消失的时候，有一帮人却在偷笑，他们偷偷地跟着炒货的赚到了大钱，但从来不告诉别人，或者说了别人也不信。</t>
  </si>
  <si>
    <t>自然堂旗舰店是正品吗</t>
  </si>
  <si>
    <t>天猫旗舰店都是由相应品牌直接申请的，即自然堂天猫旗舰店就这一家是正品的自然堂产品</t>
  </si>
  <si>
    <t>确定是天猫旗舰店，那会是正品。#如果是品牌官方旗舰店基本是真的，现在很多大品牌也会做网络销售，你可以去品牌官方网站，如果他们在TM开了网络旗舰店，他们官网都会有链接，链接点进去才是最真的……</t>
  </si>
  <si>
    <t>自由之战洁辛塔厉害吗</t>
  </si>
  <si>
    <t>个人觉得洁辛塔也蛮好用的</t>
  </si>
  <si>
    <t>汽车配全包坐垫好不好</t>
  </si>
  <si>
    <t>全包坐垫好，不易弄脏座椅，洗坐垫容易，洗座椅难啊。</t>
  </si>
  <si>
    <t>全包的是会影响安全的，因为会有侧气囊弹不出的情况。</t>
  </si>
  <si>
    <t>网银购买国债安全吗</t>
  </si>
  <si>
    <t>虽然网银能带来很多便利，但不少市民出于安全性的担忧而不敢使用。银行人士表示，只要客户做好安全防范工作，使用网银是很安全的，发生风险的概率很小。</t>
  </si>
  <si>
    <t>综合实践活动有没有必要进行?</t>
  </si>
  <si>
    <t>不影响课节的能提升学、生兴趣和能力的活动太有必要了</t>
  </si>
  <si>
    <t>尘肺病洗肺能治好吗</t>
  </si>
  <si>
    <t>洗肺并不能完全治愈疾病，而且有一定的手术风险，价格十分昂贵</t>
  </si>
  <si>
    <t>尘肺目前国内尚无药物根治，肺灌洗是治疗尘肺病最有效的方法</t>
  </si>
  <si>
    <t>上午挂号下午还能用吗</t>
  </si>
  <si>
    <t>潘朵拉之心漫画完结了吗</t>
  </si>
  <si>
    <t>潘多拉之心漫画终于完结了,期待第二季的动漫哇</t>
  </si>
  <si>
    <t>南昌江南汇好玩吗</t>
  </si>
  <si>
    <t>南昌江南汇夜总会设施比较齐全，隔音设备做的也不错，歌曲更新速度蛮快的，服务也算周到，价格很便宜，是消磨时间的好去处。</t>
  </si>
  <si>
    <t>百度云要钱吗</t>
  </si>
  <si>
    <t>小厨宝可以用插板吗</t>
  </si>
  <si>
    <t>当然可以的，要看用多大功率的接线盒。</t>
  </si>
  <si>
    <t>怀孕能不能用化妆品</t>
  </si>
  <si>
    <t>孕期尽量不要使用化妆品是有道理的</t>
  </si>
  <si>
    <t>肠虫清狗能吃吗</t>
  </si>
  <si>
    <t>人药和兽药基本通用的. 给狗狗驱虫所用的药品，大致上大家用的有两种，一种是属于诺华制药旗下的汽巴嘉基的杜虫丸，另外一种是拜耳制药出品的内虫逃。</t>
  </si>
  <si>
    <t>不建议给狗狗吃人的驱虫药：1、人的驱虫药对狗狗驱虫效果不好，人体内和狗狗体内的病虫是不一样的。所以人的驱虫药对狗狗驱虫基本是无效的。2、给狗狗吃人的驱虫药，量并不好控制。少了是无害的，但如果量较多就有可能会对狗狗产生害处！所以用狗狗要用宠物专用体内驱虫片哦。</t>
  </si>
  <si>
    <t>网银能自己开通吗</t>
  </si>
  <si>
    <t>可以自助注册开通网银的，但是只有查询功能；想要进行对外支付，需要本人带银行卡和证件去柜台开通。</t>
  </si>
  <si>
    <t>心脏早搏遗传吗</t>
  </si>
  <si>
    <t>心脏早博对胎儿是不会有影响的也不会有遗传的</t>
  </si>
  <si>
    <t>男人戴项链好看吗</t>
  </si>
  <si>
    <t>男人千万不要戴项链。男人如果真想要在脖子上搞点装饰，不如还是挂根红绳吊块上等美玉吧，一来玉养人，二来一根红绳可以起到画龙点睛的作用，不至于像金银那般一只老鼠坏锅汤。当一个工成熟的男人，偶尔露出脖子间的红绳，反而似乎还有一丝活力的性感。便是最好的境界还是脖子上干干净净</t>
  </si>
  <si>
    <t>黄金项链在生活当中的佩戴率是很高的。男生佩戴黄金项链时，也要注意不要佩戴特别粗的，看起来不精致而且也不安全，但也不要佩戴过于细的，不然容易显女性化。男生很适合带白金饰品，项链的话不要带粗的，稍微细一点的就行，其实现在好多银饰跟白金的差不多，而且款式也比金的多的多</t>
  </si>
  <si>
    <t>仿古砖需要用美缝剂吗</t>
  </si>
  <si>
    <t>美缝剂，可勾也可不勾，不是必须的。</t>
  </si>
  <si>
    <t>耐美尔延时喷剂好用吗</t>
  </si>
  <si>
    <t>耐美尔延时喷剂效果不错</t>
  </si>
  <si>
    <t>同一张身份证同一天可以买不同车次的票吗</t>
  </si>
  <si>
    <t>可以，限制的是当日当次，不同的旅程是没限制的</t>
  </si>
  <si>
    <t>刺客组织存在吗</t>
  </si>
  <si>
    <t>刺客组织在历史中是真实存在的。他就是伊斯兰教阿萨辛派，也叫暗杀派。</t>
  </si>
  <si>
    <t>存在的话也不会让你知道的。刺客组织绝对有，不过不是刺客信条那样的，应该叫暗杀组织。圣殿骑士史书里有记载，不过性质和游戏里的不一样，圣殿骑士这样的组织是神权社会的产物，过去是存在的。几千年过去了，人类对宗教的迷恋从未断绝过，宗教的武装组织现在绝对有，宗教不死，“圣殿骑士”就不死</t>
  </si>
  <si>
    <t>孕妇蜂蜜可以吃吗</t>
  </si>
  <si>
    <t>我也是因为怀孕，才热衷于蜂蜜，到现在基本上每天都坚持喝</t>
  </si>
  <si>
    <t>苏州新区车管所周末上班吗</t>
  </si>
  <si>
    <t>向政府机关和公务员类的，周六日是不上班的，只有部分人留守看门，即使去也不能办公务。他们的上班时间，一般是早9:00-12:00，下午2:00-5:00</t>
  </si>
  <si>
    <t>购车发票可以改日期吗</t>
  </si>
  <si>
    <t>可以改，让经销商重新开发票。</t>
  </si>
  <si>
    <t>dnf鬼泣厉害吗2015</t>
  </si>
  <si>
    <t>强的不得了</t>
  </si>
  <si>
    <t>辅助能力强，攻击能力弱。</t>
  </si>
  <si>
    <t>一楼土木人靠谱吗</t>
  </si>
  <si>
    <t>有些人觉得靠谱，有些人觉得不靠谱</t>
  </si>
  <si>
    <t>买卖驾照违法吗</t>
  </si>
  <si>
    <t>用他人驾照代扣分，其实和交通肇事招人“顶包”的性质是一样的，不管是“借分”还是“卖分”，都属于妨碍公务的违法行为，一旦发现，将给以严厉处罚。</t>
  </si>
  <si>
    <t>38+2周可以破腹产吗</t>
  </si>
  <si>
    <t>这个可以的，不用担心，放心吧。没事的。</t>
  </si>
  <si>
    <t>狗狗能坐高铁吗</t>
  </si>
  <si>
    <t>宠物是不可以带上火车，不管是动车、高铁还是普速列车，都不可以携带宠物上车，但是可以托运。</t>
  </si>
  <si>
    <t>风湿能喝酒吗</t>
  </si>
  <si>
    <t>这是不可以喝酒的</t>
  </si>
  <si>
    <t>快递有纸箱吗</t>
  </si>
  <si>
    <t>马云得病了吗</t>
  </si>
  <si>
    <t>马云在几年前被检查出患有直肠癌</t>
  </si>
  <si>
    <t>氢键是化学键吗</t>
  </si>
  <si>
    <t>氢键不形成新物质,不应称为化学键。</t>
  </si>
  <si>
    <t>妻子的谎言2开拍了吗</t>
  </si>
  <si>
    <t>由华策影视出品的《妻子的谎言》在京举办答谢会，制片人董力，主演张晓龙、贾青、邱胜翊、李茂、林静等到场支持。现场众主演除畅聊电视剧走热细节，出品方更是宣布将会由原班人马出演续集。被称作“剧中无缘剧外生情”的李茂、邱胜翊这对“茂盛组合”也将在续集中“再续前缘”。</t>
  </si>
  <si>
    <t>计算机专业累吗</t>
  </si>
  <si>
    <t>计算机专业最辛苦，排在“辛苦”专业之首。</t>
  </si>
  <si>
    <t>男性乙肝肝功能不正常能要孩子吗</t>
  </si>
  <si>
    <t>男方的乙肝病毒携带对于后代的影响是不大的，您现在需要将肝功能保持正常。</t>
  </si>
  <si>
    <t>外来媳妇本地郎好看吗</t>
  </si>
  <si>
    <t>个人觉得好看</t>
  </si>
  <si>
    <t>现在越来越不好看了</t>
  </si>
  <si>
    <t>病假单可以补开吗</t>
  </si>
  <si>
    <t>可以拿着病例去医院补开！</t>
  </si>
  <si>
    <t>避孕套百分百避孕吗</t>
  </si>
  <si>
    <t>安全套一般使用乳胶制成，具有百分百避孕效果</t>
  </si>
  <si>
    <t>孕妇能擦bb霜吗</t>
  </si>
  <si>
    <t xml:space="preserve">   这个一般是可以擦的，这个没有什么激素是不会影响这个宝宝的，一般怀孕以后只要不用活血的不用激素这些。</t>
  </si>
  <si>
    <t>怀孕后最好是不用BB霜，因为BB霜有遮盖、增白的作用，里面含有铅，对胚胎发育不好。</t>
  </si>
  <si>
    <t>孕期前3个月最好是避免使用，超过3个月之后使用的话，对胎儿影响不大。</t>
  </si>
  <si>
    <t>雾霾屋里屋外差别大吗</t>
  </si>
  <si>
    <t>中国建筑科学研究院的工程师通过多次实地测量研究发现，受吸烟、烹饪等因素影响，室内的PM2.5浓度并不一定比室外低。</t>
  </si>
  <si>
    <t>地狱火戒指好吗</t>
  </si>
  <si>
    <t>现在好戒指太多，地狱火戒指倒不是很推荐去合成。</t>
  </si>
  <si>
    <t>取环后来了一次月经后怀孕了,可以吗</t>
  </si>
  <si>
    <t>没有影响的</t>
  </si>
  <si>
    <t>mmm可以排单补平衡吗</t>
  </si>
  <si>
    <t>可以的。但是长期不下单不行，明显的失去平衡也会被视为作弊。</t>
  </si>
  <si>
    <t>大众评审算纠纷吗</t>
  </si>
  <si>
    <t>大众评审员介入处理的维权争议明确不生成纠纷退款率。只有淘宝小二介入且支持买家的维权争议才会计算纠纷退款率。</t>
  </si>
  <si>
    <t>qt网上兼职是真的吗</t>
  </si>
  <si>
    <t>qt网上兼职是假的</t>
  </si>
  <si>
    <t>淘宝生意好做吗</t>
  </si>
  <si>
    <t>实话告诉你，淘宝生意，不好做</t>
  </si>
  <si>
    <t>不好做啊，哭，我那个淘宝店已经开了3个月了哦，仍是没有客人啊。</t>
  </si>
  <si>
    <t>芭菲洗衣液好用吗</t>
  </si>
  <si>
    <t>现在的洗衣液去污能力都差不多，要想洗后的衣服更加柔软，建议用芭菲洗衣液，</t>
  </si>
  <si>
    <t>顺丰同城能当天到吗</t>
  </si>
  <si>
    <t>上午十二点之前发可以当天到 下午的就不行</t>
  </si>
  <si>
    <t>传真机能扫描吗</t>
  </si>
  <si>
    <t>在不经过电话线的情况下，将传真机和电脑的MODEM相连，就可以将传真机作为扫描仪用</t>
  </si>
  <si>
    <t>第九大陆能玩吗</t>
  </si>
  <si>
    <t>听说很多挂，没什么人玩了</t>
  </si>
  <si>
    <t>新生儿脑损伤能治愈吗</t>
  </si>
  <si>
    <t>脑损伤如能早期正规治疗，一般不会发展为脑瘫，大部分是可以治愈的。</t>
  </si>
  <si>
    <t>怀疑脑损伤的宝宝3个月的时候最好做一次核磁彻底排除有脑损伤的问题，如果有问题能在黄金时间就开始治疗如果有条件的话，最好还是让宝宝在正规的大医院住院治疗，自己在家治疗毕竟不专业，有可能犯一些错误耽误治疗，如果没有办法住院，一定要多来几次医院康复训练几次，确保家长自己的训练没有问题。</t>
  </si>
  <si>
    <t>win10系统可以玩lol吗</t>
  </si>
  <si>
    <t>可以的，英雄联盟游戏已经实现了与Win10系统的兼容。</t>
  </si>
  <si>
    <t>能，但是因为windows10是刚推出不久的系统，做不到与LOL进程的完美兼容，也许会有一些卡顿或者冲突，但玩还是能玩的。</t>
  </si>
  <si>
    <t>过敏性体质能改变吗</t>
  </si>
  <si>
    <t>广州医科大学附属第一医院中医科主任医师喻清和解答，过敏性体质与遗传有关，但是如果通过中医药调理和生活干预，这种体质是可能改变的，而青春期前是干预的最佳时机。</t>
  </si>
  <si>
    <t>siri会唱歌吗</t>
  </si>
  <si>
    <t>如果你能坚持不懈地一直跟Siri说“为我唱歌、为我唱歌”，它就真的会为你唱歌哦。</t>
  </si>
  <si>
    <t>余额宝里面的招财宝安全吗</t>
  </si>
  <si>
    <t>安全的，根据自身的需要来决定。如果追求稳定选择余额宝，但是效益不会太高。反之，如果追求高回报，能承受风险，则选择前者。余额宝是支付宝打造的余额增值服务。把钱转入余额宝即购买了由天弘基金提供的余额宝货币基金，可获得收益。余额宝内的资金还能随时用于网购支付，灵活提取。</t>
  </si>
  <si>
    <t>眼镜王蛇会追人吗</t>
  </si>
  <si>
    <t>眼镜王蛇通常会主动攻击人畜，凶残异常，但是见到它时立马逃跑一般它不会追你，除非你把它惹怒了，还有连大象见了都要绕道的眼镜王蛇面前狗狗去了就是找死，还会把它激怒，这时你麻烦了。</t>
  </si>
  <si>
    <t>浙西小三峡好玩吗</t>
  </si>
  <si>
    <t>国庆好玩、冷门又不涨价的绝佳去处</t>
  </si>
  <si>
    <t>包皮手术钉子一头在肉里会自己掉吗</t>
  </si>
  <si>
    <t>包皮手术后的钉子一般来说2到3周后就会全部脱掉，如果没有，应该及时去医院让医生帮助拆除就可以了</t>
  </si>
  <si>
    <t>在我看来英文翻译</t>
  </si>
  <si>
    <t xml:space="preserve">    in my opinion; as far as I'm concerned;  </t>
  </si>
  <si>
    <t>唯品会爱他美是真的吗</t>
  </si>
  <si>
    <t>唯品会买的唯品国际爱他美奶粉是假的</t>
  </si>
  <si>
    <t>xbox one可以连接电脑吗</t>
  </si>
  <si>
    <t>如果电脑显示器支持HDMI输入可以借用电脑显示屏，DVI的话需要转接器，主机直接连接是没有意义的</t>
  </si>
  <si>
    <t>天谕封号厉害吗</t>
  </si>
  <si>
    <t>最后，天谕封号太他妈厉害了！！！！！</t>
  </si>
  <si>
    <t>天涯明月刀是单机吗</t>
  </si>
  <si>
    <t>单机网游</t>
  </si>
  <si>
    <t>前期是，后期就不是了。</t>
  </si>
  <si>
    <t>超过28周还能做糖筛吗</t>
  </si>
  <si>
    <t>可以的，如果你没有糖尿病症状或者家族遗传病史，就不用太着急。有的医院甚至32才做。当然，如果有问题，越早发现可以越早的治疗，但是差一两周都没有大的问题的。、</t>
  </si>
  <si>
    <t>网上理财产品可信吗</t>
  </si>
  <si>
    <t>多种情况，有真有假</t>
  </si>
  <si>
    <t>婴儿能吃海鱼吗</t>
  </si>
  <si>
    <t>海鱼要警惕汞污染的风险。因为重金属会富集在体内，越是食物链上端的生物越不好（体格大、生命周期长），含汞的风险越高，比如：鲨鱼、旗鱼、方头鱼等，除此外还有箭鱼、大型金枪鱼、马鲛鱼等，都不适合孩子食用。满足以下三个条件的鱼类，是比较适合给孩子吃的：1）污染风险低；2）刺少；3）容易买到。比如：三文鱼、海鲈鱼、鳕鱼、鲳鱼。</t>
  </si>
  <si>
    <t>金毛会跟陌生人走吗</t>
  </si>
  <si>
    <t>家里金毛陌生人来了不会叫，而且出去总跟陌生人走。</t>
  </si>
  <si>
    <t>郑州滴滴专车好做吗</t>
  </si>
  <si>
    <t>不靠谱，够油钱</t>
  </si>
  <si>
    <t>药店能买到处方药吗</t>
  </si>
  <si>
    <t>可以买到</t>
  </si>
  <si>
    <t>新鼎辉集团可信吗</t>
  </si>
  <si>
    <t>非常可靠 是一家全国性集团 理财有完备的风控体系和多年理财投资经验</t>
  </si>
  <si>
    <t>京东上的安利是真的吗</t>
  </si>
  <si>
    <t>安利公司从来没有授权任何网店出售安利产品。最近两年，安利公司对网上销售的安利产品做过调查，约一半是假货。</t>
  </si>
  <si>
    <t>股票属于夫妻共同财产吗</t>
  </si>
  <si>
    <t>婚前购买股票，婚后没有买卖——该婚前购买股票的本金以及自然增值所得均属于个人财产。如果夫妻一方用婚前个人财产出资购买股票，婚后也未进行经营管理，该股票的增值仅仅是因市场变化</t>
  </si>
  <si>
    <t>iphone5s关机后还能定位吗</t>
  </si>
  <si>
    <t>不可以定位需要满足一定条件的1、设备在开机状态，没有被刷机过2、未丢失前在设备的icloud登陆有apple id账号且开启了“查找iPhone”功能；3、设备有打开GPS服务，且移动蜂窝数据有打开</t>
  </si>
  <si>
    <t>科目二考试车上有考官吗</t>
  </si>
  <si>
    <t>没有的，科目二现在施行的是全方位电子眼，电子评分，且车速慢，故车上一般是没有考官的。</t>
  </si>
  <si>
    <t>醉驾能找关系压下来吗</t>
  </si>
  <si>
    <t>不要找，白白多花钱，危险驾驶罪的证据相对简单，取血，验明单位血液中酒精含量，这是铁证，稍微有点数的人，没有谁敢在案件上弄虚作假，也不值得。而且公安之后又检察院法院，不是哪一个环节说了算的。</t>
  </si>
  <si>
    <t>植物人会醒吗</t>
  </si>
  <si>
    <t>看情况，植物人的病情也有轻重之分，严重的那就永远也醒不来，比较轻的就很有可能醒来，对植物人因细心照顾，仔细呵护，那样醒来的概率更大些！！</t>
  </si>
  <si>
    <t>龙珠gt比克死了吗</t>
  </si>
  <si>
    <t>比克在GT中为了让宇宙中的邪恶龙珠消失选择了死亡</t>
  </si>
  <si>
    <t>小米盒子可以连笔记本吗</t>
  </si>
  <si>
    <t>小米盒子连接电脑方法很简单，首先需要接上电源线供电， 再用数据线插到电脑的usb口上， 过一会电脑就能认出来。小米盒子连接电脑只需要用数据线直接连接即可。小米盒子是一款高清互联网电视盒，迄今为止是小米手机最发烧的配件。用户可通过小米盒子在电视上免费观看网络电影、电视剧，同时能将小米手机、iPhone、iPad、电脑内的照片和视频通过WIFI投射到电视上。小米盒子拥有丰富的内容资源及应用，系统软件每周更新。</t>
  </si>
  <si>
    <t>针灸治失眠效果好吗</t>
  </si>
  <si>
    <t>中医针炙，对于治疗由心肾不交引起的失眠效果是较为明显，对于其他因素引起的失眠现象，也是有一定的效果的，</t>
  </si>
  <si>
    <t>眉山心脑血管病医院生意好不好</t>
  </si>
  <si>
    <t>三厢车比两厢车安全吗</t>
  </si>
  <si>
    <t>两厢车和三厢车并不存在哪个形式更安全的问题</t>
  </si>
  <si>
    <t>京东白条能买卡密吗</t>
  </si>
  <si>
    <t>目前仅部分账户可支付虚拟商品，部分暂不可以，您的白条账户是否支持此类支付请您以收银台页面显示为准。</t>
  </si>
  <si>
    <t>你好！京东卡部分可用白条购买，如京东实体卡等；也有不能支持白条付款的，如，京东电子E卡等。</t>
  </si>
  <si>
    <t>儿童买成人机票能登机吗</t>
  </si>
  <si>
    <t>当成人票价低于五折时，儿童可以按成人身份购买打折成人票，但需要和成人一样交机场建设费和燃油附加税；儿童持成人票也能顺利登机，但需要带上户口本、身份证或出生证明。当成人票价低于五折时，儿童输入出生日期，就可以与成人同价购买折扣机票，除此之还能享受和儿童票一样的免机场建设费、燃油附加税减半的优惠。登机时也要求携带孩子的身份证件。</t>
  </si>
  <si>
    <t>痛风能吃黑豆吗</t>
  </si>
  <si>
    <t>虽然黑豆营养价值高，但是是高蛋白食物，所以不能吃。</t>
  </si>
  <si>
    <t>婚外情触犯法律吗</t>
  </si>
  <si>
    <t>不是犯罪行为</t>
  </si>
  <si>
    <t>可以说婚外情主要违反的是婚姻道德，而并不违法</t>
  </si>
  <si>
    <t>偶尔与婚外异性发生性关系的通奸形式，不以夫妻名义，持续、稳定地共同居住的同居形式;，以夫妻名义共同居住的重婚形式#婚外情的基本表现形式</t>
  </si>
  <si>
    <t>我的心机面膜含荧光剂吗</t>
  </si>
  <si>
    <t>你用验钞灯照一下，如果面膜发蓝光，就是含荧光剂，反之，则不含</t>
  </si>
  <si>
    <t>2015年9月3日股票开盘吗</t>
  </si>
  <si>
    <t>医保卡看病能报销吗</t>
  </si>
  <si>
    <t>只要你去的是医保定点医院，并且你的医保卡里有足够的钱可以支付，就可以用医保卡消费</t>
  </si>
  <si>
    <t>做蛋糕可以用微波炉吗</t>
  </si>
  <si>
    <t>当然可以， 第一：鲜鸡蛋加上面粉加上白沙糖和泡打粉一起揉好放到一个容器里面 第二：上面倒点加糖的牛奶 第三：把微波炉打到中火，烤5分钟！ 我在家就是这样完成的！</t>
  </si>
  <si>
    <t>学园天堂好看吗</t>
  </si>
  <si>
    <t>《学园天堂》是根据游戏改编的BL动画~男主角伊藤启太非常幸运地接到一所超精英名校的入学许可书，那所学校里的人物都不是一般人，要么才华横溢，要么家世显赫，而启太只是个很平凡普通的男孩子。故事就这样围绕着他展开，有时搞笑，有时感人，还是比较好看的一部动画吧</t>
  </si>
  <si>
    <t>卧室用瓷砖好吗</t>
  </si>
  <si>
    <t>贴瓷砖没什么不可以的 主要看你整体风格 瓷砖比较环保 确实没有有害气体挥发 但是小孩可能比较小 以后会在地上玩耍 可以贴砖后铺块地毯</t>
  </si>
  <si>
    <t>皮蛋可以蒸吗</t>
  </si>
  <si>
    <t>皮蛋可以蒸着吃</t>
  </si>
  <si>
    <t>海明威获得过诺贝尔文学奖吗</t>
  </si>
  <si>
    <t>美国作家海明威，获得过诺贝尔文学奖。他的《老人与海》在1954年获得诺贝尔文学奖。</t>
  </si>
  <si>
    <t>例假可以喝玫瑰花茶吗</t>
  </si>
  <si>
    <t>在月经前或月经期间常会有些情绪上的烦躁，喝点玫瑰花可以起到调节作用。</t>
  </si>
  <si>
    <t>建议月经期间不要和玫瑰花茶、会导致月经量过多</t>
  </si>
  <si>
    <t>3m人工皮 药店有卖吗</t>
  </si>
  <si>
    <t>在很多人工皮料制造厂有 要是要少量的 就要去布匹 皮料店看看</t>
  </si>
  <si>
    <t>小肌瘤要手术吗</t>
  </si>
  <si>
    <t>问题分析：你好，子宫肌瘤多大需要手术有个体差异，但一般来说，子宫肌瘤超过5cm表示病情比较严重，需要手术切除。如果子宫肌瘤在5cm以下时可采取药物治疗的方法，控制肌瘤的增长。无症状的子宫肌瘤则无需治疗。单个的肌瘤可以通过手术摘除即可，如果子宫肌瘤是多发性的，且患者无生育要求，建议行切除子宫术，以预防肌瘤再长。意见建议：子宫肌瘤的治疗方法需要根据个人年龄、临床表现情况及内分泌情况确定。建议到专业医院进行检查，在医生的指导下明确治疗方案。</t>
  </si>
  <si>
    <t>外汇周末交易吗</t>
  </si>
  <si>
    <t xml:space="preserve">交易总台从美国东部时间星期日下午5:00至星期五下午4:00开放. </t>
  </si>
  <si>
    <t>汇市场其实是24小时不间断波动的。只是因为在周六和周日平台合作的银行或者金融机构是休市的暂时停止提供报价。所以也就是客户通过交易平台不能进行外汇交易了</t>
  </si>
  <si>
    <t>有没有好的vpn</t>
  </si>
  <si>
    <t>好的推荐，还是直接买国外的，很多也是支持中文，支持支付宝付款，主要是稳定，不会跑路，也不会被封杀。</t>
  </si>
  <si>
    <t>2015年立秋后还会热吗</t>
  </si>
  <si>
    <t>但是依然很热，立秋之后仍有一“伏”，“秋老虎”依然存在。</t>
  </si>
  <si>
    <t>带避孕套能防止性病吗</t>
  </si>
  <si>
    <t xml:space="preserve"> 在正确使用避孕套的前提下，乳胶避孕套可以有效的阻断所有的性传播疾病的病原，即使是最小的性传播疾病的病原体。</t>
  </si>
  <si>
    <t>不洁性交时使用避孕套确实有一定的预防性病传染的作用。但这种作用是有条件的，也是有限度的。并不是说使用了避孕套就百分之百的安全，就可以避免性病传播了。</t>
  </si>
  <si>
    <t>住房公积金能否补交</t>
  </si>
  <si>
    <t>住房公积金可以补交。但是只能单位出面办理，不会对个人办理，补交住房公积金也不是件很复杂的事，只是要填一些表格，表格应该认真填写。1单位经办人正确填写《住房公积金汇补缴书》（一式两联）（此表可在网上下载）和《住房公积金补缴清册》（一式两联），（此表可在网上下载）并加盖单位预留财务印鉴。2单位经办人携带填好的《住房公积金汇补缴书》和《住房公积金补缴清册》及支票或现金到办事处进行补缴登记。3登记完成后，中心柜员将加盖结算印章的《委托收款专用凭证》第二、三联、《住房公积金汇（补）缴书》单位联、《住房公积金补缴清册》单位联及支票（现金）交由单位经办人到银行窗口存款。4银行窗口收妥款项后，在《住房公积金汇（补）缴书》上加盖银行收讫印鉴，返单位经办人作为记账凭据。</t>
  </si>
  <si>
    <t>香油是芝麻油吗</t>
  </si>
  <si>
    <t>麻油和香油是同一种东西，都为芝麻油的别称。</t>
  </si>
  <si>
    <t>紧张 手抖 声音颤抖 心得安 地西泮</t>
  </si>
  <si>
    <t>问题分析：您好:根据您所提供的病情资料，您有可能是中医所说的颤证(风阳内动)，病在筋脉，与肝脾肾关系密切。意见建议：建议饮食清淡易消化，忌辛辣刺激油腻食品，保持平和心态，避免过度劳累，可给予中药汤剂天麻钩藤饮合镇肝息风汤(天麻，钩藤，石决明，代赭石，生龙骨，生牡蛎，生地黄，龟板，牛膝，杜仲，黄芩，玄参等)加减治疗。也可给予安坦，谷维素，维生素B1等治疗。最好做甲状腺彩超，甲状腺功能七项排除甲亢。另服心得安对手抖治疗无直接关系。</t>
  </si>
  <si>
    <t>港版5s保修吗</t>
  </si>
  <si>
    <t>可以，需要发票的，我之前买macbookpro的时候问的客服，港版的可以在国内保修 但是需要发票的</t>
  </si>
  <si>
    <t>港版的貌似不保修的，在国内</t>
  </si>
  <si>
    <t>月经没来会排卵吗</t>
  </si>
  <si>
    <t xml:space="preserve"> 你好！不来月经，可能也会排卵的。</t>
  </si>
  <si>
    <t xml:space="preserve"> 在暂时停经的过程中也是有可能有排卵的，只是排卵时间不能确定的。。怀孕了的除外！！！</t>
  </si>
  <si>
    <t>note5有64g吗</t>
  </si>
  <si>
    <t>三星note5这款手机有一些坑，为什么这么说呢，因为这款手机目前只有32G版的空间，不支持扩充容量，所以32G实际只有26G左右能用。</t>
  </si>
  <si>
    <t>神武罗成能永生吗</t>
  </si>
  <si>
    <t>这个就是战神落成资质、技能都一样不会改变。寿命不是永生的，和普通宠物一样</t>
  </si>
  <si>
    <t>季前赛会掉段么</t>
  </si>
  <si>
    <t>季前赛不打排位是不会掉段的哦</t>
  </si>
  <si>
    <t>沙巴有免税店吗</t>
  </si>
  <si>
    <t>市区没有免税店，只有机场有一个很小的免税店，有一些化妆品套装、烟酒、巧克力，种类较少，会比国内便宜。</t>
  </si>
  <si>
    <t>特百惠的杯子好吗</t>
  </si>
  <si>
    <t>特百惠产品经过美国食品药品管理局严格检验，符合欧美地区适合食物存放标准，是存放食物安全的保证。</t>
  </si>
  <si>
    <t>接个电话被扣很多钱可能吗</t>
  </si>
  <si>
    <t>不会扣你电话费   他们只是为了骗钱  还没那么吊  以前有好多吸钱电话  自从2013年通讯商付费系统更新后就好多了  不会扣钱放心吧</t>
  </si>
  <si>
    <t>京东一元夺宝是真的吗</t>
  </si>
  <si>
    <t>像京东这种商城应该是真的，不过劝你还是不要做白日梦了。毕竟贵重的物品的话中的概率很低。这东西就跟买彩票差不多，首先夺宝的物品由京东自己采购，价格肯定比原价要贵很多。再来他只是把价格拆成很多很多份，由用户自己购买商品价格的几份来参与抽奖，客观上来说买的份数越多中奖率越高~不过是不是真的，对他自身都没有损失的，因为这货物价格实际上就是由所有参与的人付了款，而且他本来肯定也是加了价的。</t>
  </si>
  <si>
    <t>贵安新天地住的人多吗</t>
  </si>
  <si>
    <t>好像连江人多不买那里。冬天雾霾厉害，夏天西照厉害。</t>
  </si>
  <si>
    <t>电饭煲可以蒸玉米吗</t>
  </si>
  <si>
    <t>用电饭煲煮玉米很简单，可以洗干净剥皮煮，也可以直接连外皮一起放进去煮。</t>
  </si>
  <si>
    <t>微信记录可以恢复吗</t>
  </si>
  <si>
    <t>1、首先进行微信升级或者换手机，安装最新的微信软件。2、安装完后，先不用进行内容的恢复，而要先登录微信上线。会发现漂流瓶、聊天记录等等都没有。3、登录微信账号后点击“设置”，然后选择“退出登录”，这个步骤主要是生成微信的系统文件。4、然后root备份的文件，删除新生成的乱码文件，然后把原来的备份文件复制到这个文件夹，如果没有删除，就一定要完全覆盖。5、然后把手机通过USB线连接，打开\sdcard\Tencent\MicroMsg 文件夹，删除新生成的备份文件，把之前备份的旧的聊天记录文档复制进去，如果没有删除，就一定要完全覆盖。6、完成后，关闭文件夹，重新登录微信，就会发现聊天记录回来了。</t>
  </si>
  <si>
    <t>汽车坐垫会影响安全气囊吗</t>
  </si>
  <si>
    <t>如果有侧面安全气囊的话，最好不要用座椅套，因为侧安全气囊在座椅的左右边。等到安全气囊打开，估计车也没什么用了，实话实说，但危急时刻能救人。</t>
  </si>
  <si>
    <t>孕妇可以吃排骨炖山药</t>
  </si>
  <si>
    <t>是可以吃的，不仅补钙而且对肾有好处。还是滋补的 怀孕期间是可以吃山药炖的排骨汤的，可以有效的补充营养。</t>
  </si>
  <si>
    <t>隆力奇聚好网88元就可以成聚商吗</t>
  </si>
  <si>
    <t>我做过几年，对隆力奇还是比较了解的</t>
  </si>
  <si>
    <t>武汉到昆明有高铁吗</t>
  </si>
  <si>
    <t>武铁相关人士称，2017年1月5日后，将开行北京、上海、广州、郑州、武汉等方向到昆明的G字头动车组列车。届时，武汉至西南地区的时空距离同时大幅缩短。武汉至昆明仅需6小时24分</t>
  </si>
  <si>
    <t>　昆明市的昆明火车站和昆明西站，都还没通高铁列车和动车，因此，旅客暂时无法从武汉市搭乘高铁列车到达昆明市。</t>
  </si>
  <si>
    <t>瑞典有转运公司吗</t>
  </si>
  <si>
    <t>AIOExpress的瑞典国际快递服务包括：国内包裹转寄瑞典，国内网上商品代购转寄瑞典，国内线下商品采购转寄瑞典，国内文件(比如留学生签证续签材料等)转寄瑞典。</t>
  </si>
  <si>
    <t>佛珠能送人吗</t>
  </si>
  <si>
    <t>能还，但有些忌讳最主要的注意事项基本上就只有一条，就是清净。如果细说起来可以有以下几点注意事项：　　第一、不要手腕上带着念珠去卫生间方便。如果需要去的话，可以将念珠摘下放在上衣口袋里，夏天可以贴身挂在脖子上。　　第二、不要在夫妻同睡的情况下戴念珠或者放在床边。　　第三、吸烟或者用手触摸过从葱、蒜、韭菜或者饮酒时佩戴念珠，更不要将烟吐到念珠上。　　第四、念珠不使用和佩戴的时候，应当放在佛堂里或者佛像跟前。有熏香的行人，可以在每天早上起来使用之前用熏香熏一下。　　第五、不要随意触摸其他人的念珠。　　第六、念珠不要放在裤子兜里，更不要放在屁兜里。　　第七、念珠在挂在脖子上，或者挂在墙上时应该将佛塔向上。　　第八、请不要用摸过肉或者鱼等不洁净东西的手触摸念珠，在摸念珠之前应当洗手。　　第九、在计数的时候，每念完一串的时候，不要将念珠翻转以后再计数要不间断的循环计数。相反转念珠计数这样做的人说是不越过佛头，这是不正确的，应当在同方向继续拨动计数。　　第十、不要在持念的时候随意抡动或摆动念珠，要在腰部以上的位置严肃的郑重的计数。</t>
  </si>
  <si>
    <t>富贵竹开花吗</t>
  </si>
  <si>
    <t>富贵竹会开花，富贵竹，原名：辛氏龙树，别名竹蕉、万年竹，放在文昌位又叫文昌竹（通常放4支）。属假叶树科龙血树属。原产于非洲西部的喀麦隆。为多年生常绿草本植物。 富贵竹又称（万年竹）主要生长在我国西南一带，又称水竹，属多年生常绿小乔木观叶植物。株高1m以上，植株细长，直立上部有分枝。如作商品、艺术品观赏，栽培高度为80~100厘米为宜。根状茎横走，结节状。叶互生或近对生，纸质，叶长披针形，有明显3～7条主脉，具短柄，浓绿色。伞形花序有花3～10朵生于叶腋或与上部叶对花，花被6，花冠钟状，紫色。浆果近球球，黑色。其品种有绿叶、绿叶白边（称银边）、绿叶黄边（称金边）、绿叶银心（称银心），绿叶富贵竹又称万年竹，叶片浓绿色，长势旺，栽培较为广泛。</t>
  </si>
  <si>
    <t>美团一元夺宝是真的吗</t>
  </si>
  <si>
    <t>美团一元夺宝不是真的，美团一元夺宝，中奖的基本都是新用户，大家不要去抽了，明显有内部，如果不信的话，大家自己观察一下</t>
  </si>
  <si>
    <t>契税可以代缴吗</t>
  </si>
  <si>
    <t>可以,拿着本人的证件和代理人的证件加手写委托书就可以。</t>
  </si>
  <si>
    <t>缴税是可以找人代缴的，不过是看你买新房还是二手房，新房：把钱交给开发商就可以了，开发商会给你收据，他不管钱是谁给的，只要收到钱就可以了。二手房：二手房过户时需要缴纳契税，交契税的时候带上缴费单到缴费窗口缴费，只需要把钱给他就可以了，也不管是谁的钱。但是办理产权证的时候是需要本人到场的，如果不到场的话需要公证委托。</t>
  </si>
  <si>
    <t>当兵近视可以吗</t>
  </si>
  <si>
    <t>由此可见，近视眼是可以当兵的，但是是有一定的度数要求的，如果有特殊兵种的考虑，视力的要求更高。</t>
  </si>
  <si>
    <t>汽车电瓶自己能换吗</t>
  </si>
  <si>
    <t>当然可以啊。</t>
  </si>
  <si>
    <t>厦门蓝天医院黑吗</t>
  </si>
  <si>
    <t>千万别去，就是个黑心医院！四天花我一万五，还没啥效果！！！气死我了！</t>
  </si>
  <si>
    <t>炉石传说秒投会被封号吗</t>
  </si>
  <si>
    <t>你开按键精灵就马上疯了，还想刷。。。</t>
  </si>
  <si>
    <t>应该不会，我秒投过，秒投次数稍多一点，就不降星了。。然后，接下来N长时间，反正我是有一个月了。大多数秒投都不降星。。然后中间有一两个周没怎么上，然后才好了。。</t>
  </si>
  <si>
    <t>民警配枪吗</t>
  </si>
  <si>
    <t>一般来说，在公安队伍工作满三年后，可以填写配枪审批表，审批合格后就可以配枪了。但现在很少有警察会主动去申请配枪</t>
  </si>
  <si>
    <t>小孩能吃阿胶糕吗?</t>
  </si>
  <si>
    <t>三岁以上的小孩，可以吃，但是别吃太多了，容易上火，一般一天半片到一片就可以了。</t>
  </si>
  <si>
    <t>胃溃疡会变成胃癌吗</t>
  </si>
  <si>
    <t>在一项对良、恶性胃溃疡进行的临床病理比较研究中发现，仅有很少病例具有从慢性胃溃疡向溃疡型胃癌过渡的临床病理特征，全部病例恶变率平均仅为3.48%。研究认为，慢性胃溃疡发生恶变的几率较低，在胃癌发病学中不占主导地位。</t>
  </si>
  <si>
    <t>胃溃疡严重是会转变为胃癌的</t>
  </si>
  <si>
    <t>一般不会的，消化道溃疡可服用奥美拉唑治疗的</t>
  </si>
  <si>
    <t>p2p有毒吗</t>
  </si>
  <si>
    <t>杀毒软件说是病毒，是因为p2p本身不合法。</t>
  </si>
  <si>
    <t>现在大多数的P2P软件都是无毒的，其实每款P2P软件最大只有4~5MB，完全可以使用杀毒软件查杀，有毒可能是下载资源中毒的，比如不良资源等。</t>
  </si>
  <si>
    <t>看你从哪个网站下的了，去大的天空 霏凡 太平洋之类的下。小网站下的很多都带毒，而且病毒一般都是破解的那个EXE带的。</t>
  </si>
  <si>
    <t>逆战购物卷可以和nz点一起用吗</t>
  </si>
  <si>
    <t>购物券可以单独用也可以和nz点一起用，使用时优先计算购物券。</t>
  </si>
  <si>
    <t>连云港花果山好玩吗</t>
  </si>
  <si>
    <t>花果山自然景观呈现山海相依，崎峭与开阔呼应对比的壮丽景色。更有与《西游记》故事相关联的孙悟空降生地的娲遗石，栖身之水帘洞、妖魔七十二洞、唐僧崖、猪八戒、沙僧石、老君堂、仙人桥、南天门、唐僧家世碑、照海亭、懒汉石、美人松、一线天、九龙桥等等，神形惟妙惟肖，栩栩如生。</t>
  </si>
  <si>
    <t>成都青旅拼车的人多吗</t>
  </si>
  <si>
    <t>成都青旅拼车，近几年当前各位平时生活节拍的加剧，网约车拼车在成了一个一般的近况，省功夫，省花费，迅速，方便，您不会再原因是找不到车而烦心，从侧面看，可以让坐车出行的朋友做一件好事，又赚外快，有效降低路途负荷，缓解能源投资，更加社会给大家带来许多的绿色环保收获</t>
  </si>
  <si>
    <t>白带多是不是怀孕了</t>
  </si>
  <si>
    <t>问题分析： 只凭这点不能确定是否怀孕。在月经周期推迟7天以后就可以用早早孕试纸检查出来的,测试纸上显示两条红线 表示阳性,即是怀孕 .另外在性生活10天以后可到医院进行血HCG检查,这是检查怀孕最准确的方法.</t>
  </si>
  <si>
    <t>梦幻诛仙2还有人玩么</t>
  </si>
  <si>
    <t>这游戏算是黄了</t>
  </si>
  <si>
    <t>玩的人不是很多了。</t>
  </si>
  <si>
    <t>员工自动离职有工资吗</t>
  </si>
  <si>
    <t>可以要到上个月的工资，不给的话，可以申请劳动仲裁。拿出劳动合同书不影响你要工资。</t>
  </si>
  <si>
    <t>即使是自动离职，但毕竟劳动者是为公司工作过，同样需支付劳动者工资。</t>
  </si>
  <si>
    <t>按照国家规定，自动离职的劳动者不享受任何待遇。</t>
  </si>
  <si>
    <t>kindle能看epub格式吗</t>
  </si>
  <si>
    <t>kindle是可以看epub格式的</t>
  </si>
  <si>
    <t xml:space="preserve">kindle不支持epub格式的，kindle原系统支持azw、pdf、mobi、prc、txt格式。其中mobi、azw和prc格式支持最为优秀。你可以①用数据线把书拷贝到Kindle盘的documents文件夹里面。用多看系统的话，就拷贝到D-Kdocuments文件夹里面。 </t>
  </si>
  <si>
    <t>来大姨妈可以吃泡面吗</t>
  </si>
  <si>
    <t>可以，不要吃辛辣刺激口味的就行，是只可以补充热量，没有营养的. 月经期间要注意保暖，不要阴冷的食物。建议少吃加工类的食品，长期服用影响身体的健康。但</t>
  </si>
  <si>
    <t>a标签可以嵌套div吗</t>
  </si>
  <si>
    <t>a标签不能嵌套，若a标签中嵌套了a标签，浏览器会自动添加结束符号，故不能嵌套</t>
  </si>
  <si>
    <t>单纯是傻吗</t>
  </si>
  <si>
    <t>不知道从何时开始，单纯已不仅仅只有单纯的含义，而多了很多的延伸意义，单纯也不再仅仅是对一个人的赞赏，反而夹杂了一些贬义的含义在里面。</t>
  </si>
  <si>
    <t>当然不是拉，单纯就是对什么事情的看法都比较简单，不会复杂的或侧面的考虑问题。</t>
  </si>
  <si>
    <t>单纯是把事情看的简单,没有过多的去考虑利益关系!傻是明明知道事情的原因或结果却要不停的找借口,找理由,自己骗自己!!!</t>
  </si>
  <si>
    <t>荷叶茶能减肚子吗</t>
  </si>
  <si>
    <t>喝荷叶茶能瘦肚子，荷叶茶主要以荷叶为基础原料</t>
  </si>
  <si>
    <t>荷叶茶是可以减掉肚子的，主要是减掉内脏的脂肪的</t>
  </si>
  <si>
    <t>孕妇可以用小蜜蜂吗</t>
  </si>
  <si>
    <t>可以使用的，不用过多担心</t>
  </si>
  <si>
    <t>小蜜蜂的唇膏并不是所有的款孕妇都可以使用，只有基本款不含香精、防腐剂和风险成分的小蜜蜂蜂蜡润唇膏是孕妇能用的</t>
  </si>
  <si>
    <t>玻璃烧水壶健康吗?</t>
  </si>
  <si>
    <t>从健康角度看是没有问题的，含硼玻璃比较耐高温，而且烧水加热过程溶出物质极低，长期饮用也不会影响健康。</t>
  </si>
  <si>
    <t>优酷连续包月黄金会员可以取消吗</t>
  </si>
  <si>
    <t>最新版优酷会员取消自动续费、取消连续包月图文教程：一步：登录优酷会员，点击头像区域;　　第二步：在头像下拉框点击会员皇冠，转到会员页面;　　第三步：鼠标移至右上角的我的会员;　　第四步：在我的会员下拉框找到最底下的我的账户第五步：点击便捷支付设置;　第六步：点击下方的解除自动续费即可;</t>
  </si>
  <si>
    <t>储蓄卡可以办理副卡吗</t>
  </si>
  <si>
    <t>你可在中国农业银行办理开卡和办理副卡。</t>
  </si>
  <si>
    <t>现在的储蓄卡，也就是借记卡是不能办理主副卡的</t>
  </si>
  <si>
    <t>腐乳致癌吗</t>
  </si>
  <si>
    <t>用于制作腐乳的霉菌就是一种经过选择的有益食用菌，不产生毒素，也不会使人致癌。</t>
  </si>
  <si>
    <t>捡到的iphone4s能用吗</t>
  </si>
  <si>
    <t>如果那部手机的机主设定了定位系统和防盗系统的话那么一开机或者一换卡对方就会知道，如果没设就什么问题也没有。</t>
  </si>
  <si>
    <t>初一学生需要补课吗</t>
  </si>
  <si>
    <t>这个问题需要具体情况具体分析，有的孩子需要补（不太聪明的，听一遍不太懂）；有的孩子不需要补（聪明且用功的）。</t>
  </si>
  <si>
    <t>飞机可以托运药品吗</t>
  </si>
  <si>
    <t>托运是可以的。带上飞机的话，不要有液体的药物就可以。</t>
  </si>
  <si>
    <t>男马女牛配吗</t>
  </si>
  <si>
    <t>根据古代算命术中的说法，牛马是相害的，可谓鼠羊一旦休，白马犯青牛。这些都是在算命术中的一种说法而已。是不可全信的。主要是取决于二个人的情感和二个人的性格脾气。相互尊重，相互理解，相互体贴。这些才是最重要的。</t>
  </si>
  <si>
    <t>开面包店赚钱吗</t>
  </si>
  <si>
    <t>先看投入大不大 ，随时退出成本大不大，产出比大不大。其次看最大化能赚多少钱，现金流循环最快是几天。最后看下社会资源利用率，例如资金杠杠有没有。</t>
  </si>
  <si>
    <t>肯德基有饭吗</t>
  </si>
  <si>
    <t>有的，黑椒嫩牛饭，19元  。猪扒饭 ， 23元 。培根蘑菇鸡肉饭  19元。</t>
  </si>
  <si>
    <t>琼恩·雪诺死了吗</t>
  </si>
  <si>
    <t>雪诺已经彻底死了。</t>
  </si>
  <si>
    <t>联通4g国外能用吗</t>
  </si>
  <si>
    <t>国内的行货手机都是无锁版的，只要国外的运营商使用的网络也是GSM，WCDMA模式就可以正常使用。</t>
  </si>
  <si>
    <t>衡阳穷吗</t>
  </si>
  <si>
    <t>衡阳，可以说它代表国内大多数内地二三线城市的现状。要说富有吧，还真有，那是少数人。要说穷吧，穷到没饭吃的还真没有，或者是极个别。没有大型的企业，没有著名的旅游景点（衡山也只能辐射那么大个地方），没有国家重点扶持政策，没有重大开发的项目。比上不足，比下也不是很有余。</t>
  </si>
  <si>
    <t>灌肠可以用自来水吗</t>
  </si>
  <si>
    <t>最好是沸水待温后再进行了但是自来水并不是饮用水直接入胃本身就不太安全大量灌肠更有影响健康水灌到肠子里会通过幽门涌进胃里超过一定量会撑破胃壁建议最好不要自行解决去医院在医生的指导下进行这样比较安全.这种情况肯定是不行的这样只能是刺激肠管同时造成肠内外渗透压不平衡造成的。是可以的但要注意水的压力不要太高最好采用温水.</t>
  </si>
  <si>
    <t>函授难吗</t>
  </si>
  <si>
    <t>函授是绝对不难的 ，函授是指成人教育的学习方式，不管是考专科还是本科的成人教育，都很简单，因为考试的题目都很简单。</t>
  </si>
  <si>
    <t>北京有大创吗</t>
  </si>
  <si>
    <t>北京有两个地方，一个是朝阳大悦城，一个是昌平永旺超市。</t>
  </si>
  <si>
    <t>可以异地升级4g卡吗</t>
  </si>
  <si>
    <t>可以在外地将移动卡升级为移动4G卡。</t>
  </si>
  <si>
    <t>升级移动4G卡要在号码归属地所在省份才能够升级。</t>
  </si>
  <si>
    <t>特斯拉有汽油车吗</t>
  </si>
  <si>
    <t>特斯拉宣布将在2022年量产燃油车，而这辆车的名字叫做Model T。#为什么有那么多人相信特斯拉想造汽油车？#特斯拉在2022年要造汽油车？一则“假新闻”暴露出的真尴尬#为什么不会再买汽油车 特斯拉车主心声</t>
  </si>
  <si>
    <t>第一次去台湾可以自由行吗</t>
  </si>
  <si>
    <t>前往台湾旅游，可以跟团游也可以自由行（想自由行，户口所在地必须属于开放台湾自由行城市，如果不属于也可以走健检医美途径）</t>
  </si>
  <si>
    <t>不发烧能吃泰诺吗</t>
  </si>
  <si>
    <t>以服用的，没有什么影响</t>
  </si>
  <si>
    <t>红枣有活血的功效吗</t>
  </si>
  <si>
    <t>红枣能起活血的作用，可以帮助子宫排出更多的污秽物出来。</t>
  </si>
  <si>
    <t>红枣具有补气养血的作用，没有活血的作用。</t>
  </si>
  <si>
    <t>刘诗诗整容过吗</t>
  </si>
  <si>
    <t>网曝古装系美女刘诗诗其实也整过容</t>
  </si>
  <si>
    <t>刘诗诗否认整容</t>
  </si>
  <si>
    <t>网际直通车要钱吗</t>
  </si>
  <si>
    <t>可以免费注册和使用，有流量限制。也支持收费，当然了，收费的更稳定也没有流量限制了。</t>
  </si>
  <si>
    <t>有必要装发动机护板吗</t>
  </si>
  <si>
    <t>有必要装发动机护板</t>
  </si>
  <si>
    <t>高血压需要长期服药吗</t>
  </si>
  <si>
    <t>高血压的治疗是一个长期的过程,不要随意停药或减量,只有在用药维持血压比较平稳后才可以逐渐减量。</t>
  </si>
  <si>
    <t>藏秘理疗服是真的吗</t>
  </si>
  <si>
    <t>SPA除了基本的清洁皮肤和身体的按摩之外，更强调人与周遭环境的互动与契合，真正的SPA主要涵盖的四大精神就是：营养、运动、心灵的解放、脸部与全身的保养与调理。</t>
  </si>
  <si>
    <t>肠炎会引起便血吗</t>
  </si>
  <si>
    <t>结肠炎也是一种肠道多发病，起病多缓慢，病情轻重不一，腹泻是主要症状，排出脓血便、粘液血便或血便</t>
  </si>
  <si>
    <t>毕业了可以考四六级吗</t>
  </si>
  <si>
    <t>拆迁户有钱吗</t>
  </si>
  <si>
    <t>有的拆一套房子能赔四五套房子。还有几百万的现金少点也有几十万至百万不等</t>
  </si>
  <si>
    <t>葱能壮阳吗</t>
  </si>
  <si>
    <t>对男性来说，每周吃3次大葱或细香葱，可炒菜、凉拌食用，也能当成调味剂，可以达到壮阳补阴的作用。</t>
  </si>
  <si>
    <t>可娃衣会不会是骗子</t>
  </si>
  <si>
    <t>我被可娃衣少女内衣给骗惨了，如今看他们还在网上打广告骗人，真实看不下去了，就把本人被骗的阅历写下来，我当初看到可娃衣少女内衣做的广告，被他们的超低价钱给吸收了，就加盟了他们，那时加盟费还有保证金和货款一共是交了23000元，加盟之前他们就承诺过会给我一些开辟市场的晓得，谁晓得加盟后就给我一本关于营销的小册子，让我本人看，而且他们给我发货的运费也很高，这我也联络了其他的加盟商，和我的状况一样，最后我收到货以后，翻开一看，那时就傻眼了，我收到的这是什么？一看就是他人卖不进来的库存货，还有一些都是旧的，可是我的店铺早已在装修了，装修的钱都早已投进去了，我马上打电话给他们，他们说这个价钱是统一规则的，那时我还试着要其他加盟商的电话，他们居然说这是公司秘密，不能透漏，本来他们还说过有一个“安全退出机制”但最后屡次协商他们就容许退给我1000元， 剩下的钱一分也不退，我至今想起来还是欲哭无泪，就这样被可娃衣少女内衣给骗了，我早已在天涯投诉网上告发他们了，假如大家看到了千万不要加盟他们</t>
  </si>
  <si>
    <t>小公司还玩政治 老板谎话连篇 公司像是骗子公司</t>
  </si>
  <si>
    <t>预约的纪念币可以取消吗</t>
  </si>
  <si>
    <t>不能取消了，现在已经兑换了，并且也不需要取消，不想要不领就行</t>
  </si>
  <si>
    <t>卖家可以拉黑买家吗</t>
  </si>
  <si>
    <t>拉黑人挺正常的</t>
  </si>
  <si>
    <t>可以用盐洗脸吗</t>
  </si>
  <si>
    <t>油性皮肤的人用盐洗脸，不仅可以去除多余的油脂，还能除掉老化的角质。但不能常用，会让起皮肤的水、油不平衡，毛孔粗大。干性皮肤的人用糖洗脸，可以滋润皮肤，使肌肤保持水分。冬季油性皮肤的人也可用糖洗脸。（此糖最好是蜂糖或者砂糖）</t>
  </si>
  <si>
    <t>每天用盐水洗脸可以的。</t>
  </si>
  <si>
    <t>频繁手淫会影响生育吗</t>
  </si>
  <si>
    <t>有影响。 男性频繁手淫容易导致前列腺炎和尿路感染和导致精神状态不好,乏力,性欲低下,影响工作和学习,严重的还是可能影响生育。</t>
  </si>
  <si>
    <t>孕妇能喝绵茵陈汤吗</t>
  </si>
  <si>
    <t>可以的，这没有影响的，最好注意休息，加强饮食营养的。</t>
  </si>
  <si>
    <t>男人吃药影响要孩子</t>
  </si>
  <si>
    <t>男人吃药是对要孩子有影响的，因为药物可以影响精子的质量。</t>
  </si>
  <si>
    <t>属羊的跟属蛇的配吗</t>
  </si>
  <si>
    <t>蛇羊只是一般相配，是不相冲，也是不相合的。是中等婚配。是可以的。</t>
  </si>
  <si>
    <t>惠普行车记录仪好不好?</t>
  </si>
  <si>
    <t>还行的吧，夜晚也有蛮清楚了</t>
  </si>
  <si>
    <t>近视眼老了会远视吗</t>
  </si>
  <si>
    <t>不会得远视</t>
  </si>
  <si>
    <t>小米购买预售真要三周发货吗</t>
  </si>
  <si>
    <t>这个不一定，最迟一个月发货，快的话，说不定下个礼拜就发了，一般20天左右。</t>
  </si>
  <si>
    <t>人人能注销吗</t>
  </si>
  <si>
    <t>登陆人人网账号，点击右上角的【帐号】——【帐户设置】把鼠标拉到最下面，可以看到【停用账号】，点击选择你要停用账号的原因 确认后，系统会给你绑定账号的邮箱发一封【停用确认信】 进入你的邮箱，找到邮件，点击链接确认一下，就会看到停用成功了，当然这个注销后还可以再复活的，数据也都还在的，如果想要后台的数据彻底都没了，就需要联系人人网客服，让他们帮你清除或者就是置之不理，长时间不管。</t>
  </si>
  <si>
    <t>微信公众号运营者可以变更吗</t>
  </si>
  <si>
    <t>可以更换的， 在你认证或者年审的时候更改就可以了</t>
  </si>
  <si>
    <t>皮肤黑适合驼色吗</t>
  </si>
  <si>
    <t>皮肤黑穿驼色的搭配技巧一：驼色＋白色；皮肤黑穿驼色的搭配技巧二：驼色＋橙色；皮肤黑穿驼色的搭配技巧三：驼色＋酒红色；皮肤黑穿驼色的搭配技巧四：驼色＋墨绿色</t>
  </si>
  <si>
    <t>外围nba投注算加时吗</t>
  </si>
  <si>
    <t>加时赛是指在全场48分钟双方打成平局的情况下，决出胜负的一种形式。加时赛分为5分钟一场，球权由跳球决定，在时限内比分高的一方获胜，若时限内还未分出胜负，则继续进行加时赛，球权由第一次加时赛未获球权方拥有，如此往返，直至分出胜负为止。</t>
  </si>
  <si>
    <t>win8需要杀毒软件吗</t>
  </si>
  <si>
    <t>win8系统自带杀毒软件</t>
  </si>
  <si>
    <t>安不安杀毒看个人爱好了</t>
  </si>
  <si>
    <t>未越狱的iphone会中木马病毒吗</t>
  </si>
  <si>
    <t>如果iPhone没有越狱，那么以iPhone的系统保护能力，安装软件的过程是受控的，且没有开放Root权限，基本很难中木马病毒，还原所有内容和设置，恢复出厂状态应该是可以解决的</t>
  </si>
  <si>
    <t>黄瓜放久了能吃吗</t>
  </si>
  <si>
    <t>吃肯定能吃，例如我们晒的黄瓜干也是可以吃的。只是新鲜的黄瓜主要成分是水分，时间久了，水分流失自然黄瓜就变得很干，没有脆性了，嚼之无味了，营养成分因为植入的 新陈代谢自然也流失的比较快，所以还是建议不要吃得好。</t>
  </si>
  <si>
    <t>不能吃，我吃了好多次跑了很多次肚子</t>
  </si>
  <si>
    <t>暖男是备胎吗</t>
  </si>
  <si>
    <t>暖男是什么？云备胎。人认为云备胎是备胎加强版。</t>
  </si>
  <si>
    <t>本文的「工具人」都是指备胎，「『工具人』跟『暖男』根本是完全不同的物种。</t>
  </si>
  <si>
    <t>飞机上可以带kindle吗</t>
  </si>
  <si>
    <t>可以的，我每次上飞机都带着我的ireader看书的。只不过你在过安检的时候要把它和你的手机放在一起过安检，飞机起飞过程和下降过程要关机，升空后就可以使用了。放心哦。</t>
  </si>
  <si>
    <t>不能带，过安检就直接把你扣下了。如果侥幸过了安检上了飞机，很有可能会出大事。前一段德国飞机就是副驾驶出驾驶舱检查乘客带没带kindle。</t>
  </si>
  <si>
    <t>中华仙草是骗局吗</t>
  </si>
  <si>
    <t>大家还是不要相信某种食物，可以起到治疗癌症的作用，或者是抗癌，即使是有抗癌的作用，那么也需要量才能实现</t>
  </si>
  <si>
    <t>韭菜能隔夜吃吗</t>
  </si>
  <si>
    <t>隔夜的韭菜不能吃，韭菜是蔬菜类属于植物，而基本上所有的植物中都含有硝酸盐和亚硝酸盐，蔬菜只要保存一段时间其中的硝酸盐都会转化成亚硝酸盐，而要是蔬菜炒熟了再保存细菌就会迅速繁殖，更多的亚硝酸盐就会产生，即使再加热也无法消除蔬菜中的亚硝酸盐。炒韭菜中含有大量的硝酸盐，放置一夜以后，其中有些变为亚硝酸盐了，所以隔夜的韭菜坚决不能吃。</t>
  </si>
  <si>
    <t>青光眼会瞎吗</t>
  </si>
  <si>
    <t>过去，由于对青光眼认识不全面，治疗手段不多，以至于一些青光眼患者最终失明。所以有些人当得知患青光眼后非常恐惧，对治疗缺乏信心，不积极配合治疗。其实青光眼绝不是不可治疗的，绝大多数青光眼通过药物及手术可得到有效控制，长久保持良好视力。目前，临床医生不但能采取多种方法来治疗青光眼(如药物、激光和手术)，而且还能在某些青光眼（如闭角型青光眼）的临床前期，通过及时干预来预防青光眼的发生。就目前医疗水平而言，如果患者积极配合治疗，除无法使已经失明的患眼复明外，一般青光眼是不会瞎掉的。</t>
  </si>
  <si>
    <t>9.3阅兵有网络直播吗</t>
  </si>
  <si>
    <t>有的，9.3阅兵有网络直播。</t>
  </si>
  <si>
    <t>住房公积金必须本人吗</t>
  </si>
  <si>
    <t>根据《住房公积金管理条例》的规定，职工需要提取住房公积金账户内的存储余额的，应首先由所在单位予以核实，然后持相关的提取证明到住房公积金管理中心申请办理。该管理中心自受理申请3日内，根据提取和使用住房公积金的条件进行审批，作出准予提取或者不准提取的决定，并通知申请人；准予提取的，由受委托银行办理支付手续。职工在申请时所应提交的提取证明材料，除包括身份证及复印件一份外，还应根据不同情形提交相应的证明材料。</t>
  </si>
  <si>
    <t>天然气比煤气安全吗</t>
  </si>
  <si>
    <t>当然是天然气安全了</t>
  </si>
  <si>
    <t>山脊赛车好玩吗</t>
  </si>
  <si>
    <t xml:space="preserve">GT比较偏向于现实 不要想着可以漂移，比较有难度。 而山脊的最大特色就是过弯漂移 在GT里想要漂移 首先要改装车，操作起来的难度要难的多 </t>
  </si>
  <si>
    <t>苹果6手机会中病毒吗</t>
  </si>
  <si>
    <t>IOS系统是封闭系统，不越狱的话一般是不会中毒的，而且也无法安装杀毒软件，如果已经越狱，中毒的风险会大大提高。</t>
  </si>
  <si>
    <t>抽烟会瘦吗</t>
  </si>
  <si>
    <t xml:space="preserve">（联合早报网讯）台湾中时电子报报道，有些人用减肥当做抽烟的理由，不过澳洲最近一项研究发现，抽烟的确会让人变瘦，但是体内消失的是肌肉而不是脂肪，所以即使抽烟会变瘦，但是对健康的损害，可是更严重的。 </t>
  </si>
  <si>
    <t>帮5买骗子吗</t>
  </si>
  <si>
    <t>本人亲身经历，我在某宝上看到一件东西，邮费需要35元的样子，我想着经常买东西，所以特地花了19元在帮5买上面注册了个会员，根据我的会员可以免费包邮10次，这我就开始了购物，但付款时发现还是付了20元运费，打电话到客服，客服说是会返成帮5钻给我</t>
  </si>
  <si>
    <t>客观上，帮5买是不是一个骗子网站。现在在中国，凡是这种购物网站，都必须有国家相关认证。这可以说明帮5买的合法性和可信性。撇开这些不谈，如果帮5买真的是一家骗子公司。他能够堂而皇之存在这么多年还不被查处？显然不是。</t>
  </si>
  <si>
    <t>直付通交易内容可以查询吗</t>
  </si>
  <si>
    <t>进入财付通，点明细账查询，选择你要查看的时间，再点查询页面就可以看到明细。</t>
  </si>
  <si>
    <t>夏黑葡萄酿酒好吗</t>
  </si>
  <si>
    <t>夏黑葡萄是这两年泡酒葡萄中的上佳的。</t>
  </si>
  <si>
    <t>孕早期会头晕吗</t>
  </si>
  <si>
    <t>早孕反应　　每个人都不一样,怀孕6周左右出现的,如孕吐厌油腻和恶心,呕吐,并以早晨为最明显,故又称为晨吐,头晕,乏力,嗜睡,怕冷,食欲不振,喜食酸食……这些症状通常出现在停经6周以后,一般持续到怀孕3个月.每个人的情况都会有所不同,这和个人激素有关,有的人早孕反应时间比较长,直到16--18周才消失.</t>
  </si>
  <si>
    <t>亚马逊海淘会卖假货吗</t>
  </si>
  <si>
    <t>有的。2016年12月5日美国时间周一晚上，Allstar Marketing Group、 Ideavillage Products、Ontel Products三家企业提交了对亚马逊的起诉。Allstar、Ideavillage和Ontel表示，亚马逊的产品展示页面被假货占领，价格低得不可思议，误导消费者误以为是正品。2016年7月德国鞋企Birkenstock Orthopadie由于假货问题而决定停止在亚马逊平台销售。</t>
  </si>
  <si>
    <t>冰雹会砸坏车吗</t>
  </si>
  <si>
    <t>得看多大的，小点的啥痕迹都木有(黄豆大小的)，稍大一点的有凹坑(鹌鹑蛋大小)，极端情况下挡风玻璃有可能砸裂(鸡蛋大小的)</t>
  </si>
  <si>
    <t>明若晓溪中有杨洋吗</t>
  </si>
  <si>
    <t>没有，只有宣传片里有杨洋</t>
  </si>
  <si>
    <t>the crew 好玩吗</t>
  </si>
  <si>
    <t>游戏还行，当作极品飞车网游版来玩。</t>
  </si>
  <si>
    <t>手感受不了，主要是操控有延迟</t>
  </si>
  <si>
    <t>小麦胚芽能减肥吗</t>
  </si>
  <si>
    <t>小麦胚芽含有大量的膳食纤维，具有解除便秘、降低血脂、降低餐后血糖等功效，以及减肥、排毒之功能。</t>
  </si>
  <si>
    <t>1688实力商家有效果吗</t>
  </si>
  <si>
    <t>实力商家简直就像骗钱。太垃圾了。</t>
  </si>
  <si>
    <t>分腿睡袋好用吗</t>
  </si>
  <si>
    <t>分腿式睡袋可以在睡眠中自由翻滚，还可以穿着走来走去，一般宝宝在睡觉前还要在床上玩一会，而分腿睡袋不影响宝宝活动，可以穿着玩，一直玩到睡，很方便。分腿睡袋从出生就可以用，选择合适的尺寸，即使大一点也没关系，因为颈部是窄的不会出现头缩进睡袋里面的情况。缺点：分腿睡袋脚露在外面，这个也好解决，穿上袜子就可以了。选择分腿睡袋最好还需要有这两个特点：一是袖子可拆卸，热的话可以拆掉袖子；而是拉链三头，当半夜需要给宝宝换纸尿裤时，不用从上往下脱，只需要在裆部拉开拉链就可以换了。</t>
  </si>
  <si>
    <t>造价员工作稳定吗</t>
  </si>
  <si>
    <t>工作不好找，现在建筑行业整体都挺艰难，造价在建筑业来说算是很稳定的了。</t>
  </si>
  <si>
    <t>胡萝卜能和牛奶一起吃吗</t>
  </si>
  <si>
    <t>胡萝卜和牛奶不会相克的,查食谱大全,胡萝卜只和白酒相克,牛奶与果汁相克,牛奶与药物相克,会降低药物在血液中的浓度,影响药物的效力.</t>
  </si>
  <si>
    <t>贫血会遗传吗</t>
  </si>
  <si>
    <t>贫血有遗传性的和非遗传性的。</t>
  </si>
  <si>
    <t>双11打折工具失效吗</t>
  </si>
  <si>
    <t>天猫卖家双11当天失效的优惠工具 1，所有第三方营销工具创建的优惠，例如：美折、超级店长、卖多多等。2，商家营销中心的限时打折、搭配套餐，猫客专享价等。3，客户运营平台-定向优惠减现打折包邮等。不生效的优惠不再在搜索、店铺、商品详情页、购物车等展示，下单也不再生效。淘宝卖家双11当天失效的优惠工具 1，客户运营平台-定向优惠减现打折包邮等。2，掏金币加钱购优惠双11零点高峰期可能失效，具体详见淘金币公告。已参加淘宝官方双11店铺满减优惠的商家，除优惠券外 满就送、满减优惠和第三方工具满减满送等店铺级优惠工具不生效。</t>
  </si>
  <si>
    <t>新浪微博买粉丝有用吗</t>
  </si>
  <si>
    <t>没用，满足虚荣心罢了</t>
  </si>
  <si>
    <t>有没有用要看自己需要</t>
  </si>
  <si>
    <t>港湾01 买东西可靠吗</t>
  </si>
  <si>
    <t>这家非常好，物美价廉。不过现在好像不卖比较好玩的了。</t>
  </si>
  <si>
    <t>梦幻手游能交易吗</t>
  </si>
  <si>
    <t>可以通过下面两个方式来交易：1，系统商会。 2，玩家摆摊。</t>
  </si>
  <si>
    <t>dota2能投降吗</t>
  </si>
  <si>
    <t>亲，普通匹配和天梯是没有的，只要老家还在，你挂机几分钟，或者几分钟未吃到经验被系统判定挂机，那么就是逃跑。不过队长模式是有的，只要队伍里其中一个人打出GG或者用聊天轮盘打出技不如人甘拜下风，右上角就弹出一个投降提示，10秒后没有队友点取消就投降了。</t>
  </si>
  <si>
    <t>异界套pk有效果吗</t>
  </si>
  <si>
    <t>DNF异界套PK有。异界套装效果在PK场无效，其他减CD，增加技能伤害，增加技能范围等效果在PK场同样无效。但所有基本属性，比如增加力量智力，MPHP最大值等有效。异界套装增加的属性值相比普通装备高出很多，能够在PK场拥有属性优势</t>
  </si>
  <si>
    <t>海口有机场吗</t>
  </si>
  <si>
    <t>海口美兰国际机场（Haikou Meilan International Airport）是位于中国海南省海口市东南20公里处的一座民用国际机场，地处海口市美兰区演丰镇美兰村，由海口美兰国际机场股份有限公司运营管理，为海口市提供航空服务。它是海南省最大的机场，同时也是该省第二最繁忙的机场。</t>
  </si>
  <si>
    <t>荷塘月色刷单安全吗</t>
  </si>
  <si>
    <t>可能是木马病毒，也有可能是诈骗的。还有就是做烦人推广。</t>
  </si>
  <si>
    <t>出轨的女人后悔吗</t>
  </si>
  <si>
    <t>女人出轨后是否会后悔，要看男人怎么做了。如果能够及时规劝女人悬崖勒马，并告诉对方，出轨容易造成夫妻感情破裂，从而离婚。如果情节严重，涉嫌重婚的，离婚时，可以要求女方少分或不分财产，甚至净身出户，女方知道后果严重后，很可能会后悔；否则，就不一定了。</t>
  </si>
  <si>
    <t>植发后血痂脱落时毛囊也掉吗</t>
  </si>
  <si>
    <t>三天后到植发医院去由专业的医护人员帮你清洗，不要自己用手抠会损伤到毛囊的，</t>
  </si>
  <si>
    <t>melody可数吗</t>
  </si>
  <si>
    <t>melody是</t>
  </si>
  <si>
    <t>丝蕴好用吗</t>
  </si>
  <si>
    <t>我用了,还可以吧,洗完头发又软又滑</t>
  </si>
  <si>
    <t>不好用 洗了头痒</t>
  </si>
  <si>
    <t>慢重肝病需要透析吗</t>
  </si>
  <si>
    <t>一般不用，如果是医生建议的，可以听，但是要观察病人的情况。根据情况而定</t>
  </si>
  <si>
    <t>小红书的东西是真的吗</t>
  </si>
  <si>
    <t>靠谱，东西都是正品，每次买回来能验证的都验证过了。</t>
  </si>
  <si>
    <t>买过Swisse的黄藤果，假的不能再假了，胶囊都没填满里面的粉末也跟澳洲带回来的完全不一样。</t>
  </si>
  <si>
    <t>有人买到好东西，也有人买到假货，目前存在问题蛮多的，比如售后和物流不太乐观。</t>
  </si>
  <si>
    <t>白细胞30万是白血病吗</t>
  </si>
  <si>
    <t>有两种可能，一种就是白血病，另一种就是严重的感染。</t>
  </si>
  <si>
    <t>流量不清零是真的吗</t>
  </si>
  <si>
    <t>10月1日，三家电信运营商会施行当月流量不清零。这是在工信部要求下，对总理指示的回应。</t>
  </si>
  <si>
    <t>撕拉唇彩好吗</t>
  </si>
  <si>
    <t>撕拉唇彩涂在嘴唇上后，大概7分钟左右就会形成一层膜，然后将此膜撕拉掉，嘴唇上就留下了唇彩的颜色，而且不管你怎么吃东西，嘴唇上的颜色都不易掉色，涂上它，再也不用担心吃东西而褪色 。</t>
  </si>
  <si>
    <t>捡了个4s有id码自己能用吗</t>
  </si>
  <si>
    <t>拿到修手机那里就行了</t>
  </si>
  <si>
    <t>前女友结婚去不去</t>
  </si>
  <si>
    <t>去</t>
  </si>
  <si>
    <t>不宜参加这个婚礼</t>
  </si>
  <si>
    <t>以色列危险吗</t>
  </si>
  <si>
    <t>安全，以色列机场安检是最严格的，路上随处可见以色列大兵在巡逻。旅行社所安排的旅游线路都是远离危险区域的，只要跟着导游和领队走，一点问题没有。</t>
  </si>
  <si>
    <t>这个地方中国人相对来说还是比较安全的，但这必须负责任的说看去以色列什么地方旅游还有什么时候去。约旦河附近加沙地带风景很好，但是这众所周知的原因，非常的危险，就是准战争的地方。</t>
  </si>
  <si>
    <t>雅诗兰黛的粉底液好用吗</t>
  </si>
  <si>
    <t>雅诗兰黛沁水粉底液它最大的特点就是水润透亮、亲和服贴，多次叠加还是很清透的，干皮应该会非常喜欢。雅诗兰黛持妆粉底液一直以来口碑都非常好，曾连续三年荣登Cosme美妆大赏榜单，被评为殿堂级粉底液的持妆粉底液，也就是常说的Double wear粉底液，这款最大的特点就是持妆效果极好，上妆后呈现哑光效果，持久控油，防水防汗，也有相对较高的遮瑕能力，是一款针对油皮和混合性肌肤容易脱妆暗沉问题的粉底液，夏天用是极好的。</t>
  </si>
  <si>
    <t>结婚穿戴梅花的旗袍好吗</t>
  </si>
  <si>
    <t>120位“梅花仙子”身着梅花旗袍亮相“2016中国南京国际梅花节开幕式”，成为美丽的“梅花使者</t>
  </si>
  <si>
    <t>万艾可影响生育吗</t>
  </si>
  <si>
    <t>怀孕时连感冒药都尽量别吃，更别说伟哥这种副作用很大的药物了，你知道吗，伟哥会导致失明、耳聋，幻听，心肾功能受损下面是我给亲查的北爱尔兰贝尔法斯特皇后大学研究人员日前称，相关实验结果初步显示伟哥可导致男性生育能力下降。生育能力下降主要有两种后果，一是致使正常人无法生育，二是不健康精子即使能够受精孕育后代，其后代的健康状况也会受到影响。因此，伟哥严重影响后代健康</t>
  </si>
  <si>
    <t>在生育方面，美国曾有学者研究发现，患者服用伟哥之后，其在精液中的浓度很低，很难对生育造成影响。自从伟哥在国内上市15年来，销量极大，但目前为止，尚没有任何新闻及学术文章报道因为服用伟哥而造成生育问题，包括畸形、流产、胎儿停止发育等，这从侧面也说明服用伟哥是不影响生孩子的。</t>
  </si>
  <si>
    <t>偶尔的吃的话，是不会影响到精子的质量的，但是也不要经常性的吃</t>
  </si>
  <si>
    <t>4s可以更新ios8吗</t>
  </si>
  <si>
    <t>苹果4S是可以升级iOS8的，更新时需要4.7G以上的空间，最好插上电源。</t>
  </si>
  <si>
    <t>阿里电商托管是真的吗</t>
  </si>
  <si>
    <t>是假的，直接看他的成功案例，然后上淘宝查询，问下商家，之前问过四五个，人家都是自己经营，不是托管。</t>
  </si>
  <si>
    <t>浙江有暖气吗</t>
  </si>
  <si>
    <t>业内专家：大范围集中供暖不具备条件。除了地暖空调，未来杭州人可能会用上燃气壁挂炉采暖，杭州冬天没有暖气。</t>
  </si>
  <si>
    <t>apple ipad mini 2 16g够用吗</t>
  </si>
  <si>
    <t>看你装些什么东西。比如说你喜欢玩大型游戏而且喜欢玩着一个又玩另一个还玩五六七八个不同游戏的话，16G不够。你比较专一，只玩两三个游戏，玩完后再玩其它游戏。16G足够。</t>
  </si>
  <si>
    <t>京东的优惠券可以送人吗</t>
  </si>
  <si>
    <t>显卡长期80度影响寿命么</t>
  </si>
  <si>
    <t>肯定影响</t>
  </si>
  <si>
    <t>无害，只要噪音不高即可</t>
  </si>
  <si>
    <t>宝宝发烧能吃西瓜吗</t>
  </si>
  <si>
    <t>小孩发烧的时候不要吃冰镇西瓜，冰镇的西瓜更伤脾胃，吃了容易拉肚子，而且感冒发烧的时候吃生冷的东西，也会加重感冒症状。不要吃超过100克的西瓜。要现切现吃才好。</t>
  </si>
  <si>
    <t>房屋中介好做吗</t>
  </si>
  <si>
    <t>中介的行业，水很深，越做的久，越会发现涉及全方面的知识越多，合同法你要懂，建筑与装饰布局你也要懂， 还要懂怎么跟人更好的打交道更快建立信任，怎么更好的促成一笔交易，银行贷款你要懂，理财投资你要懂，所以做中介 很有挑战性，也会有很多乐趣！</t>
  </si>
  <si>
    <t>红斑狼疮传染人吗</t>
  </si>
  <si>
    <t>红斑狼疮属于一种免疫系统疾病，结缔组织病，不属于传染病。</t>
  </si>
  <si>
    <t>上海买房必须结婚吗</t>
  </si>
  <si>
    <t>上海户口单身限购一套,家庭限购两套,今年6月15号出的政策对于非上海户口单身是不能买房的。</t>
  </si>
  <si>
    <t>水电工累吗</t>
  </si>
  <si>
    <t>辛苦不辛苦相对而言不算太幸苦，也是要根据不同岗位不同设施不同环境变化的，安装辛苦，维护修理就相对不辛苦，技术工作相对力工肯定劳动强度就差，技术工种很多是脑力劳动伴随体力劳动，相对劳动强度低些。</t>
  </si>
  <si>
    <t>mg6好不好</t>
  </si>
  <si>
    <t>是掀背车，动力不错操控也好，买顶配配置几乎赶上中高车了,不过中配低配车型配置一般。</t>
  </si>
  <si>
    <t>生态板可以喷漆吗</t>
  </si>
  <si>
    <t>可以。生态板当然是可以喷漆的。</t>
  </si>
  <si>
    <t>两个身份证不一个姓能和一张么</t>
  </si>
  <si>
    <t>你好：可以的</t>
  </si>
  <si>
    <t>　根据国家文件规定，一个人不可以办两张一样的身份证，户籍部门是会默认一个身份证的资料的，不可以同时存在2个身份证，即使本人有2个身份证其中一个也是无法在银行，政府部门办理业务的。</t>
  </si>
  <si>
    <t>京东店铺有二维码吗</t>
  </si>
  <si>
    <t>京东店铺有二维码</t>
  </si>
  <si>
    <t>三星note4还生产吗</t>
  </si>
  <si>
    <t>目前三星NOTE4机型已经停产及停止销售</t>
  </si>
  <si>
    <t>肝功能需要空腹吗</t>
  </si>
  <si>
    <t>肝功能检查前空腹是必须的，其空腹时间一般规定为为8-12小时。</t>
  </si>
  <si>
    <t>男人做爱的感觉一样吗</t>
  </si>
  <si>
    <t>人和人不一样，所以感觉也会不一样</t>
  </si>
  <si>
    <t>牛奶能托运吗</t>
  </si>
  <si>
    <t>可以托运牛奶，中国民航总局规定在中国境内乘坐民航班机禁止随身携带以下物品，但可放在托运行李中托运。</t>
  </si>
  <si>
    <t>防噪音耳塞对耳朵有害吗</t>
  </si>
  <si>
    <t>隔音耳塞一般是由带弹性的硅胶或是海绵质材（pvc、 pu）制成的。插入耳道后与外耳道紧密接触，时间长了耳塞膨胀时压迫外耳道皮肤，可引起耳胀、耳痛等不适；弹性太小则不能与外耳道紧密接触，隔声效果降低</t>
  </si>
  <si>
    <t>手机会被监控吗</t>
  </si>
  <si>
    <t>近来，苹果和三星的“监听门”事件愈演愈烈……如果是手机运营商监控，可能老百姓都理解，因为最主要的是能准确的即时的指出手机用户那里不对，也是对手机客户的负责及人身财产的负责，应该支持。但是要是被那些钓鱼网站或不怀好意的人监控去了，那么监控性质就不一样了，那些不怀好意的人最后将受到法律的制裁。</t>
  </si>
  <si>
    <t>铃木启悦好不好</t>
  </si>
  <si>
    <t>汽车的发展方向就是轻量化！铃木车非常好！你开个十年八年就知道了！</t>
  </si>
  <si>
    <t>糖尿病能医好吗</t>
  </si>
  <si>
    <t>目前的医疗条件，还没有彻底治愈的糖尿病的方法，糖尿病是一种需长期坚持治疗的慢性疾病，只要控制住血糖值了，也不用太担心。建议您服用降糖药物瑞舒或者瑞平，以及纯中药制剂参芪降糖颗粒，预防并发症的发生，另外患者要多吃五谷杂粮，如莜麦面、荞麦面、燕麦片、玉米面等富含维生素B、多种微量元素及食物纤维的主食，长期食用可降低血糖，注意养成良好的饮食生活习惯，适当体力活动，保持正常体重</t>
  </si>
  <si>
    <t>缓刑可以外出吗</t>
  </si>
  <si>
    <t>可以。但前提是应当报经考察机关</t>
  </si>
  <si>
    <t>三洋骨盆带有用吗</t>
  </si>
  <si>
    <t>对于那些成型腹带并不好的，可以购买纱布缠腹部，这个塑性比较好。</t>
  </si>
  <si>
    <t>蛊毒是真的吗</t>
  </si>
  <si>
    <t>　蛊术，一个神秘的存在，而在现代社会上，也有不少的人来研究这种说法，而蛊的种类其实也是分为很多种，而对于不同的民族对于下蛊都会有着不同</t>
  </si>
  <si>
    <t>酒酿蛋可以丰胸吗</t>
  </si>
  <si>
    <t>我一直在吃酒酿，断断续续的持续好几个月了，也没觉得上火，丰胸也不明显。</t>
  </si>
  <si>
    <t>虚拟主机安全吗</t>
  </si>
  <si>
    <t>不能忽视的安全!虚拟主机也需要防范</t>
  </si>
  <si>
    <t>接吻会闻到口臭吗</t>
  </si>
  <si>
    <t>有口臭就会闻到，没有口臭就不会闻到</t>
  </si>
  <si>
    <t>顺丰快递晚上能寄件吗</t>
  </si>
  <si>
    <t>快递晚上收件，但是一般会在8点以前进行收件，各个地区会有不同的差异，具体需要咨询当地顺丰客服，即可得知。</t>
  </si>
  <si>
    <t>亚马逊卖的是正品吗</t>
  </si>
  <si>
    <t>亚马逊还是值得信赖的</t>
  </si>
  <si>
    <t>妊娠糖尿病可以吃栗子吗</t>
  </si>
  <si>
    <t>妊娠期糖尿病可以吃板栗</t>
  </si>
  <si>
    <t>内痔手术痛吗</t>
  </si>
  <si>
    <t>内痔手术痛，不仅治疗会变得更加困难，还会引发更大的损伤和痛苦。</t>
  </si>
  <si>
    <t>地暖能铺复合地板吗</t>
  </si>
  <si>
    <t>不是4g手机可以用4g卡吗</t>
  </si>
  <si>
    <t>普通手机可以装4G卡，只不过没有4G上网信号强度，只能达到手机上的默认配置例如3G或者2G</t>
  </si>
  <si>
    <t>如果没有4G手机，在移动的3G手机中，放入4G卡后，一样能享受移动2G和3G网络，因为手机不支持4G网络，所以手机卡暂时接收不到4G信号。</t>
  </si>
  <si>
    <t>手机能加运行内存吗</t>
  </si>
  <si>
    <t>不可以，手机运行内存取决于手机硬件配置，并不能通过软件或系统升级等方式增加。</t>
  </si>
  <si>
    <t>是对方主动打人我还手伤他重伤属于防卫过当吗</t>
  </si>
  <si>
    <t>相关法律规定《中华人民共和国刑法》第二十条　为了使国家、公共利益、本人或者他人的人身、财产和其他权利免受正在进行的不法侵害，而采取的制止不法侵害的行为，对不法侵害人造成损害的，属于正当防卫，不负刑事责任。正当防卫明显超过必要限度造成重大损害的，应当负刑事责任，但是应当减轻或者免除处罚。对正在进行行凶、杀人、抢劫、强奸、绑架以及其他严重危及人身安全的暴力犯罪，采取防卫行为，造成不法侵害人伤亡的，不属于防卫过当，不负刑事责任。</t>
  </si>
  <si>
    <t>朋友贷款紧急联系人写我 我有责任吗</t>
  </si>
  <si>
    <t>　朋友贷款把自己填到了紧急联系人，无需承担责任。</t>
  </si>
  <si>
    <t>如果不知情应该责任不大，个人感觉这块儿是法律的空白，最好还是咨询一下有关单位了解一下，毕竟这个不是小事！　　</t>
  </si>
  <si>
    <t>大学是事业单位吗</t>
  </si>
  <si>
    <t>大学行政是事业编#学校属于事业单位</t>
  </si>
  <si>
    <t>高校退出事业单位：“编”若不再“制”当何存</t>
  </si>
  <si>
    <t>公办的大学是事业单位，民办的就不是。</t>
  </si>
  <si>
    <t>网络电话流量大吗</t>
  </si>
  <si>
    <t>1、一分钟看是用回拨还是直拨，如果是直拨的话就比较多点，大约需要200K-300多K不等。2、如果是用回拨的话，只需要50-110K。3、有人通过流量软件进行测试这1分钟的流量情况。而在1分钟的通话当中，网络电话共用了177K流量，也就是说，连续通话1小时，所消耗的流量只有10M。但是现在4G网络，流量会更高些，我的通话10分钟。20M</t>
  </si>
  <si>
    <t>淘宝买号安全吗</t>
  </si>
  <si>
    <t>安全的，一般你在买到以后，将能改的都改掉，还有尽量买那种没有身份验证的，但一般的人卖力也不会做那种缺德事，我们寝室的几个都在买和卖，买的时候记得截一些图做证据就好了。</t>
  </si>
  <si>
    <t>12306能用信用卡支付吗</t>
  </si>
  <si>
    <t>12306是支持信用卡进行支付的。</t>
  </si>
  <si>
    <t>宝蓝色包包好看吗</t>
  </si>
  <si>
    <t>宝蓝色的包包很很好搭衣服啊。</t>
  </si>
  <si>
    <t>贵阳有到成都的高铁吗</t>
  </si>
  <si>
    <t>截止到2016年11月份，贵阳-成都暂无高铁</t>
  </si>
  <si>
    <t>腮腺炎需要治疗吗</t>
  </si>
  <si>
    <t>是的，腮腺炎视诊一般也能确定。然后对症治疗</t>
  </si>
  <si>
    <t>不用手术，早期以药物治疗为主；同时采用刺激分泌的方法以保持唾液分泌畅通。如果病程超过一周，进入化脓期，则应进行切开排脓手术。</t>
  </si>
  <si>
    <t>聚划算的化妆品是正品吗</t>
  </si>
  <si>
    <t>绝对是正品，如果不是正品，淘宝总部小二会直接从商家保证金，按照1赔5，赔偿给消费者。</t>
  </si>
  <si>
    <t>聚划算也是淘宝的，应该有掺假的一起卖的，而且假的还是大部分。</t>
  </si>
  <si>
    <t>聚划算上有的化妆品是正品也有假货，所以网上购买化妆品要特别注意。</t>
  </si>
  <si>
    <t>切糕好吃吗?</t>
  </si>
  <si>
    <t>其实我真觉得切糕很好吃</t>
  </si>
  <si>
    <t>那是坑爹货，一般买东西，你可以说我要买好多钱的，但是新疆切糕不行，就算你明确说你要买多少钱的，一样一刀给你来块大块的，不买不行，不买，一群新疆人拿刀围到你，味道，明确告诉你，以前尝过一点，苦的，当时还以为是黑桃过期老，现在网上一查，才知道他妈的是松香加水银，密度比工地上的砖头还重，想活得久点远离新疆切糕。</t>
  </si>
  <si>
    <t>晚上吃粥好吗</t>
  </si>
  <si>
    <t>晚上吃粥对于我们的健康来说好处实在是很多，不仅可以治病，而且还可以延年益寿，所以大家在平时的时候，不妨根据自己的身体情况选择适合自己的粥，这样就可以起到滋补身体，还有调节内在，从而让我们从内部健康起来。</t>
  </si>
  <si>
    <t>催产素有副作用吗</t>
  </si>
  <si>
    <t>如果催产素使用不当，副作用很大，主要有：1、催产素可能会导致子宫收缩过强或者不协调，导致胎儿宫内缺氧，宫缩不协调可能会使分娩停顿！2、如果胎位不正或者骨盆狭窄，用了催产素，虽然子宫收缩很厉害，但是由于胎位不正，骨盆小，宝宝还是无法正常通过产道，导致子宫破裂，胎儿缺氧！3、由于子宫收缩过于强烈，分娩阻力又不太大，可以使胎儿很快娩出，整个产程不超过3小时，发生急产！这样会因为来不及消毒、保护会阴等，造成产后感染、产道裂伤、新生儿坠落伤等后果。</t>
  </si>
  <si>
    <t>应该是没有的，要是有问题，医院敢让这么多的准妈妈和宝宝有吗</t>
  </si>
  <si>
    <t xml:space="preserve">当时医生还跟我说，因人而异，有的打了催产素很快就有要生的现象，有的打了却没有感觉 </t>
  </si>
  <si>
    <t>劳动能力伤残鉴定骨折十级是否可以申请停工留薪2个月吗</t>
  </si>
  <si>
    <t>十级伤残，停工留薪期十个月</t>
  </si>
  <si>
    <t>拉卡拉养卡有用吗</t>
  </si>
  <si>
    <t>拉卡拉可以养信用卡。用拉卡拉进行收款和还信用卡等多种功能的手机“收款宝”，自己开通和注册，绑定一个借记卡号，刷借记卡和信用卡都可以通过这个移动POS机来收款，也可以通过它来还信用卡等多种功能。</t>
  </si>
  <si>
    <t>核桃可以放冰箱吗</t>
  </si>
  <si>
    <t>贮藏场所必须冷凉、干燥和通风、背光。核桃以在5左右的低温、空气相对湿度在50%—60%下普通冷藏效果较好</t>
  </si>
  <si>
    <t>感冒对入职体检有影响吗</t>
  </si>
  <si>
    <t>职体检的项目一般包括，血常规，尿常规，心电图，胸腹透视，B超，乙肝五项等，所以感冒一般不影响体检的</t>
  </si>
  <si>
    <t>成人教育算不算全日制</t>
  </si>
  <si>
    <t>属于非全日制。除全国统招外，其他的学历都是非全日制，也就是常说的是社会在职学历，非全日制学历又被称为五大学历，即成人、自考、电大、函授、夜大，这五大学历又被称为成人类教育学历。</t>
  </si>
  <si>
    <t>橙汁会上火吗</t>
  </si>
  <si>
    <t>喝多了会上火。橙子性味酸凉，具有行气化痰，健脾温胃，助消化，增食欲等药用功效。橙皮又叫黄果皮，除含果肉中的成分外，胡萝卜素含量较多，可作为健胃剂、芳香调味剂。橙皮还含一定时的橙皮油，对慢性支气管炎有效。不要一次吃太多，常吃即可。有些人是不适合吃橙子的，比如有口干咽燥、舌红苔少等现象的人。这是由于肝阴不足所导致的，而橙子吃多了更容易伤肝气，</t>
  </si>
  <si>
    <t>2016建筑行业会好起来么</t>
  </si>
  <si>
    <t>2016年建筑业必将迎来大好发展机遇</t>
  </si>
  <si>
    <t>牛奶美白吗</t>
  </si>
  <si>
    <t>不能，</t>
  </si>
  <si>
    <t>练瑜伽可以增肥吗</t>
  </si>
  <si>
    <t>不能的。没有增肥的效果。</t>
  </si>
  <si>
    <t>感冒的时候可以跑步吗</t>
  </si>
  <si>
    <t>判断自己感冒了是否还可以继续跑步，运动专家建议遵循一个至关重要的“颈部法则”。意思就是指，当你感到不舒服的部位是在颈部及以下，比如咽喉疼、咳嗽、胸闷、支气管发炎、身体酸疼、发冷、呕吐、腹泻等症状，那你就应该停下来好好休息。反之，当你感到不舒服的部位是在颈部以上，比如流鼻涕、鼻塞、打喷嚏等，则不需要改变自己的跑步计划。</t>
  </si>
  <si>
    <t>双眼皮埋线疼么</t>
  </si>
  <si>
    <t>埋线双眼皮手术当日伤口会有些疼痛，但随着时间的推移会逐渐减轻。病人不要急于吃去痛片，因为阿司匹林类药物会加重伤口出血。</t>
  </si>
  <si>
    <t>阿笠博士是坏人吗</t>
  </si>
  <si>
    <t>博士是坏人</t>
  </si>
  <si>
    <t>阿笠博士是少数知道柯南真实身份的人，并且一直在帮助柯南，他不是坏人。</t>
  </si>
  <si>
    <t>点读机 有用吗</t>
  </si>
  <si>
    <t>能帮助孩子学习，当然有用了。</t>
  </si>
  <si>
    <t>负责任的告诉您，基本没有用，我原来就是卖这玩意的，全是骗子，你买之前什么资料啊，售后啊，说的和真的似的，但你买了就不管你了</t>
  </si>
  <si>
    <t>我个人认为一件东西被创造出来，肯定会有它一定的价值。点读机对于学习肯定是有一定的帮助。但读书最终依赖的不是学习工具，而是自己个人。</t>
  </si>
  <si>
    <t>燕麦好消化吗</t>
  </si>
  <si>
    <t>麦片属于粗粮，是易于消化的，</t>
  </si>
  <si>
    <t>燕麦营养丰富，但不容易消化，</t>
  </si>
  <si>
    <t>在香港可以上网吗</t>
  </si>
  <si>
    <t>后付费用户开通台港澳漫游和长途业务后可以在香港使用手机上网，但预付费用户根据不同的省份地市政策，有些省份即使在开通台港澳漫游和长途的情况下也无法使用手机在香港漫游上网，因为业务不支持。</t>
  </si>
  <si>
    <t>华润万家属于华润集团吗</t>
  </si>
  <si>
    <t>华润万家是华润集团旗下的超市。</t>
  </si>
  <si>
    <t>煌旗小吃好不好</t>
  </si>
  <si>
    <t>煌旗小吃培训自成立以来，始终坚持严谨教学、用务实的态度、专业的技术、耐心的指导，针对不同程度的学员进行多样化教学，以提升每个学员的操作能力，公司拥有一批在饮食界从业二十多年资质的烹饪技师和高级厨师，其专业的烹饪技巧为煌旗提供了强大的技术支持，也为许多即将从事餐饮行业、自主创业的投资者们提供了成功创业的技术保障。</t>
  </si>
  <si>
    <t>车牌架有必要安装吗</t>
  </si>
  <si>
    <t>有必要，有的地方专门查</t>
  </si>
  <si>
    <t>战争机器审判好玩吗</t>
  </si>
  <si>
    <t>其实这要取决于个人爱好了 ,光环属于第一人称射击类游戏也就是FPS游戏 ,战争机器则属于第三人称动作扮演类游戏STG ,属于两种不同的游戏形式 ,所以说也就存在受众人群差异了, 所以好不好玩要看自己的喜好</t>
  </si>
  <si>
    <t>长沙推销鞋油是正规的吗</t>
  </si>
  <si>
    <t>扰民的销售方式，影响社会公共秩序，对学生来讲，短期可以锻炼交际能力，长期身心受摧残，对未来发展并没有多大的正激励。</t>
  </si>
  <si>
    <t>热风枪可以用吹风机代替吗</t>
  </si>
  <si>
    <t>吹风机的温度没有热风枪的高，而且热风枪吹出的风更集中，加热更快。但如果加热温度要求不高的场合（比如吹标签纸），也可以</t>
  </si>
  <si>
    <t>工商信用卡额度共享吗</t>
  </si>
  <si>
    <t>工商银行卡信用额度共享的情况比较复杂。国际信用卡额度不共享，人民币账户和外币账户的额度也是各自独立的;所有人民币准贷记卡(45806、53098、62221)额度共享;非银联标准卡的人民币贷记卡(45181)额度共享;银联标准卡(例如猪卡)人民币贷记卡(62223)额度共享;4字头的人民币贷记卡和6字头人民币贷记卡之间不共享。</t>
  </si>
  <si>
    <t>付了首付的房子可以退吗</t>
  </si>
  <si>
    <t>贷款没有审批下来前，可以舍弃定金退房。贷款下来的话，购房合同主要内容已经履行完毕，你没有权利退房。</t>
  </si>
  <si>
    <t>降调期间能艾灸吗</t>
  </si>
  <si>
    <t>促排期间不做艾灸，可以改为泡脚。</t>
  </si>
  <si>
    <t>安儿宝有必要打吗?</t>
  </si>
  <si>
    <t>打安儿宝疫苗，这个是要钱的，是自愿的，不打也是可以的，但是免费的疫苗是一定要接种的，这是国家强制的。</t>
  </si>
  <si>
    <t>教师资格证分科目吗</t>
  </si>
  <si>
    <t>教师资格证分科目</t>
  </si>
  <si>
    <t>宏基显示器好吗</t>
  </si>
  <si>
    <t>宏基的东西质量一般，一般都是走性价比路线，也就是便宜无好货的路线。</t>
  </si>
  <si>
    <t>抢红包跟网速有关系吗</t>
  </si>
  <si>
    <t>不少网友感叹,以前抢红包是比眼疾手快,手快有手慢无,现在直接变成网快有网慢无,抢红包大战由技巧大战摇身变成网速大战。</t>
  </si>
  <si>
    <t>邻居也疯狂好看吗</t>
  </si>
  <si>
    <t>有没有跟《邻居也疯狂》一样幽默好看的喜剧电视#你们有没有看《邻居也疯狂》的 好搞笑的嘞</t>
  </si>
  <si>
    <t>用微会打电话安全吗</t>
  </si>
  <si>
    <t>安装微会就是允许其访问联系人和通话记录,使用起来很方便。 打电话的话是系统回拨的免费电话,很安全的。</t>
  </si>
  <si>
    <t>刚用过，完全是骗人的，本来以前给家里打电话设的亲情号全天才一毛九，刚用微会打，显示一会是深圳坐机，因中间断线，一会是400开台电话，开始以为正常，通了30几分电话后，一查话费，与通话前查的话费少了十几元，以前用亲情号也用不了那么多钱，纯碎的骗子，大家请注意！！！</t>
  </si>
  <si>
    <t>颈椎病能贴膏药吗</t>
  </si>
  <si>
    <t>颈椎增生是比较常见的疾病，随着年纪的增长发病率是越来越高的，和平时的不良姿势也是有关的，和具体的程度是有很大的关系的，如果导致局部的酸胀不适，或是疼痛的话，是可以使用膏药缓解症状的</t>
  </si>
  <si>
    <t>招财宝一定能保本吗</t>
  </si>
  <si>
    <t>投资标的很安全，基本可以保证本金安全</t>
  </si>
  <si>
    <t>招财宝有重大风险</t>
  </si>
  <si>
    <t>发烧可以喝红糖姜水吗</t>
  </si>
  <si>
    <t>红糖姜水有一定的退热左作用，一般多用于风寒感冒引起的发热的治疗。</t>
  </si>
  <si>
    <t>华硕笔记本充电器通用吗</t>
  </si>
  <si>
    <t>在我接触这两年里，基本都是可以通用的，如果不放心你可以看一下笔记本背面的电流和电压输入值是多少，匹配了就一定没问题</t>
  </si>
  <si>
    <t>有的通用，有的不行。至少普通本和超级本适配器的功率是不一样的。。看下适配器的输入输出信息，一样再用。</t>
  </si>
  <si>
    <t>网状青斑能治好吗</t>
  </si>
  <si>
    <t>网状青斑是由多种因素引起皮肤呈青紫色的网状变化的血管性疾病，受冷后可加重。临床上可分为先天性、原发性、继发性三类。原发性病因不明，寒冷、局部血管内皮细胞损伤、免疫复合物沉积等因素可能与发病相关。继发性可以伴发于许多系统疾病，如系统性红斑狼疮、皮肌炎、冷球蛋白血症等。一般需防寒保暖，轻型可不必治疗，在遇暖后多减轻，有时可消失。对继发性网状青斑主要治疗原发病。重症的如伴有溃疡者需药物治疗。像您这种情况，需寻找排除下有无其他疾病，必要时也可以皮肤病理检查以明确血管的病变程度</t>
  </si>
  <si>
    <t>卡乐付能刷信用卡吗</t>
  </si>
  <si>
    <t>目前只支持借记卡转账。</t>
  </si>
  <si>
    <t>二级建造师是全国统一命题吗</t>
  </si>
  <si>
    <t>二级建造师是全国统一考试</t>
  </si>
  <si>
    <t>二级建造师是分为省级和国家级命题，二级建造师最初的考试是全国统一的，后来住建部权限下放由省厅出题。中间也有联合出题的情况，现在的答题情况是，部分省如江苏都是自主独立命题，还是有很多的省仍然在使用全国统一卷，有利有弊！</t>
  </si>
  <si>
    <t>桑葚干能泡酒吗</t>
  </si>
  <si>
    <t>桑椹可以用来泡酒喝的。桑椹泡酒就是要用晒干的桑椹</t>
  </si>
  <si>
    <t>婴儿用纸尿裤好吗</t>
  </si>
  <si>
    <t xml:space="preserve"> 纸尿裤的使用大大减轻了年轻父母的负担，节约了不少时间，方便、卫生、快捷，都是它的特色。爸爸妈妈们可以腾出这些洗尿布的时间，多和宝宝进行亲子互动，增加亲子亲密度。但任何品牌的纸尿裤都不能长时间使用，妈妈们应该定时或根据实际需要及时给宝宝更换纸尿裤，每次更换的时候，要用湿纸巾或温湿的软毛巾擦拭干净宝宝的小屁股，涂上护臀膏或凡士林油，再换上干净的纸尿裤，保持小屁屁的干净卫生。并且纸尿裤无论它的透气性有多好，长时间穿着，对宝宝的皮肤都是有影响的，所以建议在开春暖和之后和夏秋季节，可以白天用布尿片，晚上和外出时再用纸尿裤，这样可以保持宝宝屁股干爽，夜间使用可以让宝宝安睡到天亮，而外出使用不用担心宝宝尿湿裤子而受凉。</t>
  </si>
  <si>
    <t>外地银行卡在本地取钱要手续费吗</t>
  </si>
  <si>
    <t>同行异地存取款、转账免费,但是跨行仍然需要付费。</t>
  </si>
  <si>
    <t>2016年2月18日结婚好吗</t>
  </si>
  <si>
    <t>宜嫁娶/结婚/婚嫁#以下是最近几个月的结婚（订婚、领证）吉日，供情侣们参考。各位可根据自己的情况从中挑选日期，祝新婚愉快。</t>
  </si>
  <si>
    <t>淘宝客交易没成功算吗</t>
  </si>
  <si>
    <t>如果是频道推广的话，只需要点击次数就可以了，不需要交易成功。如果是推广宝贝商品的话就需要交易成功确认，确认收货的结束时候才会获得佣金。</t>
  </si>
  <si>
    <t>iphone6plus需要贴膜吗</t>
  </si>
  <si>
    <t>建议贴膜，最好选择正规厂家的全覆盖钢化玻璃膜，可以防止2.5D边缘被刮花。</t>
  </si>
  <si>
    <t>only有包包吗</t>
  </si>
  <si>
    <t>有的呢。</t>
  </si>
  <si>
    <t>增值税普通发票有没有抵扣联</t>
  </si>
  <si>
    <t>增值税专用发票可以抵扣进项税，增值税普通发票不可以抵扣进项税。</t>
  </si>
  <si>
    <t>电话挂失后可以直接补办银行卡吗</t>
  </si>
  <si>
    <t>电话挂失：拨打银行客服电话申请挂失，需要提供卡主身份证号码。一般这种属于口头挂失，只有几天的有效期，最终还是需要去银行柜台办理挂失才行。口头挂失必须等一周后才能补办；部分银行情况特殊，以银行规定为准。</t>
  </si>
  <si>
    <t>珠海海滨泳场好玩吗</t>
  </si>
  <si>
    <t xml:space="preserve">珠海海滨泳场门票不用钱，但浴室洗澡5元，寄存的话好像是2块，水质不敢恭维。 </t>
  </si>
  <si>
    <t>宝宝急性肠胃炎可以吃腹泻奶粉吗</t>
  </si>
  <si>
    <t>目前可以喝腹泻奶粉。这个奶粉对于腹泻的孩子有治疗作用。</t>
  </si>
  <si>
    <t>唐都医院周末上班吗</t>
  </si>
  <si>
    <t>唐都周末不休息，不过专家教授少，有普通医生。#唐都医院周六和周日只有急诊。#</t>
  </si>
  <si>
    <t>实收资本为零,其他应付款结转为实收资本需要出具验资报告吗</t>
  </si>
  <si>
    <t>　一个企业成立，实收资本不可能为零，因为在企业成立过程中发生的一系列费用都是投资者投入的，这些投入的金额就是实收资本。实收资本的构成比例是企业据以向投资者进行利润或股利分配的主要依据。中国企业法人登记管理条例规定，除国家另有规定外，企业的实收资本应当与注册资本一致。</t>
  </si>
  <si>
    <t>手机打座机要加区号吗</t>
  </si>
  <si>
    <t>手机拨打本地固定电话可以加区号也可以不加，打本地区以外的要加区号的</t>
  </si>
  <si>
    <t>羊水穿刺能查出先天性白内障吗</t>
  </si>
  <si>
    <t>如果先天性白内障是由染色体异常引起的话。那么羊水穿刺是可以检查出来的。如果只是发育的异常的话。那么有可能检查不出来</t>
  </si>
  <si>
    <t>狸窝全能视频转换器能转换qsv格式吗</t>
  </si>
  <si>
    <t>qsv格式是爱奇艺视频网站专有的视频格式，是一种受版权保护的格式,qsv格式转换avi格式，其实是可以先利用爱奇艺专用的qsv格式转换器进行qsv格式提取，而要转换的flv格式，刚好qsv转换的格式就是flv格式，那么就可以直接得到了flv格式文件。如果想要转换成其他格式，这时就可以利用其他专业的转换器狸窝全能视频转换器将提取的flv格式转换成想要的格式。</t>
  </si>
  <si>
    <t>伊利是不是国企</t>
  </si>
  <si>
    <t>是，国有控股企业，全名内蒙古伊利实业集团股份有限公司，由呼和浩特市国有资产管理局以其所属的原呼和浩特市回民奶食品总厂作为主发起人，吸收其他法人和内部职工入股，进行股份制改造，以定向募集方式设立的股份公司</t>
  </si>
  <si>
    <t>肺癌可以吃甲鱼吗</t>
  </si>
  <si>
    <t>肺癌患者是可以是吃甲鱼的，由于甲鱼肉中所含的物质具有预防肺癌的作用。因此肺癌患者是可以吃甲鱼的；还有肺癌的发生是与饮食有关的，在饮食上多多注意了。</t>
  </si>
  <si>
    <t>不是会计专业可以考注册会计师</t>
  </si>
  <si>
    <t>注册会计师考试不限专业，符合报考条件就可以。</t>
  </si>
  <si>
    <t>未婚女性汗蒸好吗</t>
  </si>
  <si>
    <t>您好，是可以的啊。汗蒸对女士有美容养颜、减肥、减轻压力、加速身体内部的血液循环，加快排除体内的污物、改善身体的亚健康状态等作用，但女性在月经期间是严禁汗蒸的，而且有高血压和心脏病的人人士最好不要进行汗蒸。</t>
  </si>
  <si>
    <t>你好，这个情况是不绝对的，如果身体比较虚弱的话或者是有高血压，一般都不建议做汗蒸。</t>
  </si>
  <si>
    <t>季羡林吃安眠药吗</t>
  </si>
  <si>
    <t>季老正在德国留学，因战事，他十年无法归国，这期间，染上失眠症状，开始吃安眠药，从此再也扔不了，一吃就是七十年。</t>
  </si>
  <si>
    <t>美国人结婚要彩礼吗</t>
  </si>
  <si>
    <t>没有，美国没有聘礼、改口费之类的说法。</t>
  </si>
  <si>
    <t>索罗斯犯法吗</t>
  </si>
  <si>
    <t>不算。卖空交易而已。真正的问题是那些国家的过度举债，而且是美债，所以一旦热钱流走，本币贬值，那些美债就成了高额债务，投资者信心就崩溃了。索罗斯只是投机罢了。</t>
  </si>
  <si>
    <t>win10重置电脑 删除了个人文件 还能恢复吗?</t>
  </si>
  <si>
    <t>可以的呀。</t>
  </si>
  <si>
    <t>lol盲僧龙的传人2015还能出吗</t>
  </si>
  <si>
    <t>不是每年出，只是龙年限定。2015年并非龙年，所以不会出龙的传人。</t>
  </si>
  <si>
    <t>天涯明月刀 烧钱吗</t>
  </si>
  <si>
    <t>天刀还好，不怎么花钱，我也玩天刀，钱都花在时装上了。</t>
  </si>
  <si>
    <t>不仅费钱还爆肝还不好玩</t>
  </si>
  <si>
    <t>羊毛大衣可以干洗吗</t>
  </si>
  <si>
    <t>羊毛大衣一般宜干洗，高档全毛料或毛与其他纤维混纺的衣物，建议干洗。干洗的原理就是用溶剂来去除衣物上的油渍及污垢。羊毛、羊绒及其他天然纤维，水洗后一般会缩水变形及掉色，但是用溶剂干洗就可以处理得很好，即能清除污垢，又不缩水变形。</t>
  </si>
  <si>
    <t>薛佳凝结婚了吗?</t>
  </si>
  <si>
    <t>薛佳凝没有结婚</t>
  </si>
  <si>
    <t>港股可以做空吗</t>
  </si>
  <si>
    <t>可以做空，直接做空股票（交易成本较高）或通过认沽证熊证（交易成本低）进行做空。港股的做空对资金量有要求：户口里需要50w保证金(最低)，之后通过券商到市场上去借货给你做空。获利后。你再买回股票了解交易。 手续费较高。借入需要利息。而且不是所有股票都可以做空。 也有很多股票你在市场上借不到货。 所以一般的投资人会通过去买股票的衍生产品来实现做空的目的。做空的时候有点类似内地的融资融券一样，要在你港股开户的公司借券卖出，但具体的规则又和内地不一样，具体的要咨询开港股账户的公司。</t>
  </si>
  <si>
    <t>三七粉能止血吗</t>
  </si>
  <si>
    <t>三七粉的最大功能1、扩大血管、下降血压，改良微循环，增添血流量，防备和治疗心脑组织缺血、缺氧症2、增进蛋白质、核糖核酸（RNA）、脱氧核糖核酸（DNA）合成，强身健体 3、增进血液细胞新陈代谢，均衡调理血液细胞4、双向调理中枢神经，进步脑力，加强学习和记忆能力5、加强机体免疫功用，抗肿瘤6、止血、活血化瘀 7、保肝、抗炎8、延缓衰老9、双向调理血糖、下降血脂、胆固醇、克制动脉硬化</t>
  </si>
  <si>
    <t>怀孕能吃茭白吗</t>
  </si>
  <si>
    <t>产妇食用不仅能帮助催乳，同时能够防止便秘困扰，美容养颜。</t>
  </si>
  <si>
    <t>天龙挂刀能拜师吗</t>
  </si>
  <si>
    <t>和自己的徒弟不用解除，但是你得和你当前的师傅解除师徒关系。这样你就可以另找一个师傅</t>
  </si>
  <si>
    <t>丁香钓鲫鱼好吗??</t>
  </si>
  <si>
    <t>现在中药的小药泡酒米或者直接加到饵料里钓鱼都肯定干不过甜香味的提取物小药效果好，尤其是天凉的时候，一般黑坑的话用的酒米是辅助诱鱼的作用是增加饵料散落速度而已，真正诱鱼的是饵料的搭配跟添加剂小药的使用。</t>
  </si>
  <si>
    <t>swisse叶绿素孕妇可以喝吗</t>
  </si>
  <si>
    <t>不建议孕妇服用。叶绿素中主要成分为维生素矿物质，以及一些抗病毒营养素，主要用于美容养颜、预防贫血。在孕期的话，可选择孕妇综合维生素，同样可补充多种维生素和矿物质，还可满足胎儿生长发育需求</t>
  </si>
  <si>
    <t>lol头像有特效吗</t>
  </si>
  <si>
    <t>LOL美服最新动态 2015世界冠军头像自带特效，虽然官方没说 但是感觉总决赛过了特效就没了</t>
  </si>
  <si>
    <t>黑色塑料都是用炭黑吗</t>
  </si>
  <si>
    <t>炭黑是塑料的着色剂、防紫外线老化剂和抗静电剂。随着塑料行业的发展，炭黑在塑料行业的用量也越来越大，从普通的日用塑料到高档的工程塑料都离不开炭黑。和橡胶行业用炭黑相比，塑料的炭黑用量虽然不多，但它对塑料性能的影响很大，</t>
  </si>
  <si>
    <t>吃中药会犯困吗</t>
  </si>
  <si>
    <t>喝中药不一定会犯困。不是，要根据具体药物具体病情。不是所有的药都发困，也有提神的。当然治疗失眠的药肯定会发困。</t>
  </si>
  <si>
    <t>双人摇杆四通好不好</t>
  </si>
  <si>
    <t>四通没问题，尽量选国产中价位的，性价比较高些180元左右的手感打拳皇就够用</t>
  </si>
  <si>
    <t>和你说实话吧，国产200以下的摇杆手感不太好，还是用原装比较好，我以前是用国产的，后来换日本原装的了。买了你就知道了，手里宽裕的话最好卖原装零件的，国产的无妨，零件原装就行，直接买日本原装摇台太贵了，基本800RMB以上吧。</t>
  </si>
  <si>
    <t>考网络工程师有用吗</t>
  </si>
  <si>
    <t>1、如果在国家单位，还是软考的有用些，主要用于评选职称什么的。2、企事业单位也需要计算机集成资质，员工的软考证书就起作用了。3、至于学习华为还是思科，这要看用人单位来说。如：某些单位的华为设备多，用人单位需要的华为的，自然选华为的。思科设备多，当然选选思科的。4、总的来说，证书只代表有这个实力，不代表个人的工作能力。</t>
  </si>
  <si>
    <t>康民人治疗仪好吗</t>
  </si>
  <si>
    <t>这个要看您想解决哪方面的问题，不同的产品治疗功效不一样。</t>
  </si>
  <si>
    <t>谷歌浏览器只能装在c盘么</t>
  </si>
  <si>
    <t>谷歌浏览器在安装的时候默认的安装地址是在c盘，默认安装好后，在桌面会自动创建谷歌浏览器快捷方式；鼠标移到谷歌浏览器快捷方式上，点击鼠标右键，点击【属性】选项；找到起始位置，可以看到默认安装在c盘，复制起始位置，或者点击【查找目标】选项，打开安装目录；把安装目录下所有文件剪切到你要安装的盘里。</t>
  </si>
  <si>
    <t>孕妇能不能吃五香瓜子</t>
  </si>
  <si>
    <t>可是适量吃点，因为坚果类包括瓜子和碧根都含有大量的磷脂，可以促进大脑和智力的发展。但是五香瓜子是放了很多的香料的，所以不要吃太多了，而且五香瓜子含盐的成分很高，孕妇吃多了食盐是不好的，所以你自己把握好适当的度就可以了</t>
  </si>
  <si>
    <t>菌血症会传染吗</t>
  </si>
  <si>
    <t>这种疾病，不是传染病，不会传染其他人</t>
  </si>
  <si>
    <t>领主之塔是独立掉落吗</t>
  </si>
  <si>
    <t>是的，现在都是独立掉落</t>
  </si>
  <si>
    <t>世达工具有假货吗</t>
  </si>
  <si>
    <t>世达的商标是 SATA每把都有编号另外就是价格，便宜的就是假的，推荐去世达专卖店买，保险点，那些开车来推销的基本都是假货，价格便宜，但是质量不好。</t>
  </si>
  <si>
    <t>兴业银行直销银行安全吗</t>
  </si>
  <si>
    <t>总体看账户安全保护措施不完善。</t>
  </si>
  <si>
    <t>日本人吃便当不怕凉吗</t>
  </si>
  <si>
    <t>不怕，在车厢内吃便当，最好不要让气味干扰其它人，这是日本人非常介意的礼节。</t>
  </si>
  <si>
    <t>火车票取出来还能改签吗</t>
  </si>
  <si>
    <t xml:space="preserve">火车票改签是指旅客买好车票后，如不能按票面指定的日期、车次乘车时，可以在列车开车前到发站签证窗口（或指定窗口，代售点不办理）办理提前或改晚乘车签证手续。 </t>
  </si>
  <si>
    <t>火车硬卧有没有插座</t>
  </si>
  <si>
    <t>硬卧车厢的电源插座设在了车厢的走廊上，并且乘务员室也有一个，您可以在硬卧车厢的走廊上充电</t>
  </si>
  <si>
    <t>提车是先交钱后验车吗</t>
  </si>
  <si>
    <t>付了款才验车</t>
  </si>
  <si>
    <t>买车一定要先验车，再交钱</t>
  </si>
  <si>
    <t>测绘科学是ei吗</t>
  </si>
  <si>
    <t>地球科学（中国地质大学学报） 也是EI</t>
  </si>
  <si>
    <t>废品收购站赚钱吗</t>
  </si>
  <si>
    <t>废品回收站是比较赚钱的项目，但经营困难也比较大。</t>
  </si>
  <si>
    <t>怀孕可以吃橙子么</t>
  </si>
  <si>
    <t xml:space="preserve">  根据你介绍的情况，怀孕后是可以吃橙子的，橙子含有丰富的维生素c。对健康是有帮助的。但服用量不宜太大。一天最好不要超过250克。</t>
  </si>
  <si>
    <t>冰乙酸是危险化学品吗</t>
  </si>
  <si>
    <t>纯净的工业冰乙酸具有很强的吸湿性，及暴漏在空气中时会吸收空气中的水分，融化成为液体。这时该液体冰乙酸就具有很强的腐蚀性，如果误饮会造成空腔和消化道的腐蚀糜烂，可致人死亡，皮肤接触也会出现严重的灼伤。这就是冰乙酸的危险性，第八类腐蚀品。工业冰乙酸的纯度比较高，腐蚀性相对较强一些，一般低于25%浓度的乙酸只具有刺激性，超过25%就具有腐蚀性，大于90%腐蚀性极强，危害极大。而且普通的橡胶手套并不能阻止冰乙酸的腐蚀。</t>
  </si>
  <si>
    <t>孕妇可以吃话梅西瓜子吗</t>
  </si>
  <si>
    <t>孕妇可以吃西瓜子，要少吃，特别是添加了各种味道的西瓜子，含有色素、防腐剂等。</t>
  </si>
  <si>
    <t>绿茶可以吃吗</t>
  </si>
  <si>
    <t xml:space="preserve">茶叶可吃 但要谨慎 </t>
  </si>
  <si>
    <t>九层妖塔跟鬼吹灯有关系吗</t>
  </si>
  <si>
    <t>《鬼吹灯第一部第一集精绝古城》在胡八一年轻时候参军结果被一竿子发配到了昆仑山，在那里胡八一第一次见到了藏地九层妖塔，不过这是一个简易的九层妖塔，并且也是第一次在这里见识到了能把人灵魂烧尽的诡异瓢虫</t>
  </si>
  <si>
    <t>刘诗诗离开唐人了吗</t>
  </si>
  <si>
    <t>喜大普奔，刘诗诗终于约满要离开唐人了，真是个好消息，在唐人十年不容易啊，关键是唐人的回复是：唐人永远是她的娘家，永远是她的后盾，觉得和平节约好友爱呀~</t>
  </si>
  <si>
    <t>日前，唐人公司确认刘诗诗不再续约，发表声明称：“是的，诗诗年底跟唐人约满，在情感上我们当然很不舍，但毕竟夫妻档是很正常的发展趋势，我们很能理解，并且深深的祝福她！即使经纪约不在唐人了，但唐人永远是她的娘家，永远是她的后盾”。</t>
  </si>
  <si>
    <t>回迁房是大产权吗</t>
  </si>
  <si>
    <t>有土地证的回迁房是有大产权的</t>
  </si>
  <si>
    <t>女生脚臭吗</t>
  </si>
  <si>
    <t>因人而异，有很多种情况。有些只有皮肤的味，有些美女的脚就很臭。你拿双MM刚脱下的靴子闻闻不就知道了。比如有些那些泡吧女，脱下那唔在脚下许久的靴子或高跟鞋。那味道真叫销魂！要我形容的话就：有如 白豆酱炒香麦菜 一样香气扑鼻，又或者像 泰国香米 的香气那样，不过强烈很多个人感觉还带点骚骚的味，香烘烘的。 榴莲闻起来臭的，但那么多人喜欢吃，因为吃起来很香。 欣赏某些美女也一样，她的脚你刚闻起来或许会感到窒息，但细心闻起来原来其实是很香的，闻着会感到很舒服。道理就这么简单，青菜萝卜各有所好，惯了或许就喜欢</t>
  </si>
  <si>
    <t>奔跑吧兄弟会出第四季吗</t>
  </si>
  <si>
    <t>不可能#</t>
  </si>
  <si>
    <t>小米能货到付款吗</t>
  </si>
  <si>
    <t>小米官网购买手机不支持货到付款，仅支持在线进行支付</t>
  </si>
  <si>
    <t>在京东买的话就可以货到付款。</t>
  </si>
  <si>
    <t>过年自驾云南合适吗</t>
  </si>
  <si>
    <t>以自驾游的方式过年，可以说是当今很流行的一种新型的过年方式了</t>
  </si>
  <si>
    <t>任何事情，想清楚了，计划到了，其实就变得很简单了</t>
  </si>
  <si>
    <t>脖子容易拧断吗</t>
  </si>
  <si>
    <t>因为人的中枢神经、叉神经、大脑血液将骨髓通过颈椎向全身输送扭断脖子就切断了一切生存的条件，所以会死亡</t>
  </si>
  <si>
    <t>公积金中心待遇好吗</t>
  </si>
  <si>
    <t>属于事业编制，福利待遇还可以，当然和公务员没法比，退休待遇肯定比企业强的。不以赢利为目的的事业单位。目前自收自支和参公管理的中心都有。</t>
  </si>
  <si>
    <t>单位如果是自收自支的很好，工资高福利高。如果说参公的就不怎么样了，单位边缘化，福利待遇差，社会地位低，还不如普通国企</t>
  </si>
  <si>
    <t>media可以删除吗</t>
  </si>
  <si>
    <t>可以理解为媒体文件夹，可以删除，并不是系统文件夹</t>
  </si>
  <si>
    <t>半月板损伤能热敷吗</t>
  </si>
  <si>
    <t>冷敷。冰块或者其它冷敷可以帮助减少疼痛和肿胀，因为降低温度可以减少血液循环。每次冷敷15到20分钟，每天三到四次</t>
  </si>
  <si>
    <t>用散粉会长痘痘吗</t>
  </si>
  <si>
    <t>用了散粉如果没有卸妆干净，会堵塞毛孔，进而产生痘痘</t>
  </si>
  <si>
    <t>腾讯电脑管家 好用吗</t>
  </si>
  <si>
    <t>腾讯电脑管家不好用</t>
  </si>
  <si>
    <t>早晨空腹喝咖啡好不好</t>
  </si>
  <si>
    <t>早晨空腹喝咖啡不太好，切忌不能空腹喝咖啡，否则身体健康会受到极大损害。相反吃完早餐喝咖啡好处多。</t>
  </si>
  <si>
    <t>4个月的宝宝能吃米粉吗</t>
  </si>
  <si>
    <t>当然可以吃,还要吃别的东西</t>
  </si>
  <si>
    <t>农历七月能买房吗</t>
  </si>
  <si>
    <t>可以！虽说七月半最近不吉利，但过了七月半吉日来了！</t>
  </si>
  <si>
    <t>30岁驼背还能矫正吗</t>
  </si>
  <si>
    <t>30岁驼背矫正很难、人体脊柱有许多神经损伤后永远不能恢复</t>
  </si>
  <si>
    <t>使命召唤 都有vac吗</t>
  </si>
  <si>
    <t>一上来就有两个vac“误封”贴这是不是代表iw终于要开始整治外挂了呢，我买来还没碰几局多人呢。顺便说一句，在我的印象中，vac是不存在误封的吧？</t>
  </si>
  <si>
    <t>国庆去西塘人多吗</t>
  </si>
  <si>
    <t>其实是不建议在国庆时候去古镇的。个人认为古镇的美一定要很安静，人少的时候才能慢慢感觉，人多的话完全就是跟闹市差不多，而且国庆肯定是人挤人，谈不上欣赏的。如果要去，肯定还是建议住在里面的好，因为可能很多人是不过夜的，白天看看就走了，等晚上或者早晨，或者还可以抓到人少的时间在古镇里面走一走</t>
  </si>
  <si>
    <t>公务员可以挂证吗</t>
  </si>
  <si>
    <t>任何人（包括公务员）的挂靠行为本身是违法的，挂靠协议不受法律保护。</t>
  </si>
  <si>
    <t>潘金莲好看漂亮吗</t>
  </si>
  <si>
    <t>貌美 别说西门庆见了她神魂颠倒，同性的人眼里她也是风姿绰约 ，吴月娘初见金莲 ：吴月娘从头看到脚，风流往下跑；从脚看到头，风流往上流。论风流，如水泥晶盘内走明珠；语态度，似红杏枝头笼晓日。看了一回，口中不言，心内想道：“小厮每来家，只说武大怎样一个老婆，不曾看见，不想果然生的标致，怪不的俺那强人爱他。”甚至老和尚见一眼潘金莲都能被她迷倒：众和尚见了武大这老婆，一个个都迷了佛性禅心，关不住心猿意马，七颠八倒，酥成一块。</t>
  </si>
  <si>
    <t>去疤痕的药膏有用吗</t>
  </si>
  <si>
    <t>疤痕与个人皮肤体质有关系，有的人皮肤容易留疤痕，也没有好的办法</t>
  </si>
  <si>
    <t>多肉植物有市场吗</t>
  </si>
  <si>
    <t>有市场的</t>
  </si>
  <si>
    <t>笔记本电脑可以升级内存吗</t>
  </si>
  <si>
    <t>一般来说是可以的。首先升级内存不一定要加内存条。比如笔记本只有一个内存插槽的话，可以买一条大容量内存条把老的换掉。</t>
  </si>
  <si>
    <t>例假期间能吃桃子吗</t>
  </si>
  <si>
    <t>可以吃，桃子属于温性水果。</t>
  </si>
  <si>
    <t>来月经时普通的水果都可以吃，所以桃子也一样可以吃。</t>
  </si>
  <si>
    <t>最好避开月经期吃桃子，当然如果实在想吃，天气暖和的话，可以少吃，但要注意天太冷就不要在月经期吃了。</t>
  </si>
  <si>
    <t>三星note3卡吗</t>
  </si>
  <si>
    <t>看拿来干嘛用</t>
  </si>
  <si>
    <t>备胎要换吗</t>
  </si>
  <si>
    <t>备胎也有定期更换</t>
  </si>
  <si>
    <t>备胎也是橡胶做的，也会老化，即使不用也要定期充气，定期更换</t>
  </si>
  <si>
    <t>备胎的寿命在4年左右，很多车主错误地认为备胎不用就一直是新的，其实过了4年即使备胎一次也没有使用过也要更换，否则备胎就成了废胎</t>
  </si>
  <si>
    <t>瑞文光速qa要设置自动攻击吗</t>
  </si>
  <si>
    <t xml:space="preserve">不要  </t>
  </si>
  <si>
    <t>金佰利2016校园招聘有收到面试通知的吗</t>
  </si>
  <si>
    <t>有得到</t>
  </si>
  <si>
    <t>有借寿这一说法吗</t>
  </si>
  <si>
    <t>一般以3年为准可行，过年即算。此事并非空穴来风，不是借而是求。</t>
  </si>
  <si>
    <t>泰国是君主立宪制吗</t>
  </si>
  <si>
    <t>是的，泰国是实行君主立宪制。</t>
  </si>
  <si>
    <t>产妇吃香蕉影响婴儿大便吗</t>
  </si>
  <si>
    <t>因为香蕉有润肠通便的作用，对宝宝有一定的影响的</t>
  </si>
  <si>
    <t>哺乳期适量食用香蕉不会造成宝宝拉肚子。 哺乳期吃香蕉的好处：香蕉香味浓郁，果肉软滑，味道香甜，食用方便，是许多妈妈喜欢吃的水果。营养高而热量低，不但含有称为“智慧之盐”的磷，还有丰富的蛋白质、糖、钾、维生素A和C、膳食纤维等</t>
  </si>
  <si>
    <t>sasa会有假货吗</t>
  </si>
  <si>
    <t>去澳门到处都是莎莎的店 反正我不信会这么明目张胆的卖假货 她觉得不如淘宝就让她淘宝呗 根本不用搭理</t>
  </si>
  <si>
    <t>因为是半夜发现的，楼主没看细节，比如字体、印刷纸、包装盒材质等东西，但是用了好多年的产品，楼主真的太了解了，假货也太假了，差别太大。楼主今天把拿到熟悉的专柜，跟BA说了这件事，BA帮我看了一下，并且分别在我左右手滴了专柜正品和楼主自带的问题产品，然后很肯定的根楼主说这是假货。</t>
  </si>
  <si>
    <t>之前逛sasa屈臣氏 看到了森田的面膜 kissme的眼线笔 发现是国产的 应该是授权制造的吧 我就想到了既然这样的话那其余的化妆品不是也可以通过国内制造然后贴上国外进口的标签吗 也就是所谓的高仿！ 因为我有认识的就是化妆品这块的 告诉我说tb全球购 唯品会 聚美上的货源跟他的是一样的 made in China 根本不是什么进口… ORZ。</t>
  </si>
  <si>
    <t>研究生评职称需要考职称英语吗</t>
  </si>
  <si>
    <t>评职称英语已经不要考试了，准备好材料就可以</t>
  </si>
  <si>
    <t>进门玄关能摆放海龟吗</t>
  </si>
  <si>
    <t>可以，玄关的本作用是风水中阻晦，止中气外流的作用，养龟在风水上讲是为镇宅长寿，放玄关正是相辅相成的</t>
  </si>
  <si>
    <t>现在贵金属好做吗</t>
  </si>
  <si>
    <t>股票是十分之一的赢家，期货是万分之一的赢家，而这万分之一赢家是历经磨难加上约十年左右的学习钻研以及N多万元学费（亏损）。</t>
  </si>
  <si>
    <t>现在不是那么好做，315曝光之后开发新客户有点难处，还有就是现在的大小平台太多了，所以稍微有些难</t>
  </si>
  <si>
    <t>耳机需要驱动吗</t>
  </si>
  <si>
    <t>先检查一下你控制面板中的音量选项是否存在  右下角的小喇叭在不在 如果不在  更新声卡驱动 如果都在  检查一下你家音箱电源线有没有插好 指示灯是否亮的</t>
  </si>
  <si>
    <t>vans码数偏大吗</t>
  </si>
  <si>
    <t>事实上，正如我们所知道的，尽管vans和nike都是美国鞋，但在鞋码上还是有所差别的。在一般情况下，vans鞋码要比nike鞋码略大一些。也就是说，如果你平常穿40.5码的nike鞋，在购买vans鞋时，只要购买40码的就足够了。</t>
  </si>
  <si>
    <t>新妹魔王的契约者被禁了吗</t>
  </si>
  <si>
    <t>不被禁才怪接近里番尺度，下限的作品</t>
  </si>
  <si>
    <t>铝合金是金属吗</t>
  </si>
  <si>
    <t>铝合金是指铝和一些其他金属混合的一种合金，主要合金元素有铜、硅、镁、锌、锰，次要合金元素有镍、铁、钛、铬、锂等。而铝就是一种轻金属。我通常看到得铝制品差不多都是一种合金铝。</t>
  </si>
  <si>
    <t>欧洲能自由行吗</t>
  </si>
  <si>
    <t>你只需要选取欧盟中的一个国家作申根签证就可以了，但每个国家有不一样的申根签证要求，例如法国要求你的首个入境国是法国等等。德国，比较松一点。上网预约一下，再填一下表格打印出来，照片，护照，资产证明例如存款工资单等等，最重要的是要有行程单（包括机票）。至于签证的到期时间要看你是申请多次往返还是一次往返，多次一般给3到6个月，一次通常只给一个月。但多次的最长入境时间也只有一个月，也就是说即便你拿到了多次往返3个月，你最多在欧盟国家滞留一个月就必须出境一次。</t>
  </si>
  <si>
    <t>硅磷晶有毒吗</t>
  </si>
  <si>
    <t>既然它可以适用于生活水，就说明是无害的，对人体是安全的。</t>
  </si>
  <si>
    <t>孕妇可以用粉底吗</t>
  </si>
  <si>
    <t>病情分析：这种情况考虑如果使用粉底液无刺激，对胎儿没有多大影响.指导意见：建议最好不要使用粉底液，以免有有害物质影响胎儿，也不要使用有刺激性的化妆品，注意休息。</t>
  </si>
  <si>
    <t>月经结束后第三天是安全期吗</t>
  </si>
  <si>
    <t xml:space="preserve"> 虽说在排卵期怀孕的几率较大，但是往往排卵受外界因素的影响，难免提前或错后，所以只要有正常的性生活就不能排除怀孕的可能，没有绝对的安全期，</t>
  </si>
  <si>
    <t>win8.1能玩fifa15吗</t>
  </si>
  <si>
    <t>可以玩</t>
  </si>
  <si>
    <t>镜子碎了还能用吗</t>
  </si>
  <si>
    <t>那要看破成什么样子，有的镜子只是裂了一点缝，用胶水站起来还可以用，有的镜子碎成了片，再怎么粘到一起都是有缝隙</t>
  </si>
  <si>
    <t>产妇可以吃鹅蛋吗</t>
  </si>
  <si>
    <t>孕妇吃鹅蛋是可以的</t>
  </si>
  <si>
    <t>瑞士军刀可以飞机托运吗</t>
  </si>
  <si>
    <t>不能随身携带，只能进行托运</t>
  </si>
  <si>
    <t>长安马自达是国产的吗</t>
  </si>
  <si>
    <t>长安马自达是合资汽车品牌。长安是中国的,马自达是日本的,长安马自达是合资公司,中国生产而已。</t>
  </si>
  <si>
    <t>狼爪的抓绒衣保暖吗</t>
  </si>
  <si>
    <t>怎么说呢，如果你觉得值，那就值。从面料上来说，狼爪自家的抓绒面料是nanuk，其他品牌好点的抓绒面料是polartec，一般地认为，polartec在保暖、轻便等综合素质看来比nanuk要好一点。这个价位差不多可以买到polartec 200的抓绒，而这件衣服并没有哪张图说明了这件抓绒采用的哪种材质，哪个更合适看你自己了。</t>
  </si>
  <si>
    <t>隐形眼镜结冰了还能用吗</t>
  </si>
  <si>
    <t>专家介绍说，隐形眼镜在运来的时候都是装在护理液中的，如果真的结冰了，千万不要去碰它，把它放在温暖的室内令其自然解冰就可以了，千万不要将隐形眼镜的包装放在暖气上加热，这样加热的话会很容易弄破镜片的，冰冻对于隐形眼镜的安全性是没有任何损害的，大家在这一点上可以完全放心。因为隐形眼镜结冰是一种物理的反应，不是化学反应，因此不用担心镜片会滋生细菌、霉斑和蛋白质，还有隐形眼镜的镜片都是放在真空无菌包装内的，镜片材质非常柔软，在外力的作用下发生暂时性变形是再正常不过的现象了，没有必要担心。所以即使你的隐形眼镜在运来的时候是结冰的，也不用担心了。</t>
  </si>
  <si>
    <t>医保卡能挂失吗</t>
  </si>
  <si>
    <t>拨打医保服务热线962218(24小时服务)进行电话报失。报失时，应据实提供参保人姓名、身份证号码、《医保卡》卡号和单位名称等信息。经医保工作人员确认后电话挂失成功，并在1小时内停止该卡的结算。</t>
  </si>
  <si>
    <t>孕期可以喝茶吗</t>
  </si>
  <si>
    <t>答案是肯定的，孕妇可以适当饮食。但是并不是所有的茶都适合孕妇饮用。孕妇喝茶有讲究，切勿乱喝，否则可能会影响自身和胎儿的身体健康。</t>
  </si>
  <si>
    <t>北京经济适用房还有吗</t>
  </si>
  <si>
    <t>北京现在已经停止申请经适房和限价房了。</t>
  </si>
  <si>
    <t>梦幻西游无底洞厉害吗</t>
  </si>
  <si>
    <t>梦幻西游无底洞前期很废，后期很有亮点。</t>
  </si>
  <si>
    <t>章根明被捕被调查了吗</t>
  </si>
  <si>
    <t>章根明在任长兴县县委书记的时候，制造了许多冤假错案来掩盖长兴县合溪水库工程和笤溪清水入湖工程的更大腐败</t>
  </si>
  <si>
    <t>itunes必须安装在c盘吗</t>
  </si>
  <si>
    <t>不一定要安装在C盘的，同为果粉建议用91手机助手，安装后连接iphone后会自动安装itunes。你是用safiri浏览器下载吗？是的话应该就可以的。</t>
  </si>
  <si>
    <t>鱼晚上能看见东西吗</t>
  </si>
  <si>
    <t>这个的话，有的鱼可以，有的不行。</t>
  </si>
  <si>
    <t>ebay上有假货吗</t>
  </si>
  <si>
    <t>有，咱们长江三角洲贸易那么发达，随便找个代工厂贴个牌子就能以假乱真，而且利润巨大。</t>
  </si>
  <si>
    <t>女生耻骨突出明显正常吗</t>
  </si>
  <si>
    <t>意走路保持正直的姿势，加强锻炼。一般没有影响。</t>
  </si>
  <si>
    <t>直系亲属包括夫妻吗</t>
  </si>
  <si>
    <t xml:space="preserve">是属于的，因为直系亲属一般分为直系血亲和直系姻亲。 </t>
  </si>
  <si>
    <t>如果从直系的定义上来说，夫妻应属于直系亲属，但按照婚姻婚姻法的规定，夫妻一般不属于直系亲属。</t>
  </si>
  <si>
    <t>水泥是混凝土吗</t>
  </si>
  <si>
    <t>水泥是水泥混凝土的一部分。而混凝土包括更广的范围。像石膏混凝土、沥青混凝土及聚合物混凝土等。两者是截然不同的两个概念，在某种意义说是局部和全部的意思。</t>
  </si>
  <si>
    <t>水泥不是混凝土</t>
  </si>
  <si>
    <t>深圳房价会下跌吗</t>
  </si>
  <si>
    <t>肯定会降，这是趋势，已经是强弩之末了。</t>
  </si>
  <si>
    <t>paperwhite需要贴膜吗</t>
  </si>
  <si>
    <t>现在买套都送膜的，也没觉得膜有啥必要性，而且膜的尺寸都略小于屏幕的，贴上去了会有一圈空隙没有膜，容易堆积灰尘啥的，不好擦。好些膜还反光，没啥用。</t>
  </si>
  <si>
    <t>鼻中隔弯曲必须手术吗</t>
  </si>
  <si>
    <t>轻微的鼻间隔弯曲是正常的，而且有的鼻间隔弯曲是鼻炎造成的，鼻炎好了也就没事了。千万不要轻易去做手术！</t>
  </si>
  <si>
    <t>一般没有明显的鼻中隔弯曲导致的临床症状都是不需要手术的，毕竟手术也是有风险和后遗症的，如果不是鼻中隔弯曲导致的鼻子等问题 就是手术后也解决不了问题，</t>
  </si>
  <si>
    <t>隔夜的菌菇汤能吃吗</t>
  </si>
  <si>
    <t>从这个现象也能看出炒蘑菇过夜是能吃的。</t>
  </si>
  <si>
    <t>没有做好过夜保存措施的菌汤不建议喝</t>
  </si>
  <si>
    <t>尽量不要进食隔夜的剩饭菜的 对你的 胃肠道功能，有刺激 的 他也生成一些有害的硝酸盐的化合物的 建议不要进食</t>
  </si>
  <si>
    <t>隔夜蘑菇残留过多硝酸盐，放置过久，容易产生亚硝酸盐，致癌</t>
  </si>
  <si>
    <t>充电宝毁电池吗</t>
  </si>
  <si>
    <t>不会，充电宝里面有稳压器，保证充电时对电池的保护。</t>
  </si>
  <si>
    <t>金桔上火吗?</t>
  </si>
  <si>
    <t>吃金桔上火.但是橘子中富含的维生素也是很多的,对身体有好处.</t>
  </si>
  <si>
    <t>唯品会有skii授权吗</t>
  </si>
  <si>
    <t>SK2授权唯品会</t>
  </si>
  <si>
    <t>海西商品交易所27号会员单位合法吗</t>
  </si>
  <si>
    <t>海西商品交易所是由福州市人民政府批准并通过福建省人民政府上报国家部际联席会议审批通过正式运营的合法合规的平台</t>
  </si>
  <si>
    <t>5s联通合约机支持4g吗</t>
  </si>
  <si>
    <t>联通版iPhone5S（A1528）是支持联通3G（WCDMA）、联通/移动2G（GSM）网络，暂不支持联通4G网络。但可以使用联通4G卡，4G卡在无4G网络或手机不支持4G网络的情况下，可向下兼容3G（WCDMA）、2G（GSM）网络。而且4G套餐无论在哪种网络下使用，资费都是按照4G套餐的价格收取的。</t>
  </si>
  <si>
    <t>宝宝能吃芝麻吗</t>
  </si>
  <si>
    <t>宝宝是可以吃芝麻的。一般到4—6个月就可以给宝宝添加辅食了，但因为芝麻稍硬，应等宝宝有了咀嚼能力后（即7—9个月）再食用，而且因为芝麻仁外面有一层稍硬的膜，再加上宝宝的肠胃功能还没有发育完善，建议把它碾碎、磨细后再给宝宝食用。</t>
  </si>
  <si>
    <t>您好，6-7个月后，只要宝宝消化功能好就可以逐步添加的，芝麻是补脑佳品，不过在磨粉之前要炒熟，每餐给宝宝在米粉中添加的时候不宜过多，尤其第一次添加时更要控制用量，同时要观察宝宝的大便情况，因为毕竟宝宝是初次尝试，总有个适应过程。</t>
  </si>
  <si>
    <t>美宝莲的卸妆液好吗</t>
  </si>
  <si>
    <t>美宝莲卸妆液卸妆很干净，揺匀使用，水润不油，挺好的，而且卸口红，擦到嘴巴上没有味道，物美价廉，包装也特别整齐干净，使用之后感觉很舒服。</t>
  </si>
  <si>
    <t>小米盒子以后还能用吗</t>
  </si>
  <si>
    <t>小米盒子严格按照国家有关政策出厂制造，目前小米盒子也是可以使用发热，不会被广电总局封杀。</t>
  </si>
  <si>
    <t>招财鱼能和鹦鹉鱼混养吗</t>
  </si>
  <si>
    <t>凌渡230tsi动力够用吗</t>
  </si>
  <si>
    <t>动力完全够用，浅谈大众凌渡230TSI用车</t>
  </si>
  <si>
    <t>脸上的伤口痂刚掉可以擦祛疤药吗</t>
  </si>
  <si>
    <t>如果伤口处愈合很好，结疤都已经脱落就可以涂祛疤的药物。</t>
  </si>
  <si>
    <t>有风俗是结婚破处的吗</t>
  </si>
  <si>
    <t>这个没依据，这只是世界上某些少数民族或原始部落才有的风俗</t>
  </si>
  <si>
    <t>国有土地使用证可以贷款吗</t>
  </si>
  <si>
    <t>你好，可以，国有土地证是可以抵押贷款的</t>
  </si>
  <si>
    <t>羊毛气球吗</t>
  </si>
  <si>
    <t>羊毛衫的起球和鞋底磨损一样，耐磨性是相对的，而移损是绝对的、肯定的。同样羊毛衫起球是肯定的、起球程度和个人穿着的程度有一定关系的。</t>
  </si>
  <si>
    <t>杨馥宇是处吗</t>
  </si>
  <si>
    <t>杨馥宇说她是西安人，其实并不，作为一个西安人，真正的杨馥宇的日常生活，前些日子杨馥宇跟我朋友发生口角并辱骂看不起西安人说西安人穷，她节目中的酒吧，她在里边当dancer，跟老板睡一觉之后老板给她买了肾6，在西安坐台人尽皆知</t>
  </si>
  <si>
    <t>汉兰达 好吗</t>
  </si>
  <si>
    <t>汉兰达 3.5L自动方向操控轻盈</t>
  </si>
  <si>
    <t>耳朵可以整形吗</t>
  </si>
  <si>
    <t>如果是畸形、烧伤、先天发育不良、无耳可以做整形，甚至再造耳都可以。</t>
  </si>
  <si>
    <t>激素引起高血糖会恢复吗</t>
  </si>
  <si>
    <t>可会恢复的，服用糖皮质激素的确会使血糖升高的，它能影响糖的代谢，使血糖升高的，一般是停用药物后就会好的。</t>
  </si>
  <si>
    <t>哈尔滨11月下雪吗</t>
  </si>
  <si>
    <t>11月肯定是下雪了，不过不会很多的</t>
  </si>
  <si>
    <t>狗狗能吃吗丁啉吗</t>
  </si>
  <si>
    <t>小狗如果出现胃肠功能迟缓，可以吃吗丁啉。</t>
  </si>
  <si>
    <t>会计是否具有阶级性</t>
  </si>
  <si>
    <t>会计作为对经济 "过程的控制和观念总结"，是生产职能的附带部分，随着生产社会化程度的加深，特别是发展到以协作为基本形式的资本主义生产方式之后，它就成为经济过程中不可缺少的独立的经营管理职能。</t>
  </si>
  <si>
    <t>支付宝只能快捷支付了吗</t>
  </si>
  <si>
    <t>不是，淘宝上购物只能使用快捷支付，是因为没有点击选择其它支付方式。</t>
  </si>
  <si>
    <t>新天龙八部好不好玩</t>
  </si>
  <si>
    <t>一般，内容较单调。如果是土豪可以经常打架还行，不然就算了。</t>
  </si>
  <si>
    <t>华中科技大学是985吗</t>
  </si>
  <si>
    <t>目前共有39所高校为“985工程”大学：北京：   ▪北京大学    ▪清华大学    ▪中国人民大学    ▪北京师范大学    ▪北京航空航天大学    ▪北京理工大学    ▪中国农业大学    ▪中央民族大学（二期入选）上海：   ▪上海交通大学    ▪复旦大学    ▪同济大学    ▪华东师范大学（二期入选）湖南：   ▪湖南大学    ▪中南大学    ▪国防科学技术大学（二期入选）陕西：   ▪西安交通大学    ▪西北工业大学    ▪西北农林科技大学（二期入选）江苏：   ▪南京大学    ▪东南大学天津：   ▪南开大学    ▪天津大学武汉： ▪武汉大学    ▪华中科技大学广东： ▪中山大学    ▪华南理工大学辽宁：▪东北大学    ▪大连理工大学四川： ▪四川大学    ▪电子科技大学山东：▪山东大学    ▪中国海洋大学▪浙江大学    ▪中国科学技术大学    ▪厦门大学    ▪吉林大学    ▪哈尔滨工业大学    ▪重庆大学    ▪兰州大学</t>
  </si>
  <si>
    <t>穿高跟鞋开车违法吗</t>
  </si>
  <si>
    <t>穿高跟鞋开车属于违规行为</t>
  </si>
  <si>
    <t>古代真的有神仙吗</t>
  </si>
  <si>
    <t>有，一定的！！不管你信不信，如果我在唐朝对别人说，将来的人出门去旅行可以在天上飞，他们一定会说我是傻蛋，但如果是现在人看，唐朝那些说我是傻蛋的人也是傻蛋！不能因为我们见不到就否认，如果见不到就否认，那只能说明你太迷信自己的眼睛，太迷信现在的科学（迷信就是盲目的信）。 盲目的信就是迷信！我们都生活在一个迷信的世界里，我们都迷信，只是自己还不知道！举个例子，我们都相信电视机一打开就能接收电视信号，就能看电视节目，那你知道电视为什么能接收电视信号吗？你知道电视机里的每一个元件的作用吗？如果你对那个电路一无所知，你凭什么相信电视机能接收电视信号呢？可是你就是相信，不管你懂不懂都信，那就是迷信！还有人说，看得见就信看不见就不信，可是人类的眼睛大家也都知道，它只能见到红外和紫外之间的一段光谱的光线，可是红外和紫外的范围比可见光部分不知大多少倍，可以说是无数倍，简单不能比，那红外和紫外那些我们见不到的我们就能说它没有吗?电视信号还看不见呢，你能说它不存在吗？ 那天看电视，关于肉身不腐之迷，研究了香河老人的遗体，这个老人的遗体在空气中好多年都不坏，说不出个理由的，于是取了老人的一点肉组织回去研究，发现这个肉的细胞里没有细胞核，奇怪！还有其它专家的论断，最后主持人宣布结论，结论其一说，这个肉身不腐是个巧合，说现在的人都火化，所以见不到肉身不腐的现相！！这样的结论竟是中央台说的（中央四台播的这个报道），真是……！你见过哪一个死人细胞核不见了？巧合就能使细胞核不见了？这是功夫啊，这么重要的发现，在电视上只是一闪而过，后来都不曾提及，为什么？科学解释不了，还不让大家相信有这种功夫，这是什么用心哪！ 科学不能证明的，不一定不存在</t>
  </si>
  <si>
    <t>关于世界上是否真的有神仙存在这个问题一直都有太多的讨论，而在如今的中国，许许多多人其实都是无神论者，我们相信一切都可以由科学来解释，可是一旦碰到科学无法解释的东西时，我们又难免会想到是否和“神仙”有关系。这其实也是一种中国传统文化的传承体现。</t>
  </si>
  <si>
    <t>死亡飞车有4吗</t>
  </si>
  <si>
    <t>有,出4了.</t>
  </si>
  <si>
    <t>感冒会发烧吗</t>
  </si>
  <si>
    <t xml:space="preserve"> 你好！一般情况下在感冒早期多是病毒感染，会有低热，时间久会伴有细菌感染，出现高热！出现发热要看体温值来分析，如果是低热在37-38之间的，多考虑是病毒感染或者是轻微的炎症，超过38度的高热，多是细菌感染！发热要多喝水，高热的话要服用退热药物！祝你健康！</t>
  </si>
  <si>
    <t>　感冒会发烧，发烧的温度由进入身体的病毒数量和你身体以前用抗生素的情况来决定。总的来说是病毒数量越多，温度越高，以前用抗生素越多，体温越高</t>
  </si>
  <si>
    <t>weleda孕妇可以用吗</t>
  </si>
  <si>
    <t>维蕾德是孕妇宝宝专用品牌，这款妊娠油是专门为孕妇设计，专业预防妊娠纹的，孕妇可以放心使用。</t>
  </si>
  <si>
    <t>淘宝充话费赚钱吗</t>
  </si>
  <si>
    <t>话费利润很低的 ，一单10元的话费，利润在1毛钱左右，一单100元的话费，利润在1元左右，不过话费销量大 ，卖的多就赚钱 ，卖的少就不赚钱了 ，起码卖话费一天要有20单左右，才能赚钱 。</t>
  </si>
  <si>
    <t>外地人能在上海办护照吗</t>
  </si>
  <si>
    <t>可以的，非上海市的人员可以向上海市公安局出入境管理局申请办理普通护照，具体的条件如下：（1）持有一年期以上人才引进类《上海市居住证》的非本市户籍人员及其配偶和16周岁以下的子女。（2）在沪就业并在沪连续缴纳社会保险满一年以上的非本市户籍人员；（注：“连续缴纳社会保险满一年以上”是指申请人自申请之日起算，须已经在本市连续缴纳社会保险12个月以上，未缴、补缴均不视为连续正常缴纳）。（3）本市全日制高等院校在读的非本市户籍大学生。（4）本市居民的非本市户籍配偶及16岁以下未成年子女。（5）符合（2）、（3）规定的就业就学人员的在本市暂住6个月（含）以上的配偶及16岁以下未成年子女。（6）年满六十岁且在本市暂住6个月（含）以上的人员。（7）在本市暂住满6个月（含）以上的非本市户籍人员可以向上海市公安局出入境管理局申请换发、补发大陆居民往来台湾通行证及再次申请赴台同类签注。上述人员（除第一项中系本市登记备案的非本市户籍人员外）如系登记备案的国家工作人员，需向其户籍地公安出入境管理部门提出办证申请。</t>
  </si>
  <si>
    <t>三亚机场可以过夜吗</t>
  </si>
  <si>
    <t>机场可以过夜。但如果时间较长，不如住到机场对面的海航凤凰机场快捷酒店，只隔一条街，酒店有电瓶车。</t>
  </si>
  <si>
    <t>机场严格说是不能过夜的，建议在酒店延长住宿时间，到点再去。</t>
  </si>
  <si>
    <t>pages收费吗</t>
  </si>
  <si>
    <t>Pages Keynote Numbers都是免费的，但是国内用的人很少。</t>
  </si>
  <si>
    <t>飞天云豹好不好</t>
  </si>
  <si>
    <t>飞天云豹的手感还是相当不错的，和冰锋狼王有点类似。不过由于坐骑还没有曝光，所以得分上也不好说。飞天云豹的技能是吃到气球能带来高分，特殊气球有神秘效果。在多人对战模式下，吃到气球能带来能量值。所以要看飞天云豹的加分技能，最主要的就是看这些神秘气球多不多。</t>
  </si>
  <si>
    <t>tomcat6支持jdk1.7吗</t>
  </si>
  <si>
    <t>tomcat7需要至少1.6及其以上的jdk版本，但是你1.7的jdk就不存在说用什么版本的tomcat了，都可以用，现在最稳定的还是tomcat6</t>
  </si>
  <si>
    <t>3ce双眼皮定型霜好吗</t>
  </si>
  <si>
    <t>如果买到质量好的还可以</t>
  </si>
  <si>
    <t>吃螃蟹能吃芒果吗</t>
  </si>
  <si>
    <t>芒果和螃蟹同食是没有关系的</t>
  </si>
  <si>
    <t>试乘试驾车能买吗</t>
  </si>
  <si>
    <t>试乘试驾车完全可以买</t>
  </si>
  <si>
    <t>硒抗癌吗</t>
  </si>
  <si>
    <t>硒被科学家称之为人体微量元素中的“抗癌之王”</t>
  </si>
  <si>
    <t>composition可数吗</t>
  </si>
  <si>
    <t>如果是组成，那不可数，如果是组分就可数了</t>
  </si>
  <si>
    <t>处女男和双鱼女配吗?</t>
  </si>
  <si>
    <t>处女座常常成为双鱼崇敬或者模仿学习的对象，但是在一些细节方面双鱼和处女的人处于相对对立面</t>
  </si>
  <si>
    <t>洗脸机有用吗</t>
  </si>
  <si>
    <t>洗面仪主要应用超声波原理让洗脸刷上的细毛震动，从而达到高效无刺激的清洁和按摩效果。其实还是跟牙刷的原理有些相似。所以毋庸置疑，洗脸仪清洁肌肤毛孔和去除油污的功能的确要比普通的洗脸方法强。</t>
  </si>
  <si>
    <t>用洁面仪的人越来越多，但很多人反馈洁面仪并不是那么好，甚至把皮肤越洗越差了，</t>
  </si>
  <si>
    <t>我买了米国产的一个，五十刀，一周会用一两次。刷子质地非常柔软。两个小洗脸刷，一个质地比较密实的小海绵刷，一个大些的身体刷，一块小的打磨轻石。防水。洗澡也会用。挺方便。利用率正常，不算闲置。效果没特明显。觉得很好玩儿。#没什么用，几百块钱买过一个，没用多久就闲置了。#</t>
  </si>
  <si>
    <t>联通宽带是网通吗</t>
  </si>
  <si>
    <t>联通宽带就是网通</t>
  </si>
  <si>
    <t>火车票开车后能退吗</t>
  </si>
  <si>
    <t>不能退，但可以改签。</t>
  </si>
  <si>
    <t>公司给员工报销汽油费需要什么协议吗</t>
  </si>
  <si>
    <t>汽油报销，员工只需要提供加油站发票和报销单，而且注明加油的原因即可，不需要签什么合同的。</t>
  </si>
  <si>
    <t>成都二绕通了吗</t>
  </si>
  <si>
    <t>2015年12月31日，成都第二绕城高速公路东段北60公里建成通车，成都“二绕”东西段闭合成环全线通车。</t>
  </si>
  <si>
    <t>开空调要开窗吗</t>
  </si>
  <si>
    <t>不要，这样会费电。</t>
  </si>
  <si>
    <t>1号店网上超市有假货吗</t>
  </si>
  <si>
    <t>一般只买1号店自营产品，商城的话还要自己判断了</t>
  </si>
  <si>
    <t>肯德基lol套餐送的皮肤是不是永久的</t>
  </si>
  <si>
    <t>有永久的也有期限</t>
  </si>
  <si>
    <t>浸水车还能要吗</t>
  </si>
  <si>
    <t>汽车被水浸泡，修复以后还是可以继续使用的。但是经过清洗修复的水浸车，虽然已经更换所有已经损坏的部件，但部分尚能工作部件是以清洗修复为主的。原车各方面零部件可暂时使用的都会保留下来，但它们的使用寿命也会打折扣，使用一段时间后易出现异常。</t>
  </si>
  <si>
    <t>借贷宝有人提现成功吗</t>
  </si>
  <si>
    <t>借贷宝有好多人怀疑，为什么我提现成功了#亲测借贷宝是不是骗人的，已经成功提现3000元#不是骗人的，只是需要输入银行卡密码，所以很多人不敢输就说是骗人的，本人亲测有效！可以拿张废卡就不担心，其实也没事。#借贷宝提现已经申请成功，坐等收钱</t>
  </si>
  <si>
    <t>是比较扯的。   你绑定银行卡以后就可以看到20块钱，但是解绑银行卡以后20块钱就不在了。 所以提现是不可能的</t>
  </si>
  <si>
    <t>睡前多喝水好吗</t>
  </si>
  <si>
    <t xml:space="preserve">不宜睡前大量喝水。睡前大量喝水可增加排尿次数，影响睡眠。 #虽然喝水有好处但是晚上睡前一般水喝多会导致水肿#睡前不喝水 10大喝水习惯夺走你的寿命#睡前少喝、睡后多喝也是正确饮水的原则，因为睡前喝太多的水，会造成眼皮浮肿，半夜也会老跑厕所，使睡眠质量不高。而经过一个晚上的睡眠，人体流失的水分约有450毫升，早上起来需要及时补充，因此早上起床后空腹喝杯水有益血液循环，也能促进大脑清醒，使这一天的思维清晰敏捷。 </t>
  </si>
  <si>
    <t>睡前喝水的利弊不用太过纠结，对于绝大多数人来说，睡前喝水没有坏处，关键在于适量。</t>
  </si>
  <si>
    <t>去吧皮卡丘大翼黑龙好吗</t>
  </si>
  <si>
    <t xml:space="preserve"> 黑龙属性还可以，生命:3111，攻击1082，天赋命中+25，勉强看起来不错。</t>
  </si>
  <si>
    <t>下午去寺庙好吗</t>
  </si>
  <si>
    <t>上午和下午去寺院礼拜供养学习等等都很好，放心，没什么不礼貌的问题。</t>
  </si>
  <si>
    <t>高压锅里面能放碗吗</t>
  </si>
  <si>
    <t>瓷碗在高压锅里，各个方向所受到的压力相同，瓷碗是经过高温烧制的。所以高压锅产生的高压、高温不会对瓷碗安全构成威胁。不会破裂的。</t>
  </si>
  <si>
    <t>dnf需要显卡吗</t>
  </si>
  <si>
    <t>dnf需要显卡</t>
  </si>
  <si>
    <t>dnf对cpu和内存要求更高一些，显卡其次。</t>
  </si>
  <si>
    <t>雨林蝎子有毒吗</t>
  </si>
  <si>
    <t>雨林蝎有微毒。</t>
  </si>
  <si>
    <t>亚洲雨林蝎为蝎子科。生活于马来西亚等亚洲热带雨林中，以昆虫为食．无毒，可以做宠物饲养，但要注意通风保持一定湿度。</t>
  </si>
  <si>
    <t>能晨勃算阳痿吗</t>
  </si>
  <si>
    <t xml:space="preserve">   如果性生活时没有办法正常勃起，而有正常的晨勃，说明有功能性阳痿，也应该及时就医 的，或是进行心理疏导。</t>
  </si>
  <si>
    <t xml:space="preserve"> 您好，早上还会晨勃与阳痿关系不大的，阳痿是以阴茎不能勃起，或勃起不坚，或坚而短暂，不能进行性交为主要表现的疾病。</t>
  </si>
  <si>
    <t>得过麻疹还会再得吗</t>
  </si>
  <si>
    <t>不会，麻疹是终身免疫性疾病，一般只会发生一次。</t>
  </si>
  <si>
    <t>fifa online3 11维迪奇好用吗</t>
  </si>
  <si>
    <t>11维迪奇，可以说是除了传奇和10U之外的最好维迪奇</t>
  </si>
  <si>
    <t>糯米网可以退款吗</t>
  </si>
  <si>
    <t>需要先查看购买的产品是否支持退款，如果支持，登录账号，在右上角“我的糯米”—“我的订单”—“全部订单”找到需要退款的订单，点击“退款”按钮，提示进行操作。</t>
  </si>
  <si>
    <t>洁面乳可以带上飞机吗</t>
  </si>
  <si>
    <t>能，但不能超过100毫升，瓶身包装需要小于或等于100毫升</t>
  </si>
  <si>
    <t>桂圆小孩能吃吗</t>
  </si>
  <si>
    <t xml:space="preserve">但是建议不要吃得过多，可以一次最多吃几个就可以，平常水果都是可以吃的，但是桂圆吃的过多的话是有可能上火导致内热过大的，所以不要吃的过多。 </t>
  </si>
  <si>
    <t>荣耀6盗流量吗</t>
  </si>
  <si>
    <t>是的，特别是4g，上次不小心点个软件，30多兆3秒钟下完了，停都停不住</t>
  </si>
  <si>
    <t>台式机硬盘和笔记本硬盘接口一样吗</t>
  </si>
  <si>
    <t>笔记本硬盘可以作为台式机的硬盘使用，接口都是一样的。</t>
  </si>
  <si>
    <t>iphone5a1429能用移动4g吗</t>
  </si>
  <si>
    <t>两种版本的苹果5手机均支持联通4G制式</t>
  </si>
  <si>
    <t>两种版本的苹果5手机均支持联通4G制式。但CDMA不支持移动4G。</t>
  </si>
  <si>
    <t>钢琴保值吗</t>
  </si>
  <si>
    <t>国际大品牌恩斯特钢琴每年就会净增值5%以上的价格让它本身具有了极高的投资珍藏价值，譬如在1850年之前生产的恩斯特钢琴，如今的转售、收藏价值已经高达数百倍，可谓价值连城。#在中国市场，每台恩斯特全新钢琴售价从数万至百万元不等，并且每年依然保持增值5%的强劲势头，其管理企业恩斯特文化产业集团启用“劳力士”计划，保证钢琴长期升值回购，可谓持久而弥坚。恩斯特钢琴将传统手工制造工艺转化为品牌理念，以技术专利确保每台钢琴的投资价值，让人们在享受弹奏乐趣的同时，深刻感受到投资一架恩斯特钢琴确实物超所值。</t>
  </si>
  <si>
    <t>其实并非所有钢琴品牌都会贬值</t>
  </si>
  <si>
    <t>吃阿胶枣会胖吗</t>
  </si>
  <si>
    <t>会的,它的糖粉太多</t>
  </si>
  <si>
    <t>吃无糖的或者低糖的，就不会胖了，对牙齿也好。不过，尽量要少吃</t>
  </si>
  <si>
    <t>净空法师圆寂了吗</t>
  </si>
  <si>
    <t>网上的事情，鱼龙混杂，能随便信吗。网络，不仅是弘扬佛法僧的工具，同时也是诽谤佛法僧的工具。  老法师还是好好的，别被网络新闻给骗了，网络消息不可信的。</t>
  </si>
  <si>
    <t>孕妇能吃笋干吗</t>
  </si>
  <si>
    <t>竹笋含有大量的丰富元素，竹笋含有丰富的蛋白质、氨基酸、脂肪、糖类、钙、磷、铁、胡萝卜素、维生素B1、B2、C。多种维生素和胡萝卜素含量比大白菜含量高一倍多，营养丰富，而且是粗纤维，所以，对于怀孕的女性来讲，如果有便秘的话，可以吃一些竹笋的。</t>
  </si>
  <si>
    <t>啤酒发胖吗</t>
  </si>
  <si>
    <t>许多人认为喝啤酒会发胖,其实是一种误解。 啤酒所含的营养成分并不多，它不含维生素，只有很少一点蛋白质和糖分</t>
  </si>
  <si>
    <t>泰山石有辐射吗</t>
  </si>
  <si>
    <t>泰山石无辐射</t>
  </si>
  <si>
    <t>长方形是特殊的平行四边形吗</t>
  </si>
  <si>
    <t>正确,平行四边形是两条对边分别平行,长方形（矩形）是两条对边分别平行且垂直.是长方形包含于平行四边形</t>
  </si>
  <si>
    <t>十字军的试炼10人和25人共cd吗</t>
  </si>
  <si>
    <t>在ICC时代  就是3.X时代是不共CD的  不过后来暴雪为了减少数据量，已经后来10人25人共CD以后 就开始共CD了</t>
  </si>
  <si>
    <t>准备怀孕能照x片吗</t>
  </si>
  <si>
    <t>最好一个月后再考虑怀孕，因x线照射会对精子的质量有影响。</t>
  </si>
  <si>
    <t>邓小平有没有当过总书记</t>
  </si>
  <si>
    <t>八届中央委员会第一次全体会议选举产生了新的中央领导机构。邓小平任中央委员会总书记，邓小平、彭真、王稼祥、谭震林、谭政、黄克诚、李雪峰任中央书记处书记，刘澜涛、杨尚昆、胡乔木任中央书记处候补书记。</t>
  </si>
  <si>
    <t>入室抢劫容易吗</t>
  </si>
  <si>
    <t>都是偷偷进的～这点不重要。你心理有极度不安全感，所以有必要自我训练（心理方面），如果不行要看心理医生。严重的话会引发郁忧症～，正常心面对心理问题。当时防范小偷的措施必须有，环境不好的地方可以考虑搬家之类的措施o</t>
  </si>
  <si>
    <t>深海鱼油饭前还是饭后吃</t>
  </si>
  <si>
    <t xml:space="preserve"> 汤臣倍健鱼油牛磺酸软胶囊属于西药，宜在饭后服用。</t>
  </si>
  <si>
    <t>豆豆鞋适合开车吗</t>
  </si>
  <si>
    <t>豆豆鞋还有着其他别名：开车鞋、驾车鞋。叫豆豆鞋是因为鞋底到鞋后跟，布满的133颗像豆豆一样的小颗粒。豆豆鞋的设计灵感，源自于F1赛车运动，它能提供给赛车手最大限度的舒适感，所以这类鞋子又叫做开车鞋或者驾车鞋。</t>
  </si>
  <si>
    <t>驾车鞋，又名豆豆鞋，设计师最初设计这款鞋是为了车主在开车的时候踩踏板不会打滑，顾名“驾车鞋”</t>
  </si>
  <si>
    <t>用qq可以注册微信吗</t>
  </si>
  <si>
    <t>手机注册后绑定QQ号，然后再解除手机绑定，这样就能用你的QQ登录了，也就用这种绑定的方法完成的QQ号注册微信账号。</t>
  </si>
  <si>
    <t>广西有玉石吗</t>
  </si>
  <si>
    <t>实际上，除了岑溪金砂玉，广西还有不少地方玉。广西珠宝协会秘书长李亦中介绍，近年来，大量新型玉石材料在广西被发现，如龙胜鸡血玉、贺州黄龙玉、来宾水玉、防城扶隆玉、博白玛瑙等，这些地方玉制作成的雕件、首饰等，都受到了市场的关注。</t>
  </si>
  <si>
    <t>可乐解药吗</t>
  </si>
  <si>
    <t>一般在服用药物期间是不能用刺激性食物的，如咖啡、碳酸饮料可乐等饮品，这些会发生不良反应影响药效的发挥。</t>
  </si>
  <si>
    <t>威海海驴岛好玩吗</t>
  </si>
  <si>
    <t>海驴岛，是非常值得一玩的景点。</t>
  </si>
  <si>
    <t>清新剂对身体有害吗</t>
  </si>
  <si>
    <t>空气清新剂并没有分解或者消除有害气体，只不过是通过散发香气来盖住异味。基本上他们的成份都是由乙醚或者香精等成份构成的，这些物质在空气当中进行化学分解之后产生的气体所包含的某些成份本身就是空气污染物，加剧了室内空气的污染程度。另外空气清新剂里还含有一种叫芳香剂的东西，会对人的神经系统产生危害。由此可见，平常经常使用的空气清新剂，不但不能消除有害的气体，长期使用的话反而对人体可能会构成一种伤害。</t>
  </si>
  <si>
    <t>胆囊切除后能吃豆腐吗</t>
  </si>
  <si>
    <t>豆制品可以吃，但不要吃太多，因为一些豆制品不太容易消化</t>
  </si>
  <si>
    <t>三七粉能不能长期吃</t>
  </si>
  <si>
    <t>三七性温、无毒，归肝、胃经，长期服用没有副作用</t>
  </si>
  <si>
    <t>孕妇可以喝茉莉花苞茶吗</t>
  </si>
  <si>
    <t>可以喝的，好多宝妈都是孕晚期35周开始喝茉莉花苞茶，有的到生的时候开宫口会快些，不过因人而异，个人体质不一样。还有孕晚期如果羊水偏少，可以喝“糖+盐”水（少量白糖+食盐），可以快速补羊水。</t>
  </si>
  <si>
    <t>凤眼好看吗</t>
  </si>
  <si>
    <t>一般来说丹凤眼是比较美的眼型。1)标准眼又称杏眼，眼睛位于标准位置上，男性多见。特点是睑裂宽度比例适当，较丹凤眼宽，外眦角较钝圆，黑眼珠、眼白露出较多，显英俊俏丽。2) 丹凤眼属较美的一种眼睛，外眦角大于内眦角，外眦略高于内眦，睑裂细长呈内窄外宽，呈弧形展开。黑珠与眼白露出适中，眼睑皮肤较薄，富有东方情调，形态清秀可爱。无论男女均为标准美型眼之一。</t>
  </si>
  <si>
    <t>2015年12月5日结婚好吗</t>
  </si>
  <si>
    <t>公历：2015年12月5日 星期六 忌：嫁娶 安葬 掘井 置产 造船</t>
  </si>
  <si>
    <t>工作总结要写落款吗</t>
  </si>
  <si>
    <t>工作总结需要写落款的。</t>
  </si>
  <si>
    <t>法定节假日 有工资吗</t>
  </si>
  <si>
    <t>依据《全国年节及纪念日放假办法》之规定。员工在国家法定节假日，依法享受带薪休假，即在法定节假日中，即使员工不上班，企业也应按其正常上班情形一样，正常支付其日工资。</t>
  </si>
  <si>
    <t>微信公众号可以发朋友圈吗</t>
  </si>
  <si>
    <t>通过在电脑上打开微信的网页，我们可以发现微信内嵌浏览器定义了一个私有 JavaScript 对象：WeixinJSBridge，通过操作这个对象的相关方法可以实现分享到微信朋友圈，和判断一个微信号的关注状态以及实现关注指定微信号等功能。</t>
  </si>
  <si>
    <t>现在微信公众号暂时是无法在朋友圈发消息的，因为公众号更是一个让别人关注类似媒体的，而朋友圈主要是个人对个人的，所以估计公众号也没办法在朋友圈发消息，解决方法是可以用小号来转公众号上的消息，这样就可以了。</t>
  </si>
  <si>
    <t>苏州同安门诊好不好</t>
  </si>
  <si>
    <t>去同安看过病，真的有很多专家，而且他们的态度很有耐心，让人很有信任感。</t>
  </si>
  <si>
    <t>同安的话态度肯定没问题，质量担心，主要看你看什么病了。</t>
  </si>
  <si>
    <t>塑料能喷漆吗</t>
  </si>
  <si>
    <t>可以的。1、但要选择带光泽的水性乳胶漆，一般为丝光或半光，这种乳胶漆漆膜坚韧，有光泽，透气性能好，不易脱落，环保无味，而且还可以调出各种颜色。2、这种乳胶漆一般都是中高档产品，而且价格不便宜。一般在名牌产品的专卖店或建材超市有售。3、它几乎可以涂刷所有材料设备，但如果是金属材质的暖气设备或管路，在涂刷它前一定要先做一遍防锈漆或银粉漆，避免生锈而脱落。</t>
  </si>
  <si>
    <t>徐州是苏北吗</t>
  </si>
  <si>
    <t>长江以北就是苏北，徐州当然是苏北。</t>
  </si>
  <si>
    <t>个人pos机合法吗</t>
  </si>
  <si>
    <t>个人办理 POS 机套现的行为本质上涉嫌非法获取小额信贷，看似解决了一时的资金需求，但其中存在泄露个人信息等多种风险。说到底，要改变 POS 机滥发的现象，银行需要完善措施和惩处机制，一方面严格监管相关单位办理 POS 机的条件或资质要求，另一方面从发卡源头入手，加强风险控制，在信用卡业务拓展上有所自律，严查申办资格，不能向不符合财务资质或用卡习惯不良的客户发卡。</t>
  </si>
  <si>
    <t>小便黄正常吗</t>
  </si>
  <si>
    <t>正常人的尿液都是淡黄色的，如果尿液颜色为深黄色，如茶叶水色，黄油色，要当心胆红素尿，尿中出现胆红素，可能是肝损害的征兆，如甲肝、乙肝等各型肝炎，此外胆管结石、寄生虫性胆管阻塞等患者也可能有此情况。</t>
  </si>
  <si>
    <t>扁炎软膏有用吗</t>
  </si>
  <si>
    <t>扁炎软膏为纯中药外贴剂，没有任何的副作用，对于急慢性、顽固性扁桃体炎，反复发作的化脓性扁桃体炎、扁桃体肿大以及急慢性咽喉炎的成人和6个月以上的孩子都可以使用。</t>
  </si>
  <si>
    <t>扁炎软膏是一种外用药，有一定疗效</t>
  </si>
  <si>
    <t>日企放假吗</t>
  </si>
  <si>
    <t>如果是纯的日企业，那就是每年的7月-9月是日本的夏休，大概有15天，平时还有红日子，每个月放假一天。其他的节日很多阿。比如海之日，...总之假日非常多，加起来大概170多天的假。</t>
  </si>
  <si>
    <t>张鹤瑶减肥真的吗</t>
  </si>
  <si>
    <t>狸窝ppt转换器是免费的吗</t>
  </si>
  <si>
    <t>简单的转换都免费，但是想把音乐之类的转换只能是收费版本才可以办到。</t>
  </si>
  <si>
    <t>车的马力越大越好吗</t>
  </si>
  <si>
    <t>在同等排量的情况下，功率当然是越大越好</t>
  </si>
  <si>
    <t>金所炫整容了吗</t>
  </si>
  <si>
    <t>没有整过容哦，人家是天生丽质的，韩国很有名的童星。</t>
  </si>
  <si>
    <t>宁波市有没有做幕墙的单位</t>
  </si>
  <si>
    <t>宁波浦华幕墙工程有限公司办公室地址位于浙江省第二大城市、江南水乡兼海港城市宁波</t>
  </si>
  <si>
    <t>双眼皮霜有副作用吗</t>
  </si>
  <si>
    <t>肯定是有害的，使用双眼皮定型霜，这种物质是含有胶水成分的，在使用过程中会使上眼皮随着睁眼闭眼不停的揪扯，时间久了会让皮肤松弛，而且会引导红肿、起皮等症状。</t>
  </si>
  <si>
    <t>全景天窗晒吗</t>
  </si>
  <si>
    <t>们家乡出的6万的小贵族也是全景天窗。夏天那个晒啊，就别提了</t>
  </si>
  <si>
    <t>珠海桂山岛好玩吗</t>
  </si>
  <si>
    <t>与其他海岛相比，我更喜欢桂山岛，更安静，更有人文气息，更能感受当地生活气息，风景很美，大海很蓝，很多船只在航行，怎么说呢，可能是因为没有过度开发，有那种亲近本真风貌的感觉，总之很喜欢。</t>
  </si>
  <si>
    <t>急性脑炎严重吗</t>
  </si>
  <si>
    <t>脑炎一般是指急性脑膜炎，严重者会威胁生命。常见的后遗症是大脑受损，智力下降。所以脑炎是比较严重的疾患。</t>
  </si>
  <si>
    <t>大话西游2免费版花钱吗</t>
  </si>
  <si>
    <t>严格意义上来说，免费版的要比收费版的投资更大。因为——收费版虽然收费，只是主要是点卡收费；而免费版虽然不收点卡费，里面的道具基本上都需要花钱去购买。所以，觉得免费的，玩玩就好。</t>
  </si>
  <si>
    <t>哺乳期可以喝罗汉果吗</t>
  </si>
  <si>
    <t>哺乳期不要喝罗汉果了，罗汉果含有罗汉果激酶，对大人的咽喉和肠胃有好处，但母亲喝罗汉果水会过奶给宝宝的，宝宝的肠胃功能还不能承受，会引起消化道的不适。</t>
  </si>
  <si>
    <t>竹炭能除湿吗</t>
  </si>
  <si>
    <t>轻度肝硬化能治好吗</t>
  </si>
  <si>
    <t>肝硬化目前没有特别有效果的治疗方法，如果是轻度肝硬化，应该注意配合医生治疗，改善生活方式，尽量避免肝硬化失代偿期的到来。</t>
  </si>
  <si>
    <t>萧邦表档次高吗</t>
  </si>
  <si>
    <t xml:space="preserve">  由路易•尤利西斯•萧邦一手创立的萧邦表在钟表界声名显赫，一向标榜顶级独特品位的萧邦表独具匠心的设计与工艺，提供独具品位的表中精品，成为上流社会人士最精心的选择。在超过50个国家中，萧邦表都被视为朴实典雅、风格独特的表中极品。</t>
  </si>
  <si>
    <t>梅西拿过世界杯冠军吗</t>
  </si>
  <si>
    <t>没有，但他获得过U20世界杯和奥运会冠军。</t>
  </si>
  <si>
    <t>刘强东离婚了吗</t>
  </si>
  <si>
    <t>乐视电视可以看直播吗</t>
  </si>
  <si>
    <t>乐视电视只用无线网可以看直播</t>
  </si>
  <si>
    <t>劳务分包能否再分包</t>
  </si>
  <si>
    <t>分包在法律中有明确的规定，劳务分包是施工行业的普遍做法，法律在一定范围内允许。但是禁止劳务公司将承揽到的劳务分包再转包或者分包给其他的公司;禁止主体工程专业分包，主体工程的完成具有排他性、不可替代性。所以劳务分包不能再分包。</t>
  </si>
  <si>
    <t>剑网三值得玩吗</t>
  </si>
  <si>
    <t>剑网3 这个游戏 制作效果 那是在中国 相当的不错</t>
  </si>
  <si>
    <t>信用卡可以转账给支付宝吗</t>
  </si>
  <si>
    <t>信用卡不可以通过支付宝，给其他的支付宝转账</t>
  </si>
  <si>
    <t>血型是遗传的吗</t>
  </si>
  <si>
    <t>早在三国时代，便有“滴血验亲法”以确认血缘关系</t>
  </si>
  <si>
    <t>信用卡没还清能贷款吗</t>
  </si>
  <si>
    <t>信用卡钱没还清能贷款，前提是信用卡贷款按时偿还，个人贷款有多种，以个人小额信用贷款最为便捷。</t>
  </si>
  <si>
    <t>孕妇能吃咖喱饭吗</t>
  </si>
  <si>
    <t>喱是热性香料调味品，孕妇食用这种热性香料不适宜</t>
  </si>
  <si>
    <t>梦幻西游群星璀璨火吗</t>
  </si>
  <si>
    <t>现在能转区了，可是不知道是去金戈铁马还是群星璀璨，不知道哪个区人多物价高</t>
  </si>
  <si>
    <t>狄仁杰厉害吗</t>
  </si>
  <si>
    <t>狄仁杰厉害，因为他站得住，输出高。可以说是当前版本自保能力、持续输出能力最强的射手了。</t>
  </si>
  <si>
    <t>gtx750能玩gta5</t>
  </si>
  <si>
    <t>其他配置跟的上就可以</t>
  </si>
  <si>
    <t>能玩是能玩但是只能最低特效吧</t>
  </si>
  <si>
    <t>GTX750真他妈不能玩，亲身试验</t>
  </si>
  <si>
    <t>张子健会武术吗</t>
  </si>
  <si>
    <t>张子健在1995年的《甘十九妹》拍了5个多月，也全是武戏。那时候内地拍武戏还处于摸索时期，没这么多装备，资金也没现在宽裕。张子健那时候还年轻，也不怕摔打，武戏就是这样一点点磨出来的。他虽然一点功夫底子没有，但这些年下来，拍戏是足够用的了。张子健并没有接受过正统的武术训练，他的武术都是在长期演武打电视剧中磨练出来的</t>
  </si>
  <si>
    <t>如果对方反诉 我的律师代理费要重新给吗</t>
  </si>
  <si>
    <t>因为一般代理只代理该案一个诉讼程序，如一审、二审、执行，是三个不同的诉讼程序，如果在签订代理合同时没有进行约定，那么就只能是代理一个诉讼程序，你应该说的是上诉吧。如果是你是原告，你提起本诉后，对方提起反诉，也视为反诉为另一个程序，同样需要重新收费，除非约定不再收费</t>
  </si>
  <si>
    <t>网银支付需要手机验证码吗</t>
  </si>
  <si>
    <t>是的。 需要短信验证码。如果数额较大，还要用U盾。</t>
  </si>
  <si>
    <t>网银一般都不需要手机验证码，而是用U盾  K宝之类的电子密码器，用手机验证码的一般都是第三方支付</t>
  </si>
  <si>
    <t>每个月来月经是排毒吗</t>
  </si>
  <si>
    <t>月经里有毒素，每个月来月经，就是一次排毒的过程。</t>
  </si>
  <si>
    <t>用滴滴打车可以帮别人叫车吗</t>
  </si>
  <si>
    <t>滴滴打车能够自己叫车，但其实也是可以帮别人叫车的</t>
  </si>
  <si>
    <t>豌豆荚能不能刷机</t>
  </si>
  <si>
    <t>豌豆荚是一款功能强大的手机管理软件，今天小编要来跟大家说的是豌豆荚给手机刷机的方法，如果你还不会用它给手机刷机，那么就快来看看这篇刷机教程吧。</t>
  </si>
  <si>
    <t>豌豆荚不可以刷机的，豌豆荚是一个应用商店和资料备份软件，你可以在上面下载所需的应用软件，和管理备份自己的个人资料，但是不具备刷机功能，如果你想要刷机，可以使用刷机精灵，完美刷机，刷机大师这一类的刷机工具。</t>
  </si>
  <si>
    <t>豌豆荚是智能手机助手的一种，可以管理手机中的信息和下载应用等。但这款软件并不支持刷机功能，她仅仅是用作管理手机的一个方便软件。如果需要刷价的话建议使用点心刷机盒甜椒刷机软件，在条件允许的情况下这些软件都可以进行一键刷机，具体用法请自行体验</t>
  </si>
  <si>
    <t>狗狗吃驱虫药要绝食吗</t>
  </si>
  <si>
    <t>给狗狗喂驱虫药最好选在狗狗吃过东西两个小时以后，因为这个时间狗狗肚肚里的东西已经消化了大部分了，肠胃既不是满负荷也不是完全排空的状态，也就是这个时候药可以比较好的混在食物中被消化。这个时间给狗狗吃驱虫药可以减少呕吐的次数，也才能让驱虫药起到驱虫的作用。</t>
  </si>
  <si>
    <t>感冒晒太阳好吗</t>
  </si>
  <si>
    <t>感冒时可以晒太阳的，感冒后要多休息，不要劳累，要补充足够的水分，感冒时水分代谢比较快，同时饮食上要以清淡好消化为主，多吃水果蔬菜</t>
  </si>
  <si>
    <t>结婚证 身份证 地址 户口上 是否要一样</t>
  </si>
  <si>
    <t>领结婚证时户口本和身份证地址不一样也没关系，领结婚证必须带上双方的户口本、身份证以及照片到民政局领取。</t>
  </si>
  <si>
    <t>九寨沟教师证打折吗</t>
  </si>
  <si>
    <t>教师证九寨沟门票是不能优惠的。军官证，学生证，老年证可以享受优惠</t>
  </si>
  <si>
    <t>教师节当天教师持证游九寨沟 免景区门票</t>
  </si>
  <si>
    <t>iphone5电信定制机能用移动卡吗</t>
  </si>
  <si>
    <t>不可以，只能使用电信卡，装移动卡无信号。</t>
  </si>
  <si>
    <t>小车一定要配灭火器吗</t>
  </si>
  <si>
    <t>对私家车没看见这样的硬性规定</t>
  </si>
  <si>
    <t>信用合作社是银行吗</t>
  </si>
  <si>
    <t>中国农村合作银行和农村信用社是同一个银行，中国农村合作银行(Rural credit cooperatives又称农村信用社、农信社、农村信用合作联社) ，是指经中国人民银行批准设立、由社员入股组成、实行民主管理、主要为社员提供金融服务的农村合作金融机构，属于集体所有性质。广大农民在开展农地作业时遇到资金困难时可以向该金融机构申请一些低息贷款。</t>
  </si>
  <si>
    <t>属于银行业金融机构，业务类型与其他商业银行基本一致，但由于尚未进行股份制改造，还不能称为银行；二者主要差别是内部机制上面的，与客户无关，反正业务都能办</t>
  </si>
  <si>
    <t>药店有卖口罩吗</t>
  </si>
  <si>
    <t>药店很多的</t>
  </si>
  <si>
    <t>孕妇可以喝鲜竹沥吗</t>
  </si>
  <si>
    <t>鲜竹沥液可以清肺热止咳化痰，对于孕妇没有什么影响，治疗肺热咳嗽效果很好。</t>
  </si>
  <si>
    <t>汇顶科技 上市了吗</t>
  </si>
  <si>
    <t>是的，2016年10月17日，深圳市汇顶科技股份有限公司在上海证券交易所上市，发行股票4,500.00万股，每股发行价19.42人民币，共募集资金金额8.74亿人民币。</t>
  </si>
  <si>
    <t>高血压能吃阿胶糕么</t>
  </si>
  <si>
    <t>这个是可以吃的，高血压主要是影响元气，阿胶和红枣这些是补血的可以吃</t>
  </si>
  <si>
    <t>陌陌移除粉丝对方会知道吗</t>
  </si>
  <si>
    <t>不会主动提醒的，不过看资料就能看到了，之前有关注，移除粉丝之后，点开资料下面的关系就是陌生人了。</t>
  </si>
  <si>
    <t>1号店的鞋是正品吗</t>
  </si>
  <si>
    <t>是的。一号店，电子商务型网站，2008年7月 11日，“1号店”正式上线，开创了中国电子商务行业 “网上超市”的先河。公司独立研发出多套具有国际领先水平的电子商务管理系统并拥有多项专利和软件著作权，并在系统平台、采购、仓储、配送和客户关系管理等方面大力投入，打造自身的核心竞争力，以确保高质量的商品能以低成本、快速度、高效率的流通，让顾客充分享受全新的生活方式和实惠方便的购物。</t>
  </si>
  <si>
    <t>电热锅可以炒菜吗</t>
  </si>
  <si>
    <t>电热锅可以炒菜的。通过锅体的合理结构设计，提高锅体的强度、刚度和热效率，改善高温性能，延长使用寿命。电热锅由锅盖、笼屉、锅体、电热元件，温控装置和底座组成，锅体用铸铁压铸而成，外表面敷有彩色搪瓷层，内表面轻吹砂，锅口有不锈钢包边，护罩内装有电热元件，底座上装有温控装置、开关、指示灯等，锅体、护罩和底座用螺栓连接。可用来煎、炒、炖、炸、烙各种食物。</t>
  </si>
  <si>
    <t>面食好消化吗</t>
  </si>
  <si>
    <t>在消化程度方面，大米和面食没有什么差别，都是容易消化的食品。#面条的主要成分是淀粉，这些物质烧熟，烧烂以后还是非常容易被人消化的#馒头的主要成分就是碳水化合物和少量的植物蛋白，碳水化合物经过胃肠道的消化后以葡萄糖的形式吸收，可以为人体的生理活动提供能量，因此馒头是非常容易消化吸收的食物#面食易消化,而且热量高，可多吃。面食还有健脾养胃的作用,对脾胃虚弱者有保健作用。</t>
  </si>
  <si>
    <t>中国实现工业化了吗</t>
  </si>
  <si>
    <t>还没有。一个现代化国家必须首先要完成工业化。按照现在发达的工业化国家的状况,劳动力的分布是:60%从事第三产业,20%的工业,10%的从事农业,10%的国家公务员（入门级）。其中和我们现在最明显的区别之一就是农业人口的比例。按照官方的数据，城市人口还没有超过50%，当然，如果只算拥有城市户口的则更低。</t>
  </si>
  <si>
    <t>孕妇可以喝果粒橙</t>
  </si>
  <si>
    <t>孕妇是可以喝果粒橙的，喝一点果粒橙饮料对身体不会有影响。#可以喝·但是这样东西都是没有营养的</t>
  </si>
  <si>
    <t>果粒橙属于染色果汁类的，一般孕妇不要喝这种添加色素、防腐剂之类的东西，但少喝点也不影响，尽量那些保质期较长的东西都少吃。新鲜的水果蔬菜比较好。#怀孕以后喝一些含有防腐剂的饮料，对于优生优育肯定是有不良的影响，但是如果偶尔喝一次，也不会造成什么大的问题。#孕妇可以喝果粒橙但并不意味着就能把它当水喝。有些孕妇认为果粒橙里面都是橙子，橙子是富含维生素C的水果多喝了之后只会有好处，于是孕妈们就会把果粒橙当水喝，这样是不科学的。</t>
  </si>
  <si>
    <t>世界有没有僵尸</t>
  </si>
  <si>
    <t>那是人们编造出来的,动物死后,身体会变僵硬, 死尸是没有思想的,怎么会自己动起来呢!</t>
  </si>
  <si>
    <t>雨夹雪影响航班吗</t>
  </si>
  <si>
    <t>首都机场今日有雨夹雪，全天已取消17架次航班#受雨夹雪影响 首都机场航班进出港效率降30%</t>
  </si>
  <si>
    <t>一般不会，天气原因，不够飞行标准，不能按时起飞.一般民航服务人员往往和旅客一样也不了解具体是什么恶劣天气影响航班的。旅客角度来看：天气恶劣就是大风大雨大雾，飞机就可能无法起降，航班就要延误。而这种认识是片面，也就会造成很多误解，认为民航方面在骗人，尤其是出现有的航班能走，有的又走不了的情况下。#如果没有积雪，航班问题一般不大，如果跑道有积雪或结冰，跑道摩擦系数小于飞机起降法定要求的系数，从安全上考虑，就会延误、改程或取消航班。气温低会造成飞机积冰。当飞机在含有过冷水滴的云中飞行时，如果机体表面温度低于0摄氏度，过冷水滴就会在机体表面某些部位冻结，并聚积成冰层。冰雪凝结在飞机机翼上，表面就会粗糙，这就会使飞机在起飞时速度本来就不快的状态下，原有的升力减小，而增加对飞机的控制难度。积冰的存在会破坏空气动力学结构，造成升力损失；左右翼结冰不均匀会影响飞机的平衡；襟翼、方向舵、升降舵等活动舵面会因此影响操纵性能；通讯天线、雷达罩结冰会使通讯导航受到影响。由此可见冰雪对于飞机的安全飞行而言危害很大。</t>
  </si>
  <si>
    <t>东平国家森林公园好玩吗</t>
  </si>
  <si>
    <t>东平国家森林公园好玩</t>
  </si>
  <si>
    <t>广州到昆明有高铁吗</t>
  </si>
  <si>
    <t>州至昆明高铁正点运行时间约6小时多一点截止2017年2月，广州至昆明高铁时刻表：</t>
  </si>
  <si>
    <t>胃息肉要手术吗</t>
  </si>
  <si>
    <t>胃息肉虽然属于良性的肿瘤，但是长期潜伏在身体也会有危害，而主要的危害有两方面：一是可能癌变；二是如果不予以切除，息肉长大后可能引起胃出血。因此，通常建议患者最好去做手术切除。这个手术相对比较简单、创伤也小，技术已经比较成熟，在胃镜下采用高频电刀、氩气刀或水刀切除即可。</t>
  </si>
  <si>
    <t>如果是腺瘤性息肉，原则上需要切除治疗，以绝后患；如果是增生性息肉，依据病因，采取相应措施。</t>
  </si>
  <si>
    <t>磨玻璃结节灶是肺癌吗</t>
  </si>
  <si>
    <t>大家不要谈到肺磨玻璃影就色变，不一定是癌。有时候，肺部炎症、 出血、 纤维化（炎症后遗留的瘢痕）都可以造成此变化，然而，在更多的时候还是恶性的。</t>
  </si>
  <si>
    <t>有人吃过自己的精子吗</t>
  </si>
  <si>
    <t>肯定有，因为看过很多这样的视频和片子，其实吃了也没什么好处，但也没什么坏处，吃就吃了。但精液的味道真的很难闻，谁受的了啊？要是能忍受那个味道吃了什么害处没有搜索的。</t>
  </si>
  <si>
    <t>ash的鞋会不会穿起来不舒服</t>
  </si>
  <si>
    <t>很舒服！鞋面是真皮的，关键是鞋底也是皮的，所以脚感也软很舒服。百搭。</t>
  </si>
  <si>
    <t>新生儿冬天穿肚兜吗</t>
  </si>
  <si>
    <t>新生儿冬天最好是穿上肚兜。</t>
  </si>
  <si>
    <t>我觉得可以穿的，现在天气变化最好还是多注意保护肚子的温度。</t>
  </si>
  <si>
    <t xml:space="preserve"> 宝宝不喜欢穿吧，可能穿了更有束缚感。不穿也没关系啊，我家宝宝就没有穿。</t>
  </si>
  <si>
    <t>呆账贷款免还协议靠谱吗</t>
  </si>
  <si>
    <t>有一定的风险，谨慎为好</t>
  </si>
  <si>
    <t>抑郁症会耳鸣吗</t>
  </si>
  <si>
    <t>耳鸣并不是抑郁症的症状</t>
  </si>
  <si>
    <t>铅笔芯在肉里会消失么</t>
  </si>
  <si>
    <t>不会铅笔的笔芯主要成分是石墨和黏土，石墨是鳞片状有金属光泽的固体，其中的有碳-碳化学键，层与层之间是范德华力，碳-碳化学键是很稳定的，想破坏是很困难的，这也就是为什么金刚石和石墨都是由碳组成的，但是物理性质和价格相差却很大，人体内没有东西可以破坏碳-碳化学键，所以可以肯定的说铅笔芯是安全的。</t>
  </si>
  <si>
    <t>不会化，但是血液在流动的过程中难免会带入铅，如果铅过量就会中毒了，最好还是取出来。</t>
  </si>
  <si>
    <t>周黑鸭孕妇能吃吗</t>
  </si>
  <si>
    <t>周黑鸭里有添加少量的食品添加剂，而且含有辣椒较多，很容易上火且没有多少营养，孕期一定要少吃或不吃，吃完一定要多喝水，多吃新鲜的水果，保持大便通畅。</t>
  </si>
  <si>
    <t>vivo 手机好用吗</t>
  </si>
  <si>
    <t xml:space="preserve">vivo 是步步高旗下的品牌 是步步高的主打智能手机。在智能手机方面做得也是不错呢～如果你是女生的话，用vivo是挺好的，像素和分辨率都很高的。 </t>
  </si>
  <si>
    <t>幽门螺杆菌阳性需要治疗吗</t>
  </si>
  <si>
    <t>幽门螺杆菌抗体呈阳性，最好做一下呼气试验或胃镜检查，如果检测下来测定值高的话，就一定要治疗。测定值不高又没有出现病症，可以不用治疗，只要平时注意生活饮食规律，增强抵抗力，定期复查就可以了。</t>
  </si>
  <si>
    <t>加拿大魁北克好找工作吗</t>
  </si>
  <si>
    <t>全国范围内，魁北克省就业市场强劲度高于其他所有省份，平均每1000位居民对应有4.45份空缺岗位。全国最易就业的城市为位于魁北克省的Saint-Hyacinthe市，该市每1000居民对应有11.35份空缺岗位。</t>
  </si>
  <si>
    <t>持护照从国外回中国 可以到香港过境吗</t>
  </si>
  <si>
    <t>可以的，持中国有效护照和外国签证，途径香港，可以免签证逗留7天。</t>
  </si>
  <si>
    <t>淘宝企业店铺收佣金吗</t>
  </si>
  <si>
    <t>目前企业开店是免费的，但申请认证时需要缴纳一定的手续费。</t>
  </si>
  <si>
    <t>高米店公租房完工了吗</t>
  </si>
  <si>
    <t>高米店公租房完工了</t>
  </si>
  <si>
    <t>香港有its skin吗</t>
  </si>
  <si>
    <t>我们店里也有卖，都是韩国直发回来的</t>
  </si>
  <si>
    <t>ios9能刷回去吗</t>
  </si>
  <si>
    <t>不能，苹果公司已经关闭验证了</t>
  </si>
  <si>
    <t>中国雄霸是真是假</t>
  </si>
  <si>
    <t>广州雄霸公司假帮入户骗钱 9个月骗800人5千万</t>
  </si>
  <si>
    <t>拉卡拉好下款吗</t>
  </si>
  <si>
    <t>大家先手机下载一个拉卡拉（黑户白户都可以操作）然后用手机号码登录注册，成功登录后点击借点钱点击借点钱会看见两个业务：替你还跟易分期，替你还（针对有信用卡的客户）额度1千-1万</t>
  </si>
  <si>
    <t>魔兽世界还好玩吗2015</t>
  </si>
  <si>
    <t>值不值得看你，玩不玩看你，魔兽世界就在这里</t>
  </si>
  <si>
    <t>协和医院有肛肠科吗</t>
  </si>
  <si>
    <t>协和没有肛肠科，如果看内科挂消化内科，看外科挂普通外科。</t>
  </si>
  <si>
    <t>低压配电箱有辐射吗</t>
  </si>
  <si>
    <t>任何电器和电气设备都有辐射，配电箱要是有资质的供电公司设计的话，是根据国家国法设计的，辐射相对的小些，对人体没什么大碍。</t>
  </si>
  <si>
    <t>质量员考试难吗</t>
  </si>
  <si>
    <t>质量员的考试难度较低</t>
  </si>
  <si>
    <t>法国下雪吗</t>
  </si>
  <si>
    <t>会，一般十二月到一二月都很冷，雪很大啊</t>
  </si>
  <si>
    <t>女孩读不读博士</t>
  </si>
  <si>
    <t xml:space="preserve">刚毕业的文科博士路过 既然已经上了这条船就努力撑下来吧 这年头做什么都不容易 ，不过还是建议后来人别轻易选择读博 </t>
  </si>
  <si>
    <t>电话销售合法吗</t>
  </si>
  <si>
    <t>过多以至于影响正常的人身生活是不合法的</t>
  </si>
  <si>
    <t>电话营销，只有营销的物品合法，那么这种营销手段是合法的，如果营销违法物品，那么这种手段也变的不合法。</t>
  </si>
  <si>
    <t>北极有陆地吗</t>
  </si>
  <si>
    <t>北极圈内大部分是海洋，但是也有陆地和很多岛屿。</t>
  </si>
  <si>
    <t>天天吃红糖好吗</t>
  </si>
  <si>
    <t>红糖水可以每天适量喝。</t>
  </si>
  <si>
    <t>i3处理器支持64位吗</t>
  </si>
  <si>
    <t>英特尔酷睿i3处理器能安装win7 64位操作系统33</t>
  </si>
  <si>
    <t>狮子座男生和双鱼座女生配吗</t>
  </si>
  <si>
    <t>双鱼座的女生和狮子座的男生在一起并不相配，是前途不容乐观的一对</t>
  </si>
  <si>
    <t>刚贴的膜能洗车吗</t>
  </si>
  <si>
    <t>最好不要急着洗车， 一般建议在三天之后才可以洗车的。</t>
  </si>
  <si>
    <t>贴完车膜后2-3周等水分干透后才可清洗车辆。</t>
  </si>
  <si>
    <t>刘雨欣结过婚吗</t>
  </si>
  <si>
    <t>而关于刘雨欣的感情生活，据悉和银行高管李濛结婚多年，还育有一女。</t>
  </si>
  <si>
    <t>有姓遇的吗</t>
  </si>
  <si>
    <t>韵达好吗</t>
  </si>
  <si>
    <t>韵达和申通圆通中通差不多一个梯队的，比顺丰要差，比其他能好些，每个公司都有负面消息，只有自己去试一试才知道.</t>
  </si>
  <si>
    <t>饭后马上喝牛奶好吗</t>
  </si>
  <si>
    <t>喝牛奶最好是饭后1－2小时后</t>
  </si>
  <si>
    <t>iphone4会卡吗</t>
  </si>
  <si>
    <t>会卡，iOS 7是为性能更高的iPhone5s和iPhone5c设计的，旧款设备运行起来会比较吃力。</t>
  </si>
  <si>
    <t>可以用信用卡给信用卡还款</t>
  </si>
  <si>
    <t>不可以信用卡还信用卡， 信用卡不支持对外转账（溢存款除外）</t>
  </si>
  <si>
    <t>皮肤黑能穿浅绿色吗</t>
  </si>
  <si>
    <t>只要掌握相应的搭配技巧，皮肤黑的人也能把绿色穿的hin好看。</t>
  </si>
  <si>
    <t>临沂2手车市场靠谱吗</t>
  </si>
  <si>
    <t>不靠谱，一样的车市，二手车市水深的很，买之前一定找懂的人看好。</t>
  </si>
  <si>
    <t>北京商场9月3日营业吗</t>
  </si>
  <si>
    <t>北京82家大型商场周日起10点开门#09月03日-05日为纪念中国人民抗日战争暨世界反法西斯战争胜利70周年放假全国性假期但商场应该不会放假</t>
  </si>
  <si>
    <t>银行卡没有余额 会收管理费用</t>
  </si>
  <si>
    <t>不会扣款年费，存款进去再开卡。</t>
  </si>
  <si>
    <t>可以直接涂面霜吗</t>
  </si>
  <si>
    <t>洗脸后可以直接用面霜的</t>
  </si>
  <si>
    <t>水龙头加热器安全吗</t>
  </si>
  <si>
    <t>要3c认证的，一定要三线插座。（火，零，地）。插座一定是漏电保护微断控制的。定时专业除垢（与当地水质有关）。</t>
  </si>
  <si>
    <t>即便暴露在水中，也不回造成漏电事故，还有漏电保护插头的应用,双重保护，但是千万别选择市面上哪些没有品牌和质量检测的产品，这样很可能会出现漏电影响家人的安全。</t>
  </si>
  <si>
    <t>手机借贷宝可信吗</t>
  </si>
  <si>
    <t>可靠</t>
  </si>
  <si>
    <t>是骗子</t>
  </si>
  <si>
    <t>不建议参与，因为这里面一定有逻辑漏洞</t>
  </si>
  <si>
    <t>桃花源记是鬼故事吗</t>
  </si>
  <si>
    <t>不是《桃花源记》是东晋伟大文人陶渊明的代表作之一，是《桃花源诗》的序言，选自《陶渊明集》。借武陵渔人行踪这一线索，把现实和理想境界联系起来，通过对桃花源的安宁和乐、自由平等生活的描绘，表现了作者追求美好生活的理想和对当时的现实生活不满。</t>
  </si>
  <si>
    <t>养鬼术是真的吗</t>
  </si>
  <si>
    <t>对于这种东西怎么说呢,个人也是比较迷信的那种，本人也相信这个世间仍然存在另外一个空间，人类无法看到的空间。是不是真的存在这种东西，也不能知道，个人觉得，只能用这样来形容，那就是“信则有，不信则无”。</t>
  </si>
  <si>
    <t>c1可以驾驶摩托车</t>
  </si>
  <si>
    <t>C1驾驶证不能开摩托车</t>
  </si>
  <si>
    <t>大陆手机卡到香港能上网吗</t>
  </si>
  <si>
    <t>内地的手机卡到香港都是能用的，但是要看套餐开没开通相关服务</t>
  </si>
  <si>
    <t>钻石小鸟便宜么</t>
  </si>
  <si>
    <t>荷兰钻石和钻石小鸟应该很多人都知道它们是电商珠宝品牌，主要就是在网络上销售钻石，电商平台一般都没有太高的渠道和场地费用。因此它们在这一方面也省了不好支出，同时将节约出来的成本用在了提高产品品质和降低产品价格上。</t>
  </si>
  <si>
    <t>吃叶酸会吐吗</t>
  </si>
  <si>
    <t>吃叶酸的话，一般不会有想吐的症状的，但也不排除个别女性会存在这种现像。</t>
  </si>
  <si>
    <t>国际商务师考试 取消了吗</t>
  </si>
  <si>
    <t>国际商务师考试取消了。</t>
  </si>
  <si>
    <t>努努是约德尔人吗</t>
  </si>
  <si>
    <t>他明明也很小啊而且约德尔人都是偏向法系的吧</t>
  </si>
  <si>
    <t>鹿角能治乳腺增生吗</t>
  </si>
  <si>
    <t>鹿角的功效是行血、消肿、益肾。主治：治疮疡肿毒，瘀血作痛，虚劳内伤，腰脊疼痛。所以鹿角对于乳腺增生症没有治疗作用。</t>
  </si>
  <si>
    <t>鹿角是一味中药，功能可温肾阳，强筋骨，行血消肿。用于阳痿遗精，腰脊冷痛，阴疽疮疡，乳痈初起，瘀血肿痛。你有乳腺增生证属肾阴虚，能用鹿角。单用一味是不行的，需与他药配伍。在临床上，我们把鹿角更多用于哺乳期的乳腺炎，疗效较好。</t>
  </si>
  <si>
    <t>在美国买coach便宜吗</t>
  </si>
  <si>
    <t>美国，Coach的故乡。可能每个去过美国的人，都有被朋友圈亲友要求代购Coach的经历。不得不说，在美国买Coach真的划算，价格大概可能只要国内的一半，如果碰到打折，便宜得更多，奥特莱斯更是白菜价。</t>
  </si>
  <si>
    <t>着床晚孕酮会偏低吗</t>
  </si>
  <si>
    <t>月经延迟排卵也会延迟，因此受孕就会相应的晚，着床也就会晚些，孕酮和HCG也会比相应的孕龄低一些。</t>
  </si>
  <si>
    <t>股票可以贷款吗</t>
  </si>
  <si>
    <t>股票不能做抵押贷款，抵押贷款只能房或者车，股票可以作为个人的财力证明做信用贷款。</t>
  </si>
  <si>
    <t>列王的纷争 月卡 划算吗</t>
  </si>
  <si>
    <t>如果玩家拥有经济条件的话，可以选择购买月卡，这样可以让你快人一步。</t>
  </si>
  <si>
    <t>美利达实体店有假货吗</t>
  </si>
  <si>
    <t>实体店里卖的美利达有没有可能是假的，不是美利达专卖店。</t>
  </si>
  <si>
    <t>姨妈最后一天可以做爱吗</t>
  </si>
  <si>
    <t>这种情况应该是不好的。这样容易造成感染的月经期性生活1、会使女性生殖器充血，导致月经量增多，经期延长；2、男性生殖器可能会把细菌带入阴道内，经血是细菌等微生物的良好培养基地，细菌极易滋生，沿子宫内膜内许多微小伤口和破裂的小血管扩散，感染子宫内膜，甚至可累及输卵管和盆腔器官，从而给女方带来不必要的麻烦；3、是月经分泌物进入男子尿道，也可能会引起尿道炎的产生；4、是经期同房，因精子在子宫内膜破损处和溢出的血细胞相遇，甚至进入血液，可诱发抗精子抗体的产生，从而导致免疫性不孕、不育症。</t>
  </si>
  <si>
    <t>校讯通收费合法吗</t>
  </si>
  <si>
    <t>呼吁取消学生不合理校讯通收费！</t>
  </si>
  <si>
    <t>心选要收费吗</t>
  </si>
  <si>
    <t>心选适用于任何类型的卖家，没有操作门槛，不管您是大卖家还是小卖家，只要您有这个想法来提高您详情页导购的效率，都可以来使用。淘宝心选与阿里平台上通用的让第三方商家入驻的特性完全不同，无论是天猫淘宝，阿里巴巴之前从来没有尝试过这种完全自营的电商模式，即使是天猫超市，供应商的店铺信息、品牌名也清晰地显示在页面上。</t>
  </si>
  <si>
    <t>杭州医院有治酒糟鼻的吗</t>
  </si>
  <si>
    <t>杭州京都 皮肤科</t>
  </si>
  <si>
    <t>我妈妈得了酒糟鼻，去杭州市三医院看了</t>
  </si>
  <si>
    <t>杭州格莱美医疗美容医院激光治疗酒糟鼻</t>
  </si>
  <si>
    <t>皮肤暗适合灰色吗</t>
  </si>
  <si>
    <t>皮肤暗黄的人适合浅灰色。肤色偏黄宜穿以下色系服装，女孩子肤色偏黄偏暗，不要穿色彩暗的服装，而应该多穿一些明亮颜色的服装。肤色暗黄适合色彩浓郁、有光泽感的颜色。</t>
  </si>
  <si>
    <t>皮肤不够红润、暗黄的人不适合穿灰色的衣服。皮肤色调较深的人适合一些茶褐色系，浅色调、明亮些的衣服，如浅黄、浅粉、米白等色彩的衣服，令看来更有个性，墨绿、枣红、啡色、金黄色都会使看来自然高雅，这样可衬托出肤色的明亮感，不宜穿深色服装的人，最好不要穿黑色服装，蓝色系的上衣，以免面孔显得更加灰暗</t>
  </si>
  <si>
    <t>乐东县城东北人多吗</t>
  </si>
  <si>
    <t>解放战争时期，中国人民解放军第四野战军从东北打到海南岛的部队，大部分都是东北人，特别是黑龙江省最多，后来一部分留下来参加海南建设，在海南各县市、特别是三亚、海口等留下很多后代。他们大部分和海南人都很好。</t>
  </si>
  <si>
    <t>情商高的人好欺负吗</t>
  </si>
  <si>
    <t>元旦是否免过路费</t>
  </si>
  <si>
    <t>2017年元旦节七座以下（含七座）小客车走高速公路是照常要收费、没有免过路费的。</t>
  </si>
  <si>
    <t>桂林鸡血玉有收藏价值吗</t>
  </si>
  <si>
    <t>桂林鸡血玉从开发算起，至今不过3年时间。在这3年时间内，无论是旅游商品开发，还是赏玩收藏、礼品馈赠，都呈现出越来越好的市场态势。喜爱与看好桂林鸡血玉未来市场的人也越来越多。</t>
  </si>
  <si>
    <t>经多年来的开发观赏与收藏的实践，桂林鸡血玉是值得开发的完美的新玉种。</t>
  </si>
  <si>
    <t>2012年底，龙胜县开采出的一块桂林鸡血玉以鲜艳夺目绝佳质地的红色震惊了收藏界，全国各路玉石爱好者和雕刻高手云集桂林，目睹自清代桂林鸡血石和新近鸡血玉开采以来叹为观止的奇迹。至此，从2006年才开采的新玉种——桂林鸡血玉的身价和名声更是一夜之间声名远扬。</t>
  </si>
  <si>
    <t>金赛纶是这次宠爱mv女主吗</t>
  </si>
  <si>
    <t>不是金赛纶，两个人看起来一点都不像</t>
  </si>
  <si>
    <t>工行卡会自动注销吗</t>
  </si>
  <si>
    <t>银行卡一般一年扣一次年费，根据开卡时间的月份算起，月底卡内每钱则有欠费记录，若欠费3个月以上帐户锁定，不会自动销户的。若注销必须本人带身份证到柜面办理，但得先清付签费。若你的卡不再用，可以不管，到一定时期，银行会自动统一清理销户。</t>
  </si>
  <si>
    <t>咳嗽会引起脸肿吗</t>
  </si>
  <si>
    <t>长期咳嗽一般不会导致脸肿的</t>
  </si>
  <si>
    <t>双11打折吗</t>
  </si>
  <si>
    <t>部分商品的销售确实有实实在在的优惠，但不排除商家将价格先升后降，半价后还是原样。</t>
  </si>
  <si>
    <t>整体来看，各电商平台的大部分商品都在“双11”网购节期间采取了低价销售，即使是畅销商品，也都参与了让利促销，过往曾被质疑过的“甩尾货”等现象今年基本不存在。不仅折扣真实，降价幅度也再创新高。</t>
  </si>
  <si>
    <t>感冒能引起中耳炎吗</t>
  </si>
  <si>
    <t>腔和耳道是通着的。所以鼻炎，感冒，不注意就会引起中耳炎。中耳炎需要彻底治疗的。否则会引起听力障碍的。中耳炎的疼痛，一般除了吃止痛药没有什么好办法。</t>
  </si>
  <si>
    <t>吃烤鸡会胖吗</t>
  </si>
  <si>
    <t>鸡肉大部分都是瘦肉，所以鸡肉本身在肉类里属于不容易发胖的品种。</t>
  </si>
  <si>
    <t>10股转增15股是利好吗</t>
  </si>
  <si>
    <t>终于明天复牌了，重大利好就是每10股转增15股</t>
  </si>
  <si>
    <t>补牙后一定要带牙套吗</t>
  </si>
  <si>
    <t xml:space="preserve">  补过的牙齿，特别是经过根管治疗的牙齿，由于失去了牙髓的营养作用而变脆，极易发生折裂。一般以下情况，补牙后应考虑做牙套</t>
  </si>
  <si>
    <t>一楼小院建花架物业管么</t>
  </si>
  <si>
    <t>不可以搭建，建房要经过相关部门的审批。比如住房城乡建设主管部门，规划局，城管部门等</t>
  </si>
  <si>
    <t>微信群被踢有提示吗</t>
  </si>
  <si>
    <t>微信踢人出群是会有通知的，被踢出微信群的微信用户会收到微信踢人通知。如果在微信群中踢人了，那么被删的人点进群里就收到的提示。</t>
  </si>
  <si>
    <t>煌上煌赚钱吗</t>
  </si>
  <si>
    <t>煌上煌作为作为很好的熟食品牌，每个月利润也是很理想的，加盟煌上煌在总部的扶持管理下，能够很轻松赚钱盈利。</t>
  </si>
  <si>
    <t>win10可以还原win7吗</t>
  </si>
  <si>
    <t>可以,还原win7有几种方法：方法一：系统自带30天内回退win7功能,方法二：直接重装win7系统</t>
  </si>
  <si>
    <t>宅基地使用权可以继承吗</t>
  </si>
  <si>
    <t>公民使用的宅基地，所有权属于国家或者集体;公民的自留山、自留地，所有权属于集体。而国家及集体所有的土地是可以依法确定由个人使用的。即公民对自留山、自留地、宅基地等，有依法使用的权利。因为遗产必须是公民个人合法拥有的财产，所以，公民是不能将自留山、自留地、宅基地作为遗产继承的，而只享有使用权</t>
  </si>
  <si>
    <t>招商的信用卡好吗</t>
  </si>
  <si>
    <t>招行信用卡的积分是永久性的.不象别行信用卡积分每年清零或者每两年清零.而且拥有众多的特惠商户,是一款非常实用的信用卡</t>
  </si>
  <si>
    <t>招行信用卡目前是我国最好的信用卡</t>
  </si>
  <si>
    <t>lg洗衣机好不好</t>
  </si>
  <si>
    <t>LG是知名度很高的韩国品牌，是韩国的第一台洗衣机的创造者，还率先提出在洗衣机上安装DD直驱变频电机并研制成功，大大提升了洗衣机的质量与衣服的洗涤效果；美国最具影响力的杂志刊物之一《消费者报告》，在最近一期的8月刊中刊登了一篇针对2.74万名消费者关于家电产品维修及品牌可靠度的调查报告。调查结果显示，滚筒洗衣机行业的平均维修率为25%，其中LG滚筒洗衣机以7%的最低维修率，被美国消费者评为最值得信赖的洗衣机品牌。</t>
  </si>
  <si>
    <t>这款没有桶干燥的,要是久点不用不是会发霉，两三千的洗衣机，烘干功能都没有，不值。</t>
  </si>
  <si>
    <t>a2驾驶证要年审吗</t>
  </si>
  <si>
    <t>“年检”是针对机动车而言的，针对驾驶证现在叫“审验”。根据公安部123号令的规定，A2驾驶证如果在一个记分周期内没有涉及违法扣分，无需参加审验，也不需要体检。#机动车驾驶证审验新规定，其中最大的变动是：驾驶证无需年审，在有效期满后按新规定换证。</t>
  </si>
  <si>
    <t>015年a2驾驶证还是和以前一样哦。一年一审，但没有扣分的话就不用年审的。</t>
  </si>
  <si>
    <t>森软和微信是一家吗</t>
  </si>
  <si>
    <t>他们自称是微信支付授权渠道商，这家公司到底是干嘛的</t>
  </si>
  <si>
    <t>心情真的受颜色影响吗?</t>
  </si>
  <si>
    <t>人们对色彩的感受性差异受诸多因素的影响。 与人的性格有关系，客观而理智的人，对色彩只注意到它是否鲜明等，不杂有情感成分，那么这类人的情绪受色彩影响就小。而情感丰富的人，比如一些富于联想性格的女性，她们看见颜色，常常会想到与之有关联的事情，这类人的情绪就易受到色彩的影响。</t>
  </si>
  <si>
    <t>女生健身要吃蛋白粉吗</t>
  </si>
  <si>
    <t>运动是消耗，不只是消耗了脂肪与热量，还消耗了元气，耗损了身体。只运动不好好补充那身体就会越来越差，皮肤变差掉发体力身体变差等等，蛋白质就是身体的原料，运动消耗后就更应该要好好补充。</t>
  </si>
  <si>
    <t>女生健身也是很常见的事情，女生健身一般不是减肥就是塑身，其实健身只要用对了方法，就一定会有收获，女生健身是不需要吃蛋白粉的。</t>
  </si>
  <si>
    <t>一般来说，进行健身的健康年轻女性，如果膳食结构合理，蛋白质、脂肪和碳水化合物的比例适当，膳食蛋白质的质量也较好，没有必要额外补充蛋白粉。当然，如果条件允许，适量补充一些蛋白粉也是有益无害的。</t>
  </si>
  <si>
    <t>电子书阅读器有辐射吗</t>
  </si>
  <si>
    <t>一般有辐射是指对人体有伤害的电波，wifi也是利用电波，辐射会有的，但是很小，对身体几乎没有伤害，要是担心辐射伤害身体，那就离辐射源远一点。一般的家用电器都有辐射，但是这些这些辐射都很小，都被生产设计者控制在一定范围内，对成人几乎没有伤害。你要没有辐射那就不要使用电器。所以说不要担心wifi的辐射。除非你是孕妇或者是小孩子，如果这样的话，你就要做适当的防护，一般辐射比较大的电器有微波炉，电磁炉，电视，电脑等等。生在这样一个科技发达的社会，生活处处有辐射，有些需要注意，但有些不要太过敏感。最后强调一下答案：wifi有辐射，但不要过于担心，只要使用恰当，不会对身体产生伤害。#凡是电子产品都有辐射这个观念的说法，理论上是都存在的，手机，电纸书，ireader plus都是一样的，但对人体有没有危害都不确定</t>
  </si>
  <si>
    <t>如果是大厂的产品，那么这种产品的辐射会被严格控制</t>
  </si>
  <si>
    <t>奇酷尊享版是全网通吗</t>
  </si>
  <si>
    <t>尊享版直接是全网通。</t>
  </si>
  <si>
    <t>锁链战记主人公有用吗</t>
  </si>
  <si>
    <t>前期缺cost和没卡时能用用 之后就算0破3星来几张也能顶掉他了</t>
  </si>
  <si>
    <t>支付宝不能代付了吗</t>
  </si>
  <si>
    <t>以为他人代付，代付也可以选择支付余额也可以用支付宝绑定的银行卡</t>
  </si>
  <si>
    <t>孕妇可以喝老鸭汤吗</t>
  </si>
  <si>
    <t xml:space="preserve">  你好，怀孕期间是可以适当的喝老鸭汤的，你不必太过于担心。</t>
  </si>
  <si>
    <t>宽带能网上缴费吗</t>
  </si>
  <si>
    <t>您可以登陆电信网上营业厅-充值缴费-输入需要充值的宽带帐号和金额-选择支付方式，然后根据页面提示操作即可充值。</t>
  </si>
  <si>
    <t>dnf女柔道需要高强吗</t>
  </si>
  <si>
    <t>不需要，因为柔道的技能都是固伤。高强并没有任何用处，所以完全不需要高强</t>
  </si>
  <si>
    <t>韩国免税店东西便宜吗</t>
  </si>
  <si>
    <t>为什么韩国免税店那么便宜啊!</t>
  </si>
  <si>
    <t>免税店的东西看似便宜，还没有淘宝代购便宜</t>
  </si>
  <si>
    <t>qq会员升级超级会员以后qq会员还在吗</t>
  </si>
  <si>
    <t>超级会员到期后，QQ会员还在的，只是少了超级会员的功能</t>
  </si>
  <si>
    <t>狮子男好色吗</t>
  </si>
  <si>
    <t>狮子是闷骚型，假装不色其实是色的极致，表面上是正人君子，其实色到骨子里了。</t>
  </si>
  <si>
    <t>甲苯能和溴水反应吗</t>
  </si>
  <si>
    <t>甲苯和各种甲基苯都不能和溴水反应</t>
  </si>
  <si>
    <t>小天才电话手表能用电信卡吗</t>
  </si>
  <si>
    <t>使用的是标准NANO卡（iPhone5、6使用的小卡），目前支持联通、移动两种SIM卡，暂不支持电信卡。</t>
  </si>
  <si>
    <t>外地可以在北京办护照吗</t>
  </si>
  <si>
    <t xml:space="preserve">外地在北京的上班族，办理护照需要准备以下材料：1本人户口本原件及复印件（首页、本人页及变更页）；2有效居民二代身份证原件及复印件；3申请人六个月内的二寸蓝底照片（可以直接去大厅照相，30元）4有效期内的《北京市暂住证》或《者北京市工作居住证》（这个很……，外地人在北京办护照或验车本都需要，还好不要钱了）5须有申请之日前的连续一年的社保，要连贯；不用准备什么，都是联网的，一查就能查到。 </t>
  </si>
  <si>
    <t>怀孕初期每天躺着好吗</t>
  </si>
  <si>
    <t>在怀孕二个月的时候,多躺着是很好的呢,这样都是会帮助保胎的呢,因为现在怀孕两个月还是危险期,多躺着是有必要的呢.不需要担心了呢.多休息是更加好的.</t>
  </si>
  <si>
    <t>孕妇天天躺床上对胎儿是不好的，不要认为停止一切活动，静养就能安胎。相反地，整天除了吃就是躺着，久而久之，母体的气血就会变得不顺畅，这样会影响到胎儿的正常生长发育。</t>
  </si>
  <si>
    <t>如果不是有习惯性流产使，或者是有流产先兆情况的，适当活动还是必要的</t>
  </si>
  <si>
    <t>初级药师资格还考英语和计算机吗</t>
  </si>
  <si>
    <t>卫生技术（医、药、护、技）职称英语考试要求如下：A级： 主任医(药、护、技)师、副主任医(药、护、技)师 B级： ⑴主治(管)医(药、护、技)师 ⑵在县及县以下所属单位工作的人员申报正、副主任医（药、护、技）师C级： 在县及县以下所属单位工作的人员申报主治（管）医（药、护、技）师评初级药师不需要考职称英语。</t>
  </si>
  <si>
    <t>许冠杰现在死了没</t>
  </si>
  <si>
    <t>许冠杰（Samuel Hui，1948年9月6日－）未逝世.</t>
  </si>
  <si>
    <t>卡巴斯基365是真的官网吗</t>
  </si>
  <si>
    <t>卡巴斯基官方网站(Kaba365)是卡巴斯基在中国指定的唯一官方购买网站</t>
  </si>
  <si>
    <t>教师可以生二胎吗</t>
  </si>
  <si>
    <t>　生二胎并不是由所从事的职业决定的</t>
  </si>
  <si>
    <t>有肝病会影响肾功能吗</t>
  </si>
  <si>
    <t>如果肝功能不好，相对而言体内毒素增加，因此肾功能排毒负担也会增加，长期会影响肾功能。</t>
  </si>
  <si>
    <t>苹果有gps定位吗</t>
  </si>
  <si>
    <t>在设置-隐私设置-定位服务里打开即可。</t>
  </si>
  <si>
    <t>韩国九朵云好用吗</t>
  </si>
  <si>
    <t>九朵云是祛斑效果很好的一款产品</t>
  </si>
  <si>
    <t>恒大集团是国企还是私企</t>
  </si>
  <si>
    <t xml:space="preserve">恒大地产不是国企,是私企。 </t>
  </si>
  <si>
    <t>小米不行了吗</t>
  </si>
  <si>
    <t>虽然难掩失望，但对于小米的基本面，笔者一直是看好的。正如李楠所说的：从今年下半年开始，小米已经开始稳住阵地，甚至展开了进攻。</t>
  </si>
  <si>
    <t>当然，我也不会轻易再说小米会倒掉了，这也是为啥我没有说河狸家会倒掉，包括凡客不也还在勉力支撑的同时犯贱撩骚试图东山再起么。</t>
  </si>
  <si>
    <t>移动积分可以兑换爱奇艺会员吗</t>
  </si>
  <si>
    <t>移动公司客户端的话费兑换不支持兑换爱奇艺会员</t>
  </si>
  <si>
    <t>孕妇吃哈密瓜好不好</t>
  </si>
  <si>
    <t>刘逸云是中国人吗</t>
  </si>
  <si>
    <t>她父母是台湾人，不过又都是美国华人，所以她生在美国，就是美国国籍。</t>
  </si>
  <si>
    <t>intel pentium 3550m好不好</t>
  </si>
  <si>
    <t>属于低端笔记本处理器，性能一般，仅可以满足日常办公需求，玩大型游戏或者绘图有些跟不上</t>
  </si>
  <si>
    <t>社区书记是公务员吗</t>
  </si>
  <si>
    <t>社区是我国最小一级政府职能部门，社区的党支部是该政府部门的党务领导机构，社区党支部书记是该政府部门的党务工作者。因此社区党支部书记应该是公务员。</t>
  </si>
  <si>
    <t>第三方责任险有必要买吗</t>
  </si>
  <si>
    <t>车的第三方责任险是商业保险里面的一种，它不是国家规定必须要上的保险，可以自行选择。第三方责任险主要负责的是由于交通事故引发的第三者人身死亡或者第三者财产损失的赔偿。也就是说，被保险人或者合格的驾驶员在驾驶被保险的车辆时，由于发生的意外事故导致第三方人身伤亡或财产损失的情况下，被保险人可以通过向保险公司发出申请，要求保险公司进行全方位的理赔。</t>
  </si>
  <si>
    <t>你如果不买的话，一旦出现第三方责任时只能自己出费用了，你如果你保证一年内你的车子不会出任何意外的话，就没有必要购买了，买保险是买个安心</t>
  </si>
  <si>
    <t>香港驾照在美国能用吗</t>
  </si>
  <si>
    <t>不同州的法律不同，一般的州都能用非美国驾照的，但会有一个期限，让你限期去考本地驾照，我现在的州是一年。</t>
  </si>
  <si>
    <t>米线里面有胶吗</t>
  </si>
  <si>
    <t>“有人说吃一碗过桥米线相当于吃一个塑料袋”， 这个说法没有科学依据，除非米线是假冒伪劣的。</t>
  </si>
  <si>
    <t>正常的就没有。一般都不放的。</t>
  </si>
  <si>
    <t>工行e支付要钱吗</t>
  </si>
  <si>
    <t>工银e支付服务不需要收取额外的费用</t>
  </si>
  <si>
    <t>吸奶器要消毒吗</t>
  </si>
  <si>
    <t>每次使用吸奶器前：请拆卸所有组件，用洗碗机或中性洗涤剂将其刷洗干净，请勿使用杀菌剂或去污剂，然后放入蒸汽消毒器来消毒或在沸水中煮上五分钟亦可。外出旅行途中保持吸奶器处于消毒状态。</t>
  </si>
  <si>
    <t>奥迪q3适合男人开吗</t>
  </si>
  <si>
    <t>看年龄:空间 ，颜色，还有定位不适合老年人，年轻人就无所谓啦.</t>
  </si>
  <si>
    <t>速效救心丸可以天天吃吗</t>
  </si>
  <si>
    <t>你好，这是可以天天吃的，有扩张冠状动脉的作用</t>
  </si>
  <si>
    <t>葡萄酒可以冷藏吗</t>
  </si>
  <si>
    <t>冰箱并不能为储存葡萄酒提供理想条件</t>
  </si>
  <si>
    <t>冰箱会加速葡萄酒的老化，导致葡萄酒的风味减退</t>
  </si>
  <si>
    <t>买家取消订单对卖家有影响吗</t>
  </si>
  <si>
    <t>有影响的，会影响你的店铺的成交率，还有如果太多的话店铺 也会降权的，如果要做好淘宝， 每个步骤都要谨慎。</t>
  </si>
  <si>
    <t>有痘印可以用防晒霜吗</t>
  </si>
  <si>
    <t>避开就可以了，其实有痘也是可以擦霜的,要是你想好的快些，就要避开它</t>
  </si>
  <si>
    <t xml:space="preserve">  这种情况是可以应用的，也要做好防晒的工作，避免出现皮肤长斑等情况，但是平时一定要多次经常进行洗脸，可以用一些硫磺皂进行清洗，减少油性皮肤的油脂分泌。</t>
  </si>
  <si>
    <t>这样的情况是可以应用的，但是应用的时间不要太长</t>
  </si>
  <si>
    <t>防晒是必须的，但防晒产品不是必须的，对于长痘痘比较多又比较严重的人来说，不管任何防晒产品都可能会给肌肤造成刺激和长痘隐患，所以就没必要涂防晒，而是以帽子、伞、口罩防晒为主。</t>
  </si>
  <si>
    <t>c1驾驶证可以买吗</t>
  </si>
  <si>
    <t>驾驶证是不能买卖的。买驾驶证也是一种违法的行为，驾驶机动车，应当依法取得机动车驾驶证。</t>
  </si>
  <si>
    <t>京东上可以用信用卡支付吗</t>
  </si>
  <si>
    <t>京东购物是可以使用信用卡支付。</t>
  </si>
  <si>
    <t>个体能办组织机构代码证吗</t>
  </si>
  <si>
    <t>《 国务院办公厅关于加快推进“三证合一”登记制度改革的意见》明确指出，“三证合一”仅适用于企业和农民专业合作社，个体工商户并不包含其中，也就是说，“三证合一”制度实施后，工商部门也无权给个体工商户办理包含组织机构代码证功能的营业执照。升级成个人独资企业就可以办理“三证合一”证书了，不影响他的生产经营活动，我们也不收费。</t>
  </si>
  <si>
    <t>能不能空腹喝牛奶</t>
  </si>
  <si>
    <t>不可空腹喝牛奶。喝牛奶前最好先吃点东西或边吃食物边饮用，以利于营养成分的吸收。可与点心、面饼等食物同食，或餐后两小时再喝，也可睡前喝，这样既利于消化吸收，又有益于睡眠。</t>
  </si>
  <si>
    <t>宝宝可以吃秋葵吗</t>
  </si>
  <si>
    <t>1、秋葵是一种富含营养的蔬菜，它的各个部分都含有半纤维素、纤维素和木质素。2、秋葵的嫩果中含有丰富的蛋白质、磷、铁、钾、钙、锌、锰等矿质元素和由果胶与多糖等组成的粘性物质，营养价值堪比人参，在日韩被视为“绿色人参”。所以宝宝吃秋葵对身体有好处。3、但是因为由于秋葵性偏寒凉，脾胃虛寒、容易腹泻或排软便的宝宝，最好别多吃。4、肠胃功能不太好的宝宝，过食极有可能造成腹泻。所以，要在宝宝一岁以后，消化系统比较完善的时候才能适当吃。</t>
  </si>
  <si>
    <t>铁艺灯好吗</t>
  </si>
  <si>
    <t>铁艺吊灯不管是风格还是花样都非常的多,不仅安全牢固,而且装饰效果还比较好,对于家居装饰而言,是一个比较不错的选择。</t>
  </si>
  <si>
    <t>洗手液能洗眼镜吗</t>
  </si>
  <si>
    <t>一般可以的，洗手液比较温和对镜片损伤不会很大，你清洗之后让眼镜自然干或用专门的擦布进行擦拭。</t>
  </si>
  <si>
    <t>gta5单机可以抢银行吗</t>
  </si>
  <si>
    <t>单机抢银行只能是剧情才能抢</t>
  </si>
  <si>
    <t>血糖高可以吃地瓜吗</t>
  </si>
  <si>
    <t>可以吃，但是尽量减少，因为红薯地瓜淀粉丰富，可转化为大量糖分，建议平时主食要以米面为主，少吃白糖、红糖、葡萄糖及糖制甜食，另外，含碳水化合物较多的土豆、山药、芋艿、藕、蒜苗、胡萝卜等少用或食用后减少相应的主食量。 除此外饱和脂肪酸食物应减少，比如动物油。多吃蔬菜多摄入膳食纤维对于血糖的控制是有很大益处的，蛋白质应以摄入豆类蛋白为主。</t>
  </si>
  <si>
    <t>笔记本能带上飞机吗</t>
  </si>
  <si>
    <t>黄金钞有收藏价值吗</t>
  </si>
  <si>
    <t>一般这种黄金钞都属于纪念钞，几万起的发行量。不太具有很大的升值空间。</t>
  </si>
  <si>
    <t>汇丰银行能收人民币吗</t>
  </si>
  <si>
    <t>如果是公司客户贸易项下或资本项下的跨境人民币汇出汇款，只要满足人行相关政策的要求是可以汇的</t>
  </si>
  <si>
    <t>易购超级返可靠吗?</t>
  </si>
  <si>
    <t>关于易购返利+红包的事情，大家要小心，一定要小心</t>
  </si>
  <si>
    <t>斯巴鲁傲虎2016会出吗</t>
  </si>
  <si>
    <t>2016款的斯巴鲁傲虎运动版无论是车子的动力性和越野性都是不错的。#实拍斯巴鲁2016款新傲虎 功能更完善。#不一样的选择 体验2016款斯巴鲁傲虎#配置有增有减 实拍解析2016款斯巴鲁傲虎#配置有所提升 实拍2016款斯巴鲁傲虎</t>
  </si>
  <si>
    <t>拉布拉多 掉毛吗</t>
  </si>
  <si>
    <t>一般情况下，拉布拉多的正常掉毛循环大部分发生在春秋两季，而有些居家宠物可能四季都在掉毛，只不过在春秋两季脱毛量明显的惊人。正常情况下，在春季大多数拉布拉多都有脱换毛的现象。</t>
  </si>
  <si>
    <t>来电显示有用吗</t>
  </si>
  <si>
    <t>来显就是对方打你电话，你接听可看清号码接听！取消来电显示就不晓得谁给你打电话了</t>
  </si>
  <si>
    <t>来电显示业务是一种可自动将打进电话的号码，显示在电话机显示屏上的业务，可以预先知道来话者的电话号码。</t>
  </si>
  <si>
    <t>奇楠沉香公司是骗局吗</t>
  </si>
  <si>
    <t>沉香，原本是收藏品，却被人当成交易标的，进行电子盘交易（由计算机处理的竞价平台，类似上海、深圳等股票市场），前后约有4万人牵扯其中，涉及资金达7亿资金，很多人投资者“血本无归”。更让人瞠目结舌的是，奇楠沉香电子交易平台并没有相关资质，也并未在省金融办备案。</t>
  </si>
  <si>
    <t>带安全套会感染梅毒吗</t>
  </si>
  <si>
    <t>不用担心带套是不会感染梅毒的，梅毒虽然是传染病但带套了肯定传染不了</t>
  </si>
  <si>
    <t xml:space="preserve">  你好，梅毒是会通过性交传染的，你们虽然每次都用避孕套，但是避孕套万一有破损，都有可能感染上梅毒的，你还是去做下检查，确诊是否有感染梅毒，有的话，就要早点治疗。在早期才能治疗好。这段期间要注意个人卫生，洗漱用具独用，避免传染给家人</t>
  </si>
  <si>
    <t>有气矿泉水好吗</t>
  </si>
  <si>
    <t>国外很多人喜欢喝带气的矿泉水，据说是放了小苏打，就是有部分维生素的功能，喝起来刺刺的。含气的水是用高压气瓶打进去的，已经进入了水本身，所以如果把气摇晃出去，质量也跟普通的不一样。</t>
  </si>
  <si>
    <t>一般这种气是二氧化碳，二氧化碳溶于水就是汽水了。汽水呈酸性，喝多了影响牙齿、肠胃、体内PH值、免疫力，身体代谢机能，内在伤害较大。建议不要长期饮用。</t>
  </si>
  <si>
    <t>自学考试能考研究生吗</t>
  </si>
  <si>
    <t>自学考试可以考取研究生和硕士生</t>
  </si>
  <si>
    <t>非执业注册会计师有用吗</t>
  </si>
  <si>
    <t>非执业会员没有直接用处，但是持有注册会计师非执业会员证书说明你具有注册会计师的学识水平，在应聘和升职时增加一个砝码。很多企业看中注会的综合能力和吃苦精神。此外进会计师事务所，有了2年的专职审计工作经历就可以申报注册，转为执业。执业和非执业可以互转，符合执业条件就可以转，当然比没有资格的要灵活多了。</t>
  </si>
  <si>
    <t>西塘古镇要不要门票</t>
  </si>
  <si>
    <t>现在西塘全年都是要门票的~100元是所有小景点的联票~</t>
  </si>
  <si>
    <t>你好平时17点之后不用门票，周末会延长，白天到的话可以找客栈老板买打折门票，5.5折55一位</t>
  </si>
  <si>
    <t>结婚证日期可以提前吗</t>
  </si>
  <si>
    <t>不能提前，时间就是办理当日的时间。</t>
  </si>
  <si>
    <t>但1994年2月1日以前，达到结婚条件，以夫妻关系同居的，法律承认其事实婚姻，补办结婚证时，时间可以提前。</t>
  </si>
  <si>
    <t>中国军改后还有政委吗</t>
  </si>
  <si>
    <t>有！我军的政治委员制度始于1929年的古田会议，根据《中国人民解放军政治工作条例》（2003）规定，政治委员的职责如下：第五十五条 政治委员与同级军事主官同为所在（营级以上）部队的首长，在同级党的委员会领导下，对所属部队的各项工作共同负责。政治委员是党的委员会日常工作的主持者。政治委员隶属于直接上级首长，在政治工作上，服从上级政治委员和政治机关；在军事工作上，服从上级军事指挥员、政治委员和军事机关。副政治委员协助政治委员工作。</t>
  </si>
  <si>
    <t>ipad能用360吗</t>
  </si>
  <si>
    <t>ipad越狱与未越狱都是可以安装360的</t>
  </si>
  <si>
    <t>绿茶第一泡要倒掉吗</t>
  </si>
  <si>
    <t>从茶艺的观点上来说，绿茶是不需要倒掉的。</t>
  </si>
  <si>
    <t>行车记录仪有必要买双镜头吗</t>
  </si>
  <si>
    <t>这个意义不大，我们买记录仪主要目的之一是防碰瓷。瓷爷都是在车辆经过的路段蹲守，等有车要过来的时候就敢上前去，还真没见过在车屁股后面追着碰瓷的，除非你在路上倒车。后置摄像头的左右只有一个就是记录追尾，不过交法归经追尾事故是后车全责，你记录了证据也没用。所以，真的没必要。</t>
  </si>
  <si>
    <t>美女与野兽好看吗</t>
  </si>
  <si>
    <t>还不错，建议可以去试一下</t>
  </si>
  <si>
    <t>如果说电影在视觉观感上是满分的话，那么其在故事的创新上却并只能算差强人意</t>
  </si>
  <si>
    <t>守望先锋要购买才能下载吗</t>
  </si>
  <si>
    <t>守望先锋需要登入战网帐号购买后才可以下载。并且在你的电脑配置达到要求后才会给与安装。</t>
  </si>
  <si>
    <t>洋葱海外仓是不是正品</t>
  </si>
  <si>
    <t>洋葱海外仓的货物都是经过香港海关和中国海关双关检测，没什么问题是真的。</t>
  </si>
  <si>
    <t>韩国过端午节吗</t>
  </si>
  <si>
    <t>韩国人也过端午节。</t>
  </si>
  <si>
    <t>韩国人不过端午节。那个申遗成功的是端午祭活动。</t>
  </si>
  <si>
    <t>支付宝借呗上征信吗</t>
  </si>
  <si>
    <t>一样上征信的</t>
  </si>
  <si>
    <t>文竹能放在卧室吗</t>
  </si>
  <si>
    <t>文竹喜阴性植物可以种植在卧室，但不能长期放在室内，夜晚最好搬出卧室</t>
  </si>
  <si>
    <t>360一键重装系统好吗</t>
  </si>
  <si>
    <t>还可以，以前装过，基本上没什么问题；很不错的，用360重装大师安装系统比较简单，而且安装的系统也很稳定。</t>
  </si>
  <si>
    <t>真不怎么样，可以花几块钱，弄张光盘，很方便；如果你是想通过重装系统来加快系统运行速度的话建议你不要用360；360又不是真正的重装系统，只是将你电脑彻底清理一下，所有软件都卸载了。文件也删除了。</t>
  </si>
  <si>
    <t>例假期间能喝咖啡吗</t>
  </si>
  <si>
    <t>女性在月经期间尽量不要喝咖啡，因为咖啡中的咖啡因会影响内分泌，造成月经紊乱或者痛经，女性可在月经期间多喝热开水。</t>
  </si>
  <si>
    <t>早泄可以治吗</t>
  </si>
  <si>
    <t>可以的。早泄的原因很多，如：神经病变、心理问题、感染、前列腺炎、手淫过度、房事过度、包皮过长等等，建议先明确病因再对症下药，可以采取心理辅导、药物、理疗、手术等治疗措施。另外还有中医辩证施治。</t>
  </si>
  <si>
    <t>橱柜高度85是不是高了</t>
  </si>
  <si>
    <t>这个高度不高，橱柜地柜高度正常范围在80-85都可以。</t>
  </si>
  <si>
    <t>影驰gtx1060大将很差吗</t>
  </si>
  <si>
    <t>影驰gtx10606g大将是一款非常不错的高端游戏显卡</t>
  </si>
  <si>
    <t>抵押期限到期后 抵押权是否继续有效</t>
  </si>
  <si>
    <t>房屋抵押过期是无效的，需要重新办理抵押。</t>
  </si>
  <si>
    <t>用脱毛膏汗毛会长得越来越长吗</t>
  </si>
  <si>
    <t>肯定会的，还会越来越粗越黑</t>
  </si>
  <si>
    <t>一个星期就会长 不过没有越来越长</t>
  </si>
  <si>
    <t>苹果6有nfc功能吗</t>
  </si>
  <si>
    <t>iPhone6拥有两个版本，一个是4.7英寸iPhone6，另外一个是5.5英寸的iPhone6 Plus，两者均支持NFC功能。</t>
  </si>
  <si>
    <t>马云有女儿吗</t>
  </si>
  <si>
    <t>有女儿的，今年刚刚才五岁</t>
  </si>
  <si>
    <t>没有女儿，有个儿子，十多岁左右</t>
  </si>
  <si>
    <t>屈原有没有后代</t>
  </si>
  <si>
    <t>有，屈原后裔捍卫端午文化</t>
  </si>
  <si>
    <t>微博可以看最近访客吗</t>
  </si>
  <si>
    <t>手机版个人主页最下面有个“常来与我互动”，拉到最下面，十个人组成一个小圈，多观察就会发现其实是按名次排的，这十个人也就是关注你的top10，应该是把回复次数和来访次数放在一起按一定比例计算出来的。而且这个圈是动态的，十个人的名单和位置每天都会变，再结合上面的来访次数和男女比，基本就能估算一下昨天谁来了谁没来了。</t>
  </si>
  <si>
    <t>不行的，新浪对隐私的保护做的特别完善这是新浪的特点。你不会查看到有谁看了你的主页，谁看了你的博文，当然别人也看不见你的访问记录。</t>
  </si>
  <si>
    <t>信立泰公司待遇好不好</t>
  </si>
  <si>
    <t>还可以，放心去吧</t>
  </si>
  <si>
    <t>在深圳处于中低水平，活多管理差</t>
  </si>
  <si>
    <t>公众号的名字可以修改吗</t>
  </si>
  <si>
    <t>可以修改，今年下半年腾讯新改的规则，分两种情况，每年可以修改一次</t>
  </si>
  <si>
    <t>中国在国外有间谍吗</t>
  </si>
  <si>
    <t>有，最基本的就是驻外记者，平时基本在干间谍的活，领双工资</t>
  </si>
  <si>
    <t>有没有姓占</t>
  </si>
  <si>
    <t>占姓，中文姓氏之一。《百家姓》中没有列出，而在全国约有人口98万，在各姓中排第272位，占全国人口的0.08%。</t>
  </si>
  <si>
    <t>踏步机减肥有用吗</t>
  </si>
  <si>
    <t>只要坚持下来效果还是比较好的。</t>
  </si>
  <si>
    <t>效果不大</t>
  </si>
  <si>
    <t>牙博士口腔医院靠谱吗</t>
  </si>
  <si>
    <t>牙博士口腔医院是全国连锁的大型口腔医院，其内部特设六大医疗中心，分别是:牙齿种植中心、牙齿矫正中心、牙齿美白中心、牙齿美容中心、儿童齿科中心、牙周治疗中心。治疗技术您是可以放心的。</t>
  </si>
  <si>
    <t>不好，她们是不会考虑到你以后的，态度还极差。</t>
  </si>
  <si>
    <t>吃阿莫西林能喝啤酒吗</t>
  </si>
  <si>
    <t>可以没问题</t>
  </si>
  <si>
    <t>最好是不要喝酒,有服用阿莫西林饮酒后出现休克的病例</t>
  </si>
  <si>
    <t>红米4x卡吗</t>
  </si>
  <si>
    <t>小米手机都是发烧机，我之前用过红米2的，玩网游的话，一会儿就会发烫变卡，如果只是一般聊天什么的，手握久了变烫就会卡。很有可能会卡死</t>
  </si>
  <si>
    <t>金钱鳘可以人工养殖吗</t>
  </si>
  <si>
    <t>黄唇鱼属于底层鱼类，从鱼苗长到1米长，那是很漫长的时间，大概6-7年。不适合养殖。</t>
  </si>
  <si>
    <t>钉钉电话是免费的吗</t>
  </si>
  <si>
    <t>可以免费拨打，但需要是你的通讯录好友，并且如果你不是企业用户每个月只有60分钟通话时间，通话质量特别渣，还不如微信通话的音质</t>
  </si>
  <si>
    <t>黄斑病变能治好吗</t>
  </si>
  <si>
    <t>随着医学技术的发现，现在老年黄斑病变不仅可以治疗，传统中医治疗此病，有着其它疗法不可比拟的优势。</t>
  </si>
  <si>
    <t>山东政法学院很烂吗</t>
  </si>
  <si>
    <t>还行吧，虽说实力不强，但毕竟是山东省内唯一的政法类大学；不错的学校，专业设置不错，培养方向也比较明确。</t>
  </si>
  <si>
    <t>诺诺镑客投资安全吗</t>
  </si>
  <si>
    <t>目前是安全的；不错啊，是借助芝麻信用，通过大数据风控，来确保平台借款标的质量，安全方面算是非常的严谨了,回款比较及时、资金提现时间也都是很快的</t>
  </si>
  <si>
    <t>自考本科难度大吗</t>
  </si>
  <si>
    <t>自考是有一定难度的，需要自学通过全部科目的考试，不过也正是因为它的难度，所以含金量才会比其他的成人学历含金量高。</t>
  </si>
  <si>
    <t>只要你认真复习，不难的</t>
  </si>
  <si>
    <t>虚拟货币是传销吗</t>
  </si>
  <si>
    <t>虚拟货币这一外在的形式虽千变万化，但都没脱离其传销本质。投资者投入越多，最后损失越大，严重者可能倾家荡产。</t>
  </si>
  <si>
    <t>比特币(Bitcoin)是独立的世界通用货币，至於你说的其他虚拟货币那些，不是传销，但都是骗子</t>
  </si>
  <si>
    <t>qq号不能注册微信了吗</t>
  </si>
  <si>
    <t>其实还是可以注册的。只不过稍有些麻烦罢了。先把最新的版本卸载了，下载一个4.5.1版本 的微信装上就可以使用QQ号码注册了。</t>
  </si>
  <si>
    <t>从2015年开始不可以了。只能手机号注册了</t>
  </si>
  <si>
    <t>skt劫有特效吗</t>
  </si>
  <si>
    <t>LOL所有冠军皮肤都是没有特效的，包括之前的TPA和现在的SKT</t>
  </si>
  <si>
    <t>qq巨轮标识只有一个吗</t>
  </si>
  <si>
    <t>巨轮只能有一个，是跟最频繁聊天的人。</t>
  </si>
  <si>
    <t>手机QQ中的巨轮是两个聊天频繁QQ好友互相聊天超过30天，然后在双方的昵称右边，会出现一个巨轮。在他的手机QQ中，你的昵称旁会出现巨轮，在你的手机QQ中，他的昵称旁会出现巨轮。理论上，如果你和多个好友都聊天超过30天的话，应该都会有巨轮显示。</t>
  </si>
  <si>
    <t>王者荣耀用手柄操作方便吗</t>
  </si>
  <si>
    <t>手柄玩起来很不方便，技能释放方向不好控制，团战时走位也不够灵活。而且官方版本不支持手柄，必须卸载游戏之后去游戏厅下载，所以不太推荐手柄玩王者荣耀。</t>
  </si>
  <si>
    <t>2017印花税需要计提吗</t>
  </si>
  <si>
    <t>印花税申报后或缴纳后的，应计提印花税，记入当期损益；计提时，可记入营业税金及附加-印花税科目和管理费用-税金科目；</t>
  </si>
  <si>
    <t>印花税不需要计提。在实际发生时作帐务处理。 企业缴纳的印花税，不通过“应交税金”科目核算，直接在“管理费用”科目中列支。</t>
  </si>
  <si>
    <t>幽魂骑士 赫卡里姆有特效吗</t>
  </si>
  <si>
    <t>幽魂骑士的武器无时无刻都是有特效的</t>
  </si>
  <si>
    <t>都没有。</t>
  </si>
  <si>
    <t>尚品网的东西是真的吗</t>
  </si>
  <si>
    <t>个人感觉是真的，之前我买过一些，质量还是不错的，跟专柜的没区别。</t>
  </si>
  <si>
    <t>要听神明的话2上映了吗</t>
  </si>
  <si>
    <t>出了自己上度娘上找资源。</t>
  </si>
  <si>
    <t>第二部目前还没有出。</t>
  </si>
  <si>
    <t>范伟打天下能赚钱吗</t>
  </si>
  <si>
    <t>范伟打天下能赚钱，但需要通过试玩平台玩游戏才能赚钱。在试玩平台玩游戏只需要升级游戏就能兑换人民币，每升一级就能兑换一级的金币，金币是可以兑换钱的。</t>
  </si>
  <si>
    <t>不赚钱的，即使是你赚了1元钱也拿不到的，二维码压根就不能生成的。</t>
  </si>
  <si>
    <t>西南政法大学是211吗</t>
  </si>
  <si>
    <t>西南政法大学不是211。</t>
  </si>
  <si>
    <t>飞机杯有危害吗</t>
  </si>
  <si>
    <t>肯定有危害</t>
  </si>
  <si>
    <t>night shift能常开吗</t>
  </si>
  <si>
    <t>如果你要设定在某段时间开启，那么我们点击【设定时间】。然后可以设置从什么时间到什么时间，默认的是22：00-07：00。</t>
  </si>
  <si>
    <t>床戏假戏真做的有吗</t>
  </si>
  <si>
    <t>必须有，多的很</t>
  </si>
  <si>
    <t>壁虎互助是不是骗局</t>
  </si>
  <si>
    <t>假的，不能信；没有官网，没有注册记录，没有二维码识别</t>
  </si>
  <si>
    <t>应该不是骗人的，因为这也是个善举。</t>
  </si>
  <si>
    <t>房产证取消了吗</t>
  </si>
  <si>
    <t>没有，现在不办理房产证而是将房产证和土地证两证合一，变成不动产权证了</t>
  </si>
  <si>
    <t>美缝自己能做吗</t>
  </si>
  <si>
    <t>自己做肯定可以做。不怕辛苦就没问题。</t>
  </si>
  <si>
    <t>理财产品有风险吗</t>
  </si>
  <si>
    <t>理财有风险，投资需谨慎。注意不要贪图高收益，高收益必然高风险。</t>
  </si>
  <si>
    <t>守望先锋还有人玩吗</t>
  </si>
  <si>
    <t>现在国内大约有二三百万常玩的吧</t>
  </si>
  <si>
    <t>割包皮时护士给弄射吗?</t>
  </si>
  <si>
    <t>割包皮有女护士是很正常的。女护士的主要工作也就是止血和包扎工作。</t>
  </si>
  <si>
    <t>约旦安全吗</t>
  </si>
  <si>
    <t>约旦背依美国这座大山，属于中立国，不参加巴以争斗，经济依靠旅游，今年一心搞经济，执政者必定确保国内稳定，国内比较稳定。</t>
  </si>
  <si>
    <t>约旦作为这些国家以及地区的邻国，难免会涌入大量难民；再者目前由于世界石油价格一直维持在低价位，中东国家的经济社会也是极其不稳定的。</t>
  </si>
  <si>
    <t>中国安全健康教育网可以相信吗</t>
  </si>
  <si>
    <t>中国安全健康教育网积极响应党中央提出的“把人民健康放在优先发展战略地位”思想，立足于安全、健康、环保等三大领域，持之以恒为全民提供消防安全、急救技能、环保、健康养生等全方位的知识普及，任何社会群体都可以免费报名参加讲座。</t>
  </si>
  <si>
    <t>唐嫣邱泽有没有做过爱</t>
  </si>
  <si>
    <t>他们只是普通朋友 不可能</t>
  </si>
  <si>
    <t>婴儿要穿袜子吗崔玉涛</t>
  </si>
  <si>
    <t>婴儿不会走路，不穿鞋，但要穿袜子，小婴儿穿袜子对身体健康有益，那些认为孩子小，不用穿袜子的做法是不对的，应该纠正。</t>
  </si>
  <si>
    <t>中国安全吗</t>
  </si>
  <si>
    <t>安全，至少还不不会发生大规模的战争或者局部战争。</t>
  </si>
  <si>
    <t>地球现在都不是很安全了，想要绝对的安全还是请回火星吧！</t>
  </si>
  <si>
    <t>大智慧股票会退市吗</t>
  </si>
  <si>
    <t>暂时不会被退市，但是年报公布后很可能会被退市风险警示，也就是*st.</t>
  </si>
  <si>
    <t>西野加奈在日本红吗</t>
  </si>
  <si>
    <t>是的，比较红。上过几回NHK 红白歌会了，它相当于央视春晚。</t>
  </si>
  <si>
    <t>海信可以刷机吗</t>
  </si>
  <si>
    <t>可以 到信封俱乐部下载官方rom包</t>
  </si>
  <si>
    <t>win7优化大师好用吗</t>
  </si>
  <si>
    <t>用着还行 他是专业的优化大师</t>
  </si>
  <si>
    <t>那是绝对的不好用，我用了一次后就显示此windows的副本不是正版。</t>
  </si>
  <si>
    <t>脑梗死能治好吗</t>
  </si>
  <si>
    <t>用疏通血管的物理疗法是可以治好的，因为脑梗只是粥样淤血聚集得多了，使血管的管腔变得非常小了，并不是像水泥那样堵得严密和牢固。</t>
  </si>
  <si>
    <t>233网校好不好</t>
  </si>
  <si>
    <t>233网校不错的，这个网校上的视频都是高清的，很不错</t>
  </si>
  <si>
    <t>233网校培训类太多，各个考试都没有特别的优势。以证券为例，一般般。</t>
  </si>
  <si>
    <t>论文查重笔杆网可靠吗</t>
  </si>
  <si>
    <t>在里面检测过一次 ， 写作修改一站式服务 还可以自动规范参考文献格式 个人觉得还不错！很好用！</t>
  </si>
  <si>
    <t>古方卵力活是真的吗</t>
  </si>
  <si>
    <t>挺管用</t>
  </si>
  <si>
    <t>卡罗拉混动能跑滴滴吗</t>
  </si>
  <si>
    <t>绝对可以，做优步都行，卡罗拉是支持加盟的</t>
  </si>
  <si>
    <t>我的也是卡罗拉双擎注册不了滴滴和优步，车辆不符合要求。非小型车辆。</t>
  </si>
  <si>
    <t>仓鼠咬人吗</t>
  </si>
  <si>
    <t>有些仓鼠们会咬人因为好奇所以会咬咬你的手指</t>
  </si>
  <si>
    <t>速卖通支持其他别国货币支付吗?</t>
  </si>
  <si>
    <t>支持！有以下几个国家：1.英镑（GBP）2.巴西雷亚尔（BRL）3. 美金（US）4. 俄罗斯卢布（RUB）</t>
  </si>
  <si>
    <t>凤凰游戏商城可靠吗</t>
  </si>
  <si>
    <t>可靠是可靠，不过除了侠客风云传是完整版外没有任何优势。</t>
  </si>
  <si>
    <t>不可靠</t>
  </si>
  <si>
    <t>王者荣耀英雄可以卖吗</t>
  </si>
  <si>
    <t>现在王者没出可以卖掉英雄这个功能</t>
  </si>
  <si>
    <t>欧冠8强抽签吗</t>
  </si>
  <si>
    <t>需要，而且同国球队不再回避，将于3月15日中欧时间12.00进行。</t>
  </si>
  <si>
    <t>58同城二手车靠谱吗</t>
  </si>
  <si>
    <t>有一些不可靠</t>
  </si>
  <si>
    <t>东北林业大学是211吗</t>
  </si>
  <si>
    <t>东北林业大学创建于1952年，是在浙江大学农学院森林系和东北农学院森林系基础上建立的，是中华人民共和国教育部直属重点高等学校，是国家“211工程”重点建设学校。</t>
  </si>
  <si>
    <t>隔夜的柠檬水能不能喝</t>
  </si>
  <si>
    <t>能啊 可以过一晚上不会那么快变质</t>
  </si>
  <si>
    <t>最好别喝，过夜的东西少吃，食物会产生化学作用的。</t>
  </si>
  <si>
    <t>钢化双层玻璃打孔吗?</t>
  </si>
  <si>
    <t>只要不是钢化玻璃就可以打洞。易爆裂，危险</t>
  </si>
  <si>
    <t>端午节免费吗</t>
  </si>
  <si>
    <t>无</t>
  </si>
  <si>
    <t>龟苓膏是乌龟做的吗</t>
  </si>
  <si>
    <t>龟苓膏主要由龟板、地黄、茯苓、甘草、金银花、蒲公英、菊花等十几种名贵中草药与蜂蜜精心熬炼而成，其性温和，不凉不燥，具有清热润燥、滋阴养颜、润肠通便等功效。一般是买粉成,多数不是</t>
  </si>
  <si>
    <t>杭州商住房限购吗</t>
  </si>
  <si>
    <t>杭州市区范围内正式施行住房限购政策，暂停向拥有1套及以上住房的非本市户籍居民家庭出售住房。</t>
  </si>
  <si>
    <t>柴油属于危险化学品吗</t>
  </si>
  <si>
    <t>柴油是易燃易爆品，不算危化品</t>
  </si>
  <si>
    <t>方便面是垃圾食品吗</t>
  </si>
  <si>
    <t>方便面是垃圾食品</t>
  </si>
  <si>
    <t>速度与激情8好看吗</t>
  </si>
  <si>
    <t>说实话不是很好看，而且本人不喜欢这种类型的电影。</t>
  </si>
  <si>
    <t>微信钱包不绑定银行卡能用吗</t>
  </si>
  <si>
    <t>可以的，在微信上消费或者发红包用就可以了。</t>
  </si>
  <si>
    <t>之前可以，现在完全不可以了。不绑定就用不了</t>
  </si>
  <si>
    <t>分公司是独立法人吗</t>
  </si>
  <si>
    <t>分公司没有独立法人资格,只是公司的一个分支机构，但是在民诉中分公司可以作为主体</t>
  </si>
  <si>
    <t>dnf血色残阳首饰叠加吗</t>
  </si>
  <si>
    <t>不叠加，鞋子腰带头肩也是不能叠加的</t>
  </si>
  <si>
    <t>尼康d7100是入门机吗</t>
  </si>
  <si>
    <t>非常合适，推荐初学者买这个</t>
  </si>
  <si>
    <t>尼康D7100不是入门级，是尼康中端单反机型，在这一代进步跨度比较大，尼康从此再也不说高像素无用了。</t>
  </si>
  <si>
    <t>心脏造影检查有危险吗</t>
  </si>
  <si>
    <t>任何手术多是有危险的,造影是介入检查,多会有一定的损害的,但目前来说还是很成熟的手术检查了.</t>
  </si>
  <si>
    <t>是心血管造影，这是很小的一个介入，在手腕或大腿内侧。有时造影剂会让病人不适（99%无知觉）也不会有大问题。不会有危险。</t>
  </si>
  <si>
    <t>修复的处膜能看出来吗</t>
  </si>
  <si>
    <t>修复过的处女膜看不出来，手术当时即可知道修补效果是否满意.再次初夜时一定会伴随着处女膜的破裂而疼痛并再次出血.</t>
  </si>
  <si>
    <t>京东商品好吗</t>
  </si>
  <si>
    <t>东西还不错，性价比蛮高</t>
  </si>
  <si>
    <t>同样的东西，重量没有实体店有分量；在京东，只要你付了钱，最后东西的结果如何，那就是看你的运气了。</t>
  </si>
  <si>
    <t>男生割双眼皮好吗</t>
  </si>
  <si>
    <t>双眼皮的男生看起来眼睛会更有神，更深邃迷人。</t>
  </si>
  <si>
    <t>我觉得没必要割吧，有些人割了也看不怎么出来，并且你割了以后前几天特别恐怖，出门你都得带眼镜，我觉得还是天生的比较好</t>
  </si>
  <si>
    <t>有制药厂收购羊宝吗</t>
  </si>
  <si>
    <t>收</t>
  </si>
  <si>
    <t>好像没有</t>
  </si>
  <si>
    <t>东戴河房子能买吗</t>
  </si>
  <si>
    <t>挺好的</t>
  </si>
  <si>
    <t>东戴河现在房产濒临崩溃，众多烂尾楼盘无人购买，投资商纷纷撤资，而且东戴河现在交通医疗教育生活发展很缓慢，基础设施完全跟不上，不推荐荒凉没有潜力的东戴河</t>
  </si>
  <si>
    <t>蒙迪欧1.5t动力够吗</t>
  </si>
  <si>
    <t>够用，毕竟有180的最大马力，240牛米的最大扭矩，带这1.6吨车动力还是够用的，但是感受和充沛程度肯定不如2.0T的</t>
  </si>
  <si>
    <t>乳腺纤维瘤会癌变吗</t>
  </si>
  <si>
    <t>乳腺纤维瘤确实有癌变的可能</t>
  </si>
  <si>
    <t>尼尔:机械纪元好玩吗</t>
  </si>
  <si>
    <t>非常好的游戏！主打剧情，最后揭示一切的时候会让人感叹这剧情太棒了。然而还会有很多蒙的地方，上网查剧情才发现原来这里的剧情跟很多别的东西是关联起来的，更显得剧情强大！战斗系统也不错。缺点就是细节画面略微降分以及视角不那么顺心。但是瑕不掩瑜，强烈建议玩！</t>
  </si>
  <si>
    <t>催收骚扰通讯录犯法吗</t>
  </si>
  <si>
    <t>催收部门如果是依法或依合同的规定，行使催收的权力，并不违法啊；</t>
  </si>
  <si>
    <t>农行信用币和信用卡额度共享吗</t>
  </si>
  <si>
    <t>如果你之前已经有一张农行信用卡，信用币的额度和信用卡的额度是共享的！</t>
  </si>
  <si>
    <t>顺丰速运和顺丰快递一样吗</t>
  </si>
  <si>
    <t>在生活中，顺丰速运和顺丰快递是一样的，一般快递是习惯叫法，但实际上顺丰公司的名称是顺丰速运。</t>
  </si>
  <si>
    <t>带状疱疹严重吗</t>
  </si>
  <si>
    <t>只是一种病毒的感染而已，及时的治疗就好不是什么大不了的问题</t>
  </si>
  <si>
    <t>荣誉天赋pve有用吗</t>
  </si>
  <si>
    <t>PVE天赋在任何情况下都会生效</t>
  </si>
  <si>
    <t>借记卡是信用卡吗</t>
  </si>
  <si>
    <t>银行卡从功能上可以分为借记卡和信用卡两大类。</t>
  </si>
  <si>
    <t>经期可以吃巧克力吗</t>
  </si>
  <si>
    <t>巧克力有一定的缓解痛经作用，经期可以适当吃一些，但是不要过量，以免带来肥胖等副作用。</t>
  </si>
  <si>
    <t>敌营十八年第三部有吗</t>
  </si>
  <si>
    <t>敌营十八年第三部叫做冲出敌营，已经在百度百科上有相关的剧情和导演，2012年上映了。</t>
  </si>
  <si>
    <t>婚内协议书具有法律效力吗</t>
  </si>
  <si>
    <t>只要是双方真实意思的表示且内容合法的情况下签定的婚内财产协议，就是有效的，受法律保护，对签约的双方都有约束力</t>
  </si>
  <si>
    <t>对夫妻有效，不具有对外的效力</t>
  </si>
  <si>
    <t>世界上有天堂吗</t>
  </si>
  <si>
    <t>天堂是存在的，它永远是一片心灵的沃土</t>
  </si>
  <si>
    <t>路虎质量真的那么差吗</t>
  </si>
  <si>
    <t>陆虎质量还可以，越野性能好的车子质量不会差的</t>
  </si>
  <si>
    <t>咖啡过期了还能喝吗</t>
  </si>
  <si>
    <t>问题不大，可以喝的</t>
  </si>
  <si>
    <t>不能，咖啡过期是内部生霉，这个东西本来就容易受潮，即便外表看起来无恙，也是不能再喝了，而且口感会发苦，不是原先咖啡自带的苦味了。</t>
  </si>
  <si>
    <t>微粒贷提前还款后马上能借么</t>
  </si>
  <si>
    <t>可以得，还清可以继续的</t>
  </si>
  <si>
    <t>阿里健康自营是正品吗</t>
  </si>
  <si>
    <t>可靠的</t>
  </si>
  <si>
    <t>一个朋友用了他们的药，马上上吐下泻。他们说批次问题。都说了批次，那不就是质量问题？也说正常范围内敏感，不退钱。</t>
  </si>
  <si>
    <t>北京英博肿瘤医院靠谱吗</t>
  </si>
  <si>
    <t>北京英博肿瘤医院属于正规医院，受到丰台卫生管理局和中医药管理局的审批</t>
  </si>
  <si>
    <t>连官网都没有的医院，能正规就怪了</t>
  </si>
  <si>
    <t>蛋刀能幻化吗</t>
  </si>
  <si>
    <t>幻化的基础是同种品质的同种武器，除非你能再找2把传说级主副手剑，你就可以幻化蛋刀了</t>
  </si>
  <si>
    <t>现在版本和暴雪官方公布，为了橙色武器装备的唯一性。肯定不能幻化</t>
  </si>
  <si>
    <t>斗鱼账号能不能删除</t>
  </si>
  <si>
    <t>不用就好了，信息不能删。</t>
  </si>
  <si>
    <t>消费者协会投诉有用吗</t>
  </si>
  <si>
    <t>有用。拨通12315电话后，如您需投诉或举报，请按工作人员的提示回答问题</t>
  </si>
  <si>
    <t>2017跑滴滴现在合法吗</t>
  </si>
  <si>
    <t>还可以跑的，赚钱没以前那么多</t>
  </si>
  <si>
    <t>山口山战记还会更新吗</t>
  </si>
  <si>
    <t>可以留意官网的公告，会出的</t>
  </si>
  <si>
    <t>分公司财务可以独立吗</t>
  </si>
  <si>
    <t>分公司是不可能有独立法人地位的，但可以独立核算财务，所有收支单独记帐，单独在当地报税，总公司期末汇总分公司报表。</t>
  </si>
  <si>
    <t>分公司都是汇总到总公司核算纳税的</t>
  </si>
  <si>
    <t>车上放工兵铲犯法吗</t>
  </si>
  <si>
    <t>违法，这是管制刀具，违法携带管制刀具一般情况处五日以下拘留，可以并处五百元以下。</t>
  </si>
  <si>
    <t>不算违法啊 。就是带管制刀具，也只是可以没收，你没有造成什么情况都是不可以追究你法律责任的。</t>
  </si>
  <si>
    <t>王者荣耀不同系统可以送皮肤吗</t>
  </si>
  <si>
    <t>不可以的，就比如说安卓和苹果系统的王者荣耀连大区都是不一样的，是由两个不同的公司管理的，所以不可能赠送皮肤，两个系统的王者荣耀压根不在一个频道上</t>
  </si>
  <si>
    <t>天龙八部手游可以在电脑上玩吗</t>
  </si>
  <si>
    <t>不行，手游又不是页游。不过天龙八部有PC端网游。</t>
  </si>
  <si>
    <t>36.5度正常吗</t>
  </si>
  <si>
    <t>正常，虽然说正常温度是37度，但是37.5到36.5之间是正常温度</t>
  </si>
  <si>
    <t>不锈钢保温杯可以泡茶吗</t>
  </si>
  <si>
    <t>用保温杯泡茶是可以的。</t>
  </si>
  <si>
    <t>不好，不锈钢里面的材质与茶叶所含物质会发生化学反应，影响口感及茶多酚和维生素的吸收 推荐用玻璃或陶瓷的</t>
  </si>
  <si>
    <t>一分钟就射正常吗</t>
  </si>
  <si>
    <t>属于正常的，和你性生活经验太少有关系，第一次出现时间短也是常见的，并不算异常。</t>
  </si>
  <si>
    <t>不正常，这样下去就是阳痿早泄</t>
  </si>
  <si>
    <t>人死后有灵魂吗</t>
  </si>
  <si>
    <t>灵魂真的存在。世界就是由物质组成，其中也包括时间、灵魂，时间、灵魂只是我们没有完全认识的的一种的物质形式。灵魂也是物质的，它是一种跟磁场差不多的场，我姑且叫它“灵魂场”，跟两个磁石之间有磁场是一样的。</t>
  </si>
  <si>
    <t>不会有,那只是一种传说而已。</t>
  </si>
  <si>
    <t>海尔格力空调差距大吗</t>
  </si>
  <si>
    <t>现在质量都差不多，技术也比较成熟</t>
  </si>
  <si>
    <t>红杉国际是传销吗</t>
  </si>
  <si>
    <t>是的，只要超过3代奖励都属于传销</t>
  </si>
  <si>
    <t>禽流感能治好吗</t>
  </si>
  <si>
    <t>可以治好。禽流感是指人感染性了禽流感病毒后所引起的一种急性传染性疾病。其主要病原体是禽流感病毒，其中包括H1N1,H1N9等多个分型，只及能够及早诊疗，一般情况下都是可以治愈的。</t>
  </si>
  <si>
    <t>蚊香对孕妇有影响吗</t>
  </si>
  <si>
    <t>蚊香和香烟散发出来的烟等同，对孕妇对宝宝都不好，虽然大多产品标明无毒无害，但有些驱蚊产品的成分可能对孕妇和胎儿有不利影响。</t>
  </si>
  <si>
    <t>小米5s是双卡双待吗</t>
  </si>
  <si>
    <t>支持双卡双待</t>
  </si>
  <si>
    <t>破产姐妹完结了吗</t>
  </si>
  <si>
    <t>完结了，一个一季</t>
  </si>
  <si>
    <t>目前并没有全部完结。破产姐妹现在更新到第六季第12集了哦，目前处于冬歇，第13集于北京时间1月17日回归。主演还是以前的演员，酱油角色是一直在换的。</t>
  </si>
  <si>
    <t>黄淮学院是野鸡大学吗</t>
  </si>
  <si>
    <t>不是的，黄淮学院前身是驻马店师专 驻马店工业大学（专科）等几个学校升本。</t>
  </si>
  <si>
    <t>美年大健康体检正规吗</t>
  </si>
  <si>
    <t>走个过场，结果根本不靠谱，漏诊误诊频出，垃圾中的战斗级</t>
  </si>
  <si>
    <t>赵奕欢结婚了吗</t>
  </si>
  <si>
    <t>赵奕欢结婚了</t>
  </si>
  <si>
    <t>赵奕欢还没有结婚</t>
  </si>
  <si>
    <t>支付宝余额宝有风险吗</t>
  </si>
  <si>
    <t>有 但是风险不大，任何投资都是有风险的!</t>
  </si>
  <si>
    <t>一般不会吧，只要你电脑没病毒</t>
  </si>
  <si>
    <t>咖啡零点吧是骗局吗</t>
  </si>
  <si>
    <t>这是一家骗子公司 ，不要相信。</t>
  </si>
  <si>
    <t>的确很炫酷，模式很创新，应该还算靠谱，感觉颇有前景</t>
  </si>
  <si>
    <t>公司能查到员工以前的社保记录吗</t>
  </si>
  <si>
    <t>可以看到你以前的交费情况，但是不一定能看到是哪个公司交的，不是所有地方的社保都可以显示这类信息的</t>
  </si>
  <si>
    <t>创业英雄汇是真投资吗</t>
  </si>
  <si>
    <t>多数是假的</t>
  </si>
  <si>
    <t>通灵妃千云兮有小说吗</t>
  </si>
  <si>
    <t>没有吧，应该是原创</t>
  </si>
  <si>
    <t>配眼镜瞳距重要吗</t>
  </si>
  <si>
    <t>不按瞳距做眼镜对眼睛会有很多坏处</t>
  </si>
  <si>
    <t>多肉换盆可以带原土吗</t>
  </si>
  <si>
    <t>可以，但是脱土后修根再种更有利于服盆，生长的更旺盛</t>
  </si>
  <si>
    <t>孕妇可以吃火龙果吗</t>
  </si>
  <si>
    <t>能吃。火龙果又称为吉祥果，既是一种水果又是一种很好的保健食品，它含有多种氨基酸与维生素，经常食用具有提升人体免疫力、促进胃肠消化以及预防贫血的作用。</t>
  </si>
  <si>
    <t>吃龙虾会胖吗</t>
  </si>
  <si>
    <t>会的，龙虾含有丰富的蛋白质和氨基酸以及人体所需能量，如果是麻辣龙虾还含有大量脂肪，这些能量摄入如果不能及时消耗，很容易产生累积转变为脂肪存储，造成肥胖。</t>
  </si>
  <si>
    <t>不会的，还有一定的减肥效果</t>
  </si>
  <si>
    <t>雪碧零卡发胖么</t>
  </si>
  <si>
    <t>喝雪碧容易发胖，因为这些碳酸饮料中含糖,糖的热量(卡路里)很高的,经常喝的话,比不经常喝的就要多摄入很多热量,当然容易发胖</t>
  </si>
  <si>
    <t>不会了。</t>
  </si>
  <si>
    <t>隆鼻手术好吗</t>
  </si>
  <si>
    <t>只­要­找正­规的­手­术，安­全性­以及效­果都­是有保­障的。</t>
  </si>
  <si>
    <t>小黄车充值余额能退吗</t>
  </si>
  <si>
    <t>可以退，百度客服电话。余额即刻就退回来了。押金可以手动退</t>
  </si>
  <si>
    <t>神武2好玩吗</t>
  </si>
  <si>
    <t>好玩的很</t>
  </si>
  <si>
    <t>二手房能用公积金吗</t>
  </si>
  <si>
    <t>可以的，二手房的公积金贷款和一手房的政策有些不同，一手楼贷款期限最长不得超过30年，二手楼最长不超过20年</t>
  </si>
  <si>
    <t>小刀电动车是杂牌的吗</t>
  </si>
  <si>
    <t>与爱玛和塞克比有点差距，但是比杂牌好很多，和摩托转型公司比如新大洲等相比也有一些优势。属于中等偏上水平的，年产销100万辆左右。</t>
  </si>
  <si>
    <t>idm可以下载磁力链吗</t>
  </si>
  <si>
    <t>不能，或者你向作者反馈一下。</t>
  </si>
  <si>
    <t>花呗临时额度可以分期吗</t>
  </si>
  <si>
    <t>花呗临时额度的使用还款规则和正常授信额度相同，可以分期还款。</t>
  </si>
  <si>
    <t>不能分，还款以临时额度优先，必须到期还完</t>
  </si>
  <si>
    <t>南方基金安全吗</t>
  </si>
  <si>
    <t>安全，看你怎么投资咯；南方基金，这是老牌子了，安全性同样很高，而且你买的是货币基金，风险很难出现</t>
  </si>
  <si>
    <t>不安全，最近有点问题</t>
  </si>
  <si>
    <t>cf枪王排位禁赛24小时是永久禁封么</t>
  </si>
  <si>
    <t>24小时以后就可以玩了</t>
  </si>
  <si>
    <t>银行背帐有人成功吗</t>
  </si>
  <si>
    <t>有，银行内没有黑账这么一说。</t>
  </si>
  <si>
    <t>端午节免过路费吗</t>
  </si>
  <si>
    <t>端午节不免费。免费通行的时间范围为春节、清明节、劳动节、国庆节等四个国家法定节假日，以及当年国务院办公厅文件确定的上述法定节假日连休日。</t>
  </si>
  <si>
    <t>溶血性黄疸好治吗</t>
  </si>
  <si>
    <t>溶血性黄疸不难治疗，主要是预防核黄疸的发生。因为这个病目前的治疗手段比较成熟</t>
  </si>
  <si>
    <t>中国公安大学是211吗</t>
  </si>
  <si>
    <t>中国人民公安大学是部属院校，但不是211高校。</t>
  </si>
  <si>
    <t>斯柯达yeti好不好</t>
  </si>
  <si>
    <t>是款性价比不错的SUV；绝对是可以信赖的好车。</t>
  </si>
  <si>
    <t>古天乐的最爱是宣萱吗</t>
  </si>
  <si>
    <t>关系很好，两人互相评价都很高，但不是情侣</t>
  </si>
  <si>
    <t>腿腿死了?</t>
  </si>
  <si>
    <t>是的。“腿腿”4月29日在云南昆明发生意外，被醉酒男子捅了两道，刀刀致命。</t>
  </si>
  <si>
    <t>买国际机票需要护照吗</t>
  </si>
  <si>
    <t>是的。买国际飞机票必须提供护照号码和护照有效期（去港澳台要提供赴台通行证和港澳通行证），因此，如果还没有办好护照，就不能购买国际机票。</t>
  </si>
  <si>
    <t>尖锐湿疣能不治而愈吗</t>
  </si>
  <si>
    <t>这个病不能够自愈。</t>
  </si>
  <si>
    <t>iga肾病有活50年的吗</t>
  </si>
  <si>
    <t>iga肾病只要肾功能未受到损害，中药是完全可以治愈的，可以像好人一样白头到老。</t>
  </si>
  <si>
    <t>营业执照可以随便发给别人吗</t>
  </si>
  <si>
    <t>这个没关系的，这个是做生意建立信任的基础</t>
  </si>
  <si>
    <t>百度账号可以改名字吗</t>
  </si>
  <si>
    <t>因为现在实行实名制，目前针对使用手机号、新浪帐号、QQ帐号、手机设备号注册登录的百度用户只有一次修改用户名的机会。</t>
  </si>
  <si>
    <t>百度用户名一经设置就无法再更改了，你要是不喜欢这个用户名可以重新注册一个账号设置一个喜欢的！</t>
  </si>
  <si>
    <t>朴槿惠和奥巴马睡过吗</t>
  </si>
  <si>
    <t>肯定睡过</t>
  </si>
  <si>
    <t>所谓的奥巴马睡朴槿惠事件，跟本上不存在</t>
  </si>
  <si>
    <t>yeah虚拟小号是郑爽吗</t>
  </si>
  <si>
    <t>是的，他爸承认，和杨紫互动，自己放照片音频视频证明确实是的</t>
  </si>
  <si>
    <t>假的，流言止于智者。</t>
  </si>
  <si>
    <t>土巴兔装修网可靠吗</t>
  </si>
  <si>
    <t>网络上平台很多，土巴兔还是可以的</t>
  </si>
  <si>
    <t>foss的鞋子是正品吗</t>
  </si>
  <si>
    <t>是正品，如果质量有问题，建议去退换</t>
  </si>
  <si>
    <t>圣诞开心鬼提莫有特效吗</t>
  </si>
  <si>
    <t>开心鬼没特效，原画也难看，进到里面就感觉换了顶绿色的帽子。</t>
  </si>
  <si>
    <t>网络创业网是真的吗</t>
  </si>
  <si>
    <t>是真的，不过也要谨慎些</t>
  </si>
  <si>
    <t>肯定不可靠了， 绝大部分都是虚假的，骗钱的</t>
  </si>
  <si>
    <t>精液可以吃吗</t>
  </si>
  <si>
    <t>可以的，精液由精子与精浆液组成，精浆液的主要成分为水</t>
  </si>
  <si>
    <t>2b铅笔会过期吗</t>
  </si>
  <si>
    <t>按照GB/T149-1995标准号规定，2B铅笔的保存年限应该是自生产日期起两年内，并且保存环境应是干燥、通风、0-40℃、湿度≤80%。</t>
  </si>
  <si>
    <t>铅笔是无机物，永远不过期。</t>
  </si>
  <si>
    <t>小7手游是真的吗</t>
  </si>
  <si>
    <t>手游返利神器app 这个很可靠啥啥游戏都可以 自动返利相当于 5折充值</t>
  </si>
  <si>
    <t>这是个骗子，我是已经报警了。</t>
  </si>
  <si>
    <t>京东海外购是正品吗</t>
  </si>
  <si>
    <t>京东上的商品均保证是正品行货的</t>
  </si>
  <si>
    <t>单侧鼻子出血是鼻癌吗</t>
  </si>
  <si>
    <t>不是，经常单侧鼻衄（流鼻血）说明你的鼻中隔偏曲比较明显，平时的呼吸主要是靠出血的那一侧鼻腔来进行的，导致鼻粘膜更容易受到炎症侵害和损伤引起出血。</t>
  </si>
  <si>
    <t>口袋妖怪go中国能玩吗</t>
  </si>
  <si>
    <t>现在还不能 国服还没有</t>
  </si>
  <si>
    <t>d档换s档要踩刹车吗</t>
  </si>
  <si>
    <t>自动档汽车在行驶中从D档换到S档不用踩刹车，车速很快的时候也可以换。</t>
  </si>
  <si>
    <t>全责方是否有垫付义务</t>
  </si>
  <si>
    <t>没有义务垫付，但必须赔偿</t>
  </si>
  <si>
    <t>大米有假的吗</t>
  </si>
  <si>
    <t>造假的很多。</t>
  </si>
  <si>
    <t>没有假的但是有陈的。</t>
  </si>
  <si>
    <t>jeep指南者值得买吗</t>
  </si>
  <si>
    <t>指南者目前看来还是比较有诚意的，性价比比较高。个人认为2.4L高性能版值得购买</t>
  </si>
  <si>
    <t>性能差，不舒适，动力也差劲，建议别买</t>
  </si>
  <si>
    <t>胃糜烂严重吗</t>
  </si>
  <si>
    <t>胃糜烂应该说不是特别严重，不过治疗过程是一个漫长的过程。胃溃疡与胃糜烂不同，前者穿透粘膜肌层，愈合后不可避免地留有纤维瘢痕，表面为一层上皮所覆盖，粘膜肌层不能再生，后者的定义是不穿透粘膜肌层，因而愈合后不留任何痕迹。</t>
  </si>
  <si>
    <t>懒财网理财可靠吗</t>
  </si>
  <si>
    <t>懒财网推出的产品懒财宝是全网收益最高的真活期理财，提供不低于8.00%的活期理财收益，同时您的投资还享受银行理财产品同级的安全保障。</t>
  </si>
  <si>
    <t>大圣旗舰商城是骗局吗</t>
  </si>
  <si>
    <t>放心吧，这个是正规的，选 东西当然可靠啦， 他们消费满500元可以获得一个红包，现在正在积极攒红包。</t>
  </si>
  <si>
    <t>不玩游戏需要独立显卡吗</t>
  </si>
  <si>
    <t>有必要，比如专业制图学生和3D建模师，就需要高性能的独立显卡，比如A卡，或专业级显卡</t>
  </si>
  <si>
    <t>对于不玩大型游戏的用户来说，独立显卡和集成显卡区别并不是很大的，只有在玩游戏或者对显卡要求高的软件的时候才是有区别的。</t>
  </si>
  <si>
    <t>宜信贷款可靠吗</t>
  </si>
  <si>
    <t>就是高利贷，请大家不要再去这里贷款</t>
  </si>
  <si>
    <t>二胎要办准生证吗</t>
  </si>
  <si>
    <t>二胎全面放开，生二胎不要准生证。只要生育子女之前，到户籍所在地计生办申请办理生育登记，就可以合法生育二孩。</t>
  </si>
  <si>
    <t>大熊猫淘淘还活着吗</t>
  </si>
  <si>
    <t>肯定没事的。 他身上有追踪器呢，放心吧。</t>
  </si>
  <si>
    <t>万达贷是万达集团的吗</t>
  </si>
  <si>
    <t>万达贷万达集团旗首款信贷产品</t>
  </si>
  <si>
    <t>咖啡和茶可以一起喝吗</t>
  </si>
  <si>
    <t>从营养成分上来看两者没有冲突,理论是可以一起饮用,从功能上看咖啡和茶都有醒脑提神的功效,咖啡是对脑部起作用,而茶是对肠胃起作用,咖啡和茶一起喝对身体没什么坏处,但同时喝对身体机能调节要求较高,因为身体要同时分泌两种消化酶。</t>
  </si>
  <si>
    <t>不能。两个都是含有兴奋剂成分的饮料，是不能一起喝的。</t>
  </si>
  <si>
    <t>肺部毛玻璃结节是癌吗</t>
  </si>
  <si>
    <t>考虑是肺癌的可能性大，可以结合病理检查，早期最好手术治疗，切除肿块组织，并做局部淋巴结清扫</t>
  </si>
  <si>
    <t>小天鹅空调是美的的吗</t>
  </si>
  <si>
    <t>小天鹅是美的旗下产品</t>
  </si>
  <si>
    <t>卡牛可靠吗</t>
  </si>
  <si>
    <t>很安全呀，导入的数据都保留在自己的手机本地，很放心。</t>
  </si>
  <si>
    <t>尽量不要用第三方软件来管理资金业务你不能确保它们是否会通过网络上传你的信息和数据</t>
  </si>
  <si>
    <t>睡莲根可以全水养吗</t>
  </si>
  <si>
    <t>本就水生植物，怎么不能全水养。</t>
  </si>
  <si>
    <t>不可以，如果纯水培它是不会开花给你看的，而且时间长了营养耗尽会死的</t>
  </si>
  <si>
    <t>迪丽热巴是杨幂的艺人吗</t>
  </si>
  <si>
    <t>迪丽热巴在杨幂公司旗下。</t>
  </si>
  <si>
    <t>怀孕可以化妆吗</t>
  </si>
  <si>
    <t>其实女性怀孕之后也是可以化妆的，这样不仅可以让孕妈妈的心情变得很好，也可让他人眼中多一个漂亮的孕妈妈。</t>
  </si>
  <si>
    <t>尽量别化妆</t>
  </si>
  <si>
    <t>男人出轨会付出感情吗</t>
  </si>
  <si>
    <t>只要是人，都会有心，而有心自然会付出真感情！尽管是精神出轨的男人，那他的心也是肉长的，只要不是有神经病的人，都会有真感情的。</t>
  </si>
  <si>
    <t>男人是理性的，纯粹是身体发泄</t>
  </si>
  <si>
    <t>2017福州房价还会涨吗</t>
  </si>
  <si>
    <t>涨，因为又加工资了，物价又涨了。</t>
  </si>
  <si>
    <t>乳房有结节需要治疗吗</t>
  </si>
  <si>
    <t>应该及时手术治疗， 建议你结合你的临床症状遵医嘱治疗。</t>
  </si>
  <si>
    <t>如果不疼痛，生活多加留意，含有雌激素的食物少吃，定期去检查，查看结节有没有变化，自己在家热敷、轻揉和乳房天使的红光物理按摩，小心护理，能慢慢消除的</t>
  </si>
  <si>
    <t>黄油过期 但是一直冻在冰箱里还能用吗</t>
  </si>
  <si>
    <t>不可以的，过期的黄油会滋生有害细菌，对人体不好，而且过期的黄油会流失营养产生异味，所以不可以食用。</t>
  </si>
  <si>
    <t>普吉岛下雨还能玩吗</t>
  </si>
  <si>
    <t>那边下雨一般都是阵雨，来得快，去得快。一般不会影响行程。</t>
  </si>
  <si>
    <t>捷充达是真的嘛</t>
  </si>
  <si>
    <t>挺好一个软件吧 自己也在做。</t>
  </si>
  <si>
    <t>会一步一个坑让你跳，跳进去就出不来了，我就被坑了，600块。</t>
  </si>
  <si>
    <t>阿拉斯加犬好养吗</t>
  </si>
  <si>
    <t>总体上来说，不难养，但每月要吃掉你不少钱</t>
  </si>
  <si>
    <t>阿拉斯加雪撬犬对环境的要求很高，不太好养。</t>
  </si>
  <si>
    <t>白鹿原影视城收门票吗?</t>
  </si>
  <si>
    <t>80元</t>
  </si>
  <si>
    <t>不收</t>
  </si>
  <si>
    <t>啤酒能浇花吗</t>
  </si>
  <si>
    <t xml:space="preserve">啤酒养花所以会有良好效果是因为啤酒含有大量的二氧化碳，而二氧化碳又是各种植物及花卉进行新陈代谢不可缺少的物质，而且啤酒中含有糖、蛋白质、氨基酸和磷酸盐等营养物质，有益花卉生长。 </t>
  </si>
  <si>
    <t>水贝珠宝城可以零售吗</t>
  </si>
  <si>
    <t>可以零售的啊、批发商的口号是一件也批发</t>
  </si>
  <si>
    <t>附加伤害可以叠加吗</t>
  </si>
  <si>
    <t>DNF伤害计算系统中，可以出现无数个附加伤害数值，它们之间不会冲突</t>
  </si>
  <si>
    <t>黄山一天能爬完吗</t>
  </si>
  <si>
    <t>一天是够的，关键是把握好时间，如果中午12点还没爬到天都顶，建议莲花峰还是不要去了</t>
  </si>
  <si>
    <t>maxmara是奢侈品吗</t>
  </si>
  <si>
    <t>MAX MARA是奢侈品牌。</t>
  </si>
  <si>
    <t>信用卡被盗刷能追回吗</t>
  </si>
  <si>
    <t>也不是追不回来的，我们国家的法律还是比较健全的。</t>
  </si>
  <si>
    <t>基本要不来了</t>
  </si>
  <si>
    <t>公积金退休后能全取吗</t>
  </si>
  <si>
    <t>职工离休、退休后，是可以将个人名下的住房公积金全额提取</t>
  </si>
  <si>
    <t>不可以取出来的</t>
  </si>
  <si>
    <t>王者荣耀需要充钱吗</t>
  </si>
  <si>
    <t>不是，你充钱和段位没关系</t>
  </si>
  <si>
    <t>苹果丢失模式能刷机吗</t>
  </si>
  <si>
    <t>iPhone开启丢失模式是可以刷机的，但是刷机后会要求输入Apple　ID的密码来激活，若不知道Apple　ID的密码，则手机无法使用。</t>
  </si>
  <si>
    <t>刷不掉 我们买二手都要要求别人 揭开那个iCloud密码 不然随时定位</t>
  </si>
  <si>
    <t>排阻的阻值是一样的吗</t>
  </si>
  <si>
    <t>排阻内部的电阻是一样的；正反接入电路要区分公共端，公共端阻值最小。排阻的每个电阻跟公共端的阻值是一样的。</t>
  </si>
  <si>
    <t>不一样，有一个公共端</t>
  </si>
  <si>
    <t>分居两年可以自动离婚吗</t>
  </si>
  <si>
    <t>离婚的条件之一是“因感情不和分居满两年的，调解无效的。”这是指夫妻因分居而离婚的理由，这条法定的离婚理由由两个必备要件组成，缺一不可． 因此，分居两年并不会自动离婚。</t>
  </si>
  <si>
    <t>锡纸可以放微波炉吗</t>
  </si>
  <si>
    <t>可以啊，烤东西的时候就要用锡纸包住食物才能使食物有烧烤的香味</t>
  </si>
  <si>
    <t>不行，锡纸放进去会产生高压电弧击毁微波炉</t>
  </si>
  <si>
    <t>闪电降价的东西是正品吗</t>
  </si>
  <si>
    <t>当然是正品了，现在市场反馈很好，商品质量都有保证的。</t>
  </si>
  <si>
    <t>闪电降价全是假货 没有一件正品 而且如果你退货 会钱财两空 东西退回去了 钱也不会还给你</t>
  </si>
  <si>
    <t>汽车前挡贴膜好不好</t>
  </si>
  <si>
    <t>为了控光隔热及安全考虑是必须要贴膜的.</t>
  </si>
  <si>
    <t>视线不好；车检时如果透光率不符合80%还要多交钱。一般的膜贴久了会冒泡。；</t>
  </si>
  <si>
    <t>孕妇可以吃小龙虾吗</t>
  </si>
  <si>
    <t>小龙虾并不是龙虾，而且小龙虾可能含有重金属或毒性物质，孕妇最好不要吃小龙虾！</t>
  </si>
  <si>
    <t>mfc是传销吗</t>
  </si>
  <si>
    <t>mfcclub 的项目注入了传销的基因，它鼓励但不强迫成员发展下线, 当然发展了下线提成会提高</t>
  </si>
  <si>
    <t>计算机工程好中吗</t>
  </si>
  <si>
    <t>不好中，投稿完了就要求交审稿费100，第二天就被拒了。身边同学投的都是这种情况，感觉是在骗钱。</t>
  </si>
  <si>
    <t>西安铁道技师学院是野鸡大学吗?</t>
  </si>
  <si>
    <t>不是野鸡大学，属于省属大专院校，文凭是国家认可的</t>
  </si>
  <si>
    <t>认筹金可以退吗</t>
  </si>
  <si>
    <t>认筹金是可以退的</t>
  </si>
  <si>
    <t>美丽人生是真实故事吗</t>
  </si>
  <si>
    <t>这部电影应该不是真实的，但电影发生的背景是真实的</t>
  </si>
  <si>
    <t>汇源鲜果饮是假的吗</t>
  </si>
  <si>
    <t>是汇源的，可以放心饮用。</t>
  </si>
  <si>
    <t>微信附近的人约靠谱吗</t>
  </si>
  <si>
    <t>不靠谱啊</t>
  </si>
  <si>
    <t>钱多多牧场是骗局吗</t>
  </si>
  <si>
    <t>很典型的资金盘，建议不要上当。</t>
  </si>
  <si>
    <t>不能别人做个活动，给了免费的午餐，就说三到四啊，集人气而已。</t>
  </si>
  <si>
    <t>舌尖上的中国3季出了吗</t>
  </si>
  <si>
    <t>还没有，貌似是坑了，拍摄没进展，据说导演也要辞职了，前景黯淡</t>
  </si>
  <si>
    <t>外文文献翻译查重吗</t>
  </si>
  <si>
    <t>会的。也会查重的。自己得修改一下。</t>
  </si>
  <si>
    <t>船代和货代一样吗</t>
  </si>
  <si>
    <t>船代不等于货代，货代可能是船代，船代一定是货代，船代是只做海运的， 货代呢，业务比较广，海运、空运、铁路的货都能接。</t>
  </si>
  <si>
    <t>牙套脸能恢复吗</t>
  </si>
  <si>
    <t>去掉矫正装置后，正常咀嚼，三餐定量，是可以恢复的。甚至不应该叫恢复，而应称为改善。</t>
  </si>
  <si>
    <t>辞职当月单位交社保吗</t>
  </si>
  <si>
    <t>当月的社保公司不缴纳。</t>
  </si>
  <si>
    <t>枇杷孕妇能吃么</t>
  </si>
  <si>
    <t>孕妇吃枇杷能增进食欲、消暑解渴 枇杷能刺激消化腺分泌</t>
  </si>
  <si>
    <t>发票过期未认证严重吗</t>
  </si>
  <si>
    <t>一般没有什么事</t>
  </si>
  <si>
    <t>牛皮癣可以治愈吗</t>
  </si>
  <si>
    <t>当然可以治好，夏季是治疗牛皮癣的最佳时机</t>
  </si>
  <si>
    <t>小米note有nfc功能吗</t>
  </si>
  <si>
    <t>小米note标准版和小米note顶配版均没有 配置 NFC功能</t>
  </si>
  <si>
    <t>鼻咽癌能治愈吗</t>
  </si>
  <si>
    <t>治愈，不太可能</t>
  </si>
  <si>
    <t>瓷肌产品到底好不好</t>
  </si>
  <si>
    <t>我自己在用，挺不错的。</t>
  </si>
  <si>
    <t>dnf千蛛套90版本有用吗</t>
  </si>
  <si>
    <t>效果还是不错的，作为散件搭配用也是可以的。</t>
  </si>
  <si>
    <t>win10恢复分区能删吗</t>
  </si>
  <si>
    <t>如果你确定不要，是可以删除的，</t>
  </si>
  <si>
    <t>不能，这是原厂恢复系统的分区。不要做任何改动，否则无法恢复原厂系统</t>
  </si>
  <si>
    <t>苹果6可以升级10.3吗</t>
  </si>
  <si>
    <t>iOS10支持设备包括iPhone7、iPhone7 Plus、iPhone5、iPhone5c、iPhone5s、iPhone SE、iPhone6/Plus、iPhone6s/Plus；iPad4、iPad Air、iPad Air 2、iPad Pro(9.7/12.9)、iPad mini 2、iPad mini 3、iPad mini 4，iPod方面仅有iPod Touch 6一款设备。</t>
  </si>
  <si>
    <t>ppt能放gif图吗</t>
  </si>
  <si>
    <t>可以的，ppt支持插入gif格式</t>
  </si>
  <si>
    <t>微信上被骗了钱能找回来吗</t>
  </si>
  <si>
    <t>能啊，那个需要你提供对方的信息就可以帮你找回来</t>
  </si>
  <si>
    <t>不能 微信的钱是实时到账的</t>
  </si>
  <si>
    <t>京东e卡可以充话费吗</t>
  </si>
  <si>
    <t>京东e卡不能充话费，只能用于购买京东自营的实物产品。</t>
  </si>
  <si>
    <t>端午节出生的男孩好吗</t>
  </si>
  <si>
    <t>没什么不好的，端午节也是一个很有纪念意义的日子。</t>
  </si>
  <si>
    <t>五月初五是端午节。在古人的观念中，每年农历五月五日是恶月中的恶日，是一年中毒气最盛的一天，就连此日出生的孩子，也可能会克父母，故或弃而不养，或另改出生日。</t>
  </si>
  <si>
    <t>孕妇可以吃蜂蜜吗</t>
  </si>
  <si>
    <t>可以吃的，蜂蜜有通便润肠的作用，
孕妇出现便秘时，吃蜂蜜，可使大便保持通畅。</t>
  </si>
  <si>
    <t>成人本科有用吗</t>
  </si>
  <si>
    <t>当然有用了，成教是国家承认学历，学信网可查的</t>
  </si>
  <si>
    <t>成人本科其实就是花钱买个文凭，根本派不上什么用场。</t>
  </si>
  <si>
    <t>淘宝无需物流发货对店铺有影响吗</t>
  </si>
  <si>
    <t>你这样，肯定会被封店的</t>
  </si>
  <si>
    <t>不受影响</t>
  </si>
  <si>
    <t>国庆节银行放假吗</t>
  </si>
  <si>
    <t>不一定放七天 但一定会放假的</t>
  </si>
  <si>
    <t>正常营业银行不放假</t>
  </si>
  <si>
    <t>身份证可以网上挂失吗</t>
  </si>
  <si>
    <t>身份证遗失，不能网上挂失（原则上来说，身份证遗失不需要挂失，只需要尽快补领即可），只能去派出所挂失</t>
  </si>
  <si>
    <t>同行异地存款要手续费吗</t>
  </si>
  <si>
    <t>不收手续费，是免费的；现在手续费取消了，人民银行在去年年底就发布了取消同行异地存取款手续费的通知，只有异地跨行存取款才收费</t>
  </si>
  <si>
    <t>oppo vivo是一家吗</t>
  </si>
  <si>
    <t>是一家，叫法不一样而已</t>
  </si>
  <si>
    <t>OPPP手机是欧珀移动公司的，VIVO手机是2011年步步高通信推出的智能手机品牌</t>
  </si>
  <si>
    <t>有做美容冠后悔的吗</t>
  </si>
  <si>
    <t>我好后悔，以后身体哪里有病一定要去正规的医院，正规的医院不可能提倡美容冠，他们一般都是劝保留自己的牙齿。正规医院合理收费，合理诊断，不会像这些私人医院为了获利就不顾他人痛苦。</t>
  </si>
  <si>
    <t>为什么后悔，如果是做的效果不满意可以找大夫给你重新制作。如果是想回复到以前的模样不可能了。</t>
  </si>
  <si>
    <t>坐高铁可以带酒吗</t>
  </si>
  <si>
    <t>根据铁路总公司的相关规定，旅客乘高铁可以携带酒，只要是在规定重量范围内。</t>
  </si>
  <si>
    <t>工作期间突发脑溢血算工伤吗</t>
  </si>
  <si>
    <t>算，如果之前是健康的，突发性的前提是加班或过多工作任务造成，担80％。</t>
  </si>
  <si>
    <t>梦幻诛仙2还有人玩吗</t>
  </si>
  <si>
    <t>还是有不少人玩的</t>
  </si>
  <si>
    <t>儿童肺炎一定要输液吗</t>
  </si>
  <si>
    <t>当然首先是口服药物,确实不行的才输液治疗</t>
  </si>
  <si>
    <t>吴尊 是文莱华人吗</t>
  </si>
  <si>
    <t>他祖籍福建金门，由祖父移民至文莱，目前是文莱籍华人。</t>
  </si>
  <si>
    <t>脓包不挤掉会自己消吗</t>
  </si>
  <si>
    <t>是会自己消除的，但是时间要长很多。</t>
  </si>
  <si>
    <t>不会、很肯定的告诉你、必须等成熟了挤出来</t>
  </si>
  <si>
    <t>小米6问题解决了吗</t>
  </si>
  <si>
    <t>已经在解决了，充电重启问题，是由于骁龙835的原因，高通工程师已经进驻小米，会通过推送更新的方式解决。</t>
  </si>
  <si>
    <t>游泳能减肥吗</t>
  </si>
  <si>
    <t>可以的，据测定，肥胖者以每分钟游50米的速度速度坚持每天游500米，每月可消耗的脂肪数为5公斤，除去食物中补充适量的脂肪外，仍可逐步消耗体内多余的脂肪，而达到减肥。</t>
  </si>
  <si>
    <t>arraylist线程安全吗</t>
  </si>
  <si>
    <t>ArrayList非线程安全，但却解约系统性能</t>
  </si>
  <si>
    <t>四库一平台会影响证书挂靠吗</t>
  </si>
  <si>
    <t>应该会被查出，通过身份证号可以查出你有几个证，都注册在哪，国家要求证书只准注册在一个单位，人证合一</t>
  </si>
  <si>
    <t>福州台江医院靠谱吗</t>
  </si>
  <si>
    <t>口碑还是不错的，良心推荐。</t>
  </si>
  <si>
    <t>减脂期间能喝蛋白粉吗</t>
  </si>
  <si>
    <t>既想减脂又想增肌的人完全可以正常食用蛋白粉</t>
  </si>
  <si>
    <t>保健品大多是垃圾，最好远离。</t>
  </si>
  <si>
    <t>中介不退押金能报警吗</t>
  </si>
  <si>
    <t>可以报警；但报警没用，民警说你这是经济纠纷，找经济警察，经济警察说你金额太小，不够立案。</t>
  </si>
  <si>
    <t>乌鸡白凤丸能治疗痛风吗</t>
  </si>
  <si>
    <t>乌鸡白凤丸具有补气养血、调经止带之功效，对痛风治疗不起什么作用的。建议到医院做进一步的治疗。</t>
  </si>
  <si>
    <t>金希澈郭雪芙有联系吗</t>
  </si>
  <si>
    <t>好朋友呢,当然会联系,现在在ig上偶尔也有互动</t>
  </si>
  <si>
    <t>应该不会有联系了</t>
  </si>
  <si>
    <t>脂肪肝要不要治疗</t>
  </si>
  <si>
    <t>对脂肪肝患者来说真正可怕的不是脂肪肝本身而是肝损伤所以一定要尽早治疗尽早恢复</t>
  </si>
  <si>
    <t>金尊皇帝油有没有副作用</t>
  </si>
  <si>
    <t>副作用，是药三分毒，多少都有点的吧。</t>
  </si>
  <si>
    <t>今日头条销售好做吗</t>
  </si>
  <si>
    <t>有前景，今日头条发展很快，短短三年时间就有今天的规模，而且现在自媒体正处于井喷时候。</t>
  </si>
  <si>
    <t>黄豆枕头能治颈椎病吗</t>
  </si>
  <si>
    <t>可以改善 颈椎。。。。</t>
  </si>
  <si>
    <t>枕头填充物非常重要，化纤、棉絮、海棉等人造纤维填充的枕头透气性差，荞麦黄豆等谷物类的材质填充的枕芯虽然取材天然，但是更容易生虫而且尖锐的外壳很容易透出面料，刺激皮肤，并且支撑性不太好。</t>
  </si>
  <si>
    <t>胡歌是果粒橙总裁吗</t>
  </si>
  <si>
    <t>这个只是广告宣传的，果粒橙的总裁也是可口可乐大中华的总裁。胡歌是果粒橙的新代言人。</t>
  </si>
  <si>
    <t>德邦物流能托运汽车吗</t>
  </si>
  <si>
    <t>这个是不能的，汽车托运一般的公司干不了，你可以找专业公司咨询。</t>
  </si>
  <si>
    <t>粉碎性骨折能治好吗</t>
  </si>
  <si>
    <t>能治好，但是不能完全恢复，恐怕会有后遗症。</t>
  </si>
  <si>
    <t>京东能不能分期</t>
  </si>
  <si>
    <t>点击购买按钮旁边的“分期付款”按钮，在弹出的对话框中可以看出京东支持招商银行、光大银行、民生银行三家银行的分期付款按钮。</t>
  </si>
  <si>
    <t>酒精过敏的人能喝酒吗</t>
  </si>
  <si>
    <t>可以，我们大家都在喝</t>
  </si>
  <si>
    <t>最好不要喝，很危险的</t>
  </si>
  <si>
    <t>单身证明是不是未婚证</t>
  </si>
  <si>
    <t>未婚证明又叫做”单身证明“，法律上的全名叫做“无婚姻登记记录证明”，是证明当事人截止到某个时间是否在民政部门有过婚姻登记的书面证明，一般由户口所在地的民政部门（婚姻登记机关）开具。</t>
  </si>
  <si>
    <t>淘宝提前收款要利息吗</t>
  </si>
  <si>
    <t>提前收款的扣款利息为本金的2%</t>
  </si>
  <si>
    <t>没有手续费的呀</t>
  </si>
  <si>
    <t>王者荣耀淘宝代充会不会有事</t>
  </si>
  <si>
    <t>代充什么的最好别信，很多都是骗子</t>
  </si>
  <si>
    <t>非跨行工作时间是否下一工作日处理</t>
  </si>
  <si>
    <t>不是，30分钟；感觉应该选择否</t>
  </si>
  <si>
    <t>息肉切除后还会癌变吗</t>
  </si>
  <si>
    <t>不会 只是肠息肉还会长</t>
  </si>
  <si>
    <t>gtx650能玩h1z1吗</t>
  </si>
  <si>
    <t>玩倒是没有太多问题，但也只能低特效</t>
  </si>
  <si>
    <t>有癫痫病治好的吗</t>
  </si>
  <si>
    <t>只要及时治疗，选择正确的治疗方法，百分之八十的患者还是可以完全控制不发作和治愈的</t>
  </si>
  <si>
    <t>于承惠是于荣光父亲吗</t>
  </si>
  <si>
    <t>于荣光父亲：于鸣奎。</t>
  </si>
  <si>
    <t>仰卧起坐能练出腹肌吗</t>
  </si>
  <si>
    <t>好看的腹肌离不开仰卧起坐，每天300个，只要动作标准</t>
  </si>
  <si>
    <t>仰卧起坐对于锻炼腹肌有一定作用，但是永远只做仰卧起坐是练不好腹肌的</t>
  </si>
  <si>
    <t>以津真天厉害吗</t>
  </si>
  <si>
    <t>还是姑姑鸟和吸血姬比较好。</t>
  </si>
  <si>
    <t>北京spa全身有飞机吗</t>
  </si>
  <si>
    <t>正规服务不会有的。</t>
  </si>
  <si>
    <t>鬼魂真实存在吗</t>
  </si>
  <si>
    <t>有鬼存在，鬼就是死去人在人世间留着的一部分灵体，有灵性能量支持，有部分对周围事物的感知，但不是人般齐全能感知周遭一切。</t>
  </si>
  <si>
    <t>没有！ 要相信科学！</t>
  </si>
  <si>
    <t>不动产权书是房产证吗</t>
  </si>
  <si>
    <t>不动产包括房产、地产、耕地、林地等等。房产是其中的一类。</t>
  </si>
  <si>
    <t>冠军典狱长是限定吗</t>
  </si>
  <si>
    <t>不是的 不限定 随时可以买</t>
  </si>
  <si>
    <t>百香果可以放冰箱吗</t>
  </si>
  <si>
    <t>可以的，将百香果用保鲜膜一个个包好后放在冰箱的冷藏室储存，主要要尽快食用，或者加工成果酱储存。</t>
  </si>
  <si>
    <t>尤克里里好学吗</t>
  </si>
  <si>
    <t>尤克里里挺好学的。</t>
  </si>
  <si>
    <t>玩弄乳头会让乳头变大?</t>
  </si>
  <si>
    <t>不会变大，不过当你生过小孩子，并用母乳喂养，以后奶头会变大，变黑。</t>
  </si>
  <si>
    <t>金福南杀人是真实的吗</t>
  </si>
  <si>
    <t>真实事件改编的 岛上的妇女真的会被欺负</t>
  </si>
  <si>
    <t>当然不是真的了，是导演自己编写的剧本。</t>
  </si>
  <si>
    <t>维生素c和b族可以一起吃吗</t>
  </si>
  <si>
    <t>转氨酶100多严重吗</t>
  </si>
  <si>
    <t>是严重的，提示有肝功能的损伤症状，需要积极保肝治疗为宜。</t>
  </si>
  <si>
    <t>脂肪填充是永久的吗</t>
  </si>
  <si>
    <t>应该是的</t>
  </si>
  <si>
    <t>怀孕能喝咖啡吗</t>
  </si>
  <si>
    <t>答案是可以，只要不过量，你还是可以继续享用咖啡。</t>
  </si>
  <si>
    <t>不要喝.有咖啡因会引起兴奋.宫缩的可能.孕期不能吃刺激性东西.</t>
  </si>
  <si>
    <t>洗米水可以浇花吗</t>
  </si>
  <si>
    <t>淘米水可以浇花，但淘米水含大量淀粉，总直接浇淘米水，时间长了会让土壤板结，最好是用发酵后的淘米水，能改变土壤酸碱度，利于植物生长。</t>
  </si>
  <si>
    <t>直接用淘米水浇花并不好。长期下来会造成盆花土壤板结，阻碍植物根系的呼吸，浇的过多还会灼伤植株的根系。发酵淘米水稀释后肥力较缓和，可以代替自来水浇花，改善土质也不错</t>
  </si>
  <si>
    <t>散打是中国的吗</t>
  </si>
  <si>
    <t>散打是中国武术。散打，是按照西方体育的模式在擂台上有规则的击倒对手。散打通过对传统技击术进行归纳、整理，舍弃它们的具体形态；找出其中带有共性的规律的动作在擂台上使用。是中国近代产生的搏击术，创立的条件抽象出中国各门各派传统武术的共性手法，吸取甚至照搬国外搏击术，所以看起来有很多国外的搏击的影子。</t>
  </si>
  <si>
    <t>除螨仪到底有没有用</t>
  </si>
  <si>
    <t>肯定有用的，紫外线可以杀死大部分螨虫、细菌和病毒。</t>
  </si>
  <si>
    <t>5月一带一路大会放假吗</t>
  </si>
  <si>
    <t>星期日，正常休息的。</t>
  </si>
  <si>
    <t>不煲耳机自然听可以吗</t>
  </si>
  <si>
    <t>自然听也是在煲。注意的也就是音量低一点，200小时后就差不多了</t>
  </si>
  <si>
    <t>亚粮储集团融资合法吗</t>
  </si>
  <si>
    <t>纯骗子，建议直接举报</t>
  </si>
  <si>
    <t>自学中医可以考证吗</t>
  </si>
  <si>
    <t>可以的， 考证程序上很容易啊，我们国家有规定的。</t>
  </si>
  <si>
    <t>不能考证的。不过你可以找个民间中医，考中医师承的中医证</t>
  </si>
  <si>
    <t>白癜风可以治愈吗</t>
  </si>
  <si>
    <t>白癜风是可以治疗的。一般来说，皮损面积小，病程短，容易治疗</t>
  </si>
  <si>
    <t>微软雅黑是方正字体吗</t>
  </si>
  <si>
    <t>微软正黑与微软雅黑两者均属于方正字体</t>
  </si>
  <si>
    <t>不是，是微软的，方正也有自己的雅黑</t>
  </si>
  <si>
    <t>川崎病能治好吗</t>
  </si>
  <si>
    <t>可以治愈的，主要治疗原则是控制血管炎</t>
  </si>
  <si>
    <t>洋葱能去除甲醛吗</t>
  </si>
  <si>
    <t>能，新装修好的房子里甲醛超标，可以用洋葱来吸除</t>
  </si>
  <si>
    <t>甲醛属化学用品，并非简单使用天然植物——茶叶、洋葱等可以对付。</t>
  </si>
  <si>
    <t>杀手螺会爆缸吗</t>
  </si>
  <si>
    <t>杀手螺生长缓慢，比较难繁殖。不会爆缸的。</t>
  </si>
  <si>
    <t>铁线虫有没有天敌</t>
  </si>
  <si>
    <t>没有天敌，是寄生虫。</t>
  </si>
  <si>
    <t>激光脱毛真的会永久吗</t>
  </si>
  <si>
    <t>是永久的，但一般要做四五次才能达到永久脱毛。</t>
  </si>
  <si>
    <t>家用电磁炉有辐射吗</t>
  </si>
  <si>
    <t>有，电磁炉属于辐射比较大的家用电器</t>
  </si>
  <si>
    <t>网站赌博输钱报警有吗</t>
  </si>
  <si>
    <t>大疆无人机是中国的吗</t>
  </si>
  <si>
    <t>大疆是国内做的最好的无人机！</t>
  </si>
  <si>
    <t>是国内的。国内比较有名的是大疆、零度、极飞、劲鹰等。</t>
  </si>
  <si>
    <t>中国，总部在深圳！</t>
  </si>
  <si>
    <t>蚕丝被可以水洗吗</t>
  </si>
  <si>
    <t>一般而言蚕丝被是不能水洗的，特别是100%桑蚕丝、柞蚕丝之类的长丝绵做的。因为这些被子水洗之后蚕丝容易板结粘连失去了蓬松感和保暖性。但是部分蚕丝被还是可以直接水洗的，洗后甩干晾晒拍打即可。主要包括以下几种：第一种：短丝绵制作的蚕丝被，本身纤维就比较短，蓬松感好。经过绗缝之后是可以水洗的。 第二种：跟化学纤维混合的蚕丝被，由于化纤可以水洗加上蓬松感好的特性，只要蚕丝含量不多是可以水洗的第三种：部分特殊制作的可水洗桑蚕丝、柞蚕丝被，这些被子都有2个特点，比较薄、同时经过了绗缝。只有薄的才能保证水洗之后不容易过分粘连，同时绗缝处理还能将蚕丝分隔开来。</t>
  </si>
  <si>
    <t>蚕丝被清洗注意事项：1、蚕丝被有3层的，蚕丝、内套、被套，蚕丝+内套就是所谓的被芯，不能水洗(可水洗蚕丝凉被除外)。被套可以拆下来洗。所以有被套保护一般里面不会脏的。2、蚕丝不容易产生静电的，所以不会像化纤被、羊毛被一样吸附灰尘和脏东西。里面就算用了好几年也是很干净的。所以不用担心。3、假如里面的被芯不小心沾染了污渍，可以用中性洗涤液局部擦拭于阴凉处晾干。自己不能处理的可以到干洗店做局部处理。</t>
  </si>
  <si>
    <t>龚如心有孩子吗</t>
  </si>
  <si>
    <t>一年换一次机油可以吗</t>
  </si>
  <si>
    <t>一年保养一次应该问题不大，首先要保证行驶的里程不超5000公里，其次是你使用的机油的质量和级别如何，质量好的级别高的那当然可以延长换油的时间。</t>
  </si>
  <si>
    <t>如果是好车的话不建议这样，如果实在开的少的话，可以换好一点的一年更换一次也行。</t>
  </si>
  <si>
    <t>开得少可以的。</t>
  </si>
  <si>
    <t>王者荣耀连胜成就人机可以吗</t>
  </si>
  <si>
    <t>百度账号能改名字吗</t>
  </si>
  <si>
    <t>百度账号名一经注册不能修改。</t>
  </si>
  <si>
    <t>海水缸好养吗</t>
  </si>
  <si>
    <t>刚接触肯定不好养，慢慢积攒经验，时间久了没什么难的。</t>
  </si>
  <si>
    <t>壁虎会咬人吗</t>
  </si>
  <si>
    <t>壁虎在正常情况下是不会咬人的，若是激怒了小壁虎，它同样是会咬人的壁虎通常以昆虫为食。</t>
  </si>
  <si>
    <t>壁虎不但不会咬人，夏天还可以帮你驱蚊子。</t>
  </si>
  <si>
    <t>苹果恢复大师有用吗</t>
  </si>
  <si>
    <t>不是处女还会有爱情吗</t>
  </si>
  <si>
    <t>只要是真心真爱的人是会有人相爱的，其它的都没有关系。这是胜于一切。</t>
  </si>
  <si>
    <t>某个男人真心爱你就不介意你是不是处女,处不处女对爱情不会有影响，都可以有最美好的爱情。</t>
  </si>
  <si>
    <t>早上喝酸奶好吗</t>
  </si>
  <si>
    <t>酸奶不宜空腹饮用。因为空腹饮用酸奶能使胃酸浓度增高，活的乳酸菌易被杀死，而使保健作用降低。因此早上喝酸奶时，最好先喝一杯白开水。</t>
  </si>
  <si>
    <t>早上时，人的胃酸是一天中分泌最多的时候，如果这时不吃早餐光喝酸奶的话，那就是害上加害。</t>
  </si>
  <si>
    <t>不能本身一宿后，胃基本空喝酸奶，增加胃酸 更难受。早晨不管喝牛奶、 酸奶、 豆浆都忌讳空腹 ，喝白水没事。</t>
  </si>
  <si>
    <t>生化危机7恐怖吗</t>
  </si>
  <si>
    <t>开头恐怖，后面乏味。</t>
  </si>
  <si>
    <t>胆子小的玩之前还是考虑一下。</t>
  </si>
  <si>
    <t>游戏是第一视角，而且大多数要在封闭狭小的空间中探索，所以诡异的音乐配合冷不丁出来的怪很带感、很刺激，找到了久违的生化感觉。</t>
  </si>
  <si>
    <t>115网盘还能用吗</t>
  </si>
  <si>
    <t>现在的核心功能只有开通会员才能用，普通用户无法使用。</t>
  </si>
  <si>
    <t>正经女人会穿吊袜带吗</t>
  </si>
  <si>
    <t>什么样的女人都有可能穿吊带袜。</t>
  </si>
  <si>
    <t>中年的妈妈会穿，跳舞的会穿。</t>
  </si>
  <si>
    <t>猫不打疫苗可以吗</t>
  </si>
  <si>
    <t>只要不放他出去，在家养 ，没必要。</t>
  </si>
  <si>
    <t>城里的可能要！但农村的没有哪只猫狗打过疫苗。</t>
  </si>
  <si>
    <t>不可以，一定要注射疫苗。</t>
  </si>
  <si>
    <t>生殖器疱疹能治愈吗</t>
  </si>
  <si>
    <t>非常难以根治。</t>
  </si>
  <si>
    <t>治不好。</t>
  </si>
  <si>
    <t>子宫囊肿要手术吗</t>
  </si>
  <si>
    <t>对于散在的比较小的宫颈腺囊肿一般不需治疗，只要每年检查即可；对于密集的较小的纳氏囊肿或比较大的囊肿，可考虑光疗、激光、微波、自凝刀等物理治疗；对于较大的突出于宫颈表面的，可考虑电刀切除治疗。</t>
  </si>
  <si>
    <t>治疗子宫囊肿并不难，一般先要检查清楚哪一种病菌感染引起了宫颈炎，检查清楚后针对感染引起相应的治疗。如果囊肿小，TCT检查是正常的，不需要治疗的。对于不宜消退的囊肿，可以先将其刺破，之后再用激光、冷冻等方法将其烧掉。</t>
  </si>
  <si>
    <t>如果囊肿很小，不影响生理功能，一般口服药物治疗就可以消退，如果处于重要位置，影响到了生理功能，并且有明显的临床症状， 建议及时进行手术治疗。</t>
  </si>
  <si>
    <t>百香果籽要不要嚼</t>
  </si>
  <si>
    <t>百香果籽食用时可以不用嚼碎。</t>
  </si>
  <si>
    <t>vr伤眼睛吗</t>
  </si>
  <si>
    <t>肯定伤害眼镜，关键看这个眼镜有没有进行保护处理，就相当于看电子产品。</t>
  </si>
  <si>
    <t>千万不要长时间用。用了之后眼球有明显的疼痛感，而且特不舒服。</t>
  </si>
  <si>
    <t>佩戴时会带给用户对头部和颈椎的压迫感。从原理上讲，VR头盔采用手机屏做显示器的方式，等于让用户在2至3CM距离观看手机，对眼睛的直接伤害可想而知；并且近距离用眼时，眼睛需要一个调节，调节功能使用多了，会导致调节紧张与痉挛，也就是俗称假性近视。显示屏的分辨率低，经过光学放大后画面模糊不清，也会导致眩晕及眼疲劳，久而久之形成近视。</t>
  </si>
  <si>
    <t>遗嘱公证是否子女都要到场</t>
  </si>
  <si>
    <t>公证遗嘱不需要儿女到场、签字，也不需要发布公告。</t>
  </si>
  <si>
    <t>遗嘱公证不需要子女都要到场，即使一个子女都不到场，只要遗嘱人到场，有两名或两名以上的公证员进行公证即可。</t>
  </si>
  <si>
    <t>中国武术真的厉害吗</t>
  </si>
  <si>
    <t>的确很厉害的。</t>
  </si>
  <si>
    <t>头朝西睡觉好吗</t>
  </si>
  <si>
    <t>通风就好，最好避光，会让您睡眠状态更好，其实向哪边睡，都可以的，如果不舒服就换位置。</t>
  </si>
  <si>
    <t>不好。最忌讳的头朝西睡，因为这会受磁力线干扰不说，还有一点是西方乃阴寒之地，容易引起机体的衰弱。</t>
  </si>
  <si>
    <t>扁桃仁孕妇可以吃吗</t>
  </si>
  <si>
    <t>适量的可以吃，这并没有什么限制。只要多吃蔬菜、水果、肉类、牛奶营养均衡就可以了。</t>
  </si>
  <si>
    <t>孕妇是可以吃扁桃仁的，少量的食用对孕妇的身体是没有坏处的，不过不建议大量服用，以免引起不必要的不良反应。</t>
  </si>
  <si>
    <t>桃仁别名毛桃仁、扁桃仁，有一定活血祛瘀的功效，故孕妇忌服。</t>
  </si>
  <si>
    <t>水务局算好单位吗</t>
  </si>
  <si>
    <t>不管哪个市，水务局都是好单位。</t>
  </si>
  <si>
    <t>是很好的岗位。</t>
  </si>
  <si>
    <t>是事业单位，挺好的。</t>
  </si>
  <si>
    <t>鼻炎会传染吗</t>
  </si>
  <si>
    <t>据资料显示,过敏性鼻炎是不传染的。 过敏性鼻炎会传染吗?过敏过敏性鼻炎平时无症状,发作时会鼻痒、打喷嚏、流清涕、鼻塞、喉间有痰、慢性咳嗽等。</t>
  </si>
  <si>
    <t>鼻炎是不会传染的。</t>
  </si>
  <si>
    <t>鼻炎本质上是不会传染的，但鼻炎引起的感冒发烧会传染别人，如果对方抵抗力不足常因受鼻炎者感冒传染，久而久之也会得鼻炎。</t>
  </si>
  <si>
    <t>凤凰古城被淹了吗</t>
  </si>
  <si>
    <t>通过手机号能查到个人信息么</t>
  </si>
  <si>
    <t>不可以，手机号绑定信息不会被营业厅透露，如果透露就是侵犯他人隐私。</t>
  </si>
  <si>
    <t>差不多，可以查到姓名，地址权限大的话还能查到身份证号。</t>
  </si>
  <si>
    <t>普通人是无法办到的，不过警方与运营商内部人员，都是可以查到的。</t>
  </si>
  <si>
    <t>新新球鞋网是正品吗</t>
  </si>
  <si>
    <t>新新球鞋网真假混着卖的。</t>
  </si>
  <si>
    <t>网卖的是真。</t>
  </si>
  <si>
    <t>戴避孕套好吗</t>
  </si>
  <si>
    <t>其实安全套是非常理想的避孕措施，非常的适合长期的避孕。</t>
  </si>
  <si>
    <t>安全套能防病,这是不容置疑的。但女性得妇科炎症几率高。</t>
  </si>
  <si>
    <t>脱髓鞘病变会自愈吗</t>
  </si>
  <si>
    <t>土豆和鸡蛋能一起吃吗</t>
  </si>
  <si>
    <t>分两种情况：1、二者之间若是混炒或者是单独煮、炒熟后同时吃都没问题，放心受用，有营养的好食品。2、二者之间绝不能同时放在一起煮熟，煮熟的土豆没问题，但鸡蛋有毒，人吃后会被毒死的。</t>
  </si>
  <si>
    <t>鸡蛋和土豆可以在一起吃。但鸡蛋熟的快，土豆慢。是鸡蛋与豆浆不可同食。</t>
  </si>
  <si>
    <t>脑膜炎可以治好吗</t>
  </si>
  <si>
    <t>控制的好完全可以治愈的，脑膜炎是一种娇嫩的脑膜或脑脊膜（头骨与大脑之间的一层膜）被感染的疾病。此病通常伴有细菌或病毒感染身体任何一部分的并发症，比如耳部、窦或上呼吸道感染。细菌型脑膜炎是一种特别严重的疾病需及时治疗。如果治疗不及时，可能会在数小时内死亡或造成永久性的脑损伤。病毒型脑膜炎则比较严重但大多数人能完全恢复，少数遗留后遗症。</t>
  </si>
  <si>
    <t>减肥期间能吃凉皮吗</t>
  </si>
  <si>
    <t>凉皮是可以吃的，只不过没有什么营养，但是对减肥不会起到阻碍。</t>
  </si>
  <si>
    <t>可以吃，凉皮本来就是脂肪少的食物，很适合吃。</t>
  </si>
  <si>
    <t>你的名字好看吗</t>
  </si>
  <si>
    <t>好看，豆瓣影评挺高。</t>
  </si>
  <si>
    <t>熊去氧胆酸胶囊保肝吗</t>
  </si>
  <si>
    <t>可促进内源性胆汁酸的分泌，减少重吸收；拮抗疏水性胆汁酸的细胞毒作用，保护肝细胞膜；溶解胆固醇性结石以及抗肿瘤和利胆等作用。</t>
  </si>
  <si>
    <t>熊去氧胆酸胶囊临床上主要用于治疗胆汁淤积性肝并胆囊结石、胆囊炎、肝炎、胃炎等疾病，一般在胆囊结石时最常用。</t>
  </si>
  <si>
    <t>36.2体温正常吗</t>
  </si>
  <si>
    <t>正常，人的正常腋表体温是36-37度。</t>
  </si>
  <si>
    <t>正常体温液下为36.2-37.2度。</t>
  </si>
  <si>
    <t>绝地求生大逃杀要钱吗</t>
  </si>
  <si>
    <t>在IGXE上买便宜。</t>
  </si>
  <si>
    <t>现在是测试，公测在发布后，是需要购买的。</t>
  </si>
  <si>
    <t>售价98。</t>
  </si>
  <si>
    <t>山东科技大学是211吗</t>
  </si>
  <si>
    <t>不是。山东211大学有:山东大学、中国石油大学、中国海洋大学。</t>
  </si>
  <si>
    <t>绝地大逃杀需要加速器吗</t>
  </si>
  <si>
    <t>这个可以先根据你的情况而定，网络不好，配置一般的话是可以用的，特别是加速器，像奇游这样的用一个稳定网络环境也可以，避免玩着出现一些网络问题。</t>
  </si>
  <si>
    <t>绝地求生大逃杀目前在Steam平台可以玩预览版，售价为98块钱，游戏目前没有开放国服，有亚洲服，部分沿海地区可以裸连，如果延迟丢包比较严重，可以试下熊猫加速器。</t>
  </si>
  <si>
    <t>小米6是双卡吗</t>
  </si>
  <si>
    <t>小米6是双卡双待。</t>
  </si>
  <si>
    <t>二胎顺产会比较快吗</t>
  </si>
  <si>
    <t>看人的体质，总体来说是。</t>
  </si>
  <si>
    <t>如果第一胎是顺产的话，第二胎会是较好生的，不过前提是第二胎在怀孕过程中不会出什么别的意外。</t>
  </si>
  <si>
    <t>一般会更快。</t>
  </si>
  <si>
    <t>占用公摊面积是否违法</t>
  </si>
  <si>
    <t>是违反物权法和物业管理条例的。</t>
  </si>
  <si>
    <t>绝地大逃杀要加速器吗</t>
  </si>
  <si>
    <t>这个你可以先根据你的情况而定，网络不好，配置一般的话是可以用的，特别是加速器，像奇游这样的用一个稳定网络环境也可以，避免玩着出现一些网络问题。</t>
  </si>
  <si>
    <t>做肛肠镜检查疼吗</t>
  </si>
  <si>
    <t>不会有痛苦感的，但会有些不适感。因为为了便于进镜或看清肠腔的粘膜形态，有时需要向肠腔内注入少量空气以扩张或暴露肠腔，此时患者常感到腹胀，有解大便的感觉；另外，由于大肠弯曲迂回，有时肠子的弯曲角度太大，或患者有腹部手术史，肠粘连，肠镜在通过时，患者会感到一些胀痛。这时最好作深呼吸，不要过度紧张，否则易发生肠痉挛，增加医生进镜的难度与风险，延长操作时间。这些注意事项做肛肠镜检查的时候医生会边做边说的。</t>
  </si>
  <si>
    <t>如果只是怀疑是痔疮，除非做手术，否则一般不用做肠镜，只是简单地做个直肠指检就行了，1~2分钟搞定！基本无痛苦。</t>
  </si>
  <si>
    <t>杨俊毅于波关系好吗</t>
  </si>
  <si>
    <t>他们都是同一个公司的，而且是同一个经纪人，周易影视的，周易的老板蒋小姐既是制片人，也是他们的经纪人，所以他们总在一起搭戏，而且他们二人本身关系也很好，性格能互补，杨热情不羁，波则平静淡泊。</t>
  </si>
  <si>
    <t>针灸后可以洗澡吗</t>
  </si>
  <si>
    <t>扎针灸是不影响洗澡的，建议扎针后没有不适的话，一个小时后可以洗澡了。</t>
  </si>
  <si>
    <t>针灸后第一天不能碰凉水，避免寒湿邪气入侵，针灸后应当避风，特别是空调，乍热乍凉对针灸后敏感的身体经络伤害是很大的。</t>
  </si>
  <si>
    <t>菏泽会发展为大城市吗</t>
  </si>
  <si>
    <t>现在的菏泽那是相当的昌盛。</t>
  </si>
  <si>
    <t>迪肯大学回国承认吗</t>
  </si>
  <si>
    <t>学历得到中国政府的认可。</t>
  </si>
  <si>
    <t>王宝强女儿是亲生的吗</t>
  </si>
  <si>
    <t>鸡眼会自己消失吗</t>
  </si>
  <si>
    <t>一般的话是不会的，还是要积极的治疗的。</t>
  </si>
  <si>
    <t>每天用风油精涂抹患处，连续涂抹几个星期鸡眼可逐渐消失，或用一汤匙食盐加水煮沸，或用开水化开，待稍凉后烫脚，烫后擦干即可，每天烫脚两次，一次20到30分钟，一周左右，鸡眼就可以脱落。</t>
  </si>
  <si>
    <t>吉利新帝豪怎么样值得购买吗</t>
  </si>
  <si>
    <t>帝豪是卖的最好的国产轿车，空间大，性价比高，保养方便。吉利收购沃尔沃后，吉利自己的车也有了自己的技术地支持。车质量也有了保证。早已不是四个轮子加两排沙发的时代了。</t>
  </si>
  <si>
    <t>吉利做的最好，销量最大 就是帝豪了。这款车，经得起时间的考验。市场保有量，我开过经典帝豪，开了3年半。中途。有几个小问题，加上厂家的支持力也很大 ，经常送一些免费检查，前2年免费换配件。值得购买。</t>
  </si>
  <si>
    <t>在这价位算是比较不错的车，销量也是国产轿车第一，安全性曾经参加欧洲碰撞测试。配置也够。</t>
  </si>
  <si>
    <t>解脲支原体阳性好治吗</t>
  </si>
  <si>
    <t>爱魅健身仪有用吗</t>
  </si>
  <si>
    <t>不需要，自己来就完全可以搞定。</t>
  </si>
  <si>
    <t>明楼喜欢汪曼春吗</t>
  </si>
  <si>
    <t>明楼年少的时候和汪曼春曾两心相悦，可因为两家的世仇，明镜打了明楼一顿，并逼他出国留学。汪曼春求明镜成全，明镜说除非我死，结果汪曼春说那我就等到你死的那一天。现在现在明楼回来，两人的身份又是对立的，汪曼春为汪伪政府工作，明楼说，卿本佳人，奈何做贼，明楼只是在利用汪曼春，曲线救国。两人彻底不可能了</t>
  </si>
  <si>
    <t>只能说爱过</t>
  </si>
  <si>
    <t>小的时候喜欢过，现在已经不可能了</t>
  </si>
  <si>
    <t>光谱学与光谱分析是sci吗</t>
  </si>
  <si>
    <t>中文版不是，英文版于2009年被SCI收录，影响因子0.293。</t>
  </si>
  <si>
    <t>武松打虎算不算英雄</t>
  </si>
  <si>
    <t>武松打虎是不保护动物，反而伤害动物的行为，武松根本没有资格做英雄。</t>
  </si>
  <si>
    <t>祈使句ing开头吗</t>
  </si>
  <si>
    <t>动词原型开头。</t>
  </si>
  <si>
    <t>词定要加ing，祈使句需要使用词原形。</t>
  </si>
  <si>
    <t>用白醋能验性病吗</t>
  </si>
  <si>
    <t>不可以，医用醋酸和家里用的白醋不同。</t>
  </si>
  <si>
    <t>冰丝袖套防晒真有用吗</t>
  </si>
  <si>
    <t>大部分是假的。</t>
  </si>
  <si>
    <t>dnf所有攻击力冲突吗</t>
  </si>
  <si>
    <t>物理魔法伤害%与对敌人伤害%冲突，相同描述附加伤害与之冲突，取最高百分比；灵魂猎者属于加面板目前版本不冲突；攻击时，M%附加%伤害不冲突，与别的同类型也不冲突；攻击时，附加N%伤害属于白字附加，与相同描述不冲突；新年称号是属于金手镯一类的，也就说。可以给你的手镯空出来一个，手镯可以选择其他。</t>
  </si>
  <si>
    <t>所有会冲突的伤害全部归为黄字伤害，而不冲突则称为白字伤害；黄字伤害的类型有增加伤害类，爆伤类，增加类有各种各样，比如说物理，魔法增加XX伤害，对敌伤害增加XX，攻击时增加XX，破招攻击时增加XX伤害，等这类都属于增加伤害类，爆伤顾名思义就是暴击伤害，比如说暴击时增加XX伤害，增加XX暴击伤害，这些伤害均属于黄字伤害，相同类型的伤害装备放到一起就会发生冲突，爆伤和爆伤，增加和增加，放在一起就会冲突，冲突取最高值，比如暴击30和暴击15，暴击30会把暴击15给吞掉，放着不同的装备就不会冲突了，而唯独可以无限叠加的就是附加伤害，无论放几件，不但不会冲突，还会叠加。</t>
  </si>
  <si>
    <t>小黄车密码可以计算吗</t>
  </si>
  <si>
    <t>可以破解。</t>
  </si>
  <si>
    <t>每辆车密码都不同的，而且现在新款的车换了电子锁，每次解锁密码会变，破解不了。</t>
  </si>
  <si>
    <t>段仲仪历史上有原型吗</t>
  </si>
  <si>
    <t>真人没有，如果说级别的话只有郑洞国当时符合。</t>
  </si>
  <si>
    <t>原型应该是段仲宇和段伯宇兄弟俩。</t>
  </si>
  <si>
    <t>应该是卢汉。</t>
  </si>
  <si>
    <t>9个月宝宝能吃枇杷吗</t>
  </si>
  <si>
    <t>像枇杷这一类的新鲜水果可以给宝宝吃，可以将枇杷去核后刮成泥喂给宝宝吃就可以了，只不过记住别让宝宝吃很多就可以了。</t>
  </si>
  <si>
    <t>手机宜人贷是不是真的</t>
  </si>
  <si>
    <t>是真的，原先的小贷公司搬到了线上，所有行业都在转型互联网。</t>
  </si>
  <si>
    <t>打雷能玩电脑吗</t>
  </si>
  <si>
    <t>那就要看雷了，如果是狂风暴雨、电闪雷鸣，还是把电脑关了吧，把插头也拔掉；因为电脑会被雷劈了的；如果雨不大雷也不大，可以玩，发现雷声大了，再关闭电脑也来得及。</t>
  </si>
  <si>
    <t>夏季注意防雷不要在打雷下雨时使用电脑，最好拔掉电源线。</t>
  </si>
  <si>
    <t>一般来说，现在大多数的建筑物都有避雷针，而打雷会影响到的多数都是无线设备，如果无线路由器或者手机一类的无线电子设备在打雷时靠近窗子边使用是比较危险的，但是如果在家里，不靠近窗边使用电脑是没有问题的。</t>
  </si>
  <si>
    <t>小龙虾头里的黄能吃吗</t>
  </si>
  <si>
    <t>不能。虾的循环系统和呼吸系统和生殖系统都集中在头胸部，腹部可以说只是运动器官。从健康的角度来说，确实不建议吃虾的头部，除了泥沙难以除净以外，还可能有寄生虫等风险，而虾腹部背面的那条黑线是它的肠子，里面当然是虾便便，烹饪前也应该去掉。另外，不要吃醉虾、虾刺身等食物，一些寄生虫可以虾为中间宿主，以肝吸虫为例，它的幼体“囊蚴”寄生在虾的肌肉里，人吃了含有囊蚴的虾就可能染上肝吸虫病。 一般调味品如酱油、醋杀不死鱼虾体内的囊蚴，但经过高温烹煮后就安全了。</t>
  </si>
  <si>
    <t>龙虾里面的黄是虾膏，精华来的，能吃。蟹黄是螃蟹卵。含有大量人体必需的蛋白质、脂肪、磷脂、维生素等营养素,营养丰富。秋季，螃蟹产卵，所以吃蟹大多也在这个季节。</t>
  </si>
  <si>
    <t>含有重金属，建议不吃。</t>
  </si>
  <si>
    <t>ipad有辐射吗</t>
  </si>
  <si>
    <t>吃香蕉能减肥吗</t>
  </si>
  <si>
    <t>香蕉是有减肥的功效的，不过要找对方法，适度适量。</t>
  </si>
  <si>
    <t>吃香蕉减肥是一种很好的减肥方式，但是还是需要大家注意一些问题的。</t>
  </si>
  <si>
    <t>欢乐颂会有第三季吗</t>
  </si>
  <si>
    <t>有，现在正在拍。</t>
  </si>
  <si>
    <t>百夫长贾克斯有特效吗</t>
  </si>
  <si>
    <t>比特币还能挖吗</t>
  </si>
  <si>
    <t>淘宝司法拍卖的车能买吗</t>
  </si>
  <si>
    <t>可信的，淘宝司法拍卖属于司法强制拍卖，不收拍卖法调整，法院同样不属于拍卖企业，网站只是提供司法拍卖的第三方平台，因此简单地说淘宝司法拍卖仅是将线下移到线上了。淘宝司法拍卖自2012年6月26日首次在淘宝网司法拍卖平台刊登拍卖公告，7月初，宁波市鄞州区人民法院和北仑区人民法院正式以卖家身份入驻淘宝网，成为全国率先在购物网站上开店铺尝试司法拍卖的法院。</t>
  </si>
  <si>
    <t>是的。只是司法拍卖的车子有可能有其它隐藏的瑕疵，如车子有损坏，不能开，或欠费，如欠司法停车场的停车费等。</t>
  </si>
  <si>
    <t>当然可以买，不然法院拍卖干什么，不然法院拍卖卖给谁，法院拍卖是依照法定程序进行估价，拍卖的，是合法的处理方式，即使车辆的手续不齐应该都能办理过户，因此法院拍卖的车是可以买的。</t>
  </si>
  <si>
    <t>h1z1中国能玩吗</t>
  </si>
  <si>
    <t>在中国可以玩，不过需要花钱买VPN。</t>
  </si>
  <si>
    <t>因为H1Z1的制作方锁了中国的国区（就是禁止中国地区玩）所以中国玩家是玩不了的，不过你可以下加速器去玩或者是VPN（不了解VPN还是选择加速器吧）有付费的，有免费的。</t>
  </si>
  <si>
    <t>贷款30年提前还吃亏吗</t>
  </si>
  <si>
    <t>不合算。</t>
  </si>
  <si>
    <t>等额本息贷款30年提前还款是挺划算的。</t>
  </si>
  <si>
    <t>7.2戒律牧垃圾吗</t>
  </si>
  <si>
    <t>因为从7.0开始，戒律牧师就被众多玩家们认为是一个傻逼专精了。所以小伙伴们还是多听听老前辈的，不要选戒律牧了。</t>
  </si>
  <si>
    <t>马寅初是历史的罪人吗</t>
  </si>
  <si>
    <t>岩浆里有生物吗</t>
  </si>
  <si>
    <t>岩浆里是有水的，不是熟悉的形态而已，但岩浆绝对的高温，至少对地球上的有机生物来说是致命的，但是不排除其他的生命形式存在，只能说 以人类目前对生命的认知，岩浆里是没有任何可知生命的。</t>
  </si>
  <si>
    <t>生命依水而生，可是，在火山喷发的浓烈岩浆中，依然有生命存在。 在火山爆发时，总会喷出大量红色的火山熔岩。刚喷出时一般是液体状态，通常温度在800℃—1200℃左右，火山熔岩在流淌的过程中，不断向大气和大地表面散热，产生大量的烟雾。所以火山熔岩在冷却时凝固都是由外向里进行的。1979年，科学家造访了太平洋的深处的一个海底火山口，这里温度常年在保持90℃，也是阳光不能到达的地方。但科学家惊奇地发现这里到处是生命——多毛虫、虾、蟹和其它生物。那些从来没有见过日光的微生物处在食物链的最底端，多毛虫没有口，没有胃或者其它的消化器官，周围水域的化学物质渗透进体内后，细菌就把它们转为多毛虫能够利用的食物。</t>
  </si>
  <si>
    <t>可能有，因为有一些微生物能形成保护壳，保护它在超高温度中休眠，环境适宜时在重新开始生命活动。</t>
  </si>
  <si>
    <t>尼尔机械纪元值得买吗</t>
  </si>
  <si>
    <t>目前412，略贵，等标准版。</t>
  </si>
  <si>
    <t>神作，世界观的深度不亚于刺客信条 战斗系统不错，动作流畅，难度不低，怪好杀，自己血也薄，不能硬扛。音乐没的说 画面尚可，毕竟是末世题材的，不新鲜。</t>
  </si>
  <si>
    <t>别买了，等国服比较好。</t>
  </si>
  <si>
    <t>新华保险多倍保是坑吗</t>
  </si>
  <si>
    <t>挺好的，保的全面，（健康养老意外住院报销）返还高，保障全。</t>
  </si>
  <si>
    <t>简历造假hr会查吗</t>
  </si>
  <si>
    <t>一般不会查，涉及商业机密的会查。</t>
  </si>
  <si>
    <t>一般岗位不会查。但中高层职位的招聘，会进行背景调查。</t>
  </si>
  <si>
    <t>装修用中央空调好吗</t>
  </si>
  <si>
    <t>1、家庭中央空调舒适度高：家庭用中央空调每一台室内机就有送风口和回风口各一个，气流循环比传统家用壁挂机和柜机更加合理，室内温度也更加的均匀，温差不会超过1℃，相当于恒温状态，不容易出现气流死角，也不容易得空调病，人体感觉当然是更加舒适，尤其是水系统中央空调这方面尤为突出。2、家庭中央空调节省空间，更有品位、档次：家庭用中央空调室内机安装在吊顶内，比较隐蔽，更节省空间，给屋内更多自由的空间。隐蔽的安装方式可以与装潢更加好的融合，比较美观，提升主人的档次和品位。3、家庭中央空调使用成本低：传统空调容易受环境温度变化影响，空调启停频繁，所以耗电量大也相应增大；而中央每台室内机可单独控制，哪个房间需要制冷就开启相应的房间，耗电量小。而且房间面积越大，安装中央空调就会越划算。</t>
  </si>
  <si>
    <t>家庭装修，如果可以，当然是装中央空调好。1.使用寿命上，空调因为使用频率很高，一般的传统分体式空调使用寿命为5-10年，7-8年后易出问题，维保费用较高。中央空调一般可以使用20年甚至更久，由于性能比较稳定，后期维修成本低，并且中央空调重在安装，承诺免费维修保养1年，终身维修保养，让您放心使用。从长远的利益来考虑的话，家用中央空调比较节能、环保，而且耗能较低，对于长期使用的家庭来说，会耗费更少的电能，更重要的是，其使用寿命较长，一般在15年以上。2.使用效果上，家用中央空调往往是一台主机连接多个末端，也就是说一个室外机能够连接多个室外机，从而将冷气或者暖气送达各个不同的空间。另外，其制冷速度也比较快，大约5-6分钟便可以达到相应的温度，在送风方面也比较均匀，能够保持室内空气的清新与舒适；而普通的家用传统空调往往在制冷速度方面相对慢一些，大约需要10分钟以上的时间，而且温度的波动也比较大，偶尔会出现忽冷忽热的情况，在调节室内空气的舒适度方面会相对较差。</t>
  </si>
  <si>
    <t>从长远看要不要生二胎</t>
  </si>
  <si>
    <t>有时间、精力、多钱去养多养好一个孩，就去生，不然别生了，害苦孩子还使得夫妻两人辛苦。</t>
  </si>
  <si>
    <t>生二胎生活成本会变高，但一个孩子成长会比较孤单，独生子女一旦成家需要赡养多位老人压力会很大，如果两个孩子平均承担则会好很多，建议还是生二胎。</t>
  </si>
  <si>
    <t>用旧护照订的机票 用新护照可以登机吗</t>
  </si>
  <si>
    <t>订票只需提供护照上的姓名和护照号，如果新护照上姓名和护照号跟旧的一样，那么只需带新护照就可以登机。</t>
  </si>
  <si>
    <t>可以的。新旧护照一起携带。</t>
  </si>
  <si>
    <t>没问题。第一，换登机牌的时候使用护照，仅仅确认你的身份，核对你名字和出生日期，和新、旧护照订购机票没关系。第二，一般旧护照更换新护照，新护照上都会注明旧护照的护照号码。</t>
  </si>
  <si>
    <t>口红能吃吗</t>
  </si>
  <si>
    <t>口红不宜多吃。</t>
  </si>
  <si>
    <t>最好不要吃。</t>
  </si>
  <si>
    <t>洗衣液过期还能用吗</t>
  </si>
  <si>
    <t>过期产品不要继续使用，建议重新购买。</t>
  </si>
  <si>
    <t>科德学院都是富二代吗</t>
  </si>
  <si>
    <t>是啊。</t>
  </si>
  <si>
    <t>小龙虾黄能吃吗</t>
  </si>
  <si>
    <t>可以，只要不吃它肉上面的那天黑线就行。</t>
  </si>
  <si>
    <t>kate粉底好用吗</t>
  </si>
  <si>
    <t>不错，性价比高。</t>
  </si>
  <si>
    <t>便宜，遮瑕力度还不错，但是很容易卡粉。</t>
  </si>
  <si>
    <t>档案回原籍算工龄吗</t>
  </si>
  <si>
    <t>工龄是按照本人在公司或者政府部门任职的时间来定的。档案保管和工龄没有直接关系。举个例子：A2009年7月毕业，档案于2009年8月转至相关部门免费保管，并于2009年9月与II公司签订合同；2012年9月A离开II公司，并得到离职证明一份，A将其放到相关部门的人事档案中；2012年10月A到了PP公司工作，2013年10月A辞职，因为PP公司工作不规范，没有出具离职证明也为缴纳社保等；2014年1月A因工作需要需要档案保管部门出具工龄证明，相关机构作出的说明是A2009年9月-2012年9月，工龄为2年。如果没有将工作证明提供给相关部门，通常是不算做工龄的。不同地方的提交工龄证明的对象和方法都不同。比如有些地方就是单位去办理离职手续，相关保管机构从系统上获得信息并记录工龄；有些地方需要员工自己拿着证明交到相关机构。</t>
  </si>
  <si>
    <t>很简单的，只要把档案从人事局转出当地人才存档，每月缴费，过一年做个转正定级就正式算工龄了。现在不是事业单位、公务员、工龄对于年轻人已经无用，将来都是要看交纳社保情况确定退休待遇的。</t>
  </si>
  <si>
    <t>档案保管和工龄没有直接关系，所以档案被打回原籍不影响工龄的计算。工龄是按照本人在公司或者政府部门任职的时间来定的。举个例子：A2009年7月毕业，档案于2009年8月转至相关部门免费保管，并于2009年9月与II公司签订合同；2012年9月A离开II公司，并得到离职证明一份，A将其放到相关部门的人事档案中；2012年10月A到了PP公司工作，2013年10月A辞职，因为PP公司工作不规范，没有出具离职证明也为缴纳社保等；2014年1月A因工作需要需要档案保管部门出具工龄证明，相关机构作出的说明是A2009年9月-2012年9月，工龄为2年。如果没有将工作证明提供给相关部门，通常是不算做工龄的。不同地方的提交工龄证明的对象和方法都不同。比如有些地方就是单位去办理离职手续，相关保管机构从系统上获得信息并记录工龄；有些地方需要员工自己拿着证明交到相关机构。</t>
  </si>
  <si>
    <t>疱疹会传染吗</t>
  </si>
  <si>
    <t>人群中单纯疱疹病毒（HSV）感染较为普遍，人是疱疹病毒的自然宿主。主要传染源是生殖器疱疹患者和无症状的病毒携带者。</t>
  </si>
  <si>
    <t>病毒性疱疹具有传染性。病人及带毒者是唯一的传染源。</t>
  </si>
  <si>
    <t>单纯疱疹病毒可分为Ⅰ型和Ⅱ型二种，Ⅰ型疱疹病主要是通过呼吸道、皮肤和粘膜密切接触传播，感染腰以上部位的皮肤粘膜和器官。Ⅱ型疱疹病毒主要经性器官接触后感染。</t>
  </si>
  <si>
    <t>择天记小说更新完了吗</t>
  </si>
  <si>
    <t>不确定是不是到结局了。</t>
  </si>
  <si>
    <t>已经更新完了。</t>
  </si>
  <si>
    <t>鼎城大系统是传销吗</t>
  </si>
  <si>
    <t>鼎城国际调查是纯粹的骗子。</t>
  </si>
  <si>
    <t>得过水痘的人还会被传染吗</t>
  </si>
  <si>
    <t>一般不会，除非出水逗时没出透还有可能被传染。</t>
  </si>
  <si>
    <t>这种情况还是有传染性的。水痘从出痘其开始，一直到结痂期都具有传染性。传染期一般为两周左右的时间。</t>
  </si>
  <si>
    <t>长过水痘的人一般不会被传染。得过水痘的人可以获得免疫力，不会在发病，但是成年后可能会发生带状疱疹。</t>
  </si>
  <si>
    <t>糖尿病能吃蜂蜜吗</t>
  </si>
  <si>
    <t>质量好的蜂蜜中，葡萄糖和果糖含量约占70%-80%,这两种糖均为单糖，极易为人体吸收，因此，如果血糖不稳定，就不宜服用蜂蜜，以免引起血糖的波动。不过，糖尿病患者在血糖控制较理想时可适当服用蜂蜜，但要同时减少其他淀粉类食品的摄入。国外有些学者认为蜂蜜可用于治疗糖尿病，据说在蜂蜜里发现了一种类似胰岛素的物质。含多量维生素Bl、维生素C、烟酸的复合维生素蜜，很可能成为糖尿病患者的一种好食品。国内也有学者认为糖尿病患者吃蜂蜜不但无害，而且有辅助治疗的作用。此种说法是以中医对糖尿病的认识和蜂蜜之性能为依据。</t>
  </si>
  <si>
    <t>蜂蜜不仅不会加重糖尿病，还会治疗糖尿病。但谨慎起见，建议：先少喝一部分试试，或者在医生指导下，少量饮用。</t>
  </si>
  <si>
    <t>糖尿病患者的血糖和尿糖在没有得到有效控制的情况下，是不适宜吃蜂蜜的。但是不是说糖尿病人就不能吃蜂蜜，蜂蜜除了含有葡萄糖和蔗糖之外，还含有35%的果糖，果糖对患者的血糖升高影响不大。适量的蜂蜜有助于糖尿病病情的控制。据国外媒体称，蜂蜜中含有一种类似胰岛素的物质，适量地吃一些蜂蜜有助于控制病情。</t>
  </si>
  <si>
    <t>系统集成资质取消了吗</t>
  </si>
  <si>
    <t>国务院取消认证了 细节还不清楚。</t>
  </si>
  <si>
    <t>没有取消,换了一个审批部门。</t>
  </si>
  <si>
    <t>没有取消只是计算机系统集成资质的颁发机构改名了。</t>
  </si>
  <si>
    <t>柠檬和枸杞一起泡水喝可以吗</t>
  </si>
  <si>
    <t>柠檬片可以和枸杞一起泡水喝的，可以清热明目的，当然也得注意适量就好。</t>
  </si>
  <si>
    <t>枸杞和柠檬可以一起泡茶喝。</t>
  </si>
  <si>
    <t>苹果6splus有32g的吗</t>
  </si>
  <si>
    <t>有，现在官网的货架上，低配的就是32G起</t>
  </si>
  <si>
    <t>没有，只有16、64、128G的</t>
  </si>
  <si>
    <t>新风系统可以除甲醛吗</t>
  </si>
  <si>
    <t>可以，但是效果不太好。</t>
  </si>
  <si>
    <t>还行，有效果。</t>
  </si>
  <si>
    <t>新风系统可以去除甲醛等挥发性气体以及悬浮物，和“净化”还是有所区别的。新风系统是通过排风单元将室内的污浊空气（含甲醛等挥发性气体、悬浮物、二氧化碳等混杂在室内空气中的物质）排除室外而达到去除效果的。当然有用了。</t>
  </si>
  <si>
    <t>紫癜病传染吗</t>
  </si>
  <si>
    <t>通常来说，过敏性紫癜是不会发生传染的，为了您的健康，还是建议您去医院检查一下。</t>
  </si>
  <si>
    <t>紫癜是色素代谢障碍而发病，不是由病原体引起。所以不会传染。</t>
  </si>
  <si>
    <t>百家号图集有收益吗</t>
  </si>
  <si>
    <t>和文章一样，肯定是有收益的。</t>
  </si>
  <si>
    <t>有的。和文章视频一样都是有收益的。</t>
  </si>
  <si>
    <t>冒险岛剑豪厉害吗</t>
  </si>
  <si>
    <t>剑豪 人送外号：战国第一废。</t>
  </si>
  <si>
    <t>攻速挺快，攻击也可以。至少在100多级打扎的时候比起大部分职业速度快。</t>
  </si>
  <si>
    <t>梅毒可以根治吗</t>
  </si>
  <si>
    <t>梅毒是可以彻底治愈的。</t>
  </si>
  <si>
    <t>只要及时治疗就可以治好，</t>
  </si>
  <si>
    <t>完全可以，在一期硬下疳被发现，可以通过苄星青霉素彻底治愈的。</t>
  </si>
  <si>
    <t>微信洋葱海外仓可信吗</t>
  </si>
  <si>
    <t>可以相信的。</t>
  </si>
  <si>
    <t>不能信。</t>
  </si>
  <si>
    <t>电子烟能带上飞机吗</t>
  </si>
  <si>
    <t>婴儿蚕丝面膜曝光了吗</t>
  </si>
  <si>
    <t>曝光了，曝光的是假货窝点。</t>
  </si>
  <si>
    <t>游泳可以减肥吗</t>
  </si>
  <si>
    <t>游泳时人的新陈代谢速度很快，30分钟就可以消耗260多卡路里的热量，而且这样的代谢速度在你离开水后还能保持一段时间，可见游泳是理想的减肥方法。</t>
  </si>
  <si>
    <t>是的，12分钟的自由泳，可以消耗 836KJ的热量 每天消耗836KJ的运动，每周进行3次，就可以远离肥胖的困扰。时间短且热量消耗大的游泳运动是节省时间的最好选择。</t>
  </si>
  <si>
    <t>游泳肯定能减肥，但短期内不一定见效，最重要的是贵在坚持。</t>
  </si>
  <si>
    <t>水培植物需要换水吗</t>
  </si>
  <si>
    <t>换水是指更换瓶中加了营养液的水，一般情况下，春、秋季5-10天换一次水；夏季5天左右换一次水；冬季10-15天换一次水（自来水放置半天后，按比例加入浓缩营养液）。   换水是为了保证水中的供氧量，新鲜的水里含的氧气更多，植物会长得更健康，如果长时间不换水，植物也可以坚持一段时间，比如有时大家出差或去度假，十天半个月甚至一个月不在家，土培的植物早就受不了，一命呜呼了，而水培植物只要你把水量加多，还是可以坚持下来的；但如果时间太长了，瓶中的水很不新鲜或变质了，会影响水培植物的生长，严重的时候，也会造成它的死亡。   注意：换水时，请将植物的根露出一半或三分之一。</t>
  </si>
  <si>
    <t>驾驶证能异地换证吗</t>
  </si>
  <si>
    <t>可以的。应向换证地公安车管所提交机动车驾驶证、机动车驾驶人身份证明、县级以上医院提供的身体条件证明。</t>
  </si>
  <si>
    <t>罚款收入要交增值税吗</t>
  </si>
  <si>
    <t>是平等市场主体之间依据合同或协议收取或支付的罚款，应作为价外收入，开具或索取增值税发票；是小规模纳税人取得此项收入，的确需要缴纳增值税的，是一般纳税人，需要计提销项税额。</t>
  </si>
  <si>
    <t>开个普通小花店赚钱吗</t>
  </si>
  <si>
    <t>最不赚钱的行业之一。</t>
  </si>
  <si>
    <t>男人脸上的汗毛能刮吗</t>
  </si>
  <si>
    <t>这个最好都不要刮除或者拔除，以免变得越来越浓密。，拔掉更是容易感染的。</t>
  </si>
  <si>
    <t>厦门好玩吗</t>
  </si>
  <si>
    <t>厦门是一座滨海旅游城市，有鼓浪屿曾厝垵等特色景点，除了文艺的景点还有好玩的游乐场，比如说有“亚洲科幻神奇的”方特梦幻王国，里面的游乐设施科技含量高，惊险刺激，适合情侣闺蜜一起玩，厦门还是值得细细游玩的，要问厦门有哪些地方好玩，好玩的地方很多，需要好好自己感受</t>
  </si>
  <si>
    <t>不好玩，一个素质整体偏低的地方，去了就做好挨宰的准备，报警警察就是和事佬，鼓浪屿上面建筑很无聊，东西贵。</t>
  </si>
  <si>
    <t>英雄联盟有手机版吗</t>
  </si>
  <si>
    <t>有。只不过是英文版的。</t>
  </si>
  <si>
    <t>有的，英雄联盟手机版就叫王者荣耀。</t>
  </si>
  <si>
    <t>苹果手机未激活就是新机吗</t>
  </si>
  <si>
    <t>未激活，一般是新机。</t>
  </si>
  <si>
    <t>未激活，不一定是新机。</t>
  </si>
  <si>
    <t>未激活不能作为新机旳依据，原因是很多商家用二手机维修翻新后恢复出厂设置或刷机都要提示“激活”，这样的激活就不是新机了</t>
  </si>
  <si>
    <t>杭州机场高速限行吗</t>
  </si>
  <si>
    <t>不限。</t>
  </si>
  <si>
    <t>胎压3.0会爆胎吗</t>
  </si>
  <si>
    <t>3.5左右可能会。</t>
  </si>
  <si>
    <t>只要轮胎内的气压足够支撑起车子的重量和车子所载重量的总和就不会。</t>
  </si>
  <si>
    <t>来姨妈可以吃芒果?</t>
  </si>
  <si>
    <t>经期是可以适当吃芒果。</t>
  </si>
  <si>
    <t>爱奇艺能看电视直播吗</t>
  </si>
  <si>
    <t>不可以吧。</t>
  </si>
  <si>
    <t>有的，在节目菜单里。</t>
  </si>
  <si>
    <t>有的节目会有直播。</t>
  </si>
  <si>
    <t>白细胞杀死病毒吗</t>
  </si>
  <si>
    <t>白细胞在人机体内起保卫作用，能够杀死和吞噬进入机体的细菌和病毒，想要提高免疫力可以经常适量的运动，生活有规律，加强营养等。如果白细胞偏高血常规其他正常那么多是炎症引起，说明身体有感染如感冒咳嗽等。</t>
  </si>
  <si>
    <t>白细胞会吞噬病毒，一般不会被感染。白细胞可以通过毛细血管的内皮间隙，从血管内渗出，在组织间隙中游走。它们吞噬侵入的细菌、病毒、寄生虫等病原体和一些坏死的组织碎片。</t>
  </si>
  <si>
    <t>如果生病发炎了，体内的白细胞就会增多，因为白细胞要消灭炎症细胞，所以白细胞的作用是杀死病毒。</t>
  </si>
  <si>
    <t>增值税普通发票可以抵扣吗</t>
  </si>
  <si>
    <t>一般的增值税普通发票是不能抵扣的，但是特殊的如收购农产品普通发票，运费普通发票等是可以抵扣的。</t>
  </si>
  <si>
    <t>增值税发票分为普票和专票,普票是没法抵扣的,只有增值税专用发票并在税务局认证后才可以抵扣的。不过除免税农产品和运费发票以外。</t>
  </si>
  <si>
    <t>对开票方来说,不管开具的是增值税普通发票,还是增值税专用发票,都得缴纳销项税；对收票方来说,如是一般纳税人,收到的是增值税普通发票,是没有进项税额可抵扣的。</t>
  </si>
  <si>
    <t>西瓜桃子能一起吃吗</t>
  </si>
  <si>
    <t>桃子和西瓜虽不是相克食物，但在一起吃并不太好。</t>
  </si>
  <si>
    <t>不可以一起吃，会中毒。</t>
  </si>
  <si>
    <t>桃子和西瓜肯定能够一起吃的，不会产生剧毒，更不会引起丧命。不过两种食物都比较容易引起消化不良或腹泻，老人和小孩不宜过度吃。再一个这两种水果甜度较高，糖尿病也要注意适量食用。</t>
  </si>
  <si>
    <t>劳动合同到期不续签需要提前通知吗</t>
  </si>
  <si>
    <t>劳动合同到期不续签属于劳动合同到期终止的情形，可以不提前通知劳动者。</t>
  </si>
  <si>
    <t>吃母乳的宝宝需要喝水吗</t>
  </si>
  <si>
    <t>需要喝水，宝宝每天除了母乳的需求以外，仍然需要大量的水来顺畅肠胃和促进新陈代谢。有时母乳也会上火，所以更需要多喝水来调解。不需要喝水纯母乳喂养一般不用额外再喂水。</t>
  </si>
  <si>
    <t>小孩吃完母乳后最好给一点白开水喝，这样宝宝口腔比较卫生，不容易滋生细菌。</t>
  </si>
  <si>
    <t>正常来说纯吃母乳的宝宝在六个月左右是不需要喂水的，因为母乳中的成分有百分之七十都是水，在母乳充足的情况下就表示宝宝体内的水分也是充足的。而纯吃母乳的宝宝在一些特殊情况下也是需要喂水的。一是当宝宝感冒发烧的时候。二是当宝宝便秘的时候。三是天气干燥炎热的时候。</t>
  </si>
  <si>
    <t>贷后管理6次影响贷款吗</t>
  </si>
  <si>
    <t>计算机睡眠状态会断网吗</t>
  </si>
  <si>
    <t>睡眠模式都要断网，可通过设置实现不断网。</t>
  </si>
  <si>
    <t>榕树寓意到底是好是坏</t>
  </si>
  <si>
    <t>好的，生长旺盛，枝繁叶茂，耐旱耐涝，容易管理，独树成森，树旺人旺。</t>
  </si>
  <si>
    <t>榕树的精神财富：为长寿、吉祥的象征，在南方很多人把榕树当作神树。</t>
  </si>
  <si>
    <t>榕树被视为长寿、吉祥的象征，寓意荣华富贵之意。</t>
  </si>
  <si>
    <t>集体所有制企业是国有企业吗</t>
  </si>
  <si>
    <t>国有企业是指资本全部或主要由国家投入并为国有企业所有，依法设立从事生产经营活动的组织。中国社会主义的集体所有制，包括城市里的集体企事业单位和农村以村为单位的集体组织。城市里的集体企事业单位里的一切资财和利益，归这个单位里的职工公有共享。农村里的村一级集体组织里的每一个村民对土地及收益，有共同所有共享收益的权力。由此来看集体所有制不是国有企业。</t>
  </si>
  <si>
    <t>注册消防工程师有用吗</t>
  </si>
  <si>
    <t>一级注册消防工程师今年是国家组织的第一年考试。从我们国家的情况来看，在各类证书中注册类的等级最高，证书价值最高，证书含金量也最高。目前不是有用没用的问题，而是否能考出来的问题。注册类的考试难度最大，最难考，一旦考出，社会认可度最高。</t>
  </si>
  <si>
    <t>消防工程师证含金量还是比较高的。</t>
  </si>
  <si>
    <t>iphone7值得买吗</t>
  </si>
  <si>
    <t>iphone7配置是非常给力的。</t>
  </si>
  <si>
    <t>别买，耳机有吱吱声的电流声。</t>
  </si>
  <si>
    <t>以前没有iphone手机，可以买；不迫切需要手机，不建议买，这代产品是个鸡肋，换代的过渡产品，没有耳机孔，不能边充电边打电话，不方便。</t>
  </si>
  <si>
    <t>大唐荣耀好看吗</t>
  </si>
  <si>
    <t>好看啊。</t>
  </si>
  <si>
    <t>王宝强的女儿是亲生的吗</t>
  </si>
  <si>
    <t>看视频说亲子鉴定不是他的孩子。</t>
  </si>
  <si>
    <t>应该是亲生的，在这样的情况下，怀疑是挺正常不过了，只有做了鉴定才知道结果。</t>
  </si>
  <si>
    <t>小米换货是新机吗</t>
  </si>
  <si>
    <t>如果您是在小米官网购买的产品需要换货，更换的产品都是原装的新产品。</t>
  </si>
  <si>
    <t>是新机，你退回去的手机会进行检修，然后重新包装，在官网有一个翻新机入口，那里会低价出售。而你换的手机是全新的。不会给你换翻新机，</t>
  </si>
  <si>
    <t>小米换货是更换全新产品的，只有在超过三包政策规定的换机时间，发生问题，并且无法直接修复的，才会为你更换专门用于换机的官翻版手机，没有超过15天会为你更换全新的手机，没有开封的。</t>
  </si>
  <si>
    <t>牛皮癣能治愈吗</t>
  </si>
  <si>
    <t>据调查得知，牛皮癣是种很难治愈的疾病，要根据自身的病症，制定相应的治疗方法，这样可以有效治愈此病。</t>
  </si>
  <si>
    <t>如果诊断正确，那么可以控制临床发展，也就是长期稳定，但不能治愈。</t>
  </si>
  <si>
    <t>幻夜和白夜行有联系吗</t>
  </si>
  <si>
    <t>没有任何联系,先看哪本都可以,是完全不同的两个故事,人物也不互通。</t>
  </si>
  <si>
    <t>公众号主体可以变更吗</t>
  </si>
  <si>
    <t>可以变更；在年审的时候才可以，每年只能变更一次。</t>
  </si>
  <si>
    <t>微信公众号不能修改主体信息。</t>
  </si>
  <si>
    <t>如果是认证了的公众号，提交相关的信息后，认证或者年审的第三方会给运营者电话，告知对方协助修改，但必须和营业执照对应及工商局提供的变更证明；也可以打电给客服联系修改，同时也需要提供营业执照。</t>
  </si>
  <si>
    <t>苹果组装机靠谱吗</t>
  </si>
  <si>
    <t>购买组装机就相当于花钱买垃圾，不建议购买。</t>
  </si>
  <si>
    <t>feedback可数吗</t>
  </si>
  <si>
    <t>不可数。</t>
  </si>
  <si>
    <t>邓稼先和钱学森认识吗</t>
  </si>
  <si>
    <t>应该认识，他们同事参加了原子弹研制。</t>
  </si>
  <si>
    <t>黄灯亮了开车过去算闯红灯吗</t>
  </si>
  <si>
    <t>交警部门表示，《中华人民共和国道路交通安全法实施条例》规定，路口黄灯闪烁时，已经越过停止线的车辆可以继续通行。如果黄灯已经亮起，还继续抢行通过，被拍算闯红灯。如果车辆在红灯时只是刚刚越过停止线，但立即停住了，交管部门不会对其进行处罚，但如果过线后还有明显的位置移动，就会被处罚。交警部门表示，过线停车不算闯红灯，不会按照闯红灯处罚。</t>
  </si>
  <si>
    <t>玉养人 人养玉是真的吗</t>
  </si>
  <si>
    <t>是的，当身体分泌物被玉吸入后，玉就会显的更好看，让佩戴的人显的更有气质。</t>
  </si>
  <si>
    <t>韩束化妆品好吗</t>
  </si>
  <si>
    <t>挺好用的天然产品，不过适合自己皮肤的才是最好的。</t>
  </si>
  <si>
    <t>面膜还可以，其他的不好用。</t>
  </si>
  <si>
    <t>转转上的二手手机靠谱吗</t>
  </si>
  <si>
    <t>不是很靠谱</t>
  </si>
  <si>
    <t>挺靠谱。</t>
  </si>
  <si>
    <t>穿着正装的恶魔 维迦有特效吗</t>
  </si>
  <si>
    <t>E技能的特，圈圈变成地狱风格，其它就没有了。</t>
  </si>
  <si>
    <t>颈椎生理曲度变直能恢复吗?</t>
  </si>
  <si>
    <t>及时采取有效的治疗手段来治疗，可以治好的。</t>
  </si>
  <si>
    <t>白癜风光疗对人体有害吗</t>
  </si>
  <si>
    <t>对于白癜风光疗有很多人都不是很清楚，如果不注意的话，可能还会加重患者的病情，所以必须要多了解白癜风光疗的注意事项，下面介绍下：1、有些患者皮肤缺水，要注意做好光疗后的皮肤保湿护理。由于光照的刺激性往往会剥夺患者皮肤的部分水分，因此，对于自身皮肤本就缺水的患者而言，往往会在光疗后出现皮肤干燥等不适现象。2、皮肤容易过敏的患者，平时需要做好相应的用药护理。一些皮肤较为敏感的白癜风患者，在接受光照治疗后，其皮肤有时会出现瘙痒或是疼痛的情况。若是出现这些不良的反应，白癜风患者就一定要及时使用一些润肤液对皮肤加以护理。3、若是患者皮肤出现灼伤，则一定要及时进行调理。由于部分患者光疗强度过量，有时可能会在光疗后出现灼伤的情况。其症状一旦出现，不但可能阻碍到白癜风的治疗，甚至对患者自身的皮肤健康也有极大的影响。4、白癜风的光疗只是一种辅助疗法，建议一周一至二次为宜，但不可长期使用，否则容易形成其它形式的皮肤病。</t>
  </si>
  <si>
    <t>孕妇可以吃杏仁吗</t>
  </si>
  <si>
    <t>可以吃，不要吃太多。</t>
  </si>
  <si>
    <t>开一个洗车店会亏本吗</t>
  </si>
  <si>
    <t>开洗车店正常情况下不会赔钱，因为汽车越来越多，目前市场容量仍然很大。当然，如果盲目开店，又缺乏经营管理经验，也是有可能赔钱的。</t>
  </si>
  <si>
    <t>这个不一定 但是需要房租 成本什么的活多就没问题了 要是没活那不是很没意思也不赚钱。</t>
  </si>
  <si>
    <t>脂肪瘤危害大吗</t>
  </si>
  <si>
    <t>1．较小（直径1cm内），多发脂肪瘤，一般不需处理。2．较大者宜行手术切除。</t>
  </si>
  <si>
    <t>世界上有鬼魂吗</t>
  </si>
  <si>
    <t>根据英国科学家对超自然现象开展的大规模科学调查，世界上并没有鬼和超自然现象，但它们也并不都是人们凭空幻想出来的，而是环境造成的。</t>
  </si>
  <si>
    <t>真的有。</t>
  </si>
  <si>
    <t>灵魂是存在的，也是永存的，人的思想在死后会一直延续下去，但是是不会再和这个世界有联系的了。</t>
  </si>
  <si>
    <t>亚马逊有假货吗</t>
  </si>
  <si>
    <t>自营商品一般没假货，第三方商品有假货。</t>
  </si>
  <si>
    <t>喝苏打水能生男孩吗</t>
  </si>
  <si>
    <t>苏打水对生男孩子没有帮助。</t>
  </si>
  <si>
    <t>是有这样的偏方说法。</t>
  </si>
  <si>
    <t>首先苏打水是碱性的，按逻辑碱性环境确实有利于Y染色体的生存，但是如果你不提高Y染色体的数量，也是不准确的。</t>
  </si>
  <si>
    <t>微信信用卡还款要手续费吗</t>
  </si>
  <si>
    <t>不需要的，一分钱都不需要的，打开钱包之后，里面有一项是信用卡还款，打开这个之后，先要绑定，然后才能进行还款的操作。</t>
  </si>
  <si>
    <t>微信只能通过绑定的储蓄卡对信用卡直接进行还款，而且使用微信还款不收手续费，单笔及每日限额都是2万元，每月限额5万元。</t>
  </si>
  <si>
    <t>开奥迪q5的男人有钱吗</t>
  </si>
  <si>
    <t>能算有点钱了吧。</t>
  </si>
  <si>
    <t>那得看车是不是他的，现在大多数开奥迪的都是司机。</t>
  </si>
  <si>
    <t>有钱的成功人士。</t>
  </si>
  <si>
    <t>违约金可以税前扣除吗</t>
  </si>
  <si>
    <t>根据《中华人民共和国企业所得税法》中的内容，并没有明确固定违约金不得扣除，但从不可扣除部分进行分析，违约金企业所得税汇算可以扣除。</t>
  </si>
  <si>
    <t>六一儿童节放假吗</t>
  </si>
  <si>
    <t>国务院《全国年节及纪念日放假办法》规定:儿童节(6月1日)，不满14周岁的少年儿童放假1天。6月1日学校也可能利用假期组织一些活动，不同学校可能会有不同的安排，这个以当地为准。</t>
  </si>
  <si>
    <t>公积金是强制缴纳吗</t>
  </si>
  <si>
    <t>《住房公积金管理条例》（修正）虽然不是法律条令，但也是行政法规，同样具备法律效力，有它“强制性”的作用。</t>
  </si>
  <si>
    <t>公积金缴纳是国家强制的。</t>
  </si>
  <si>
    <t>在法律上不是强制的。</t>
  </si>
  <si>
    <t>吃素的女人老得快吗</t>
  </si>
  <si>
    <t>吃素的女人因为素食中蛋白质含量低，营养不是很高。可以多吃红枣，桂圆，再加几片生姜，补气补血就不会老得快，不一定非得大鱼大肉的</t>
  </si>
  <si>
    <t>女孩长期吃素，影响健康，老的快，还会患各种疾病。一些女孩想保住好身材，只吃素不吃荤，这是错误的，要健康一定要均衡饮食，光吃素不行，可以少吃肉类，多吃鱼类。同时用豆类，奶类，蛋类补充。</t>
  </si>
  <si>
    <t>9.35可以越狱吗?</t>
  </si>
  <si>
    <t>9.35是目前最新的版本，是不可以的。</t>
  </si>
  <si>
    <t>珍嗖啦酵素果冻有效吗</t>
  </si>
  <si>
    <t>汽车抛光能去掉划痕吗</t>
  </si>
  <si>
    <t>抛光可以消除漆面细微划痕，处理汽车漆面轻微损伤及各种斑迹。</t>
  </si>
  <si>
    <t>不完全，具体看情况:1 如果划痕很严重，那打哪基本上是没用的；2 打蜡主要的目的是让那个位置变的更光亮并不能去除划痕；3 小的划痕经过打蜡可以起到遮掩的作用。</t>
  </si>
  <si>
    <t>果去除划痕后不做其他保养，例如打蜡，几天时间内划痕处就会发生氧化反应，出现锈迹；如果及时打蜡保养的话，可以一直保持到该部位从新出现划痕。</t>
  </si>
  <si>
    <t>iphone8有双卡双待吗</t>
  </si>
  <si>
    <t>不可能出双卡。</t>
  </si>
  <si>
    <t>据传可能会的。</t>
  </si>
  <si>
    <t>手机饥荒可以联机吗</t>
  </si>
  <si>
    <t>芒果和阿胶能一起吃吗</t>
  </si>
  <si>
    <t>58的品牌公寓可信嘛</t>
  </si>
  <si>
    <t>可信，大部分是中介房源，不过价格比一般个人出租要贵不少，并且看房要仔细，眼见为实。</t>
  </si>
  <si>
    <t>一般纳税人可以开普票吗</t>
  </si>
  <si>
    <t>一般纳税人企业开普票，没有任何好处或坏处。一般纳税人企业开普票，与开增值税专用发票，在纳税申报和会计核算上没有任何差别。一般纳税人可以开专票，也可以开普票，是作为一般纳税人的企业，面对的客户不同而分别使用的。</t>
  </si>
  <si>
    <t>增值税一般纳税人可以开普通发票，即增值税普通发票。增值税发票分为增值税普通发票和增值税专用发票。增值税专用发票只供增值税一般纳税人使用，增值税普通发票可以供一般纳税人使用，也可以给小规模纳税人使用。增值税专用发票增值税一般纳税人取得可以抵扣，而取得增值税普通票除了农业生产者自产自销农产品外是不可以抵扣的。增值税一般纳税人对于个人消费及烟酒、餐饮、娱乐活动是不能开具增值税专用票，只能开具增值税普通发票。</t>
  </si>
  <si>
    <t>一般纳税人可以开增值税普通发票。</t>
  </si>
  <si>
    <t>seo好做吗</t>
  </si>
  <si>
    <t>还可以吧，需要看你技术如何。</t>
  </si>
  <si>
    <t>seo挺容易的，主要是看执行力。</t>
  </si>
  <si>
    <t>dnf暗影蔽日适合红眼吗</t>
  </si>
  <si>
    <t>没有其他武器之前，可以带着。，毕竟不是太刀、巨剑。</t>
  </si>
  <si>
    <t>可以用，而且是很不错的选择，可以作为毕业武器之一，基本所有的鬼剑士职业都可以用。</t>
  </si>
  <si>
    <t>征信查询次数多有影响吗</t>
  </si>
  <si>
    <t>会有影响，证明你的经济状况不良好。</t>
  </si>
  <si>
    <t>正常来说，只要没有不良信用记录，本人查征信的次数对个人信用基本没影响，若你的信用查询次数过多，银行等机构会认为你从事其他融资业务，对你的贷款审批会有负面影响。</t>
  </si>
  <si>
    <t>关键是征信的结果内容，查的次数没有什么影响。</t>
  </si>
  <si>
    <t>择天记写完了吗</t>
  </si>
  <si>
    <t>还没有完结呢，连载更新中。</t>
  </si>
  <si>
    <t>没有，具体可以百度。</t>
  </si>
  <si>
    <t>没有完结，可以去QQ浏览器上看看。</t>
  </si>
  <si>
    <t>中脉脉宝云店是传销吗</t>
  </si>
  <si>
    <t>上面的东西都是世界范围内的新奇特商品，和传销没半毛钱关系。</t>
  </si>
  <si>
    <t>二次觉醒龙跃武器500w需要做吗</t>
  </si>
  <si>
    <t>垃圾武器，不做。</t>
  </si>
  <si>
    <t>支付宝的余额宝安全吗</t>
  </si>
  <si>
    <t>余额宝是安全的。支付宝“余额宝”属于第三方支付业务与货币市场基金产品的组合创新，其各个业务环节均处于有效监管中。2013年10月31日，支付宝作为拥有基金第三方支付牌照的支付机构提供基金支付服务。</t>
  </si>
  <si>
    <t>余额宝是可以随取随存的，蛮安全的。</t>
  </si>
  <si>
    <t>孕前检查是否免费</t>
  </si>
  <si>
    <t>说是免费的，但有很多项目使不得不查的，所以就不免费了。</t>
  </si>
  <si>
    <t>是免费的，不过需要排队等待一两个月时间。</t>
  </si>
  <si>
    <t>不一定的，要看各个地区政策的。</t>
  </si>
  <si>
    <t>3ds变砖能恢复吗</t>
  </si>
  <si>
    <t>可以试着升级烧录卡的内核，再完成3DS的升级，除非烧录卡是水货，不然不可能运行不了，目前变砖在中国是没有什么可能见到的。</t>
  </si>
  <si>
    <t>青光眼可以治愈吗</t>
  </si>
  <si>
    <t>继发性青光眼及时去除病因后，大部分都能治愈。</t>
  </si>
  <si>
    <t>青光眼是终身性疾病，不能治愈。</t>
  </si>
  <si>
    <t>豹猫好养吗</t>
  </si>
  <si>
    <t>亚洲豹猫不适合家养。</t>
  </si>
  <si>
    <t>不怎么好养。</t>
  </si>
  <si>
    <t>假授权书能过淘宝吗</t>
  </si>
  <si>
    <t>不可以，不是有什么授权书淘宝就不会抓到你，很多时候正品店铺都会被误杀，更不用说假授权和假货了。</t>
  </si>
  <si>
    <t>可以，但是最好搞个真的，不然久了之后会被淘宝查出来的。</t>
  </si>
  <si>
    <t>精索静脉曲张严重吗</t>
  </si>
  <si>
    <t>精索静脉曲张最为严重的危害就是可能影响男性的生养能力。因精索静脉曲张而导致不育的人约占男性不育人群的15%-20%。</t>
  </si>
  <si>
    <t>轻者无任何不适感，偶在体格检查时发现，重 则发生阴囊坠胀疼痛，于久站及长途步行时加重。或表现为阴囊肿物，无压痛，无波动感。 还有部分患者因对该病缺乏认识，顾虑重重，久则出现失眠、多梦、萎靡乏力、情绪不稳定等神经衰弱症状，神经衰弱可引起大脑皮层机能紊乱，从而使性中枢功能发生改变而出现性欲降低，阳痿，早泄等性功能改变症状。</t>
  </si>
  <si>
    <t>蟑螂怕水吗</t>
  </si>
  <si>
    <t>蟑螂不怕冷水和温水，但怕热，用开水可烫死。</t>
  </si>
  <si>
    <t>蟑螂不怕水。</t>
  </si>
  <si>
    <t>战舰少女r脚本封号吗</t>
  </si>
  <si>
    <t>建议别用。</t>
  </si>
  <si>
    <t>肯定封号，不允许用脚本、加速对其他人不公平。</t>
  </si>
  <si>
    <t>不绝对，有风险。</t>
  </si>
  <si>
    <t>战地1好玩么</t>
  </si>
  <si>
    <t>肝脏血管瘤会自愈吗</t>
  </si>
  <si>
    <t>一般情况下肝血管瘤是不会自愈的。</t>
  </si>
  <si>
    <t>天然维生素e可以直接涂脸上吗能天天涂吗</t>
  </si>
  <si>
    <t>如果是油性肌肤的话最好不要天天涂，隔三差五的涂还可以，应为维生素e太油，再一个最好是晚上涂，白天太阳一晒的话会更容易变黑。</t>
  </si>
  <si>
    <t>维生素e可以直接擦脸。</t>
  </si>
  <si>
    <t>美联储是私人的吗</t>
  </si>
  <si>
    <t>美联储虽然是美国的中央银行，但它却是私人控制的和拥有的银行。</t>
  </si>
  <si>
    <t>从所有制性质看，是私有制的，但同时也具有政府性质。联邦储备银行共分为12家地区银行，会员银行是美国的私人银行。</t>
  </si>
  <si>
    <t>美联储是的角色相当于央行，是由美国多家银行联合起来的一个组织,。而银行却是私人银行，所以变相地说美联储是私人机构。</t>
  </si>
  <si>
    <t>网上买家具靠谱吗</t>
  </si>
  <si>
    <t>网上购买大型家具，是很难获得保障，很多家具长，他们都和很多实体店有协议的，厂家是不会在网上销售他们的产品，因为这样，会侵犯客户的利益，所以，网上很多销售的都是一些有瑕疵的厂家不要的产品，他们都不会承认的。</t>
  </si>
  <si>
    <t>买家具，个人建议先在网上看好，在到线下亲身去体验下，这样靠谱点，不过不如在实体店买的好。</t>
  </si>
  <si>
    <t>家具是大件，网上购买有很多看不到的地方，做工都看不到，即使便宜很多也不怎么靠谱，最好选择有实体店的网店，自己又能去实体店看看的。</t>
  </si>
  <si>
    <t>李小龙是真功夫吗</t>
  </si>
  <si>
    <t>是的，李小龙最开始练习许多中国传统武术，打下了扎实的功底，和许多半路出家的格斗家有根基上的差别。李小龙所创立的截拳道是以咏春拳为基础的，咏春拳是比较稀有的实战型功夫。李小龙有一等一的真功夫，他的功夫还被特种部队引进.改进，足够说明他的功夫实战性有多么强悍。</t>
  </si>
  <si>
    <t>李小龙是真功夫，他的功夫让他曾经获得1957 年的 圣芳济书院校际西洋拳击少年组冠军，1958 年的  香港校际拳击赛冠军 ，他是世界武道变革先驱者、截拳道创始人、华人武打电影演员，也是功夫片电影始祖一代武术宗师、中国功夫首位推广者、好莱坞首位华人演员。</t>
  </si>
  <si>
    <t>李小龙以咏春拳为母体，结合多种武术训练，加上长期勤奋苦练，是不折不扣的一流高手。</t>
  </si>
  <si>
    <t>cf一锤定音几率大吗</t>
  </si>
  <si>
    <t>这个看运气。</t>
  </si>
  <si>
    <t>看人品 ，人品好5块钱中永久，人品不好，5000块钱砸进去都没有永久的。</t>
  </si>
  <si>
    <t>相比去年的这类收费活动，今年的活动中奖几率要高了不少。</t>
  </si>
  <si>
    <t>生死状有法律效应吗</t>
  </si>
  <si>
    <t>没有。刑事责任与个人协议意愿无关，比如一个人请求别人杀了自己，立下字据，杀人照样要承担杀人责任，民事责任的这种责任自负的字据一定程度是有效的。</t>
  </si>
  <si>
    <t>依据我国司法精神，生命不是个人自己的，“生死状”一般转化为故意杀人了。</t>
  </si>
  <si>
    <t>因为“生死状”违反了宪法的人权保护精神和并损害了公共秩序和善良风俗，所以是无效的。</t>
  </si>
  <si>
    <t>聚成股份是传销吗</t>
  </si>
  <si>
    <t>买房18楼有忌讳吗</t>
  </si>
  <si>
    <t>禁选18层。我们都之知道有十八层地狱之说，从一层到十八层地狱的层次最重，所以在高层住宅楼层风水学中对于18层这个特殊的层次是特别敏感的，所以最好不要选择十八层的楼房。</t>
  </si>
  <si>
    <t>王者荣耀安卓和苹果能在同一个战队吗</t>
  </si>
  <si>
    <t>不可以，安卓和苹果数据是不互通的，安卓上的战队和苹果上的是完全不同的，排除一些大战队会在安卓和苹果上都建队。</t>
  </si>
  <si>
    <t>热带丛林兰博有特效吗</t>
  </si>
  <si>
    <t>那个皮肤的特效就是大招是一堆菠萝砸下来，除此没其他特效。</t>
  </si>
  <si>
    <t>热带丛林皮肤特效是开大招掉下来几个燃烧的菠萝。</t>
  </si>
  <si>
    <t>只有热带丛林-兰博有特效。</t>
  </si>
  <si>
    <t>二本毕业可以进四大吗</t>
  </si>
  <si>
    <t>可以。四大看重的不仅是专业知识，更重要的是能力，领导力、学习能力、沟通能力等，这也是为什么不限制专业的原因。</t>
  </si>
  <si>
    <t>难，四大的招聘一般只面向211和985，如果只有二本的学历，恐怕过不了简历筛选关，尤其如果不是会计专业的会更加没有希望。建议：1、有足够的其他方面的资历，比如拿下CPA全科合格，以及通过ACCA/AICPA/HKCPA的几门科目，2、通过内部推荐，3、利用假期，在有份量的会计师事务所实习，至少是一线大所，不然，想通过网申基本上是不可能的。建议毕业先去一家内资所干两到三年，考下CPA，然后通过社会招聘，进四大很容易。</t>
  </si>
  <si>
    <t>寄快递要身份证吗</t>
  </si>
  <si>
    <t>现在寄快递不需要身份证寄件</t>
  </si>
  <si>
    <t>不需要身份证</t>
  </si>
  <si>
    <t>潘阳死了是真的吗</t>
  </si>
  <si>
    <t>传言啊，人家活的好好的</t>
  </si>
  <si>
    <t>没有孕吐正常吗</t>
  </si>
  <si>
    <t>正常，早孕反应因人而异。约半数妇女于停经6周左右出现畏寒，头晕，乏力，嗜睡，流涎，食欲不振，喜食酸物或厌恶油腻，恶心，晨起呕吐等症状，称早孕反应。恶心，晨起呕吐与体内HCG增多，胃酸分泌减少以及胃排空时间延长有关。</t>
  </si>
  <si>
    <t>非常正常 反应视个人体质而定。</t>
  </si>
  <si>
    <t>脚磨破皮能贴创口贴吗</t>
  </si>
  <si>
    <t>最好别用，用创可贴容易捂溃烂了，不利于伤口愈合。</t>
  </si>
  <si>
    <t>可以的，先涂点云南白药再附上创可贴既能消炎有能防止患处再摩擦。</t>
  </si>
  <si>
    <t>少校吉格斯有特效吗</t>
  </si>
  <si>
    <t>少校吉格斯是没有特效的。</t>
  </si>
  <si>
    <t>南京文交所会不会倒闭</t>
  </si>
  <si>
    <t>应该会越走越远的。继续发展。</t>
  </si>
  <si>
    <t>仁王会一直ps4独占吗</t>
  </si>
  <si>
    <t>仁王这游戏从一开始就说了是独占，索尼也是按照独占来宣传，现在连欧美地区的发行权都拿下了更不需要怀疑。比如开场第一个出来就是SIE的画面，这个就独占的保证，凡是有这句话的都是独占的。</t>
  </si>
  <si>
    <t>是独占。</t>
  </si>
  <si>
    <t>现在集邮还有价值吗</t>
  </si>
  <si>
    <t>有，留着以后升值。</t>
  </si>
  <si>
    <t>应该有，现在每年也在出新品，不过这个事要有买家自己的邮票才有价值。卖不了没有价值。</t>
  </si>
  <si>
    <t>现在有的邮票不值钱，但是有很多邮票值钱，还有的邮票非常值钱 。</t>
  </si>
  <si>
    <t>白癜风痒是不是快好啦</t>
  </si>
  <si>
    <t>白癜风一般情况下是不痛不痒的，发痒最好到医院看看具体情况，也有可能白斑扩散。</t>
  </si>
  <si>
    <t>这可能是预示着白癜风在好转，当然也有可能是药物引起的一些反应。</t>
  </si>
  <si>
    <t>哈密瓜上火吗</t>
  </si>
  <si>
    <t>国企员工能否开公司</t>
  </si>
  <si>
    <t>这个要分情况，国企员工并且是公务编制那就不允许经商。另一种是国企员工没有公务员编制，在法律层面上是允许经商的，但是通常各个公司都会在合同上注明在职期间不允许公司业务范围之外的商业营利性活动。</t>
  </si>
  <si>
    <t>1 可以设立合伙企业；2 也可以投资设立公司。</t>
  </si>
  <si>
    <t>2017年适合做淘宝客吗</t>
  </si>
  <si>
    <t>只要跟上趋势都能赚到的，而且这门生意是一个劳动密集型的，看个人的勤奋程度，所有大牛的最终领悟就是淘客=勤奋，同样的做法，有的人建很多群质量又高，各种推广，组建团队，成立工作室，大把的赚钱，有的仅是做了几个月就做不下去，坚持不了，每天不想努力做。所以2017年依然很赚，看个人勤奋和努力的程度！</t>
  </si>
  <si>
    <t>淘宝客的前景整体来说都是可持续的，只要淘宝官方不倒闭，那么淘宝客就会一直存在。淘宝官方成交量越大，淘宝客群体的利润就会越高。有用群做的，也有用公众号做的。</t>
  </si>
  <si>
    <t>在日本买卡西欧手表便宜吗</t>
  </si>
  <si>
    <t>比国内便宜的多得多，而且有些个店铺特定时间还会搞下活动，超实惠！</t>
  </si>
  <si>
    <t>手表便宜3--4成</t>
  </si>
  <si>
    <t>按照汇率低能便宜一半左右，肯定原产国比国内实惠</t>
  </si>
  <si>
    <t>美国买苹果手机便宜吗</t>
  </si>
  <si>
    <t>国外和国内就差17%的增值税，实际上非合约机就差这些钱，而且有些州还有消费税，所以也不一定就便宜。</t>
  </si>
  <si>
    <t>儿童抽动症能治好吗</t>
  </si>
  <si>
    <t>常以补药为主，容易导致儿童过早性发育。没有好的治疗方法。</t>
  </si>
  <si>
    <t>抽动症到成人期趋于稳定，一些患者甚至可完全缓解。本病经过积极、适当的治疗，大部分患儿的抽动症状可在1-6个月内减轻并逐渐被控制。</t>
  </si>
  <si>
    <t>可以治疗的。 到国家正规医院诊治，采用专业的专科仪器检测病因，并结合临床确诊并定位。</t>
  </si>
  <si>
    <t>阴阳师是网易自己做的吗</t>
  </si>
  <si>
    <t>阴阳师是从日本引进的一个手游，网易只是代理而已。</t>
  </si>
  <si>
    <t>网易自己做的。2014年9月立项，做了2年。找了日本质量很高的声优团队打造。</t>
  </si>
  <si>
    <t>剑灵还有人玩吗2017</t>
  </si>
  <si>
    <t>电六人还挺多的，但都是后期的了。</t>
  </si>
  <si>
    <t>怀孕可以吃西瓜吗</t>
  </si>
  <si>
    <t>可以吃！但是一定要少吃。</t>
  </si>
  <si>
    <t>吃香蕉会胖吗</t>
  </si>
  <si>
    <t>吃香蕉是不会胖的。香蕉营养高、卡路里低，且食物纤维含量丰富， 有助于消化，常吃也不会发胖。</t>
  </si>
  <si>
    <t>主持人朱迅癌扩散了吗?</t>
  </si>
  <si>
    <t>早就痊愈了。</t>
  </si>
  <si>
    <t>万表网买表可靠吗</t>
  </si>
  <si>
    <t>可靠，品牌正规授权，不会有什么问题。</t>
  </si>
  <si>
    <t>除官方指定网络销售网点外，其余十有八九都是假的。</t>
  </si>
  <si>
    <t>很多A货。</t>
  </si>
  <si>
    <t>伤筋动骨能吃春笋吗</t>
  </si>
  <si>
    <t>没听过伤筋动骨不能吃。</t>
  </si>
  <si>
    <t>荒古武器可以跨界吗</t>
  </si>
  <si>
    <t>并不能，目前的跨界石只能跨深渊中掉落的史诗，安图恩系列史诗都是跨不了的。</t>
  </si>
  <si>
    <t>除非出到100级才有可能跨界。</t>
  </si>
  <si>
    <t>交管12123可以处理扣分的违章吗</t>
  </si>
  <si>
    <t>银行卡注销了还能查到记录吗</t>
  </si>
  <si>
    <t>银行卡可以注销，银行卡注销后无法查询银行卡明细。</t>
  </si>
  <si>
    <t>1、银行卡注销后可以查到银行卡原先的一些记录，本人凭身份证去银行查询。具体根据银行规定来，也可以提前拨打银行客服电话咨询下。2、未清户的账户交易明细可查询的期限由各省自定，原则上不得低于5年；若是将之前的账户办理了销户，又重开的账户；可以在开户局查询和打印分户账信息；已清户的账户交易明细保存时限为2年，可能部分省市的保存期限会稍长一些。</t>
  </si>
  <si>
    <t>1、银行卡已经注销了也可以查询以前的交易记录明细。2、办理流程如下：提问者到自己办理银行卡的营业点去办理查询交易流水记录业务，注意必须是银行的营业时间内。去营业点的时候，带好新的身份证和银行卡，同时要保证此卡是本人才可以。去营业厅的自助机上取排队号，文明排队，等待广播叫的排队号去处理。告诉银行柜台人员需要查询交易流水记录，工作人员会帮助提问者办理查询交易流水记录业务。</t>
  </si>
  <si>
    <t>lol霹雳游侠有特效吗</t>
  </si>
  <si>
    <t>gta5封号永久能退款吗</t>
  </si>
  <si>
    <t>如果在购买后7天之内就能。</t>
  </si>
  <si>
    <t>电话卡不用了不注销会有影响吗</t>
  </si>
  <si>
    <t>移动手机卡不用之后，每月会扣除基本费用，欠费3个月后号码自动销户，成为空号。欠费会对客户信誉度造成影响，且在下次办理移动业务时需要补交所欠话费。</t>
  </si>
  <si>
    <t>1不用的时候，要看多久不用，如果长期不用不缴费，欠费时会主动停机，然后就是所拨打的为空号，系统会自动停掉2.不注销有两种结果：A，不欠费会每月会继续扣费知道扣完为止。B欠费会自动停机，如果永远不缴费系统会自动停掉。</t>
  </si>
  <si>
    <t>手机号欠费超过60天就会自动销号，但是因为是使用身份证登记的，中国移动是保留向用户追缴欠费的权利的，而且还会对今后办卡有影响。</t>
  </si>
  <si>
    <t>蒋欣漂亮吗</t>
  </si>
  <si>
    <t>蒋欣漂亮，声音也好听。</t>
  </si>
  <si>
    <t>觉得蒋欣更美一些。</t>
  </si>
  <si>
    <t>蒋欣长得更精致。</t>
  </si>
  <si>
    <t>租号玩安全吗</t>
  </si>
  <si>
    <t>1、肯定是安全的，这么大平台，不可能为了那点钱毁了名誉；2、售后也有保障，有很多客服，一直在为客户解决问题；3、就算出了问题，也可以通过跟客服联系，维护自己的权益，获得保障。</t>
  </si>
  <si>
    <t>不安全，自己建个号玩玩，或者直接买个，毕竟只是玩。</t>
  </si>
  <si>
    <t>芦荟胶能去痘印吗</t>
  </si>
  <si>
    <t>芦荟胶可以去痘印。因为芦荟胶可消炎杀菌，抑制炎症，引流分泌物，促进局部新陈代谢，滋润皮肤，防止角化，并能收敛疮口，促进细胞再生，减少或避免疤痕；从中医讲，芦荟有清热解毒的功效。是非常合适的外用药物。使用方法：1、先清洗干净脸部。可以在晚上洗完脸之后顺便涂搽。2、芦荟胶直接涂抹于脸上。刚开始的时候会很凉，然后会有种紧绷绷的感觉。这是正常现象。3、可以当面膜一样15分钟后洗掉。祛除痘痘和痘印。</t>
  </si>
  <si>
    <t>屈臣氏苏打水是碱性吗</t>
  </si>
  <si>
    <t>苏打水当然是碱性的。</t>
  </si>
  <si>
    <t>屈臣氏则在纯水加入除香料等外再加入碱性物质碳酸氢钠（俗称苏打）高压压入二氧化碳做所显弱碱性。</t>
  </si>
  <si>
    <t>关之琳有孩子吗</t>
  </si>
  <si>
    <t>单身。</t>
  </si>
  <si>
    <t>关之琳没有小孩。</t>
  </si>
  <si>
    <t>有个小女孩。</t>
  </si>
  <si>
    <t>天天拍车靠谱吗</t>
  </si>
  <si>
    <t>天天拍车秉承自己的服务理念，以让客户满意为宗旨，在卖车领域完全实现以市场的眼光专业评估各类车辆，给卖车者以专业的建议。</t>
  </si>
  <si>
    <t>瑞银信可靠吗</t>
  </si>
  <si>
    <t>暂时可靠，个人凭多年行业经验判断在2015年中之前还没问题，再远就要出事了。</t>
  </si>
  <si>
    <t>不可靠，让你加微信又让你下载软件。我现在用过了转一笔钱钱没了不知去向希望慎重使用。</t>
  </si>
  <si>
    <t>瑞银信除了品牌比较大之外，关键瑞银信还有国家颁布的支付牌照，注册账户时也比较严格，需要实名认证，所以资金安全上比较有保障。</t>
  </si>
  <si>
    <t>考公务员面试看长相吗</t>
  </si>
  <si>
    <t>不看长相看关系。主要看毛爷爷。</t>
  </si>
  <si>
    <t>公务员考试要先通过笔试，才有机会面试，面试的时候重点考察考生思考问题的能力，长相不是首要考虑因素，毕竟考公务员不是选美。</t>
  </si>
  <si>
    <t>任何面试都要看长相的。一般颜值高成功率也高，但是招经纪人相反。</t>
  </si>
  <si>
    <t>自闭症能治愈吗</t>
  </si>
  <si>
    <t>儿童自闭症自愈的希望非常渺茫，治疗儿童自闭症也不能轻言治愈。</t>
  </si>
  <si>
    <t>典型自闭症也是我们说的真自闭症，它是不可治愈的疾病。</t>
  </si>
  <si>
    <t>苹果6指纹坏了能修吗</t>
  </si>
  <si>
    <t>1：单纯的Home键问题，比如回弹效果不理想：直接更换Home键垫片即可，不涉及Touch ID部分。2：Home键模块损坏，比如按了没反应、排线断裂等：只能找苹果维修　3：Home键使用正常，Touch ID没反应、指纹功能丧失：只能找苹果维修。</t>
  </si>
  <si>
    <t>芦荟胶可以天天用吗</t>
  </si>
  <si>
    <t>芦荟胶可以天天用的。芦荟胶是植物提取出来的，其中含有的有害物质少，对皮肤的刺激性和副作用都较小。坚持使用还能够帮助去黑色素。</t>
  </si>
  <si>
    <t>现在不少芦荟胶都含有激素，长期使用会产生依赖性，一旦停用皮肤就会出现红肿、痒、蜕皮等症状。建议不要长期使用芦荟胶。</t>
  </si>
  <si>
    <t>京东e卡可以叠加使用吗</t>
  </si>
  <si>
    <t>可以，最多叠加49张。</t>
  </si>
  <si>
    <t>睾丸炎能自愈吗</t>
  </si>
  <si>
    <t>不会，不及时治疗的话，会诱发附睾炎。</t>
  </si>
  <si>
    <t>win7漏洞有必要修复吗</t>
  </si>
  <si>
    <t>不要用360等第三方安全软件更新，容易造成系统崩溃就是蓝屏和黑屏，你点开始-控制面板-系统和安全-win Update下面有个更新提示，点击就行了，当然，你的系统最好不要是盗版的，如果是盗版的必须是完全破解版才行，否则容易被微软官网系统检测出，那你的电脑桌面右下角就会出现盗版提示，你的电脑就会变得很卡。</t>
  </si>
  <si>
    <t>看清楚修复漏洞内容在修复。</t>
  </si>
  <si>
    <t>所有的漏洞都是有必要更新修复的。解释：所有的系统实际上都是相对安全和稳定的，但是随着逐步的被大量用户使用，也会出现各种不同的问题，此时为了更好的增加用户体验和修复安全漏洞，iPhone公司会进行补丁包更新来完善ios程序。</t>
  </si>
  <si>
    <t>孕妇可以喝蜂蜜水吗</t>
  </si>
  <si>
    <t>佟彤黑发是真的吗</t>
  </si>
  <si>
    <t>发育中女孩小背心要天天穿吗</t>
  </si>
  <si>
    <t>出去的时候穿，在家就不要穿了，对身体不好。</t>
  </si>
  <si>
    <t>乳腺结节会自行消退吗</t>
  </si>
  <si>
    <t>淘宝代运营靠谱吗</t>
  </si>
  <si>
    <t>大部分都是骗人。</t>
  </si>
  <si>
    <t>中级经济师是中级职称吗</t>
  </si>
  <si>
    <t>中级经济师是资格证书，拿到了之后才有资格评中级职称。</t>
  </si>
  <si>
    <t>中级经济师是中级职称的一种。</t>
  </si>
  <si>
    <t>是的，中级经济师职称不需要评审，通过考试即可。</t>
  </si>
  <si>
    <t>vegetable可数吗</t>
  </si>
  <si>
    <t>可数名词。</t>
  </si>
  <si>
    <t>当用于表示蔬菜的种类时，为可数名词，当用于表示蔬菜这一整体概念时，为不可数名词。</t>
  </si>
  <si>
    <t>vegetable（蔬菜）是可数名词。</t>
  </si>
  <si>
    <t>王者荣耀可以隐身登录吗</t>
  </si>
  <si>
    <t>不能，互为游戏好友或者QQ好友就能看到在线以及游戏状态。</t>
  </si>
  <si>
    <t>6pm上有假货吗 知乎</t>
  </si>
  <si>
    <t>6pm是美国的一个购物网站，很正规，价格对于国内 来说相对较低，但里面的商品都是正品。</t>
  </si>
  <si>
    <t>自营商品 100%无假货。</t>
  </si>
  <si>
    <t>非典是果子狸引起的吗</t>
  </si>
  <si>
    <t>非典是来自于中华菊花蝠，果子狸也只是非典的中间宿主。</t>
  </si>
  <si>
    <t>依巴斯汀片是激素药吗</t>
  </si>
  <si>
    <t>依巴斯汀是抗组织胺类药物，不含激素的。</t>
  </si>
  <si>
    <t>护照的照片可以自带吗</t>
  </si>
  <si>
    <t>可以的。但是要符合要求，要3张2寸白底照片。</t>
  </si>
  <si>
    <t>不需要，在出入境管理中心办理相关证件时是免费拍照的，并不需要市民自带纸质相片或者电子版照片。</t>
  </si>
  <si>
    <t>小米路由器3是千兆的吗</t>
  </si>
  <si>
    <t>这个要看路由器的型号，不同的型号参数是不一样的，建议根据具体的型号咨询官方客服或看说明书上的参数。</t>
  </si>
  <si>
    <t>鼻翼长痘痘尚芙颜好吗</t>
  </si>
  <si>
    <t>少吃辛辣，注意补水，配合着尚芙颜，很快就会调理好。</t>
  </si>
  <si>
    <t>警察体能测试淘汰的人多吗</t>
  </si>
  <si>
    <t>只要通过了笔试面试，体能很难被淘汰，因为大家都是有准备去的，而且淘汰比例比较低。</t>
  </si>
  <si>
    <t>不会超过百分之10。</t>
  </si>
  <si>
    <t>主要看人数的多少，体能测试只要合格就行。</t>
  </si>
  <si>
    <t>中国人寿的售后好做吗</t>
  </si>
  <si>
    <t>售后服务部好做，售后的工作就是手续期的同时开发新单。</t>
  </si>
  <si>
    <t>点融网可靠吗</t>
  </si>
  <si>
    <t>p2p现点风险太高，不建议。</t>
  </si>
  <si>
    <t>有银行在背后投资，风险较小。</t>
  </si>
  <si>
    <t>成都中科甲状腺医院正规吗?</t>
  </si>
  <si>
    <t>正规，医生很专业。</t>
  </si>
  <si>
    <t>白羊女越长越漂亮吗</t>
  </si>
  <si>
    <t>白羊男越长越帅气，白羊女越长越漂亮。</t>
  </si>
  <si>
    <t>生化危机7吓人吗</t>
  </si>
  <si>
    <t>胆子小的玩之前还是考虑一下吧！</t>
  </si>
  <si>
    <t>很暴力很恐怖。</t>
  </si>
  <si>
    <t>包皮割了好还是不好</t>
  </si>
  <si>
    <t>各有利弊。</t>
  </si>
  <si>
    <t>不割包皮坏处多多，易产生包皮垢，影响夫妻房事。</t>
  </si>
  <si>
    <t>信用卡里多余的钱可以取出来吗</t>
  </si>
  <si>
    <t>（招商银行）要的。1、溢缴款领回手续费为领回金额的0.5%，最低每笔5元人民币或者1美元，目前我行推出优惠，最高每笔收取50元人民币或者10美元。 2、若通过预借现金渠道取出溢缴款，须收取预借现金手续费。 3、商务卡持卡客户领回本人本行一卡通免费。</t>
  </si>
  <si>
    <t>信用卡自己存钱叫做溢缴款，取出来是要收取手续费的。所谓溢缴款是指信用卡客户还款时多缴的资金或存放在信用卡账户内的资金，取出溢缴款需支付一定金额的费用。该笔款项可增加信用卡的可用额度，或直接用于消费还款。如果信用卡内有溢缴款，则先扣溢缴款，再扣信用额度，溢缴款大于消费金额，则不会形成透支。例如，本期需还款900元，实际还款1000元，多出的100元就是溢缴款。有些卡友会误往信用卡里存款（信用卡不用往里存钱，只需要先消费，后还款就行了），如果在没有消费而预先往信用卡里存钱的话，那这部分钱是取不出来的，如果想要取，就会收取高额的手续费，因此应尽量避免。溢缴款是不计息的。其实银行都不鼓励持卡人往信用卡里面充钱，因为信用卡采用的是先消费后还款的模式。所以银行规定溢缴款取现是要收取一定的手续费。同时，各银行信用卡溢缴款取现的手续费都是不一样的。</t>
  </si>
  <si>
    <t>只要到柜台办理注销并同时取出余额即可。第一，信用卡持卡人可通过转账方式，规避手续费问题，不同银行的规定不同，持卡人可根据自身情况而定。个别银行可以在申请销卡后，客户携带身份证办理结清手续，将不收费用。第二，若计划销卡最好提前了解开卡时间和销卡需花费时间，在下一个年费收取前预留时间进行销卡，从而避免多支付一年年费。第三，销卡并不等同于销户，部分银行销卡后仍会存留客户信息，销户则会删除客户所有信息，因此建议持卡人在销卡的同时一并办理销户，这样既能保护个人信息安全，还能在以后新办该行信用卡时享受新客户的优惠。</t>
  </si>
  <si>
    <t>南方基金现金通e安全吗</t>
  </si>
  <si>
    <t>安全，货币型基金是基金中风险最低的。</t>
  </si>
  <si>
    <t>密码锁防盗吗</t>
  </si>
  <si>
    <t>是安全的，不用太担心。</t>
  </si>
  <si>
    <t>指纹密码锁的防盗性能和普通锁是差不多的。</t>
  </si>
  <si>
    <t>挺安全的。</t>
  </si>
  <si>
    <t>生根粉泡久了会不会死</t>
  </si>
  <si>
    <t>市场上所有的生根类产品的主要成分大都是萘乙酸和吲哚丁酸，萘乙酸本身是促主根的，吲哚丁酸是促毛细根的，但萘乙酸容易出药害，轻者叶片卷曲，落花落叶，严重者直接死苗。</t>
  </si>
  <si>
    <t>生根粉按规定浓度使用，会促进根系生长；若浓度过高，将会抑制新根生长，造成扦插或移植苗死亡。</t>
  </si>
  <si>
    <t>任何药物用多了对植物都不会好，更何况生根跟属于生长调节类物质，用多了的话就会产生抑制作用，阻碍植物的正常生长。</t>
  </si>
  <si>
    <t>左下肺斑片影是癌症吗</t>
  </si>
  <si>
    <t>可以是炎症，可以是结核，可以是肿瘤，也可以是其它的，具体还要结合病史等才能判断。</t>
  </si>
  <si>
    <t>左肺斑片影提示支气管肺炎小叶性肺炎可能性大。</t>
  </si>
  <si>
    <t>守望先锋健康时间可以解除吗</t>
  </si>
  <si>
    <t>可以替换账号或绑定满18身份证。</t>
  </si>
  <si>
    <t>早泄会自愈吗</t>
  </si>
  <si>
    <t>不能，建议要及时治疗</t>
  </si>
  <si>
    <t>如果是手淫引起的早泄，一般在戒除手淫习惯后会慢慢自愈。如果是其他旗帜性素引起的早泄，则需要通过治疗才能治愈。</t>
  </si>
  <si>
    <t>可以，阳痿早泄往往是心理性的，真正有问题的很少；平时休息好，多锻炼，当适增加营养，少抽烟喝酒，性生活上采取女上位或者带套都可以延长时间。</t>
  </si>
  <si>
    <t>ahc蓝色的水乳好用吗</t>
  </si>
  <si>
    <t>富含玻尿酸，质地清爽不油腻，很适合油性、混油皮肤，滋润但不会引起冒油，干性皮肤用起来可能会觉得不够水润。但是，皮肤也有个体差异，身边有几个油皮反应用了后闷痘，但是大部分油皮用了都反馈给我说很好用，也没有出现闷痘问题。任何护肤品都是这样的，功效对大部分适合，但还要看个体差异了。</t>
  </si>
  <si>
    <t>挺好用的，吸收快，不油腻。</t>
  </si>
  <si>
    <t>乳液用蓝瓶，水用白瓶，效果会更好。</t>
  </si>
  <si>
    <t>守望先锋黑寡妇皮肤还能获得吗</t>
  </si>
  <si>
    <t>不能，只有24号之前预购才可以获得。</t>
  </si>
  <si>
    <t>闪电降价卖的是正品吗</t>
  </si>
  <si>
    <t>是正品。现在市场反馈很好，商品质量都有保证的。</t>
  </si>
  <si>
    <t>闪电降价全是假货，没有一件正品。而且如果你退货，会钱财两空。东西退回去了，钱也不会还给你。</t>
  </si>
  <si>
    <t>痣可以去掉吗</t>
  </si>
  <si>
    <t>痣，在生物学上也是一种“良性肿瘤”，大的痣它的“根”很深，小的痣是可以用激光打去的，也不用打麻药，不是很疼，我曾经打过三个，不狠疼，我们医院30块钱打一个，不过一般来说也就20块钱。激光打完恢复起来很慢，要很长时间才能愈合伤口。建议你尽量早动手。如果痣很大的话建议你就做美容手术一次性切除才能根治，要是大痣的话激光根本不起作用它还会慢慢长起来的。</t>
  </si>
  <si>
    <t>这样很明显的突出于表面的痣，最好不要去除，它就是一个肿瘤，可以去除会破坏它的性质，也许变成恶性的肿瘤了哦。不是吓你的是真的，这样的痣也不要抓啊什么的，一旦发现痒疼不一样的感觉就要及时去医院。当然也许你的痣的性质不是我说的这样，那么去好的医院鉴定然后去除吧。</t>
  </si>
  <si>
    <t>痣是局限性皮肤色素异常,可以出生就有，亦可后天发生。健康人皮肤上通常可找到15～20颗痣,这些痣绝大多数是良性的,毋须治疗。但有些痣长在面部,影响了容貌,可以采用不同的方法将其除去。常用的脱痣方法有以下几种：激光法、冷冻法、电灼法、扫斑机脱痣法和化学药剂脱痣法等。</t>
  </si>
  <si>
    <t>2017滴滴顺风车违法吗</t>
  </si>
  <si>
    <t>有网约车资格证和从业资格证的车辆则合法。</t>
  </si>
  <si>
    <t>滴滴顺风车的司机有准驾证和营运证，就是合法的。</t>
  </si>
  <si>
    <t>不办营运证就是违法。</t>
  </si>
  <si>
    <t>造浪泵对鱼有好处吗</t>
  </si>
  <si>
    <t>1、 把杂质扬起，更容易流到过滤器进水口。2 、增加水流循环，避免微粒积存。3、 模拟江河水流或海里浪涌，使鱼在狭小的鱼缸空间能得到象原生态中的运动。</t>
  </si>
  <si>
    <t>鱼儿喜欢逆水而动，有了模拟造浪会锻炼体质，同时水中含氧量也会相应增加，每天适度开1至2次，每次1至2小时即可，多开泵无益。</t>
  </si>
  <si>
    <t>是增氧的，对鱼有利。</t>
  </si>
  <si>
    <t>印花税需要计提吗</t>
  </si>
  <si>
    <t>不需要计提。</t>
  </si>
  <si>
    <t>印花税需要计提。</t>
  </si>
  <si>
    <t>世界上真的有僵尸吗</t>
  </si>
  <si>
    <t>世界上确实有僵尸。</t>
  </si>
  <si>
    <t>不可能存在。</t>
  </si>
  <si>
    <t>计算机二级office难吗</t>
  </si>
  <si>
    <t>看平时对office应用多不多了，与一级比较，二级要考基础知识、WINDOWS、word、EXCEL、POWERPOINT、IE、OUTLOOK，与一级比较WORD多考了样式以及域；EXCEL多考了数据透视表、外部数据导入导出；POWERPOINT多考了演示文稿的输出。而且公共组件使用中的安全设置与宏也是一级所没有的。相比较而言二级VB就简单多了，编程类与OFFICE类一个是看思维逻辑，一个是看操作熟练熟练水平。</t>
  </si>
  <si>
    <t>不难，学起来不算困难，且平时用的到。</t>
  </si>
  <si>
    <t>苹果手机充电器可以充ipad吗</t>
  </si>
  <si>
    <t>苹果手机充电器可以充ipad，但会损坏充电器或者iPad，不建议混用。</t>
  </si>
  <si>
    <t>黄灯闪烁可以通行吗</t>
  </si>
  <si>
    <t>黄灯闪烁不能通行。黄灯也是不能闯的，如果违反了交通信号灯黄灯指示规则，也会被处罚。</t>
  </si>
  <si>
    <t>正常来说是没问题的，不过你不要较真安全最重要。这个在罚款李是不成立的。</t>
  </si>
  <si>
    <t>159素食全餐是骗局吗</t>
  </si>
  <si>
    <t>阿里巴巴开店要钱吗</t>
  </si>
  <si>
    <t>在阿里巴巴上是可以免费开店的，但如果准备在阿里巴巴上开店做生意，还是要缴费。最起码的诚信通会员年费你需要缴纳。因为免费的店铺是排在所有诚信通会员后面的，如果你不开通诚信通，那你的产品基本上别人永远都搜不到，只有开通了诚信通会员，你才能去做店铺优化，和别人进行排名竞争。</t>
  </si>
  <si>
    <t>如果您是以公司名义去开通诚信通的话，您要准备好，营业执照这些证件，传给阿里巴巴公司，如果是以个人身份开通的话，只需要身份证就是了。如果只是普通会员的话，一年1688元，就足够了。如果是开通其他版本的话，费用是不一样的。具体您可以咨询阿里巴巴公司的工作人员。</t>
  </si>
  <si>
    <t>阿里开店也有免费的，也有收费的，开诚信通收费，诚信通级别不一样，收费也不一样，有16800的，也有两千多的，普通的不收费，自己选择就好了。阿里上开店其实跟淘宝上开店一样的，上传发布一定数量的商品，就可以开店，这些是免费的。收费的是一些服务性的东西，后期肯定会用到。</t>
  </si>
  <si>
    <t>血色残阳首饰冲突吗</t>
  </si>
  <si>
    <t>暴击伤害冲突,遗迹手镯的增加伤害不冲突,就是这样了能理解不？也就是说暴击伤害会冲突了,但是增加伤害那部分不会冲突.</t>
  </si>
  <si>
    <t>不冲突，冲突的是那后面的百分之6只能叠加一次，我的搭配是两首饰+左右槽中的一个。</t>
  </si>
  <si>
    <t>必要商城有假货吗</t>
  </si>
  <si>
    <t>没有网上商城可以杜绝假货的。</t>
  </si>
  <si>
    <t>地平线好玩吗</t>
  </si>
  <si>
    <t>不好，买了代步玩玩还行。</t>
  </si>
  <si>
    <t>气压椅子爆炸的多吗</t>
  </si>
  <si>
    <t>一般气压椅子爆炸出事的是海绵垫的，因为海绵垫下有复合木板，所以在旋转时，磨碎木板起火（类似钻木取火），小火星引燃海绵并没有迅速爆炸，因为那种椅子是皮革表面，不透气，所以继续摩擦一段时间就会引起爆炸（因为小空间内的剧烈燃烧会产生爆炸），你的这把椅子看起来是钢架塑料面的，所以放心就好了，只不过要注意那些海绵气压转椅就好了</t>
  </si>
  <si>
    <t>黑豆醋染发有成功的吗</t>
  </si>
  <si>
    <t>这是有效果的。但这种偏方染发的持久性不强，一旦出汗容易掉颜色，需要经常染，在出汗不多的季节可以使用。对于头皮破损比较严重的人及黑色素瘤患者不太适用。</t>
  </si>
  <si>
    <t>黑豆加醋虽然有一定的促黑作用，对于头发的染色没有那么大的功效，也没有人能用这种方法把头发染黑。</t>
  </si>
  <si>
    <t>没有成功的。</t>
  </si>
  <si>
    <t>生蚝有寄生虫吗</t>
  </si>
  <si>
    <t>生蚝体内确实存在寄生虫。其实，不论哪种动物，其体内都存在寄生虫，关键在于食用时是否煮熟，杀死了寄生虫。如果吃到没有煮熟的生蚝或生吃生蚝，并且其中存在人畜共患的寄生虫，就存在被感染的风险。此外，生蚝中如果寄生虫过多，还会影响肉质和口味，因为其中的营养都被寄生虫吃掉了。因此，尽可能食用煮熟的生蚝，以避免寄生虫带来的风险。</t>
  </si>
  <si>
    <t>有的有，有的没有，不放心的话加点盐烫一下。</t>
  </si>
  <si>
    <t>没有，只有一些细菌和病毒。</t>
  </si>
  <si>
    <t>王者荣耀微信和qq能一起玩吗</t>
  </si>
  <si>
    <t>可以的，但是你们必须同时为好友。</t>
  </si>
  <si>
    <t>王者荣耀现在微信和QQ没互通，所以匹配时不能在一起玩，你得换平台和好友玩才行的。</t>
  </si>
  <si>
    <t>腾讯所有的游戏QQ和微信都不能起玩，两个不同的平台。</t>
  </si>
  <si>
    <t>笔记本可以换cpu吗</t>
  </si>
  <si>
    <t>笔记本电脑当然可以更换笔记本的CPU了,并且更换CPU并不需要更换主板。</t>
  </si>
  <si>
    <t>不行的，电脑的cpu是装配到电脑的主板上工作的，那么不同型号的主板，能够支持的CPU类型也有限的。</t>
  </si>
  <si>
    <t>摸金派金融是骗局吗</t>
  </si>
  <si>
    <t>属于传销行为。</t>
  </si>
  <si>
    <t>迪丽热巴是不是穆斯林</t>
  </si>
  <si>
    <t>不一定的。</t>
  </si>
  <si>
    <t>彩虹六号好玩吗</t>
  </si>
  <si>
    <t>好玩，可以算是第一个画质好的战术类fps</t>
  </si>
  <si>
    <t>月经不调会影响怀孕吗</t>
  </si>
  <si>
    <t>多肉需要浇水吗</t>
  </si>
  <si>
    <t>用干土栽就应该浇定植水，否则其根系难以与土壤很好地附着结合。用湿土栽可以过一段时间再浇水。</t>
  </si>
  <si>
    <t>多肉植物原产地大多是干旱而且贫瘠的荒漠，所以为了适应这样的环境它们进化出了肉质的叶子，肉质的根茎，用来最大程度地保存水分。而这种肉质的根茎是不耐水涝的，水一多了，很容易把根系处用于呼吸的孔堵塞住，然后根系就会因为窒息而开始腐坏，最后逐步感染整棵植株都坏死。而且，水多了也容易滋生出很多菌类，有的就是植物的天敌，容易使得植物黑腐。所以为了植物的健康成长，最好是最大程度地还原原产地的气候条件，尽量不要频繁浇水，多晒太阳。</t>
  </si>
  <si>
    <t>不论是沙漠还是高山地区的多肉植物，技干与叶片内都存有大量水分，所以浇水量一定不要太多。而且多肉植物在非常缺水时会消耗自身叶片的水分来供应所需养分，这时底部叶片会慢慢干枯掉;另外，番杏类及部分景天植物在缺水时叶片会起褶皱;还有的多肉在缺水时叶片会变软，这些都是它们给出的浇水信号。叶片褶皱或者变软，基本上浇水后第二天就会立即恢复，慢一点的第三天就能恢复。如果浇水后长时间都没恢复，那肯定是根系坏了，植物无法吸收造成的脱水现象。不过有时叶片出现褶皱、变软也不一定是缺水，这就需要根据自己平时的浇水时间及最近的天气情况来判定了。一般来说，如果是缺水的情况，当晚浇水，叶片第二天就会饱满起来。但如果浇水后连续几天都没有改变状态，就需要注意了。这种情况一般都是植物的根系没有生长出来，或者原有的根系已经腐坏。这时可以将多肉从土壤中拔出来，重新清理根部，并换上干一些的土壤再种上。</t>
  </si>
  <si>
    <t>鬼鬼在韩国受欢迎吗</t>
  </si>
  <si>
    <t>正在看我结世界版，蛮不错的，韩国人应该比较喜欢的。</t>
  </si>
  <si>
    <t>看韩国的工作人员多喜欢她就知道了。连MBC的部长都关注她，不时转鬼鬼的FB和点赞。</t>
  </si>
  <si>
    <t>惠州的房子值得买吗</t>
  </si>
  <si>
    <t>不管是投资还是自住，都很值得。</t>
  </si>
  <si>
    <t>自住的可以考虑，投资就算了。</t>
  </si>
  <si>
    <t>欢乐颂2还有奇点吗</t>
  </si>
  <si>
    <t>应该是没有了。</t>
  </si>
  <si>
    <t>补偿金要交税吗</t>
  </si>
  <si>
    <t>财政部国家税务总局关于个人与用人单位解除劳动关系取得的一次性补偿收入征免个人所得税问题的通知》（财税[2001]157号）明确规定：个人因与用人单位解除劳动关系而取得的一次性补偿收入，包括用人单位发放的经济补偿金、生活补助费和其他补助费用。对于个人因解除劳动合同而取得一次性经济补偿收入，应按“工资、薪金所得”项目计征个人所得税。</t>
  </si>
  <si>
    <t>劳动者与用人单位解除劳动关系，其经济补偿金的金额，如果该金额在当地上年职工平均工资3倍数额以内的部分，免征个人所得税；超过的部分按照《国家税务总局关于个人因解除劳动合同取得经济补偿金征收个人所得税问题的通知》（国税发〔1999〕178号）的有关规定，计算征收个人所得税。</t>
  </si>
  <si>
    <t>《财政部家税务总局关于与用单位解除劳关系取性补偿收入征免所税问题通知》（财税[2001]157号）明确规定：与用单位解除劳关系取性补偿收入包括用单位发放经济补偿金、补助费其补助费用于解除劳合同取性经济补偿收入应按工资、薪金所项目计征个人所得税。</t>
  </si>
  <si>
    <t>古琴好学吗</t>
  </si>
  <si>
    <t>好学。</t>
  </si>
  <si>
    <t>非常难。</t>
  </si>
  <si>
    <t>wifi有辐射吗</t>
  </si>
  <si>
    <t>WIFI是电磁波，会发射信号，所以电脑才能接收到。只是家用的无线路由器的发射功率比较小，对人体是安全的。只要不长期，呆在发射天线的旁边就可以了（10厘米以内）。拨打手机时的辐射功率，远远大于WIFI的功率。</t>
  </si>
  <si>
    <t>WIFI有微量辐射。不过在安全范围之内。对人体没啥影响。其辐射强度还不如电磁炉、微波炉。</t>
  </si>
  <si>
    <t>会有辐射但没啥大碍，家用电器辐射最大的就是微波炉、电磁炉</t>
  </si>
  <si>
    <t>医保卡余额能取出来吗</t>
  </si>
  <si>
    <t>医保卡钱不可以取出来，但是可以用于指定的药店拿药，看病等。</t>
  </si>
  <si>
    <t>带有银联功能的新医保卡，即银联社保卡是可以取钱的。</t>
  </si>
  <si>
    <t>医保卡里的钱是不可以取出来的，除非医保销户。</t>
  </si>
  <si>
    <t>圆脸适合空气刘海吗</t>
  </si>
  <si>
    <t>失去了刘海本身修饰脸型的作用，这种薄刘海会显得脸更大更圆。</t>
  </si>
  <si>
    <t>真的很适合，漂亮不止一点点。</t>
  </si>
  <si>
    <t>黄立行 徐静蕾在一起吗</t>
  </si>
  <si>
    <t>徐静蕾和黄立行还在一起。</t>
  </si>
  <si>
    <t>青海自驾游安全吗</t>
  </si>
  <si>
    <t>这边路况比较好，而且车比较少，基本上都很安全，每车车祸都是感觉路况很好，车辆少，司机车速快，有些急转弯处因车速快而来不及转弯导致车祸，建议按规定速度行驶。</t>
  </si>
  <si>
    <t>孕妇可以吃红枣吗</t>
  </si>
  <si>
    <t>怀孕期间孕妇是可以吃红枣的。当然也不要吃得太多，以免适得其反。</t>
  </si>
  <si>
    <t>2017款迈腾烧机油吗</t>
  </si>
  <si>
    <t>涡轮增压发动机到后期保养频繁一点，定期保养应该不会 。</t>
  </si>
  <si>
    <t>不是烧机油。而是机油磨损大。</t>
  </si>
  <si>
    <t>糖尿病能吃樱桃吗</t>
  </si>
  <si>
    <t>糖尿病病人是可以吃的，每天不超过十个。</t>
  </si>
  <si>
    <t>樱桃中一些成分对糖尿病患者有益，可以适量食用。</t>
  </si>
  <si>
    <t>血糖高的人最好是少吃或者不吃樱桃，樱桃是甜的，含糖也多，对糖尿病患者不利。</t>
  </si>
  <si>
    <t>薛之谦整容了吗</t>
  </si>
  <si>
    <t>整了，薛之谦微博发表了一篇长文，承认了自己眼皮和鼻梁都做过了微整。</t>
  </si>
  <si>
    <t>绝对没整容  我不知道怎么发图 我有他小时候的照片  肯定没整啊</t>
  </si>
  <si>
    <t>魅族pro6s值得入手吗</t>
  </si>
  <si>
    <t>魅族的PRO6S更值得推荐，性能更好。1、配备魅族首款四轴光学防抖相机，升级了全套相机模组，强悍的 SONY IMX386 CMOS，搭配四轴光学防抖。白天美景、暗光夜景。2、全新 Helio X25 旗舰处理器，带来魅族革命性的 10 核 3 集群架构。配合 64GB 大内存容量和 4GB 超大运存。3、PRO 6s 采用全新大容量电池，使用体验更上一层。我们将典型值容量增大至 3060mAh，整机续航时间提升了 20%。选用 ATL 等一线电芯，为日常外出使用、随时快充体验都带来可靠保障。4、PRO 6s 采用了全新的 ID  风格，追求曲线与弧度之美，拥有更加纯粹的金属机身。月光银、香槟金、星空黑和玫瑰金四种配色大胆而精彩，环形闪光灯独特而夺目。</t>
  </si>
  <si>
    <t>没优点，没缺点。主要看自己需求。这个手机最适合的是不怎么玩大游戏的，又追求一点音质，拍照，手感之类的。刚需可以入。如果要玩游戏，那就别买。</t>
  </si>
  <si>
    <t>在凡科上建网站靠谱吗</t>
  </si>
  <si>
    <t>虽然靠谱，但是bug特多。</t>
  </si>
  <si>
    <t>网站是安全的。</t>
  </si>
  <si>
    <t>感冒能吃西瓜吗</t>
  </si>
  <si>
    <t>不要吃太多，否则伤脾胃，引起咽喉炎。感冒初期不要吃西瓜，否则会使感冒加重或延长痊愈时间。不要吃打开过久的西瓜。</t>
  </si>
  <si>
    <t>能，西瓜也是清热解毒的，有辅助治疗的作用。</t>
  </si>
  <si>
    <t>娇蜜丰胸膏谁用过好吗</t>
  </si>
  <si>
    <t>用了两个疗程，增长快一个罩杯。</t>
  </si>
  <si>
    <t>用了一个多月，可以看到在长了。</t>
  </si>
  <si>
    <t>有效，挺好的。</t>
  </si>
  <si>
    <t>2017到新加坡打工好吗</t>
  </si>
  <si>
    <t>新加坡工作比较辛苦，赚的都是辛苦钱，薪水不高。</t>
  </si>
  <si>
    <t>王者荣耀不同系统可以拜师吗</t>
  </si>
  <si>
    <t>安卓和iOS系统的话，不可以的，手游数据在这两个系统里绝大多数是独立的。</t>
  </si>
  <si>
    <t>最新版本都可以。</t>
  </si>
  <si>
    <t>不同系统分不同区服，每区服下有大量小区服，同大区不同小区的可以一起联机，而不同大区的就不行了，不知道以后改不改。</t>
  </si>
  <si>
    <t>微博账号可以注销吗</t>
  </si>
  <si>
    <t>彻底注销新浪微博的方法：1、打开微博，用自己的号登陆。2、登陆后，点击页面上方的一个“设置”。就是齿轮状的图标；点击设置按钮后，弹出选项。3、弹出选项后，点击“帐号安全”。4、点击“帐号安全”后，就进入到帐号安全设置页面。5、在帐号安全设置页面，点击打开“绑定手机”后面的“设置”。6、最后，输入之前绑定的手机号，在弹出来的对话框，点击“注销”即可。</t>
  </si>
  <si>
    <t>方法一：连续三个月不登陆：新浪微博是不能直接注销账号的，连续三个月不登录新浪微博，系统就会自动注销个人资料。不过，实际上微博账号还是在上面，可以找到的。方法二：拨打客服电话：在新浪微博官方找到客服电话，让客服人员帮忙注销新浪微博账号。方法三：新浪BLOG意见反馈留言板：输入账号和密码，登录新浪微博，将页面拉到最下面，点击“意见反馈“，在微吧发表注销申请的帖子，完成后点击提交，等待结果。</t>
  </si>
  <si>
    <t>打开微博登录界面，登录自己注册的新的账号，点击头像，在打开的个人主页的头像上点击更换头像，点击右侧的账号安全，在绑定手机选项中点击设置，输入要注销的微博账号绑定的手机号，点击绑定，会弹出对话框，点击注销即可，微博就会成功注销。注意：仅适用于手机注册的微博账户，使用邮箱注册无法注销。</t>
  </si>
  <si>
    <t>cpu60度正常吗</t>
  </si>
  <si>
    <t>如果CPU的空载温度达到60摄氏度，属于不正常等级。有以下几种原因导致CPU高温：1，CPU内部硅脂已过期，导致其CPU核心的热量无法及时传到外部，需要开盖更换硅脂。2，CPU散热器性能低，导致其热量无法及时送走，只能更换更好的散热器。3，CPU的导热硅脂材料不行，导致其热量无法及时传到散热器，建议更换更好的硅脂。</t>
  </si>
  <si>
    <t>CPU温度60度正常。一般CPU工作可以在25-75度,闲时40--50度。较忙时50--65度，全速工作时65--78度，过高会重新启动或死机，60度的温度就有些高，温度在50度以下比较合适。</t>
  </si>
  <si>
    <t>思诺思能在药店买到吗</t>
  </si>
  <si>
    <t>金象大药房。</t>
  </si>
  <si>
    <t>思诺思属于处方药，一般的药房不会在没有处方的情况下开药。</t>
  </si>
  <si>
    <t>户籍地是否有人事档案关系</t>
  </si>
  <si>
    <t>如果毕业时在老家办理过接收手续，并把档案托管在当地人才中心，或委托人才中心代理毕业生接收手续，那这项可以填“有”，同时选择调入类型为“调干”，并按保管单位公章一字不差地填写调单位及调出审批主管部门。如果毕业未办理过任何接收手续，则具备干部身份项应选“无”。</t>
  </si>
  <si>
    <t>燕窝的营养价值真的那么高吗</t>
  </si>
  <si>
    <t>对一般营养含量来讲，确实是没什么突出的；但燕窝含有的两种物质是很突出的，即细胞分裂激素和表皮生长因子，这是燕窝为何会美容的原因所在。此外燕窝酸的含量也很高，还有燕窝对（支）气管炎、咳嗽等肺病的疗效是很明显的。</t>
  </si>
  <si>
    <t>从营养价值上讲，它只是一种低级食品，毕竟它只是金丝燕用唾液和羽毛等造的一个巢，只是为了繁育后代安居之用，营养也丰富不到哪去。</t>
  </si>
  <si>
    <t>燕窝有营养：1、燕窝是金丝燕分泌的丝状物其中含有的唾液酸也称为燕窝酸能增强免疫力，让细菌不易附着在呼吸系统粘膜上，燕窝是保健营养食品，男人女人都可以吃。2、燕窝中含有三种不同的营养物质，最为特别：唾液酸Sialic acid (N-acetylneuramic acid)，表皮生长因子（EGF）和集落刺激因子（CSF）。燕窝是纯天然的滋养保健食品，它的最主要作用是：燕窝中含有的唾液酸也称为燕窝酸能增强免疫力，让细菌不易附着在呼吸系统粘膜上，愈合、修复受损细胞。燕窝中的特有物质能修复身体的活细胞。燕窝对皮肤活细胞有修复作用，能够滋养真皮层。肌肤的真皮层中有两种蛋白：胶原蛋白和弹力纤维蛋白，它们支撑起了皮肤使其饱满紧致。燕窝中的有效物质确实能让皮肤嫩滑，有提拉紧致的功用。3、中医认为燕窝："养阴润燥、益气补中、治虚损、咳痰喘、咯血、久痢，适宜于体质虚弱，营养不良，久痢久疟，痰多咳嗽，老年慢性支气管炎、支气管扩张、肺气肿、肺结核、咯血吐血和胃痛病人食用。现代医学发现，燕窝可促进免疫功能，有延缓人体衰老，延年益寿的功效。</t>
  </si>
  <si>
    <t>酒仙网有假酒吗</t>
  </si>
  <si>
    <t>最近酒仙网有一部分酒在打折、价钱卖的很低、酒便宜的连成本都不够、这样卖酒、让人无法理解、所以有的人就会认为、酒仙网在卖假酒、其实不是这样的、大家都知道、春节之际、酒仙网为了答谢广大用户对酒仙网的支持、所以酒仙网特意把所有的酒都打折、让大家随意的选购。酒仙网提醒大家：请酒仙网的用户朋友们注意了：这是电信诈骗、酒仙网不会以任何名义主动向会员收取任何赠品费、服务费。其实、骗子的手段并不高明、电信诈骗屡见于网络、报纸、电视媒体、们的防范意识已有大幅提升。电信诈骗有一个共同的规律、诈骗犯说出一朵花来、无论多么诱人的花言巧语、无论多么层出不穷的翻新手段、最后都要落到一个点上、那就是向其汇款或索要受害者的银行卡及密码。</t>
  </si>
  <si>
    <t>在酒仙网买过几次白酒，没有碰到过假酒。</t>
  </si>
  <si>
    <t>个人觉得酒仙网应该还不错，红酒、白酒都可以，应该也不会有什么问题，想说的是，酒仙网还是可以的，放心买好了。</t>
  </si>
  <si>
    <t>朋友网不能用了吗</t>
  </si>
  <si>
    <t>涉嫌隐私，停用的太多，用户少，闲着一边了，部分资料不能修改，属于半瘫痪状态。</t>
  </si>
  <si>
    <t>婴儿可以坐飞机吗</t>
  </si>
  <si>
    <t>有的孩子刚满月就坐飞机，但有些专家说最好是孩子一岁后可以坐飞机。 关键是看宝宝的身体健康状况。</t>
  </si>
  <si>
    <t>国航规定出生14天以上、身体健康的婴儿，就可以坐飞机了。</t>
  </si>
  <si>
    <t>德国留学一年十万够吗</t>
  </si>
  <si>
    <t>十万欧元去德国留学，只要不乱花费，是足够的。</t>
  </si>
  <si>
    <t>德国大学生每月的生活费用大约是500 - 700 欧元。因所在的地区和所学的专业不同，约在500 欧元左右。其中包括房租、伙食费、医疗保险费、福利费、注册费、学期优惠乘车票、书籍、文具、生活用品以及零用等。所以一年的花费平均10万人民币左右。</t>
  </si>
  <si>
    <t>兄弟连培训学校靠谱吗</t>
  </si>
  <si>
    <t>这个机构还算比较出名的，是真的。</t>
  </si>
  <si>
    <t>液体蚊香对人有害吗</t>
  </si>
  <si>
    <t>不管是蚊香还是蚊香液，都含有微量麻醉物或毒物用来麻醉或者毒死蚊子，因为计量少，所以人不会受其危害，但是，都是有少量危害的。眼下市面上的驱蚊产品很多，有蚊香、电蚊香等，虽然大多产品标明无毒无害，但有些驱蚊产品的成分可能对人体有不利影响。同时，房间里蚊香或电蚊香液等熏的时间过长，空气流通不畅，会使有些人出现胸闷、头昏症状。 尤其是一些劣质驱蚊产品，所以购买时一点要认准商标。</t>
  </si>
  <si>
    <t>电热蚊香与蚊香一样具有危害。盘式、液体、电热蚊香的有效成分都是具有杀虫成分的化学制剂，区别只在于它们的载体不同。因此“无烟蚊香比有烟蚊香危害小、电蚊香比盘式蚊香危害小”的说法是不科学的。</t>
  </si>
  <si>
    <t>魔力红突袭婚礼真的吗</t>
  </si>
  <si>
    <t>鸡蛋可以隔夜吃吗</t>
  </si>
  <si>
    <t>鸡蛋熟透，保存得当，可以。</t>
  </si>
  <si>
    <t>防晒喷雾可以过安检吗</t>
  </si>
  <si>
    <t>可以带，但限量。</t>
  </si>
  <si>
    <t>可以，只要容量上都不超过单件100ML，都可以随身携带上飞机的。</t>
  </si>
  <si>
    <t>e租宝理财安全吗</t>
  </si>
  <si>
    <t>被查封了。</t>
  </si>
  <si>
    <t>有一定的风险。毕竟高收益高风险。</t>
  </si>
  <si>
    <t>被打过疫苗的狗狗咬了出血了不打针没事吧</t>
  </si>
  <si>
    <t>被打预防针的狗狗咬了，最好要打针以防得了狂犬病，不打预防针不安全，首次注射疫苗的最佳时间是被咬伤后的24小时内。因狗狗打预防针可以预防狂犬病，但被咬的人没打预防针还是会被感染狂犬病。</t>
  </si>
  <si>
    <t>如果狗狗之前有打育苗的话，就不需要打针。</t>
  </si>
  <si>
    <t>只是要破皮的话没关系，消消毒就可以了。</t>
  </si>
  <si>
    <t>无人区的鹰隼很值钱吗</t>
  </si>
  <si>
    <t>中东地区某些国家的富豪们曾把拥有猎隼的数量和级别，作为自己权力和财富的特殊象征。在沙特，一只最好的猎隼的价格，最高可以卖到几百万人民币。</t>
  </si>
  <si>
    <t>电影当然能扯就扯，游隼价格根本没那么高的。</t>
  </si>
  <si>
    <t>长期拉肚子会是肠癌吗</t>
  </si>
  <si>
    <t>经常性的拉肚子的情况多考虑是属于肠道调节功能紊乱的情况，多考虑是由于平时的饮食习惯引起的情况的。指导意见：现在的情况是不需要太担心的，这个情况就建议到医院做B超明确一下实际的情况，在明确情况后建议在医生的指导下做调节治疗。</t>
  </si>
  <si>
    <t>是慢性结肠炎，重视治疗和保养，可以治愈的，不是癌症。</t>
  </si>
  <si>
    <t>一般拉肚子，多是由于炎症刺激导致的，这种情况一般是不会得直肠癌的。只要及时进行消炎治疗，就能缓解拉肚子的症状，完全治愈身体就恢复正常了。</t>
  </si>
  <si>
    <t>15号入职当月社保交吗</t>
  </si>
  <si>
    <t>职工与单位建立劳动关系之日起，就应该为职工缴纳社会保险。</t>
  </si>
  <si>
    <t>红豆薏仁水能天天喝吗</t>
  </si>
  <si>
    <t>陈伟霆2017演唱会有吗</t>
  </si>
  <si>
    <t>陈伟霆2017演唱会有重庆站，演出时间：2017年4月22日.</t>
  </si>
  <si>
    <t>陈伟霆2017演唱会有广州站，演出时间：2017年4月30日，演出场馆：广州国际体育演艺中心。</t>
  </si>
  <si>
    <t>银河护卫队2有彩蛋吗</t>
  </si>
  <si>
    <t>外省违章 本地能处理吗?</t>
  </si>
  <si>
    <t>在省内不同城市违章，可以到车辆登记的城市交警部门进行缴纳罚款和扣分。如果在省内其他城市出行，被交警现场抓到违反交通行为，这时交警会开罚单通知，现场交警是不会收取任何罚款的。然后驾驶员可以回到当地城市，携带行驶证、驾驶者到当地交警部门指定的银行进行交纳罚款和到车管所进行扣分；或者到年尾，车辆要年检的时候，将所有违规行为进行一次性处理。</t>
  </si>
  <si>
    <t>交通警察执勤执法中发现的违法行为由违法行为发生地的公安机关交通管理部门管辖。管辖权发生争议的，报请共同的上一级公安机关交通管理部门指定管辖。上一级公安机关交通管理部门应当及时确定管辖主体，并通知争议各方；交通技术监控资料记录的违法行为可以由违法行为发生地、发现地或者机动车登记地的公安机关交通管理部门管辖；违法行为人或者机动车所有人、管理人对交通技术监控资料记录的违法行为事实有异议的，应当向违法行为发生地公安机关交通管理部门提出，由违法行为发生地公安机关交通管理部门依法处理。</t>
  </si>
  <si>
    <t>不可以。车辆违章主要包括两种：交警现场处罚和电子警察拍摄；如果违章是“现场单”，车主就必须到违章所在地区处理违章，而通过电子监控记录的违法行为车主可以到违法行为发生地或者机动车号牌核发地办理。</t>
  </si>
  <si>
    <t>剑网三好玩吗</t>
  </si>
  <si>
    <t>大嘴巴组合解散了吗</t>
  </si>
  <si>
    <t>win10 14393是正式版吗</t>
  </si>
  <si>
    <t>14393只是主版本号，与以前不同，windows10将始终处于开发阶段，会持续增加新功能以及修改不足，无所谓正式版。</t>
  </si>
  <si>
    <t>黄鳝门是真的吗</t>
  </si>
  <si>
    <t>事是真的，但是后续报道就很多种.</t>
  </si>
  <si>
    <t>减弱动态效果要不要开</t>
  </si>
  <si>
    <t>开着用着舒服点。</t>
  </si>
  <si>
    <t>开了之后没有原来UI的灵动性了，而且其实时间并不会消减太多，只是视觉错觉罢了。</t>
  </si>
  <si>
    <t>新加坡好玩吗</t>
  </si>
  <si>
    <t>是个城市国家，很多地方不容错过。</t>
  </si>
  <si>
    <t>好玩</t>
  </si>
  <si>
    <t>.圣淘沙、新加坡动物园、福康宁山、花柏山、肯特岗公园都好玩</t>
  </si>
  <si>
    <t>换银行卡卡号会变吗</t>
  </si>
  <si>
    <t>可以不变卡号定做。</t>
  </si>
  <si>
    <t>银行卡换卡一般卡号不会变。</t>
  </si>
  <si>
    <t>如果是普通客户使用的银行卡（借记卡）换卡银行卡号码会变更的。</t>
  </si>
  <si>
    <t>肾小球肾炎能治好吗</t>
  </si>
  <si>
    <t>微巴人人店是骗局吗</t>
  </si>
  <si>
    <t>当然靠谱的，微巴人人店八大运营支撑，入驻商家数十万，优质品牌的信赖之选</t>
  </si>
  <si>
    <t>泳池派对璐璐是限定吗</t>
  </si>
  <si>
    <t>是，只会在一定时间开放购买</t>
  </si>
  <si>
    <t>吃泡面会发胖吗</t>
  </si>
  <si>
    <t>肯定会长胖。</t>
  </si>
  <si>
    <t>食用泡面很容易发胖，但是如果只是食用一次没有问题，长期食用才会发胖。</t>
  </si>
  <si>
    <t>论文二辩会延迟毕业吗</t>
  </si>
  <si>
    <t>都是走过场。毕业证都没问题的。</t>
  </si>
  <si>
    <t>一般都没事，就是过程艰辛点。</t>
  </si>
  <si>
    <t>不会，除非挂科多或者表现非常不讨专业老师喜欢的会挂。</t>
  </si>
  <si>
    <t>重庆的房价还会涨吗</t>
  </si>
  <si>
    <t>中国人的平均家庭资产，房地产已经到了74％ 从这里看，已经没有上升空间，三四线城市库存高企，加上现在中国购房主力已经过度到独生子女一代，人口红利消失，未来难乐观，目前的短期上涨，应该视为一线城市持续涌入外来人口，以及国内资产配置荒带来的末升段，和金融市场任何产品的末升段一样，上涨往往集中而快速，二三线城市的跟涨更是没有基本面支持的资金行情。但是也正因为这样。房价暴跌会引起中国居民财富的缩水，也会让跟房地产相关的水泥钢铁，建材，基建行业下跌，同时家庭财富缩水带来的是购买力的下降，那服务业，消费业都会被拖累，我国还要保持6.5的gdp增速，所以不可能暴跌。</t>
  </si>
  <si>
    <t>重庆是全国大城市里面唯一未曾限购过的城市，在这几年其余城市限购的情况下重庆房价都没上涨，而其余城市在限购放宽后房价上涨明显，所以重庆没有上涨的理由，重庆上涨动力不大，不过也不是没有可能，如果通货膨胀继续，人民币贬值的话，房价还是会变相涨的，但可以肯定的是，重庆两年内的房价涨幅绝对高不过大米，猪肉的涨幅。</t>
  </si>
  <si>
    <t>不仅在重庆，其实全国的房价基本上都是上涨的状态。只不过重庆上涨的速度不如其他有些高房价城市快。重庆有大量供地 “地票制”，而且政府兴建公租房可以占到18%。重庆土地供给很大。最重要的是，重庆的公租房保障非常到位，楼盘很多，房源量大，大部分公租房都是按照商品房配套规格修建。就说明重庆房价上涨的速度比较缓，再加上不得不承认重庆周边的县市不如东部沿海地区那样均衡。重庆房屋的产权比一般少只有50年。不过以后重庆房价肯定还会上涨这是大势所趋。</t>
  </si>
  <si>
    <t>玉米秸秆颗粒好销售吗</t>
  </si>
  <si>
    <t>h1z1现在还封大陆ip吗</t>
  </si>
  <si>
    <t>日期：2017-02-23，封锁大陆ip。</t>
  </si>
  <si>
    <t>冒险岛2配置要求高吗</t>
  </si>
  <si>
    <t>一般吧。</t>
  </si>
  <si>
    <t>配置要求不高。</t>
  </si>
  <si>
    <t>钓鱼台国宾馆能进吗</t>
  </si>
  <si>
    <t>乾坤考研好吗</t>
  </si>
  <si>
    <t>管理很严格，平时去自习室都不让带手机，不过对于真正想考研的同学还是一个比较好的选择。</t>
  </si>
  <si>
    <t>乾坤在济南应该还是比较正规的考研机构了，是寄宿形式的。东西都是全新的，宿舍教室都有空调。而且学习的氛围特别棒，大家下课也都讨论的和考研有关的东西，和高三一样。后来也顺利考上。这样的学校特别适用于管不住自己的那种，如果自制力很强的话个人感觉的话就没必要来这了。</t>
  </si>
  <si>
    <t>微信可以还信用卡吗</t>
  </si>
  <si>
    <t>微信支付本身支持信用卡，但是并不是所有支付环境都支持，比如转账，话费充值等就不支持使用信用卡，购物一般是支持信用卡的。</t>
  </si>
  <si>
    <t>使用微信还款不收手续费，单笔及每日限额都是2万元，每月限额5万元。目前可通过微信给21家银行发行的信用卡还款，其中，中信银行、光大银行、民生银行、平安银行、农业银行和兴业银行6家银行能实时到账。微信零钱和信用卡还款都是由微信支付开发，底层则基于腾讯财付通。不过，微信只能通过绑定的储蓄卡对信用卡直接进行还款，但支付宝用户可以用余额宝内的资金进行还款。在还款速度上，上海、宁波、 北京、汉口、南京、江苏、浦发银行信用卡还款需2-3个工作日，节假日顺延。招商银行、工商银行、交通银行00:00-20:00还款，当日到账，20:00-24:00还款次日到账。广发银行、中国银行、建设银行、上海农商行根据还款时间，分为当日到账和次日到账。</t>
  </si>
  <si>
    <t>德家7mall是传销吗</t>
  </si>
  <si>
    <t>不是传销，合法的。</t>
  </si>
  <si>
    <t>柯基聪明吗</t>
  </si>
  <si>
    <t>名犬智商中排第11个，不笨，蛮聪明的。</t>
  </si>
  <si>
    <t>很聪明，很通人性。</t>
  </si>
  <si>
    <t>链家租房靠谱吗</t>
  </si>
  <si>
    <t>北京最大的中介，靠谱。</t>
  </si>
  <si>
    <t>绿色植物可以消灭噪声</t>
  </si>
  <si>
    <t>珊瑚树、雪松、圆柏、龙柏、水杉、云杉、鹅掌楸、栎、海桐、桂花、臭椿、女贞等植物可以降低噪音。</t>
  </si>
  <si>
    <t>消除噪声能力较强的植物：珊瑚树、雪松、圆柏、龙柏、水杉、云杉、鹅掌楸、栎、海桐、桂花、臭椿、女贞等。如果把它摆放在房间窗口或阳台处，就能有效降低30%左右从街上传来的噪音。</t>
  </si>
  <si>
    <t>有的绿色植物像广玉兰就有这功能，朗诗虹桥绿郡就选用这种抗噪景观植物，但广玉兰只是其中之一，项目上搭配了数百种绿植，美化环境的同时还能防尘防噪。</t>
  </si>
  <si>
    <t>芦荟可以吃吗</t>
  </si>
  <si>
    <t>不是所有芦荟都可以吃。</t>
  </si>
  <si>
    <t>蚊香不用分开是真的吗</t>
  </si>
  <si>
    <t>有的可以，有的不行啊。</t>
  </si>
  <si>
    <t>亲身实验，如果是缝隙大的话倒还好，但是现在很多蚊香为了不散开都有一部分连在一起的 而且蚊香的燃的很持久，基本上全部都燃了。</t>
  </si>
  <si>
    <t>不行的，两片都会燃烧。</t>
  </si>
  <si>
    <t>qq闪照截图有处罚吗</t>
  </si>
  <si>
    <t>怀孕能养猫吗</t>
  </si>
  <si>
    <t>怀孕期间是可以养猫的，注意卫生就好。</t>
  </si>
  <si>
    <t>建议他们把宠物送给别人养，因为怕孕妇感染弓形虫病。</t>
  </si>
  <si>
    <t>怀孕期间最好避免和动物近距离接触，所以通常情况下不要养宠物，避免被寄生虫感染。</t>
  </si>
  <si>
    <t>天佑被酒瓶打是真的吗</t>
  </si>
  <si>
    <t>是在拍戏。好像是叫《打狼》。</t>
  </si>
  <si>
    <t>确实打了。</t>
  </si>
  <si>
    <t>王健林和林宁是原配吗</t>
  </si>
  <si>
    <t>花生壳动态域名收费吗</t>
  </si>
  <si>
    <t>花生壳有免费服务和收费服务。</t>
  </si>
  <si>
    <t>寇赛是传销吗</t>
  </si>
  <si>
    <t>戴森吹风机真的好用吗</t>
  </si>
  <si>
    <t>戴森吹风机用时短，恒温不伤耳，功能上配了3款可以适用于不同头发的不同需求。</t>
  </si>
  <si>
    <t>不伤头发。是负离子的，不会把头发弄得特别毛躁。</t>
  </si>
  <si>
    <t>造型特别酷而且很轻，能够吹的比较蓬松自然，细软发质的最爱。</t>
  </si>
  <si>
    <t>月经期间可以洗头吗</t>
  </si>
  <si>
    <t>月经是女人的象征，每个女人都会经历。而女人在月经期需注意很多事情，那是否能够洗头呢？以下就一起来了解下吧。答案是不可以的，因为经期洗头的女性，被乳腺癌和宫癌侵袭的几率较高。原因是因为在月经期洗头会致使子宫无法完全收缩，从而导致体内荷尔蒙分泌不平衡，那么长期累积下来就会致癌。因为女人来月经的时候，盆腔是处于充血现象，那么肯定流至身体其他部位的血液就会较平时少，头部血液也自然不例外；若此时头皮遇到冷水就会导致头皮上的血管收缩，致使血液减少而不畅，进而导致血液循环不佳。因此，必须要尤其注意保暖身体，不可使用冷水洗浴洗头。不过，7天不洗头肯定是不现实的。因此专家建议，尽可能避免在经量最多的前两天内洗头，并且，在洗头的时候必须使用热水，在30~40度最佳，洗头速度需快，在洗完后立即吹干。</t>
  </si>
  <si>
    <t>月经来潮是女性正常生理功能，可以把体内的废物转变成血液，经由狭窄的子宫口排出体外；但是如果宫内有血块，把出口堵住了，就发生了所谓的生理痛经。 为了防止生理痛经或月经不顺的发生，老一辈的人都会告知说在经期间严禁洗头、不要喝冷饮、多吃促进新陈代谢的食物生理期的前一周不提过重的东西、不熬夜、不做激烈的运动等等，就可以防止血液成块。 事实上，对于月经期间不可以洗头，或洗头会得“头风”这些说法，在西医上并无相关定论。不过，由于女性月经来潮时，盆腔处于充血的状态，相对的流到身体其他地方的血流就会少些，自然到头部的血液也少了一些；如果这时头皮遇冷水会使头皮上的血管收缩，会使血液更加减少而不畅，导致血液循环不佳。</t>
  </si>
  <si>
    <t>月经期间不宜洗头.洗头容易导致伤经,体内寒大,并且有可能引发月经不调,此外寒气会从脑部乘虚而入,容易引起人的腰,腹,胸等部位出现症状或疾病,因此月经期间尽量不要洗头.在月经期间,还应当避免重体力活动,因剧烈的体育运动或重的体力劳动,不但使身体更加疲劳乏力,降低抵抗力以外,还能使下身血液流动增多加快,容易引起经血过多,经期延长,使身体虚弱.但是一般劳动,不剧烈的体育活动和学习,仍可照常进行.此外,保持充足的睡眠,可以增强身体的抵抗力,使精神情绪稳定,也有助于经期卫生保健。</t>
  </si>
  <si>
    <t>广西北海会很乱吗</t>
  </si>
  <si>
    <t>治安没有问题，就是做传销式代理的比较多。</t>
  </si>
  <si>
    <t>很乱，外来传销笼罩着这个城市，78%的都是外来城市来的人。</t>
  </si>
  <si>
    <t>沙棘排湿排寒是真是假</t>
  </si>
  <si>
    <t>没有排湿排寒。</t>
  </si>
  <si>
    <t>觉得还不错。</t>
  </si>
  <si>
    <t>旧电脑的硬盘可以接到新电脑吗</t>
  </si>
  <si>
    <t>不能。因为旧硬盘里的系统，没有新主板、CPU、的驱动。</t>
  </si>
  <si>
    <t>旧的电脑硬盘如果确保硬盘是没问题的情况下是可以插到新的系统里面使用的。</t>
  </si>
  <si>
    <t>勇者斗恶龙英雄2好玩吗</t>
  </si>
  <si>
    <t>推特在中国大陆能用吗</t>
  </si>
  <si>
    <t>国内使用推特就必须要用vpn软件。</t>
  </si>
  <si>
    <t>国内用不了，除非翻墙。</t>
  </si>
  <si>
    <t>孕妇可以吃雪糕吗</t>
  </si>
  <si>
    <t>专家认为，夏天孕妇可以适当吃点雪糕解暑，但是最好还是少吃或者不吃。因为雪糕属于偏寒性的食物，怀孕期间应尽量避免吃太多寒性的东西，所以雪糕这类东西少吃为妙。具体还要视孕妇自身的身体状况和腹中胎儿对冷的刺激的反应程度而定。</t>
  </si>
  <si>
    <t>千万别吃雪糕哟，孕妇怀孕期间是高温，因为两个人的体温，您如果吃雪糕会导致如下后果，肚子疼痛，小孩会在肚子里反复折腾，产后会引起大出血等症状，而且对小孩也不好，对于您自己身体也不好哟，怀孕期间禁止饮食冷饮食品。</t>
  </si>
  <si>
    <t>吃一两根应该没事。</t>
  </si>
  <si>
    <t>勇者奈德丽是限定吗</t>
  </si>
  <si>
    <t>不是限定的。只是个新皮肤而已，以后也可以买的。</t>
  </si>
  <si>
    <t>发胶可以带上飞机吗</t>
  </si>
  <si>
    <t>发胶属于易燃物品，不能随身带上飞机。少量自用的发胶就只能托运，超过2瓶的话，连托运都不可以。</t>
  </si>
  <si>
    <t>发胶是限制携带的，每人只能携带一瓶，但必须托运。</t>
  </si>
  <si>
    <t>正常放在行李箱托运是可以的，如果随身过安检带上飞机就不可以了。</t>
  </si>
  <si>
    <t>养非洲灰鹦鹉犯法吗</t>
  </si>
  <si>
    <t>灰鹦鹉一般都是人工繁殖的现在，私人繁殖或者进口来的，别的国家也许是保护动物。我们国内是载入保护的是大绯胸，小绯胸等鹦鹉。</t>
  </si>
  <si>
    <t>也算也不算，算是擦边球性质的，饲养繁育两只以上有违规的嫌疑。如果是人工二代，不是偷运的老野和外入种系，而且只养一只的话，问题不是太大</t>
  </si>
  <si>
    <t>养非洲灰鹦鹉是不犯法的。</t>
  </si>
  <si>
    <t>香港浸会大学很差吗</t>
  </si>
  <si>
    <t>香港浸会大学属于一流大学。</t>
  </si>
  <si>
    <t>一般公认为是香港排名第六的大学，国际排名和内地的985相当。</t>
  </si>
  <si>
    <t>从录取成绩上看，和国内的985大学有一拼。</t>
  </si>
  <si>
    <t>房中术 真的么</t>
  </si>
  <si>
    <t>有些用，效果没那么神奇。</t>
  </si>
  <si>
    <t>没人知道，从古代得道真人留下的文章，房中术虽然有，但并不是成仙了道的大术。</t>
  </si>
  <si>
    <t>当然有用，房中术和养生术差不多。</t>
  </si>
  <si>
    <t>商转公积金贷款划算吗</t>
  </si>
  <si>
    <t>很划算。</t>
  </si>
  <si>
    <t>真人cs彩弹枪合法吗</t>
  </si>
  <si>
    <t>真人CS彩弹游戏是合法的。假如有玩家想要收藏彩弹木仓的话，最好要咨询当地的公安局和相关管理部门。</t>
  </si>
  <si>
    <t>自己拥有应该不行，枪支都在公安区有备案，不准私人拥有。</t>
  </si>
  <si>
    <t>要公安部门审批。</t>
  </si>
  <si>
    <t>无限极是传销吗</t>
  </si>
  <si>
    <t>是直销，直销的一种。</t>
  </si>
  <si>
    <t>无极限是拿到牌照的直销公司，其实在国外就是叫传销。</t>
  </si>
  <si>
    <t>无极限本不是传销，是正常营业的直销，不过不法之徒大多数都是利用直销公司之名来干传销，从而坏了很多直销公司的名声。</t>
  </si>
  <si>
    <t>office安装缓存文件可以删除吗</t>
  </si>
  <si>
    <t>可以删除，删除后，office出了问题无法修复安装，需要安装程序。</t>
  </si>
  <si>
    <t>hult是不是野鸡大学</t>
  </si>
  <si>
    <t>Hult是中华人民共和国教育部认可的正规美国麻省波士顿的高等教育机构。</t>
  </si>
  <si>
    <t>不是，教育部第一批认证的学校之一。</t>
  </si>
  <si>
    <t>蛟龙真的存在吗</t>
  </si>
  <si>
    <t>蛟龙的传说应该是古代渔民把海里的水蛇神话的结果，水里的蛟龙化作应龙翱翔天空。所以蛟龙和龙一样都是神话传说</t>
  </si>
  <si>
    <t>2017福特翼虎还断轴吗</t>
  </si>
  <si>
    <t>一般情况下是不会断轴的。</t>
  </si>
  <si>
    <t>现在没有这个问题了。</t>
  </si>
  <si>
    <t>微波炉可以做蛋糕吗</t>
  </si>
  <si>
    <t>可以。可以自制，也可以从大一点的超市里买现成的蛋糕粉，倒点牛奶充分搅拌，加入爱吃的干果，倒进指定的容器里微波炉，很快能做好。</t>
  </si>
  <si>
    <t>当然可以， 第一：鲜鸡蛋加上面粉加上白沙糖和泡打粉一起揉好放到一个容器里面 ；第二：上面倒点加糖的牛奶；第三：把微波炉打到中火，烤5分钟就可以完成。</t>
  </si>
  <si>
    <t>余额宝能放2000万么</t>
  </si>
  <si>
    <t>余额宝单个账户最高持有金额是100万（若已持有大于或等于100万资金的可继续持有，不影响收益发放，但不能再转入）。</t>
  </si>
  <si>
    <t>魅族系统升级数据可以删除吗</t>
  </si>
  <si>
    <t>魅族手机系统升级完成以后，可以到文件管理里，点击压缩包，选择将升级包删除的，这个是不影响手机正常使用的。</t>
  </si>
  <si>
    <t>樟脑丸能防蟑螂吗</t>
  </si>
  <si>
    <t>樟脑球能驱赶但灭不了蟑螂。</t>
  </si>
  <si>
    <t>能防蟑螂，不过只是暂时的，因为蟑螂会慢慢适应樟脑球的味道。</t>
  </si>
  <si>
    <t>樟脑丸主要是去除异味，有一些驱除蟑螂的功效。</t>
  </si>
  <si>
    <t>市来美保的胸是真的吗</t>
  </si>
  <si>
    <t>棉花能吃吗</t>
  </si>
  <si>
    <t>不能吃:1.棉花不能吃。棉花，是锦葵科棉属植物的种子纤维，原产于亚热带。植株灌木状，在热带地区栽培可长到6米高，一般为1到2米。花朵乳白色，开花后不久转成深红色然后凋谢，留下绿色小型的蒴果，称为棉铃。棉铃内有棉籽，棉籽上的茸毛从棉籽表皮长出，塞满棉铃内部，棉铃成熟时裂开，露出柔软的纤维。纤维白色或白中带黄，长约2至4厘米，含纤维素约87～90%;2.棉花是木质纤维为主  不能消化  所以不能吃 。</t>
  </si>
  <si>
    <t>棉花的确可以吃，含纤维素也很多，但人的消化系统中没有可以分解纤维素的酶，所以不能消化它。但纤维素在排出体外的时候可以促进肠蠕动，对身体是有好处的。但不建议你去吃棉花，会噎着的。</t>
  </si>
  <si>
    <t>金三角现在还有毒枭吗</t>
  </si>
  <si>
    <t>以前有坤沙，罗兴汉，现在大大小小有很多。</t>
  </si>
  <si>
    <t>紫草膏婴儿能用吗</t>
  </si>
  <si>
    <t>如果是天然成分的紫草膏，就是只用中药紫草熬制出来的，可以用。</t>
  </si>
  <si>
    <t>婴儿是不可以使用紫草膏的，一般来讲，只有2岁以上的宝宝才可以使用紫草膏。紫草膏中的紫草是有一定的毒性的。</t>
  </si>
  <si>
    <t>可以，紫草膏可以止痒消炎，外用药，对宝宝没有副作用，很安全，放心涂。</t>
  </si>
  <si>
    <t>劳动仲裁会偏向企业吗</t>
  </si>
  <si>
    <t>不会偏向一方。</t>
  </si>
  <si>
    <t>劳动仲裁是否能够胜诉取决于诉求是否有法律依据，是否有足够的证据材料，不存在偏向用人单位的说法。</t>
  </si>
  <si>
    <t>有权益，有理由就不会偏向任意一方。</t>
  </si>
  <si>
    <t>虾头能吃吗</t>
  </si>
  <si>
    <t>虾头不宜吃，虾头是头、胸、甲三合一部位，其胃、肝等内脏集中分布在这里，难免会有一些细菌。</t>
  </si>
  <si>
    <t>虾头虽然含有大量的鲜味物质，但同时也含有较多的重金属和寄生虫。因此，虾头是不能吃的。</t>
  </si>
  <si>
    <t>补钙，但这个钙不太好吸收，因为不是离子钙。虾头含有大量的蛋白质，营养丰富，但还是建议不要吃虾头。由于污染问题严重，而虾的头部血管密集，体内的有害物质主要是通过血液来流通，从而聚集在头部的毒素比较多。吃虾头弊大于利。</t>
  </si>
  <si>
    <t>c盘amd文件夹可以删除吗</t>
  </si>
  <si>
    <t>c盘根目录的AMD文件夹可以删除。</t>
  </si>
  <si>
    <t>将文件夹改名，重启以后如果出现报错之类的就说明该文件夹不能删除，那么就将文件夹名字改回原来的，如果用起来没什么影响，那么就可以删掉。</t>
  </si>
  <si>
    <t>里面放的是显卡是驱动程序，如果机器是双显卡并且不打算再用独立显卡可以删掉。</t>
  </si>
  <si>
    <t>用过壁床的后悔了吗</t>
  </si>
  <si>
    <t>壁床不错的。</t>
  </si>
  <si>
    <t>win10重置和重装一样吗</t>
  </si>
  <si>
    <t>从道理上说是一样的，通常说还原出厂，系统恢复，也就是重装系统，重装的，是自己选择的系统。</t>
  </si>
  <si>
    <t>有区别，重置是恢复到初次安装系统时的状态，重装是重新安装。</t>
  </si>
  <si>
    <t>栗坤老公是北京区长吗</t>
  </si>
  <si>
    <t>房山区的副区长。</t>
  </si>
  <si>
    <t>营销师资格证取消了吗</t>
  </si>
  <si>
    <t>在去年已经发文取消好像就是在12月初取消的，所以不必再学习考试了。</t>
  </si>
  <si>
    <t>百度云限速违法吗</t>
  </si>
  <si>
    <t>只要是免费给你用的东西没有什么合不合法的。</t>
  </si>
  <si>
    <t>聚美优品的东西是正品吗</t>
  </si>
  <si>
    <t>是假货!</t>
  </si>
  <si>
    <t>身份证过期能买火车票吗</t>
  </si>
  <si>
    <t>身份证过期了车站不能读取身份证信息，不能购买火车票。根据铁路总公司《铁路安全管理条例》的有关规定，铁路实行实名制售票、乘车，有关规定是：1．旅客在www.12306.cn网站购票时，要准确填写有效身份证件的类型、姓名、号码等信息。2．网购车票换票时，有效身份证件类型、姓名、号码与购票时所填写的内容完全一致的方予换票；不一致的不予换票。3．实名制验证时，车票所载明的旅客身份证号码和旅客的身份证号码必须一致，否则不能乘车。</t>
  </si>
  <si>
    <t>身份证过期了，只要是第二代，还可以继续买票，因为买车票的时候主要是靠身份证里面的芯片，传递里的姓名和身份证号码。</t>
  </si>
  <si>
    <t>这得分情况：1、如果该乘客有自己的12306帐号，并且状态是“已通过”，那么乘客可以在12306官网买票，但是取票时不能用过期的身份证取票。2、取票，可以代替身份证使用的还有：临时身份证明、护照、户口本、驾驶证、港澳通行证、台湾通行证，军人相关证件等。3、临时身份证明，可以到就近的公安局或者火车站派出所办理，只要乘客提供身份证号码和姓名即可。临时身份证明加盖公安局印章，有效期15天，可以用于购票、取票、乘车。4、如果该乘客没有12306帐号，也没有在网上买过火车票，即使注册，也需要用身份证原件审核（过期身份证不能用于审核），那么该乘客则不能在网上购票。</t>
  </si>
  <si>
    <t>dnf预约角色只能一个吗</t>
  </si>
  <si>
    <t>对，并且在活动期间内无法删除角色。</t>
  </si>
  <si>
    <t>是的，一个账号只能预约一个角色。</t>
  </si>
  <si>
    <t>美版iphone7国内能用吗</t>
  </si>
  <si>
    <t>可以用，因为支持4G频段。</t>
  </si>
  <si>
    <t>美版的iphone7分为4个运营商版本，ATT、sprint、Verizon和新合作的Chariton。其中，只有Verizon的版本（俗称V 版），是无锁可以国内三网通用的。其他的3个都是合约机，就是说只能用运营商公司的卡。</t>
  </si>
  <si>
    <t>美国有四个运营商，所以苹果7美版也对应有四个版本，(1)iPhone7美版Att版，tmobile版运营商定制机默认是有锁的，但是目前也存在全价无锁机型，据说在美国苹果直营店购买的全价机为无锁机，回国后把自带的运营商卡拔出，用国内的卡激活即可使用，在美国苹果官网购买的tmobile版的全价机也是无锁机，不过即使是无锁版本也不是全网通的，会对国内的一下网络频段进行屏蔽，不建议购买。(2)iPhone7美版V版V版确认是无锁的机型，唯一的不好之处也是不是全网通的版本，会对国内的一下网络频段进行屏蔽(3)iPhone7美版S版无锁全网通，支持移动4g/3g/2g，联通4g/3g/2g，电信4g/3g/2g，插卡即用，可任意升级。</t>
  </si>
  <si>
    <t>其他综合收益影响当期损益吗</t>
  </si>
  <si>
    <t>其他综合收益，是所有者权益科目，不影响当期损益。</t>
  </si>
  <si>
    <t>被口交会中hiv吗</t>
  </si>
  <si>
    <t>感染艾滋病的几率很小。口交行为不属于高危行为，基本上是不存在感染艾滋病的可能性的，口交传染的条件需要主动方有严重的口腔溃疡并且出血，被动方也有破损的情况下才会感染，这样的条件一般是不会同时存在的，如果放心不下的话，可以去疾控中心或医院做检测，购买艾滋病试纸做一次艾滋病检测脱恐.</t>
  </si>
  <si>
    <t>有感染艾滋病的可能。一般艾滋病的传播途径为性接触，母婴传播，血液制品！口交也有传播艾滋病和性病的可能。因为一方难免有牙龈炎、口腔溃疡等口腔常见病；另一方的外生殖器又难免在口交时被对方的牙齿划伤。</t>
  </si>
  <si>
    <t>钢铁军团盖伦是限定吗</t>
  </si>
  <si>
    <t>限定</t>
  </si>
  <si>
    <t>159减肥有效果吗</t>
  </si>
  <si>
    <t>喝咖啡上火么</t>
  </si>
  <si>
    <t>颈椎突出能复位吗</t>
  </si>
  <si>
    <t>无论是颈柱哪一阶段的椎间盘，一旦髓核的突出造成纤维环破裂基本上都不能再次回纳，特别情况除外。</t>
  </si>
  <si>
    <t>这个只能改善不能回归原位的。</t>
  </si>
  <si>
    <t>这个不是光靠锻炼就能恢复的，要结合很多办法慢慢改善。</t>
  </si>
  <si>
    <t>甲亢能治愈吗</t>
  </si>
  <si>
    <t>主要要看甲亢的程度，比如T3T4的水平等。甲亢会引起各个系统的代谢抗生，虽然不会又太大危险，但是也必须积极控制甲状腺激素水平。注意平时自己的情绪控制，加上和医生配合积极治疗，是可以控制的。</t>
  </si>
  <si>
    <t>一般来说服用西药治疗都要2-3年，而且还容易复发。</t>
  </si>
  <si>
    <t>针对甲亢一定要注意饮食，注意按时吃药，不用担心，身体会慢慢恢复的。平消胶囊，甲状腺片，都是不错的治疗药物，海生物不要吃，酒最好也不要喝。</t>
  </si>
  <si>
    <t>小花钱包靠谱吗</t>
  </si>
  <si>
    <t>还是挺好用的。</t>
  </si>
  <si>
    <t>不是很建议。</t>
  </si>
  <si>
    <t>交易猫买阴阳师号安全吗</t>
  </si>
  <si>
    <t>带SSR的初始号不安全。SSR查的很严。不过如果是那种20多级的带SSR的号，会安全点。如果是成品号，注意搞清楚账号是什么账号，如果是网易邮箱账号，网易邮箱里头身份证这些资料绑了没有。</t>
  </si>
  <si>
    <t>就是客服很慢，买到的时候一定要买3无，没绑定的号，就没问题。</t>
  </si>
  <si>
    <t>挺安全的。要注意的是交易猫客服只会在交易猫里联系你，任何通过qq联系的交易猫客服都是骗子，阴阳师账号要注意尽量别买绑定身份证的，可能会被找回，也别买手机账号，很麻烦。</t>
  </si>
  <si>
    <t>王者荣耀黄忠厉害吗</t>
  </si>
  <si>
    <t>凑合着用，不是很强势。</t>
  </si>
  <si>
    <t>肾结石能喝茶吗</t>
  </si>
  <si>
    <t>可以喝茶。</t>
  </si>
  <si>
    <t>建议肾结石患者喝茶必须要有所节制。尽量不喝浓茶，也不要空腹喝茶。</t>
  </si>
  <si>
    <t>最好不要喝茶。</t>
  </si>
  <si>
    <t>社保和公积金可以不在一个单位交吗</t>
  </si>
  <si>
    <t>社保公积金是可以不在一个单位缴纳的。社保和公积金是完全不同的两个福利政策。只不过用人单位是有责任缴纳社保和公积金的。</t>
  </si>
  <si>
    <t>不可以。社保和公积金不在一个单位，说明同时和两家企业签订劳动合同。因为公积金是不能个人购买的。根据《中华人民共和国劳动合同法》（以下简称劳动合同法）第六十九条规定，从事非全日制用工的劳动者可以与一个或者一个以上用人单位订立劳动合同；但是，后订立的劳动合同不得影响先订立的劳动合同的履行。从这条规定可以看出，从事非全日制用工的劳动者可以与一个或者一个以上的用人单位订立劳动合同，即允许从事非全日制用工的劳动者建立双重或多重劳动关系。</t>
  </si>
  <si>
    <t>肯定可以的。社保局与公积金中心不是同一个部门的，也不是用同一个系统的。所以是没有问题的，不过有的地方要求公积金与社保缴费基数要一样了，例如广州，这种情况只要缴费基数一样就可以了，不在同一单位缴是没有关系的。</t>
  </si>
  <si>
    <t>极有家的商家可靠吗</t>
  </si>
  <si>
    <t>是正规的淘宝店铺，可靠。</t>
  </si>
  <si>
    <t>百年育才可考靠吗</t>
  </si>
  <si>
    <t>10万公里的二手车能买吗</t>
  </si>
  <si>
    <t>如果一切都好，也就是车况很好，那么这车还是可以买的。</t>
  </si>
  <si>
    <t>10万公里以上的二手车，如果车子的车况良好，手续方面齐全，二手车价格又相对便宜的情况下，完全可以考虑购买。</t>
  </si>
  <si>
    <t>三方协议找熟人签行吗</t>
  </si>
  <si>
    <t>可以找熟人的单位签三言，但是前提是那个单位愿意给你签，档案也可以转回当的人才或者相关单位，没有影响的。</t>
  </si>
  <si>
    <t>慢性膀胱炎能治愈吗</t>
  </si>
  <si>
    <t>可以的，治疗膀胱炎的方法很多，患者在选择治疗方法时一定要首先考虑自身的病情特点，查明病因，对症治疗，这样才能将膀胱炎彻底治好。患者应注意适当休息，多饮水以增加尿量，加强营养，忌食刺激性食物。膀胱炎患者可以服用中药利尿消炎药丸治疗，此药具有的杀菌消炎之功效，疗效确切，需要卧床休息，多饮水，避免刺激性食物，热水坐浴可改善会阴部血液循环，减轻症状。</t>
  </si>
  <si>
    <t>当然可以。诊断方面除全身一般检查外，最重要的是查明致病菌的种类及药物敏感试验的结果、寻找引起感染持续或复发的原因。在生活上要注意个人卫生，经常去清洁。抑制细菌的滋生。在家里多休息，多喝点水，我们要时常的泡澡，坐浴，坐浴可以促进血液循环，增强身体的代谢，有利于清除细菌。磺胺甲基异口恶唑，甲氧苄氨嘧啶，碳酸氢钠等药物或复方新诺明，羟氨苄青霉素，或甲氧苄氨嘧啶的服用都是杀死细菌，消炎等作用。在饮食上要多食用些利尿的食物。</t>
  </si>
  <si>
    <t>慢性膀胱炎多由急性膀胱炎迁移所致，部分可能由于下尿路梗阻，如尿路结石，尿路肿瘤，尿路畸形，前列腺增生肥大等导致。常见症状是反复发作的尿频尿急尿痛，部分可能有膀胱区不适，憋尿时疼痛明显。这个情况需要及时排查易感因素，去除结石、肿瘤、畸形等情况，然后使用抗生素治疗。通常排除易感因素后及时抗生素治疗可以缓解症状。不要吃生冷的食物和辛辣的食物要养成良好的卫生习惯，避免感染，注意饮食营养，衣着特别是内裤要宽松透气，忌酒及辛辣或过敏食物。多喝水，保持每天尿量在两千毫升以上,这样起到尿路冲洗的作用。</t>
  </si>
  <si>
    <t>micro sim卡可以剪成nano sim卡吗</t>
  </si>
  <si>
    <t>micro SIM卡可以剪成nano SIM卡。</t>
  </si>
  <si>
    <t>不要剪卡，容易剪坏，直接营业厅换一个就行。</t>
  </si>
  <si>
    <t>微博可以看到访客记录吗</t>
  </si>
  <si>
    <t>新浪微博没有这个功能。</t>
  </si>
  <si>
    <t>揉肚子能减肥吗</t>
  </si>
  <si>
    <t>这个对于消化有很大好处，对于肚子的减肥效果不大。</t>
  </si>
  <si>
    <t>揉肚子具有减肥作用，一方面是因为通过揉肚子能刺激末梢神经、使腹壁毛细血管畅通，可以促进脂肪消耗。另一方面，揉肚子具有促进肠蠕动，消除便秘、有助睡眠、预防疾病的作用，而便秘，失眠，疾病等同时也是导致肥胖的因素。</t>
  </si>
  <si>
    <t>能的。但是最好是早起或者睡前空腹的时候，顺时针一百下，逆时针一百下，有通便的效果。不要直接揉，涂点瘦身精油效果会更好，没有的话橄榄油或者婴儿油也可以。</t>
  </si>
  <si>
    <t>金河田电源真的很差吗</t>
  </si>
  <si>
    <t>质量没问题，口碑好，放心购买。</t>
  </si>
  <si>
    <t>价廉物美比较实惠。</t>
  </si>
  <si>
    <t>紫薯长牙了能吃吗</t>
  </si>
  <si>
    <t>长芽的紫薯要经过处理才能吃，把皮削掉，长芽出削掉，蒸煮油炸均可，不影响口感。</t>
  </si>
  <si>
    <t>一般紫薯长芽了建议最好是不要吃的，发芽会消耗很多营养，所以它的营养价值降低了，发芽还会产生毒素的，最好不吃。</t>
  </si>
  <si>
    <t>iphone7home键能不能按下去</t>
  </si>
  <si>
    <t>不支持持物理按压，不能按，采用触屏压力感应按压。</t>
  </si>
  <si>
    <t>万国二建押题准吗</t>
  </si>
  <si>
    <t>都是噱头，个别题和真题有点相似，就宣称自己押中真题。</t>
  </si>
  <si>
    <t>去年就是在（unhaisen）下载了这个机构的押题，发现很多题型都是非常的相似，在（unhaisen）还有很多的知识点整理，真的可以去好好看看。</t>
  </si>
  <si>
    <t>蔷薇绅士有特效吗</t>
  </si>
  <si>
    <t>蔷薇绅士武器和之前的有所不同。当切换远程攻击时武器呈现蓝色，发蓝光，Q技能远程炮变成蓝色的。远程攻击时技能加速墙也是蓝色的。当武器切换成锤子变成近战的杰斯武器成金色，武器周围闪烁金光，使用技能技能是金色光。杰斯回城时候嘴里叼着玫瑰，酷炫回城。杰斯Ctrl12345的舞蹈皮肤特效，有放烟雾的，有耍帅左右摇摆鄙视对方的。</t>
  </si>
  <si>
    <t>单位结算卡是对公账户吗</t>
  </si>
  <si>
    <t>是，单位结算卡是在公司基本账户的基础上开通的，是和基本账户绑定的。</t>
  </si>
  <si>
    <t>是，公司对公帐户分为四类：基本帐户，一般帐户，临时帐户及专用帐户。</t>
  </si>
  <si>
    <t>是，单位结算卡和对公账户是绑在一起的，通过单位结算卡发生的交易全部都记录在单位对公账户上。</t>
  </si>
  <si>
    <t>金牌调解是真人真事吗</t>
  </si>
  <si>
    <t>是真的，很多故事都是江西都市频道报导过的 只是去江西卫视调解的。</t>
  </si>
  <si>
    <t>《金牌调解》节目的多数节目非真实的，都是采用电视包装的手法来引起观众共鸣的一种节目。</t>
  </si>
  <si>
    <t>自我认为是假的，作秀的成分太多，有些矛盾不能调节。</t>
  </si>
  <si>
    <t>浪漫满屋加盟真的假的</t>
  </si>
  <si>
    <t>当然是真的啦。</t>
  </si>
  <si>
    <t>魅蓝note5玩王者荣耀卡吗</t>
  </si>
  <si>
    <t>魅蓝note5的配置相对较低，建议用户开启高性能模式，将游戏的画质降低，是可以流畅体验的，推荐用户选择。</t>
  </si>
  <si>
    <t>蚂蚁借呗可以一次性还款吗</t>
  </si>
  <si>
    <t>1.可以一次性还款。2.也可以提前还。3.也可以按分期的期数还。都是可以的。</t>
  </si>
  <si>
    <t>龟背竹有毒吗</t>
  </si>
  <si>
    <t>无毒，果实可食用。</t>
  </si>
  <si>
    <t>空调压缩机坏了能修吗</t>
  </si>
  <si>
    <t>可以维修，建议请专业的维修人员检测下，根据实际情况进行维修。</t>
  </si>
  <si>
    <t>确认坏了，专业厂家可以修（所谓翻新），自己有基础也可以修，但是没有专用工具很费工，需要钢锯锯开外壳，反复彻底清理锯掉落在内部的铁粉沫再修复。</t>
  </si>
  <si>
    <t>一般是无法维修的 出厂密封焊接</t>
  </si>
  <si>
    <t>属鸡本命年能穿红色吗</t>
  </si>
  <si>
    <t>属鸡人本命年是能穿红色。</t>
  </si>
  <si>
    <t>属鸡人2017年本命年却不宜太频繁穿红色。</t>
  </si>
  <si>
    <t>本命年的习俗就是红内裤，红腰带，红袜子，还可以穿红色内衣。既然是属鸡的，那就穿啊。</t>
  </si>
  <si>
    <t>2017运管晚上查滴滴吗</t>
  </si>
  <si>
    <t>正规出租车用滴滴软件接单，运管是不管的，也是合法的，如果是私家车注册滴滴跑客运，这个被运管查到是要罚款的。</t>
  </si>
  <si>
    <t>阿甘是真实人物吗</t>
  </si>
  <si>
    <t>不是，是虚造的电影人物。</t>
  </si>
  <si>
    <t>不存在，这是编剧美好的想象，激励所有人在现实的泥沼中爬起来，站起来，纯粹励志而已。</t>
  </si>
  <si>
    <t>要知道小说源于生活，阿甘也许不存在，但像阿甘这样的人确实有</t>
  </si>
  <si>
    <t>法定盈余公积一定要提吗</t>
  </si>
  <si>
    <t>法定盈余公积，是指按照企业净利润和法定比例计提的盈余公积；提取比例一般为净利润的10%，当法定盈余公积累计金额达到企业注册资本的50%以上时，可以不再提取。</t>
  </si>
  <si>
    <t>法定盈余公积金是国家统一规定必须提取的公积金，提取顺序在弥补亏损之后，按当年税后利润的10%提取。法定盈余公积已达到注册资本50%时可不再提取。</t>
  </si>
  <si>
    <t>柠檬与茶叶相克吗</t>
  </si>
  <si>
    <t>柠檬和绿茶不宜一起冲泡，因为绿茶里面的氨茶碱和柠檬中的柠檬酸会发生化学反应，使二者失去原有作用。</t>
  </si>
  <si>
    <t>没有坏处，柠檬虽然喝起来酸酸的，但是却是呈碱性的。刚好可以综合一下胃酸之类的，身体呈碱性比较好。茶也是含有碱的，有许多的茶叶碱，对身体很好。和柠檬的碱搭配一起是不会有什么不好的，二者很好的揉合一起。</t>
  </si>
  <si>
    <t>康乾盛世是否存在</t>
  </si>
  <si>
    <t>这个有是吹出来的，课本根本不足为信任根本不存在，清朝入关实际是历史倒退。</t>
  </si>
  <si>
    <t>如果从封建王朝算起的话，从秦的建立一直到清的灭亡。都在封建时间轴上，那么，最明显的，唐朝的开元盛世就不算盛世么？甚至要超于康乾盛世，宋朝的商业一直很繁荣，是史学界公认的。所以康乾盛世它不仅是比较哪个最好的问题，而是在挑小组赛里挑第一，而不是决赛。因为请后期的太过不堪，康乾这一时期被称为盛世自然就合理了。</t>
  </si>
  <si>
    <t>黑子的篮球last game国内上映吗</t>
  </si>
  <si>
    <t>4月14日，不过b站应该也会出。</t>
  </si>
  <si>
    <t>二级结构工程师好考吗</t>
  </si>
  <si>
    <t>好考</t>
  </si>
  <si>
    <t>雪佛兰科沃兹质量行吗</t>
  </si>
  <si>
    <t>总的来说还不错，这个价位值得买。</t>
  </si>
  <si>
    <t>超赞。</t>
  </si>
  <si>
    <t>不错，值得拥有。</t>
  </si>
  <si>
    <t>滴滴打车赚钱吗</t>
  </si>
  <si>
    <t>滴滴打车司机赚是赚，赚多少看自己的努力。</t>
  </si>
  <si>
    <t>滴滴都不赚钱。</t>
  </si>
  <si>
    <t>宇宙会不会是一个骗局</t>
  </si>
  <si>
    <t>那就看骗于被骗的关系，如果人类并不是某种能控制或创造宇宙的高等生物所刻意创造的，那么宇宙不是一个骗局。只是个意外。或者就不存在这样一种高等生物，那么就没有骗局可言。宇宙不是骗局。因为宇宙不存在欺骗的理由。</t>
  </si>
  <si>
    <t>有可能。有可能宇宙大爆炸理论，是一个科学骗局。宇宙大爆炸目前也只是假设而已，而且宇宙的存在，在很多方面让我们人类的认知上，具有虚幻性。</t>
  </si>
  <si>
    <t>学信网显示结业严重吗</t>
  </si>
  <si>
    <t>学信网上的毕业给出的是结业的话，证明该生没有顺利毕业，有挂科或者是有违纪等行为，没有最终拿到毕业证书。</t>
  </si>
  <si>
    <t>健康猫是正品吗</t>
  </si>
  <si>
    <t>健康猫很专业。</t>
  </si>
  <si>
    <t>威客圈平台是正规的吗</t>
  </si>
  <si>
    <t>包粽子的粽叶要煮吗</t>
  </si>
  <si>
    <t>要煮的。一来叶子软一点不会硬脆的，二来可以把叶子的那种青涩的味道去掉。</t>
  </si>
  <si>
    <t>不用煮。否则清香味就没了。</t>
  </si>
  <si>
    <t>鲜棕叶不用煮，冷水清洗浸泡即可，干棕叶需要水煮，冷水泡的容易破。</t>
  </si>
  <si>
    <t>win10能玩红警吗</t>
  </si>
  <si>
    <t>可能不兼容</t>
  </si>
  <si>
    <t>经测试，是可以的</t>
  </si>
  <si>
    <t>蔡康永同性恋吗</t>
  </si>
  <si>
    <t>蔡康永是“同志”，这可能是很多观众记忆中印象最深的一点了，蔡康永三年前在李敖的节目中公开自己的“同性恋”倾向，从此对“同志”身份毫不避讳，他也表示坦诚自己的同志身份。</t>
  </si>
  <si>
    <t>dnf双开搬砖收益高吗</t>
  </si>
  <si>
    <t>双开打的号多，单位时间内收益高。</t>
  </si>
  <si>
    <t>男人帮各大药店有售吗</t>
  </si>
  <si>
    <t>药店有卖。</t>
  </si>
  <si>
    <t>keynote可以在windows上使用吗</t>
  </si>
  <si>
    <t>可以用浏览器打开，方法是打开 iCloud官网 ，就可以打开与查看 keynote了。</t>
  </si>
  <si>
    <t>keynote是苹果公司办公软件iwork软件里的其中一个软件，作用是幻灯片演讲。苹果公司的MacOS系统是支持dmg格式的运行程序，而微软的系统不支持此格式的运行，所以不能安装。</t>
  </si>
  <si>
    <t>如果保存成默认格式是无法在windows里看的，不过可以直接保存为doc或ppt格式就可以了。</t>
  </si>
  <si>
    <t>优洁士有腐蚀性吗</t>
  </si>
  <si>
    <t>不建议长时间使用，气味很大，说是不伤手其实是有刺激性的。</t>
  </si>
  <si>
    <t>无毒无腐蚀的。</t>
  </si>
  <si>
    <t>业务员是直接用手接触的，如果擦了包要裂口，他们的手早就坏了。</t>
  </si>
  <si>
    <t>非独立核算的分公司需要报税吗</t>
  </si>
  <si>
    <t>一般纳入总公司账务处理。除了企业所得税可以由总公司汇总申报缴纳之外，其余的的税款在登记地税务机关申报缴纳。除房地产、建安企业按项目管理，营业税金及附加需要在项目所在地缴纳税款外，其余税款在登记地税务机关申报缴纳。</t>
  </si>
  <si>
    <t>由于税务是分地域管理的，就算总公司汇总纳税也是需要按要求在各地域分配解交。具体自己报还是总公司报需要根据内部控制管理要求确定。</t>
  </si>
  <si>
    <t>招标师取消了吗</t>
  </si>
  <si>
    <t>并不是取消考试，仅仅是行政审批权取消。</t>
  </si>
  <si>
    <t>医院周末有门诊么</t>
  </si>
  <si>
    <t>有的，现在基本各个医院星期天都有医生看诊。</t>
  </si>
  <si>
    <t>有的，一般私立的医院都是有上班的，24小时X7X365天的，公立的就是轮班的了， 而且是排不上号，有些病需要预约好几天，甚至排上几个月。</t>
  </si>
  <si>
    <t>沪江网校靠谱吗</t>
  </si>
  <si>
    <t>还是蛮规范的，在有效的时间内你想怎么听就怎么听，有效期过了后就不可以听了，教程也不能下载，老师讲的还可以，性价比还不错。</t>
  </si>
  <si>
    <t>基本靠自习。没有督促和检查作业的系统，有助教但是不会都回答你。</t>
  </si>
  <si>
    <t>可信啊，课程非常有吸引力的，可以试听一下，然后选择。</t>
  </si>
  <si>
    <t>台湾是中国的吗</t>
  </si>
  <si>
    <t>台湾属于中国，是中国的一个省，但联合国依然保有中华民国的称号。台湾在45年就回归了，这一点大陆和台湾都认可。</t>
  </si>
  <si>
    <t>据史书孙权的军队最早登陆台湾，当时将其命名为夷洲，所以台湾自古以来就是中国的领土。</t>
  </si>
  <si>
    <t>bim工程师证书能挂靠吗</t>
  </si>
  <si>
    <t>即使能挂靠也非常短暂而且费用不高。</t>
  </si>
  <si>
    <t>这个证书不可能挂靠的。</t>
  </si>
  <si>
    <t>能与鼻咽癌患者接吻吗</t>
  </si>
  <si>
    <t>毛主席算的上世界的伟人吗</t>
  </si>
  <si>
    <t>途虎养车网机油正宗吗</t>
  </si>
  <si>
    <t>机油应该是没问题的，就是价格有点偏高。</t>
  </si>
  <si>
    <t>伊的家是正规公司么</t>
  </si>
  <si>
    <t>是正规公司，可以查到</t>
  </si>
  <si>
    <t>底特律现在很可怕吗</t>
  </si>
  <si>
    <t>底特律没有舆论传说中的那么恐怖。</t>
  </si>
  <si>
    <t>许多传说都是夸大其词。</t>
  </si>
  <si>
    <t>笔记本边充电边玩好吗</t>
  </si>
  <si>
    <t>现在的电脑和锂电池都有充电阀控制的。插外接电源时，边充边玩，并不会影响电池的寿命，因为电池充满后会自动停止充电， 而且这时候，电脑使用的电源来自外接电源。</t>
  </si>
  <si>
    <t>这样不好，对电池损害较大。如果长时间玩，电池充饱电后把电池取下来，用电源供电。需要移动或外出时安装上电池，这样可以保证电池较好的续航能力。</t>
  </si>
  <si>
    <t>微信上门服务的靠谱吗</t>
  </si>
  <si>
    <t>这种事情不要相信，很多骗钱骗物的。</t>
  </si>
  <si>
    <t>绝对是假的。</t>
  </si>
  <si>
    <t>赛乐赛减肥药有效果吗</t>
  </si>
  <si>
    <t>OTC安全可靠，不拉肚子的。</t>
  </si>
  <si>
    <t>骗人的，会有副作用。</t>
  </si>
  <si>
    <t>宫颈囊肿需要治疗吗</t>
  </si>
  <si>
    <t>一般太小就不用治疗了，囊肿很大的话还是做了比较好。</t>
  </si>
  <si>
    <t>首先要去医院做个病理。查一下囊肿是良性还是恶性的。良性不用手术用消炎栓剂配合杀菌清洗就可以治疗。如果是恶性的就必须手术，不然会危害到生育。</t>
  </si>
  <si>
    <t>这属于妇科常见病，但要去看医生，确定是良性还是恶性，然后再做确定。</t>
  </si>
  <si>
    <t>开票人是管理员可以吗</t>
  </si>
  <si>
    <t>开票人不可为管理员。</t>
  </si>
  <si>
    <t>增值税发票的开票人，最好写开票人的真实姓名，不要用管理员，以示负责。</t>
  </si>
  <si>
    <t>不可以用。登录后，管理员是需要密码的，不知道密码登录不进去。企业开票人登录是先告之了密码，也可以自行改密码。</t>
  </si>
  <si>
    <t>2017移动还有漫游费吗</t>
  </si>
  <si>
    <t>三运营商，要到今年10月1号才会取消漫游通讯费，现在办理的套餐如果包含漫游通讯费，还是会收取的</t>
  </si>
  <si>
    <t>没有，取消了</t>
  </si>
  <si>
    <t>2017办健康证查乙肝吗</t>
  </si>
  <si>
    <t>餐饮行业要求比较严格。其他行业肝功正常没问题的。</t>
  </si>
  <si>
    <t>是需要检查乙肝的，如果治疗效果好则不需要担心。</t>
  </si>
  <si>
    <t>体检已经取消了检查对乙肝病毒的检测，只检查肝功能，肝功能正常就不影响体检结果。肝功能不正常只是有乙肝病毒表面抗原阳性属于乙肝病毒健康携带者，不影响健康。</t>
  </si>
  <si>
    <t>斐讯k2好用吗</t>
  </si>
  <si>
    <t>魔兽世界会出手游吗</t>
  </si>
  <si>
    <t>很明确的说暴雪短时间不会推出手游！暴雪作为国际性的大公司版权上不会允许别人用他的魔兽世界做手游，而暴雪在手游方面使用了炉石传说作为尝试，大家都知道暴雪出品必属精品，手游普遍质量不高，暴雪怎么回去做低质量的游戏呢？暴雪就是做手游，一定会在掌握了足够的技术后。</t>
  </si>
  <si>
    <t>柠檬能用开水泡吗</t>
  </si>
  <si>
    <t>开水温度不要太高最好。</t>
  </si>
  <si>
    <t>制作柠檬水最好以温开水，配上一颗现挤柠檬汁，水的热度不能超过摄氏70度，以免破坏柠檬的抗氧化成分；且最好在两小时内喝完，以免柠檬珍贵的营养成分，接触空气逐渐流失。</t>
  </si>
  <si>
    <t>抗蓝光钢化膜有用吗</t>
  </si>
  <si>
    <t>抗蓝光钢化玻璃贴膜，专为阻隔屏幕蓝光而生，减轻眼部疲劳，是目前直接有效而且是比较现实的！就是直接在手机屏幕贴上防蓝光钢化玻璃贴膜，从而减弱蓝光强度。蓝光的危害：蓝光是可见光的重要组成部分，自然界本身没有单独的白光，蓝光与绿光、红光混合后呈现出白光。绿光与黄光能量较小，对眼睛刺激较小，蓝光波短，能量高，能够直接穿透晶状体直达眼部黄斑区，导致黄斑病变。</t>
  </si>
  <si>
    <t>马齿苋能治疗湿疹吗</t>
  </si>
  <si>
    <t>不能用马齿苋治疗的。</t>
  </si>
  <si>
    <t>劲家庄是传销吗</t>
  </si>
  <si>
    <t>不是的，明星代言。</t>
  </si>
  <si>
    <t>鸿茅药酒真的有效吗</t>
  </si>
  <si>
    <t>反应不太好，基本都说没什么效果。</t>
  </si>
  <si>
    <t>因人而异。</t>
  </si>
  <si>
    <t>欧皇光环会增加爆率么</t>
  </si>
  <si>
    <t>不能增加深渊爆率。</t>
  </si>
  <si>
    <t>朱迅癌症是真的吗</t>
  </si>
  <si>
    <t>苏联地心计划是真的吗</t>
  </si>
  <si>
    <t>在冷战的60年代，随着太空竞赛不断升温，另一项竞赛也慢慢展开，这就是地心争夺战。也许前苏联和美国永远无法钻到那个深度，但是它们可以尝试着钻到所谓的莫荷界面(Moho)。 莫荷界面更正式的叫法是地球外壳与内壳之间的界线（莫霍Discontinuity)，它是通常呈现固体形态的外壳和充满岩浆的地幔之间的一个理论性分界线，但是这种说法存在很大争议。 在美国推出一项力图达到这个深度的钻探项目后，前苏联也加入到这场钻出世界上最深的洞的竞赛中。迪安·杜恩在《地球科学》一书中写道：“在1960年到1962年间，太空竞赛期间经济利益与国家自信心结合，促使前苏联科学家计划钻出一个‘俄国超深钻井(RussianMohole)’，这样做的目的是，赶在美国钻探项目之前到达地球外壳与内壳之间的界线。” 这个最初目标确定后不久，前苏联便有了更雄心勃勃的目标：更好地了解贵重矿物是如何形成的。苏联人将钻探地地点选在人迹罕至的帕钦加地区，正是在这里，前苏联在这里钻出有史以来最深的洞，洞深超过7英里(约11.2公里)。 俄国钻了15年多，最终钻到地壳内部40226英尺深处，这项世界纪录至今未被打破。但是有关这个项目的数据从没传出国外。 当钻探的深度到达接近13000米时，从钻井中传出来了奇怪的声音。由于对这种奇怪的现象感到好奇，研究人员向井中放入了一个耐热的话筒；同时还放入了其它类型的传感器，录下了非常奇怪的象“人的吼声”一样的声音。但是在现场的人们发誓说，听到的声音就像地狱中罪人的呼叫；随后，突然听到一声自然界从来没有听到过的强烈爆炸声。自此之后数天里再也听不到任何声响。</t>
  </si>
  <si>
    <t>云客网靠谱吗</t>
  </si>
  <si>
    <t>感觉还可以。</t>
  </si>
  <si>
    <t>慢性萎缩性胃炎严重吗</t>
  </si>
  <si>
    <t>慢性萎缩性胃炎，是一种常见病，世界卫生组织将其列为胃癌前状态，尤其是伴有肠上皮化生或不典型增生者，癌变可能性更大。</t>
  </si>
  <si>
    <t>小于30岁的这种情况需要及时治疗。如果年龄超过45岁，这种情况很常见，不严重。</t>
  </si>
  <si>
    <t>慢性的萎缩性胃炎是相对来说比较严重的，一般不容易彻底恢复的，可能有发生癌症的可能性的 ，需要注意坚持服用药物，定期复查为宜的，要避免受凉刺激的。适当吃易于消化的食物。</t>
  </si>
  <si>
    <t>索尼55210镜头有必要吗</t>
  </si>
  <si>
    <t>价格上可以承受，性能上感觉满意，焦段上符合需求，达到这三点，这支镜头就值得选择了。</t>
  </si>
  <si>
    <t>早期肾癌有活过20年吗</t>
  </si>
  <si>
    <t>活多久要结合患者的自身条件素质，患者是否积极治疗，患者的年龄，患者的心理因素以患者所采取的治疗方法综合考虑。临床上，肾癌只要做到早发现，早对症治疗，是可以通过科学的治疗方法做到治愈的。</t>
  </si>
  <si>
    <t>亚瑟士300多是正品吗</t>
  </si>
  <si>
    <t>要具体看是哪款，入门级的跑鞋有300多的。</t>
  </si>
  <si>
    <t>淘宝会员名可以修改吗</t>
  </si>
  <si>
    <t>一旦在淘宝注册成功后，会员名（即淘宝账户名）将不能再被修改。若该会员名有存在写错或不喜欢的情况，只能重新注册，可以有以下两种选择：1、仍想使用之前注册时的电子邮箱或手机号，电话。联系淘宝客服热线申请注销。注销成功后，您之前使用的电子邮箱或手机号被释放，即可再重新使用注册。注意：未激活的会员名需要先激活才可登录淘宝网，或待两天后，系统自动删除未激活的淘宝账户。2、不注销该会员名，使用新的电子邮箱或手机号重新注册。注意：已注册的会员名未被激活，若重新注册，需要先删除cookies，操作步骤如下：第一步：打开浏览器，选择菜单中的工具 Internet选项 ；第二步：选择常规中Internet的临时文件项目中的删除cookies；第三步：关闭浏览器，重新打开注册页面注册。</t>
  </si>
  <si>
    <t>淘宝账号一经注册无法更改，但可以解绑，解绑支付宝后，重新申请个淘宝会员名来绑定支付宝。解除支付宝账户绑定的前提条件是：1、淘宝账户未发布过宝贝（发布在仓库中也不可以）；2、绑定的支付宝账户已经激活，且无进行中的交易、投诉举报，无冻结中的拍卖押金。完全满足以上两个条件，淘宝账户绑定的支付宝账户才可以解除绑定，操作方式如下：第一步：若淘宝账户有认证标志，需要先联系淘宝帮助取消认证标志；第二步：登录“我的淘宝”，“账号管理”，“支付宝账户管理”页面，点击“解绑或更换账户”，确认即可。</t>
  </si>
  <si>
    <t>注册结构工程师难考吗</t>
  </si>
  <si>
    <t>如果是学结构专业还不是很难，如果是其他专业就很难。</t>
  </si>
  <si>
    <t>土建所有专业里，难度最大的就是结构专业，最烦科目最多的是建筑专业。结构专业中的难点是三大力学，理论，材料，结构力学，传说中的三座大山。几乎所有理科的科目全有涉及，工科里少有的对高数，微积分，物理要求与理科生一样的神一样的专业。</t>
  </si>
  <si>
    <t>难在规范的熟悉程度。理论的掌握程度。</t>
  </si>
  <si>
    <t>刷机报错9能修好吗</t>
  </si>
  <si>
    <t>一般只要硬件可以开机，那问题还是不大的，建议可以换个工具重新刷一下，线刷宝就是最简单的工具，我一直用感觉还不错。</t>
  </si>
  <si>
    <t>手机分期套现犯法不</t>
  </si>
  <si>
    <t>犯法的。</t>
  </si>
  <si>
    <t>金额不大不犯法。</t>
  </si>
  <si>
    <t>不犯法。</t>
  </si>
  <si>
    <t>滴滴顺风车会被处罚吗</t>
  </si>
  <si>
    <t>在成为专车司机之前，滴滴都会与司机签订协议，对于这种情况按照约定，一旦车辆被查，面临非法营运的处罚，租赁公司承担80%，司机承担20%罚金。</t>
  </si>
  <si>
    <t>顺风车车辆被扣可以联系客服处理。顺路携带乘客不以盈利为目的，不存在违法行为。</t>
  </si>
  <si>
    <t>注册有证的话没事。</t>
  </si>
  <si>
    <t>房地产经纪人取消了吗</t>
  </si>
  <si>
    <t>只是行政审批下降到地方行业协会，并不是经纪人被取消。</t>
  </si>
  <si>
    <t>二建考试好过吗</t>
  </si>
  <si>
    <t>不难，通过率很低因为至少有20%的人都是打酱油的，二建考试的考点全部来源书本，很多人考不过的原因，是因为考点很分散，一节就只考2-3分，需要耐心看完做题才能过。最重要的一点，就是必须做近几年的历史真题，因为题型都是很相似的，比如流水施工、网络图、索赔问题，几乎都是送分题。这些分都拿下，一般就能过！</t>
  </si>
  <si>
    <t>如果你没有基础，不建议自学，二建是有一定含金量的，能拿挂靠费的。</t>
  </si>
  <si>
    <t>6500k色温对眼睛好吗</t>
  </si>
  <si>
    <t>6500K太暗淡了,反而对眼睛增加了视觉分辨难度。</t>
  </si>
  <si>
    <t>女帝厄运小姐有特效吗</t>
  </si>
  <si>
    <t>这款皮肤可能没有特效，不过造型非常赞。</t>
  </si>
  <si>
    <t>景区门票可以入账吗</t>
  </si>
  <si>
    <t>这要看各个公司的规定了，一般公司是不会给报的。</t>
  </si>
  <si>
    <t>景区门票是可以作为发票报销的，一般会列支在“招待费”中。具体能不能给报销，要看单位的财务报销制度。</t>
  </si>
  <si>
    <t>对于旅游景点的门票，总局没有明确，各个省级地方税务机构为了加强征管，相继将旅游景点的门票纳入发票管理体系。</t>
  </si>
  <si>
    <t>脑积水能治好吗</t>
  </si>
  <si>
    <t>通过专业治疗，大部分患者可以相对治愈的。</t>
  </si>
  <si>
    <t>可以治愈。</t>
  </si>
  <si>
    <t>严重脑积水，手术疗效不佳。</t>
  </si>
  <si>
    <t>小区地下车位要不要买</t>
  </si>
  <si>
    <t>买的房产是在打城市，比如北京，上海等且房产所在位置比较号，建议买地下车位。</t>
  </si>
  <si>
    <t>建议保留车位。</t>
  </si>
  <si>
    <t>买，不买就没了。</t>
  </si>
  <si>
    <t>造价工程师难考吗</t>
  </si>
  <si>
    <t>一级建造师跟造价工程师难度相当，考试科目都是四科，而且内容也有相同的地方，考试周期也都是两年。</t>
  </si>
  <si>
    <t>造价相对于一建来说，还是比较困难的。</t>
  </si>
  <si>
    <t>造价工程师考试难度很稳定，它考3门基础课考试和1门案例考试，每门难度有很大；在工程领域，仅次于结构工程师，高于监理、建造和咨询。</t>
  </si>
  <si>
    <t>没有土地证能办不动产证吗</t>
  </si>
  <si>
    <t>没土地证可以带着房证，契税证，身份证。到国土规划局花18块办一个</t>
  </si>
  <si>
    <t>建议查一下土地权属是谁？若是农村集体本地不能买，那是小产权房。 若是单位房改房，要是早期90年代初的还可以，缴纳少量土地出让金，可以办理土地证。若是90年以后，单位集资建房，土地性质为工业用地、国家划拨用地等等的，如办理土地证可能要缴纳高额土地出让金（一般不符合政策的可能还不给办理）。</t>
  </si>
  <si>
    <t>苏州博世面试好进吗</t>
  </si>
  <si>
    <t>58同城的招聘，不是很好进，需要相关工作经验，SMT，CNC之类的。</t>
  </si>
  <si>
    <t>奥特莱斯耐克是真的吗</t>
  </si>
  <si>
    <t>有发票就是真的，奥特莱斯卖的商品只是过季打折，并无假货。</t>
  </si>
  <si>
    <t>乐视金融靠谱吗</t>
  </si>
  <si>
    <t>回报一般都和当初预计的差不多，靠谱的，要不然不会总一抢而光了。乐视风控方面应该是没问题的冒险者政策有要求，必须要标明投资有风险，需谨慎这样的字样才行。</t>
  </si>
  <si>
    <t>应该是挺安全的，最起码按照承诺的来肯定是没问题的，冲着做大做强去的，肯定要长期积累的么， 听说风控体系还挺健全的，所以不用担心安全这一点。</t>
  </si>
  <si>
    <t>可以相信，毕竟这是他们七大生态布局之一，虽然时间不长，但是平台、终端、内容应用已经都出来了，看的出来就还是很认真做，而且有长远规划，单凭现在已上线的东西来看还是比较走心的。</t>
  </si>
  <si>
    <t>红枣银耳汤能天天喝吗</t>
  </si>
  <si>
    <t>可以天天喝的，要喝温的，而且不要一下煮太多，最好每天煮点喝点。</t>
  </si>
  <si>
    <t>可以每天适量喝一些，不要超过200ml。如果上火就不建议喝了，银耳和莲子性平，红枣性温，整体偏温，不适合上火的人喝。</t>
  </si>
  <si>
    <t>汤水一周有一两种相同的就可以了，不用天天喝，这样营养不平衡。</t>
  </si>
  <si>
    <t>猫能喝牛奶吗</t>
  </si>
  <si>
    <t>要先看看你的猫适不适合喝牛奶，如果喝了不会呕吐，没什么奇怪现象，那就可以喂它了，要是有，那就花点钱去买小猫专用的奶吧。</t>
  </si>
  <si>
    <t>猫咪是不能喝牛奶的。</t>
  </si>
  <si>
    <t>苏荷进去不消费可以吗</t>
  </si>
  <si>
    <t>开台不要钱，但是你必须得买酒喝。</t>
  </si>
  <si>
    <t>注册公司不开户可以吗</t>
  </si>
  <si>
    <t>1.注册公司一定要有银行开户，因为注册公司需要开立基本户。2.基本存款账户是指存款人办理日常转账结算和现金收付而开立的银行结算账户，是存款人的主要存款账户。3.基本存款账户的使用范围包括：存款人日常经营活动的资金收付，以及存款人的工资、奖金和现金的支取。4.一般存款账户是指存款人因借款或其他结算需要，在基本存款账户开户银行以外的银行营业机构开立的银行结算账户。一般存款账户主要用于办理存款人借款转存、借款归还和其他结算的资金收付。一般存款账户可以办理现金缴存，但不得办理现金支取。5.开立基本存款账户与一般存款账户都应按照规定的程序办理并提交有关证明文件。</t>
  </si>
  <si>
    <t>一个正常的公司，肯定是需要有一个银行账户的。有了银行账户才可以核定税种，今后才可以电子报税，现在没有手工人工去税务大厅报税了。如果客户要划账，银行账户也没有，会被怀疑公司的正规性。</t>
  </si>
  <si>
    <t>最好开户，这样方便办事。</t>
  </si>
  <si>
    <t>猫怕热吗</t>
  </si>
  <si>
    <t>猫咪怕冷，不怕热。</t>
  </si>
  <si>
    <t>猫当然怕热。</t>
  </si>
  <si>
    <t>霉菌性阴道炎会影响怀孕吗</t>
  </si>
  <si>
    <t>如果较严重是影响怀孕的。</t>
  </si>
  <si>
    <t>炸薯条不冷冻可以吗</t>
  </si>
  <si>
    <t>当然不能冰冻了，冷冻的炸薯条还能吃么，炸薯条肯定是要趁热，然后沾上一点番茄酱。</t>
  </si>
  <si>
    <t>做炸薯条前土豆一般要冷冻几分钟。</t>
  </si>
  <si>
    <t>炸薯条前最好把薯条放入冰箱冰冻到硬化状态再进行炸制，薯条放进冰箱的原因是为了可以把薯条炸之后能更为酥脆而且不容易散，冰冻好的薯条在炸好冷却后不会一下子就变成软妥妥，影响口感。</t>
  </si>
  <si>
    <t>三笠是巨人吗</t>
  </si>
  <si>
    <t>是，艾伦要死了三笠才变成了巨人</t>
  </si>
  <si>
    <t>多肉刚种下要浇水吗</t>
  </si>
  <si>
    <t>根据具体情况、</t>
  </si>
  <si>
    <t>不需要，有根的话，三天以后浇。</t>
  </si>
  <si>
    <t>上建议马上浇水。</t>
  </si>
  <si>
    <t>青土豆能吃吗</t>
  </si>
  <si>
    <t>土豆颜色变绿或发芽的时候，会产生大量龙葵素，又叫茄碱。这是一种毒性很强的物质。</t>
  </si>
  <si>
    <t>土豆变青最好不要吃。</t>
  </si>
  <si>
    <t>如果不小心吃了很有可能会引起呕吐或者是消化道疾病，所以发现土豆皮变青色最好是不要吃。</t>
  </si>
  <si>
    <t>2017年徐州房价会涨吗</t>
  </si>
  <si>
    <t>2017年房价或许还是走稳定态势，毕竟为了压制房价的过度上涨，诸多城市出台了调控政策，所以在大环境要稳定房价的时候，未来房价涨应该不会，跌也不会太明显，所以稳定才是未来房价的趋势。</t>
  </si>
  <si>
    <t>离职需要提前一个月吗</t>
  </si>
  <si>
    <t>是的，劳动法有明确规定。</t>
  </si>
  <si>
    <t>不一定的，这是对用人单位的强制要求，保护个人的条文。如果公司同意，上午辞职下午就走都是可以的。</t>
  </si>
  <si>
    <t>葛根粉能不能降血脂</t>
  </si>
  <si>
    <t>葛根的作用：性味，甘，辛，平，入脾胃经，其作用解肌退热，生津止渴，透疹，止泻.意见建议：葛根粉，具有降血脂，调节血压，增加脑及冠状动脉血流量，对垂体后叶素引起的心脏病缺血反应有保护做用，对冠心病心绞痛以及高血压导致的头痛均有疗效。</t>
  </si>
  <si>
    <t>葛根粉的保健作用太多了，具有清热降火、滋阴补阳、生津止渴、开胃进食之功效，对治疗和预防胸膈烦热、中风头痛、高血压、冠心病、降血脂、抗癌、消癌肿、减肥胖、抗衰老等均有特殊功效。</t>
  </si>
  <si>
    <t>葛根含有黄酮类化合物，其中包括葛根素、大豆甙、大豆甙元等，这些活性物质具有良好的抗氧化、降血糖、降血脂作用。</t>
  </si>
  <si>
    <t>孕妇可以喝苏打水吗</t>
  </si>
  <si>
    <t>少喝，最好喝白开水。</t>
  </si>
  <si>
    <t>黄金钱包投资可靠吗</t>
  </si>
  <si>
    <t>基本没风险。</t>
  </si>
  <si>
    <t>暂时可靠，但是这样的潜在危险大。</t>
  </si>
  <si>
    <t>背景可靠，投资方便，收益不错。</t>
  </si>
  <si>
    <t>公务员体检要裸检吗</t>
  </si>
  <si>
    <t>不需要裸检，是常规的全身检查，大家不用担心。不同的部门对体检要求不一样，报考对身体条件有特殊要求职位公务员的考生，其身体条件应当符合公务员录用体检通用标准和有关特殊职位体检标准对身体条件的要求。</t>
  </si>
  <si>
    <t>黑帮狂花有特效吗</t>
  </si>
  <si>
    <t>有。w是个红酒瓶塞子，R是超大号塞子。</t>
  </si>
  <si>
    <t>好像没有。</t>
  </si>
  <si>
    <t>红米4x支持快充吗</t>
  </si>
  <si>
    <t>红米4骁龙625的应该支持快充，只是充电头是5v/2a的，所以该配个高功率充电头。</t>
  </si>
  <si>
    <t>支持的。</t>
  </si>
  <si>
    <t>支付宝可以转对公账户吗</t>
  </si>
  <si>
    <t>银行不能直接转帐到支付宝，可以从企业支付宝里绑定公司帐号来充值。</t>
  </si>
  <si>
    <t>不支持。如果您通过支付宝向公司账户转账，付款成功后银行端会做失败处理，转账款项将会原路退回。</t>
  </si>
  <si>
    <t>晚上喝茶好吗</t>
  </si>
  <si>
    <t>没多大关系，饭后过几十分钟，喝点淡茶也挺好。</t>
  </si>
  <si>
    <t>晚上不宜喝浓茶 如果是六七点还是可以稍喝点 10点11点多了最好还是不要喝比较好。</t>
  </si>
  <si>
    <t>优秀毕业论文有奖金吗</t>
  </si>
  <si>
    <t>是有奖金的，学生得多少钱都要看毕业设计老师。</t>
  </si>
  <si>
    <t>是有证书也有奖金的。</t>
  </si>
  <si>
    <t>优秀有奖金的。</t>
  </si>
  <si>
    <t>小三阳可以治愈吗</t>
  </si>
  <si>
    <t>乙肝小三阳患者切勿盲目的放弃治疗，小三阳只要治疗，康复的可能性很大。但如若小三阳患者拒不接受治疗，乙肝小三阳有时候会比大三阳更危险。</t>
  </si>
  <si>
    <t>就目前治疗水平来讲，乙肝小三阳要想实现乙肝标志物（主要指乙肝表面抗原HBsAg），达到“彻底治愈”的目的确实有一定难度，原因是：小三阳时期乙肝病毒多与机体处于和平共处阶段（免疫耐受阶段），机体自身并不能主动清除乙肝病毒，这对乙肝的抗病毒治疗是非常不利的，治疗疗效也不如“乙肝大三阳”较为突出，患者需特别引以重视。但乙肝小三阳患者不能因此而忽视病情，放弃治疗，若患者能够及时重视病情，并及早给予正确的治疗和护理（如日常生活中尽量保持良好的心态，合理膳食、畅情志、慎起居等等），是完全可以有效控制病情发展，有效达到临床治愈目的（乙肝病毒不复制、不传染他人，肝脏无明显的损伤情况）的。</t>
  </si>
  <si>
    <t>桂花可以水培生根吗</t>
  </si>
  <si>
    <t>桂花当然可以进行水培培育生根。</t>
  </si>
  <si>
    <t>不能。可以试下嫁接。</t>
  </si>
  <si>
    <t>换新身份证旧的还能用</t>
  </si>
  <si>
    <t>在新的身份证下来之前，只要旧的身份证没有过期，旧的身份证仍然可以继续使用。如果旧身份证已经过期了，就不能继续使用了，可以办理临时身份证使用。</t>
  </si>
  <si>
    <t>看旧的身份证是否过期，是否是一代证，如果是过期的，就不能使用了。如果没有过期，还是可以继续使用的。新的办下来，只要没有换照片，新旧两个可以同时用。</t>
  </si>
  <si>
    <t>可以，也可把旧的缴了换一张临时身份证，管三个月。</t>
  </si>
  <si>
    <t>社保断了一个月可以补交吗</t>
  </si>
  <si>
    <t>社保停交一个月完全可以补缴的，注意：社保停交一个月不算“停”。</t>
  </si>
  <si>
    <t>ice cream可数吗</t>
  </si>
  <si>
    <t>既是可数，又是不可数。</t>
  </si>
  <si>
    <t>不可数名词。</t>
  </si>
  <si>
    <t>其意为“冰激凌”，若视为物质，不可数。若指“一个冰激凌”或“一份冰激凌”，则可数。</t>
  </si>
  <si>
    <t>雪茄过肺吗</t>
  </si>
  <si>
    <t>会的，因为雪茄有更多的焦油这类的物质，不可以一次吸完，因为这样对肺累积超负荷的焦油，对肺伤害极严重，建议就少吸为好。</t>
  </si>
  <si>
    <t>机制小雪茄可以过肺，但是最好带烟嘴，因为其尼古丁含量比手卷雪茄高很多，它的生产周期没手卷的长，一般手卷雪茄生产周期在4至6年，起成化过程已经将尼古丁含量降到了最低，不能吸入肺那是因为它并无过滤嘴，香烟都是有过滤嘴的。</t>
  </si>
  <si>
    <t>食道炎能自愈吗</t>
  </si>
  <si>
    <t>可以自然痊愈。在生活方面，注意不要吃辛辣刺激食物，不要吃偏酸偏甜的食物。多吃一些含植物纤维素丰富的蔬菜。饮食不要过饱，饭后不要过早平卧。</t>
  </si>
  <si>
    <t>天文望远镜可以偷窥吗</t>
  </si>
  <si>
    <t>看不清，模糊。</t>
  </si>
  <si>
    <t>不能，天文望远镜焦距太远，而且也不符合较近距离的光学观测。</t>
  </si>
  <si>
    <t>创新作文大赛难获奖吗</t>
  </si>
  <si>
    <t>不一定能获奖。</t>
  </si>
  <si>
    <t>数据漫游要不要打开</t>
  </si>
  <si>
    <t>在外地使用移动数据流量的功能，如果在外地需要手机的GPRS上网，就要打开这个了。</t>
  </si>
  <si>
    <t>无锁的iPhone在大陆使用不需要打开数据漫游，有锁的iPhone要开启蜂窝移数据的同时要启用数据漫游才可上。</t>
  </si>
  <si>
    <t>数据漫游的意思是国际的流量漫游，如果手机是A国的那么去到B国想要用流量就要打开数据漫游，当然大陆的去港澳也要打开的。</t>
  </si>
  <si>
    <t>奔驰glc260毛病很多吗</t>
  </si>
  <si>
    <t>质量可靠。</t>
  </si>
  <si>
    <t>崇祯后悔杀袁崇焕吗</t>
  </si>
  <si>
    <t>不后悔。</t>
  </si>
  <si>
    <t>排卵期出血会不孕吗</t>
  </si>
  <si>
    <t>排卵期出血很可能会导致女性不孕不育。</t>
  </si>
  <si>
    <t>不会,医生说正常.</t>
  </si>
  <si>
    <t>不是.</t>
  </si>
  <si>
    <t>尿毒症不透析可以吗</t>
  </si>
  <si>
    <t>危急患者生命，需要透析治疗。</t>
  </si>
  <si>
    <t>这主要还是看病情情况吧。如果病情还在早期，那可以不用透析的。</t>
  </si>
  <si>
    <t>成龙踢主持人是真的吗</t>
  </si>
  <si>
    <t>假的，没听说过。</t>
  </si>
  <si>
    <t>新乡宝泉风景区好玩吗</t>
  </si>
  <si>
    <t>河南宝泉旅游度假区·小西沟，位于两省（河南、山西）三县（辉县、修武、陵川）交界处的辉县市薄壁镇境内，平均海拔1150米，距辉县市区50公里、新乡市70公里、焦作市60公里，总面积约78平方公里。小西沟景区森林覆盖率达95%，是国家森林保护区，国家级重点生态公益林和太行猕猴保护区，年平均气温10度左右，气候宜人，空气清新。景区坐拥高峡平湖、雄奇峡谷、超高瀑群等太行奇景，犹如一幅鬼斧神工的峡谷画卷，是乾隆御赐“泉盈水灵”之地，自古“宝泉”就是钱币统称，因此景区是一处吉祥福瑞之地。小西沟景区以水为特点，“福禄寿喜财”为主题，打造一峡（游龙峡）、四谷（宝泉谷、叠翠谷、天瀑谷、飞虹谷），展示一瀑一谷的自然奇景。有见龙瀑﹑翡翠潭，飞龙瀑﹑跃龙瀑﹑飞虹桥﹑双龙瀑﹑凌云台﹑百鹿湖﹑奇石走廊﹑吸水灵石﹑五连瀑等100多处旅游景点，一步一景，一景一奇。其中见龙瀑落差达320米，瀑布最大流量可达3000立方米/每秒，似云龙飞腾，气贯如虹，号称‘中原第一瀑’。翡翠潭碧绿无暇，明丽如画，潭水荡漾，犹如人间仙境，被誉为‘太行第一潭’。游龙峡蜿蜒迂回，山崖瑰丽，碧水横溢，原始山水之精品画廊。小西沟景区，有最瑰丽奇绝的山，有最碧绿清澈的水，有最返璞归真的休闲游乐，小西沟景区以其原始之美，山水之最，诚邀八方宾客，共享休闲人生。</t>
  </si>
  <si>
    <t>石化盈科是国企吗</t>
  </si>
  <si>
    <t>石化盈科是中石化控股的公司，中石化占59%，电讯盈科占41%，算是个伪国企吧。</t>
  </si>
  <si>
    <t>电梯会不会一坠到底</t>
  </si>
  <si>
    <t>现在不会。</t>
  </si>
  <si>
    <t>发生故障，或者是电梯的支架散了，的确会因为重力的原因，一坠到底。</t>
  </si>
  <si>
    <t>有时候会，这时你要后背靠在电梯内壁双手抱头，呈半蹲姿势。</t>
  </si>
  <si>
    <t>利荣集团是国家行为吗</t>
  </si>
  <si>
    <t>不是，不合法，很危险。机会越大，危险越大。</t>
  </si>
  <si>
    <t>淋巴结节都会变癌吗</t>
  </si>
  <si>
    <t>淋巴结节也有可能形成癌症。</t>
  </si>
  <si>
    <t>反复炎症的感染是有可以会发生癌变的，需要积极，尽早，彻底的治疗。建议你可以到医院做血常规，淋巴活检，根据具体的情况来用药，这样就有利于治疗你的病情，多注意休息，注意保暖，预防感冒，积极治疗发烧等并发症。</t>
  </si>
  <si>
    <t>徒手整形靠谱吗</t>
  </si>
  <si>
    <t>当然靠谱都是真东西。</t>
  </si>
  <si>
    <t>减肥可以吃西瓜吗</t>
  </si>
  <si>
    <t>可以吃，但应该少吃。西瓜中含糖多，并且这些糖份是容易转化为脂肪的。西瓜利尿、帮助消化，西瓜中水的含量占了绝大部分，所以西瓜能够加快新陈代谢，有排毒养颜的作用，可以帮助排除体内多余的水分。</t>
  </si>
  <si>
    <t>可以，含糖量高，尽量少吃。</t>
  </si>
  <si>
    <t>2018中国队还能出线吗</t>
  </si>
  <si>
    <t>乌兹别克斯坦在主场1-0战胜卡塔尔，将自己的积分提升到了12分（4胜3负）。国足反超乌兹别克斯坦的条件已变得非常苛刻：国足剩余3轮要全胜，同时乌兹别克斯坦剩余3轮能拿到的积分不超过2分。否则不能出线。</t>
  </si>
  <si>
    <t>幼儿园学籍影响小学吗</t>
  </si>
  <si>
    <t>有影响，报幼儿园，幼儿园要保留学籍，学籍是跟着孩子走的，包括幼儿园会安排孩子做体检，这些可都是教育局所要求必备的。</t>
  </si>
  <si>
    <t>幼儿学籍的建立与否不会对小学学籍产生根本性影响。</t>
  </si>
  <si>
    <t>爷爷去世有丧假吗</t>
  </si>
  <si>
    <t>可以请丧假的。</t>
  </si>
  <si>
    <t>虽然爷爷、奶奶是直系亲属，但依据国家对于丧假的规定不在使用丧假的范围。</t>
  </si>
  <si>
    <t>众泰z700买了会后悔吗</t>
  </si>
  <si>
    <t>质量不怎么样，评价不太好，性价比也不好。</t>
  </si>
  <si>
    <t>性价比很高，很高端大气，低价格，高配置。</t>
  </si>
  <si>
    <t>质量一般，小毛病很多，不建议买。</t>
  </si>
  <si>
    <t>蚂蚁森林真的会种树吗</t>
  </si>
  <si>
    <t>会种树，种完会发个带编号的证书。</t>
  </si>
  <si>
    <t>当虚拟小树长成后， 由某些公益机构认领并种植一棵真的小树苗， 这其实也是一种企业的公益行为。</t>
  </si>
  <si>
    <t>审计署权力大吗</t>
  </si>
  <si>
    <t>对于属于他们管辖范围内的地方来说，自然权利大的没边。</t>
  </si>
  <si>
    <t>审查本级以下（含本级）行政、事业单位、国有企业等凡是涉及国有，以及政府出资项的目都审计监督范围，大到本级财政局、国税局、地税局以及人大、政协、政府的财务收支审计，小到乡级、村级财务收支审计，范围广，涉及面大。</t>
  </si>
  <si>
    <t>未交房的房子能卖吗</t>
  </si>
  <si>
    <t>根据《合同法》的有关规定，经合同一方当事人同意，合同中另一方当事人可将在合同中的全部权利义务转让给第三方。在这里，一方当事人是指房地产开发商。据此，只要房地产开发商同意原买受人转让房屋，本人能够与原买受人就房屋买卖事项达成一致，且开发商愿意为转让事项到有关主管部门办理登记变更手续，房屋买卖就可以完成。</t>
  </si>
  <si>
    <t>这种情况就是开发商还没有到房管局备案，是最好处理的。买卖双方可以直接到开发商那里办理合同转让，就是跟开发商商量好，跟买方重新签订一份购房合同，并将老的购房合同收回即可。然后买方再将首付款付给卖方就行了。后面的事情就跟买新房一样，房管局备案就直接写买方的名字，银行按揭也是买方去办理即可，房产证下来就直接是买方的名字了。</t>
  </si>
  <si>
    <t>具体看是否有房产证，如果有房产证就可以正常过户的。</t>
  </si>
  <si>
    <t>边界欠清一定是恶性吗</t>
  </si>
  <si>
    <t>不一定，做b超看诊断结果判断。</t>
  </si>
  <si>
    <t>做b超看诊断结果，单单边界不清不能说明是恶性的，边界不清只能说明是不是占位。</t>
  </si>
  <si>
    <t>甲状腺瘤可以自愈吗</t>
  </si>
  <si>
    <t>不可以，甲状腺结节不治疗可能发生钙化或癌变。</t>
  </si>
  <si>
    <t>可以，甲状腺结节一般不需要吃什么药的，不过要定时复查，看结节是否有变化。</t>
  </si>
  <si>
    <t>淘宝上有卖520香烟的吗</t>
  </si>
  <si>
    <t>淘宝是不可以卖烟的，禁售。</t>
  </si>
  <si>
    <t>癫痫能彻底治愈吗</t>
  </si>
  <si>
    <t>癫痫病虽然治疗困难，但不是不能治愈。大量资料表明，只要治疗及时，方法得当，80%左右的病人能够得到完全控制和治愈。</t>
  </si>
  <si>
    <t>琼瑶有没有生孩子</t>
  </si>
  <si>
    <t>拉卡拉上征信吗</t>
  </si>
  <si>
    <t>不上征信</t>
  </si>
  <si>
    <t>桃子能和西瓜一起吃吗</t>
  </si>
  <si>
    <t>桃子和西瓜肯定能够一起吃的。</t>
  </si>
  <si>
    <t>苹果上的蜡吃了有毒吗?</t>
  </si>
  <si>
    <t>一般那是可食用蜡，可以理解能吃，但这是食品添加剂，多吃无益而已。还有一种情况是不法商家采用工业蜡的话，那就不能吃了。</t>
  </si>
  <si>
    <t>可去掉苹果表面的这层人工食用蜡。但是出于成本考虑，不排除有一些不发商贩可能会是用工业蜡，这样对人体就有危害了。</t>
  </si>
  <si>
    <t>b站有电脑客户端吗</t>
  </si>
  <si>
    <t>电脑版可以直接登陆，或者可以添加图标到桌面直接进入网站。</t>
  </si>
  <si>
    <t>暂时没有，只有网页和手机上有。</t>
  </si>
  <si>
    <t>青春期女生揉胸好不好</t>
  </si>
  <si>
    <t>好。促进发育。</t>
  </si>
  <si>
    <t>适当按摩胸部助于乳腺管通畅，同时有助于乳房发育 ，建议应该轻揉。</t>
  </si>
  <si>
    <t>建议，可以预防一些疾病，比如乳腺癌。</t>
  </si>
  <si>
    <t>碧波庭是合法公司吗</t>
  </si>
  <si>
    <t>不是，商务网没这个登记。</t>
  </si>
  <si>
    <t>鲤鱼精值得培养吗</t>
  </si>
  <si>
    <t>不建议培养。</t>
  </si>
  <si>
    <t>鲤鱼精的泡泡很给力，全队友加防御，泡泡有防御功能，不错的R卡。</t>
  </si>
  <si>
    <t>肠癌能治好吗</t>
  </si>
  <si>
    <t>早期大肠癌术后存活率达90-95% 以上，而晚期则只有5%。</t>
  </si>
  <si>
    <t>早期直肠癌切除后的5年生存率可达60%以上。</t>
  </si>
  <si>
    <t>佳莱频谱内衣是骗局吗</t>
  </si>
  <si>
    <t>是的。没有效果。</t>
  </si>
  <si>
    <t>手机内存32g够用吗</t>
  </si>
  <si>
    <t>觉得很够了。</t>
  </si>
  <si>
    <t>32g勉强够用。</t>
  </si>
  <si>
    <t>一般是够用。</t>
  </si>
  <si>
    <t>维生素b1治失眠吗</t>
  </si>
  <si>
    <t>可以治。</t>
  </si>
  <si>
    <t>能够改善睡眠。</t>
  </si>
  <si>
    <t>郗恩庭底板好吗</t>
  </si>
  <si>
    <t>曾经很好，现在一般般。</t>
  </si>
  <si>
    <t>古北水镇好玩吗</t>
  </si>
  <si>
    <t>还不错，虽然是人造的景观，但北方难得一见。里面都是商户，目前还没完全开业，可以看看感受一下。夏天在这里玩有些热。</t>
  </si>
  <si>
    <t>水镇是仿江南乌镇建造的，古色古香很有韵味，夜景更美，值得一逛。</t>
  </si>
  <si>
    <t>还好吧，古风浓厚。</t>
  </si>
  <si>
    <t>decision in process是拒稿吗</t>
  </si>
  <si>
    <t>有被直接拒掉的可能，而且可能性在50%以上。不过也有其他情况。如果是letter to the editor，一般可能会一直with editor，然后直接decision。如果投的是MH，则很难说结果如何。还有一种情况，文章质量很高、或是编辑约稿，可能编辑内审一下就直接接受了。也有极少数杂志，编辑内审结束时也显示decision in process，然后送外审再变成under review。</t>
  </si>
  <si>
    <t>黄虚线可以掉头吗</t>
  </si>
  <si>
    <t>无论单黄线还是双黄线，只要是虚线，就可以在保证安全的情况下超车或掉头。</t>
  </si>
  <si>
    <t>实习驾照可以扣分吗</t>
  </si>
  <si>
    <t>实习期的驾驶证可以扣分。</t>
  </si>
  <si>
    <t>c1驾驶证实习期内只要驾驶机动车有交通违法行为就要记分。</t>
  </si>
  <si>
    <t>儿童驱蚊手环有用吗</t>
  </si>
  <si>
    <t>正规手环有用，三无劣质的没用。</t>
  </si>
  <si>
    <t>有比欲奴更污的美剧吗</t>
  </si>
  <si>
    <t>这么大尺度的美剧目前就这一部。</t>
  </si>
  <si>
    <t>rmk中国有专柜吗</t>
  </si>
  <si>
    <t>香港有，国内其他地方无。</t>
  </si>
  <si>
    <t>dnf欧皇光环值得买吗</t>
  </si>
  <si>
    <t>没有必要，性价比很低。</t>
  </si>
  <si>
    <t>又见敦煌 是否值得看</t>
  </si>
  <si>
    <t>又见敦煌历史文化厚重，情景融入剧，和演员零距离接触，演着演着仿佛自己身临其境，重现莫高窟历史的发展，内心是非常震撼和值得反思的，敦煌盛典舞台灯光绚丽，演的是一场爱情故事。观赏性高，历史味浓重，值得一看。</t>
  </si>
  <si>
    <t>视觉效果是非常不错的。</t>
  </si>
  <si>
    <t>很震撼，看完整场演出，感觉有种穿越的味道，代入感很强，演出方式也很独特，最后一幕的3D舞台很是炫酷。最重要的是文化氛围比较浓，对于莫高窟的故事有很好的理解，来敦煌的话，推荐这个，很值得看。</t>
  </si>
  <si>
    <t>是柯南火了仓木麻衣吗</t>
  </si>
  <si>
    <t>她之前已经比较出名了，但是由于柯南的关系，她的人气又上了一个台阶，不过她的唱功也是好的没话说，还是实力是最关键的。</t>
  </si>
  <si>
    <t>松木味道对婴儿有害吗</t>
  </si>
  <si>
    <t>正常木头的味道是无害的，确定一下不是油漆的味道就行。</t>
  </si>
  <si>
    <t>如果是木材的味道是不会有害的，如果是表面漆的味道，最好是放在室外跑跑味吧。</t>
  </si>
  <si>
    <t>真的有女人有阴齿么?</t>
  </si>
  <si>
    <t>跑步时心率170危险吗</t>
  </si>
  <si>
    <t>个人最大心率80%以下是安全的。</t>
  </si>
  <si>
    <t>具体要看个人的年龄跑步时最大心率公式（普通人）：HRmax=208-0.7*年龄例如你30岁的话，最大心率=208-0.7*30=187，那么低于187就是正常的。用这种方式，可以比较有效地掌握自己的最大心率，从而更好地判断自己的运动强度。</t>
  </si>
  <si>
    <t>红帽认证有用吗</t>
  </si>
  <si>
    <t>无伦是对个人而言，还是对其所在公司和经理人而言，这一认证都有众多好处：1、信心和能力：红帽认证工程师对自己的技能有更大的信心，更加擅长构建和管理Linux服务器。他们（她们）的工作质量和职业技巧因此而大大提高，可以接受更有挑战性的任务。2、事业方面：这种专业的技能认证越来越多的成为公司考虑一个员工加薪、升职、晋升的标准和参考。3、收入：最近由计算机分销商动态（Computer Reseller News）和认证杂志（Certification Magazine）进行的独立调查表明：通过红帽认证工程师后，在薪水方面都有一定的涨幅。</t>
  </si>
  <si>
    <t>感觉没有用！Redhat 的认证是Linux系统工程师安装维护Linux系统红帽认证，只是花钱而已，关键是自己掌握技术。</t>
  </si>
  <si>
    <t>红帽认证挺有用的，在公司凭这个资质，还能长工资；而且要是跳槽，也能用得上；如果是应届生，凭这个找工作就是敲门砖！</t>
  </si>
  <si>
    <t>长沙限购吗</t>
  </si>
  <si>
    <t>蚂蚁花呗好用吗</t>
  </si>
  <si>
    <t>挺不错的。</t>
  </si>
  <si>
    <t>方便。</t>
  </si>
  <si>
    <t>微信聊天记录删除后还能查到吗</t>
  </si>
  <si>
    <t>1、自己本地的记录删除后就没有了；2、可以到给对方发送的手机那里获取记录；3、联系微信客服，微信后台存在微信记录，但是比较麻烦。</t>
  </si>
  <si>
    <t>微信聊天记录删除后可以在微信好友的聊天信息里可以查找聊天记录。1、在微信好友聊天框的右上角点击头像标识；2、打开—聊天信息—选择（查找聊天记录）；3、选择日期查找或在搜索框中搜索聊天记录的关键是词查找聊天记录。</t>
  </si>
  <si>
    <t>1、首先我们需要在电脑端安装一款迅捷微信聊天记录恢复软件来查看删除的微信聊天记录，软件可以在各大网站下载并且安装很简单。2、接着把手机和电脑进行连接，想要查看微信聊天记录我们除了使用迅捷微信聊天记录恢复软件以外还需要在电脑上面安装一款iTunes软件，如果你的电脑已经安装好了就跳过。3、当手机和电脑连接以后我们打开迅捷微信聊天记录恢复软件就可以看到软件界面会提示连接的手机设备信息。4、然后我们选择一个需要恢复的设备。接着点击开始扫描按钮，这样软件就可以深入的对手机里面的数据进行全方位的扫描了。5、扫描完成以后我们可以看到软件提示了几个功能按钮，其中包括我们的手机照片、手机短信、手机联系人以及手机微信聊天记录还有就是手机QQ聊天记录等等。6、扫描完成以后我们点击微信按钮，将会看到手机微信里面的所有聊天记录，包括文字、图片、以及微信语音聊天记录。7、将扫描到的微信聊天记录进行选择，需要查看的微信聊天记录微信聊天记录我们可以在该联系人前面打勾。并且点击导出选中记录就可以将微信聊天记录导出到电脑并且恢复回来了。如果你需要恢复全部的微信聊天记录，那么点击导出全部记录就可以了。最后：上述步骤完成操作以后我们就把微信聊天删除还能查吗？如何查看微信删除的聊天记录2个问题完美的解决了。看看自己的电脑里面是不是已经有相关联系人的微信聊天记录了呢？想要查看微信聊天记录那么迅捷微信聊天记录恢复软件应该是一款有针对性的软件了。当然软件不但可以恢复微信聊天记录还可以恢复手机照片、手机短信以及手机联系人等等。</t>
  </si>
  <si>
    <t>傅山固本延龄丸可信吗</t>
  </si>
  <si>
    <t>现在假药太多，只有山西出的傅山的方子是真的。</t>
  </si>
  <si>
    <t>固本延龄丸是国药准字正规药，建议在买的时候认准是否有国药准字。</t>
  </si>
  <si>
    <t>ssw锤石有特效吗</t>
  </si>
  <si>
    <t>技能都变成白色的特效吧。</t>
  </si>
  <si>
    <t>特效有的，回程之类还有大招。</t>
  </si>
  <si>
    <t>公众号账号名称可以改吗</t>
  </si>
  <si>
    <t>未认证，可以修改，只有一次机会；可以重新注册，不过有身份的限制。</t>
  </si>
  <si>
    <t>个人类型公众帐号一年（自然年）可修改一次公众号名称，公众号名称修改的方法是登陆微信公众平台，在设置下的“公众号设置”-“名称”-“修改”中操作即可。企业、媒体、政府等组织类型的非个人帐号，还是可以通过微信认证、微信认证年审或重新申请认证的方式，验证主体后实现改名。</t>
  </si>
  <si>
    <t>榴莲没开口能吃吗</t>
  </si>
  <si>
    <t>没开口的基本没熟。</t>
  </si>
  <si>
    <t>可以吃，能从外面闻到香味就能吃了。</t>
  </si>
  <si>
    <t>招标代理这个工作好吗</t>
  </si>
  <si>
    <t>没多少前景。</t>
  </si>
  <si>
    <t>待遇一般，温饱线以下。</t>
  </si>
  <si>
    <t>有前景。</t>
  </si>
  <si>
    <t>超人死了吗</t>
  </si>
  <si>
    <t>没死，坟墓上面的土都浮起来了。</t>
  </si>
  <si>
    <t>支付宝可以贷款吗</t>
  </si>
  <si>
    <t>1、蚂蚁花呗，蚂蚁花呗的额度是根据你的芝麻信用分而来的，你的芝麻信用分越高它的额度也就越高。只要芝麻信用分在600分以上，就有机会获得一定的额度，开通即可使用，下个月的10号之前还款即可。2、蚂蚁借呗，芝麻信用分600分以上的部分用户就有机会申请开通借呗，最高额度30万，最长还款期限为十二个月，日利率为0.04%，信用好的用户可以获得优惠的贷款利率0.03%，随借随还。3、招联好期贷，芝麻分达600即有机会申请，最高额度20万，支付宝添加服务窗口：好期贷，点申请额度，填写对于信息即可，般10分钟就下款到支付宝，官方是说的1天内。4、支付宝好借钱，好借钱是广发直销银行有米金融联合支付宝推出的个人信用贷款，利用支付宝的入口，为芝麻分在700以上信用资质较好的用户提供最高20万额度贷款，甚至给出日息0.03%的诱人贷款利率。支付宝添加服务窗口：有米金融，即可申请贷款。5、支付宝网商银行，支付宝网商银行还是服务于小微企业、大众消费者、农村经营者与农户、中小金融机构。申请门槛跟以前的借呗是一样的，贷款额度最高1万元，贷款日利率是0.05%，借款期限12个月，采用等额本金还款法。</t>
  </si>
  <si>
    <t>就单用支付宝而言，只有蚂蚁花呗,借呗，借条，随身贷，招联好期待。 其它大多都要支付宝认证！</t>
  </si>
  <si>
    <t>看个人信用的，不是随便一个支付宝都可以的，首先支付宝必须实名认证。信誉高，这些都决定事情的成败。</t>
  </si>
  <si>
    <t>固态硬盘数据能恢复吗</t>
  </si>
  <si>
    <t>固态硬盘要是你删了什么,恢复的可能性就比较低。</t>
  </si>
  <si>
    <t>这样的情况是有很大的几率恢复的，只要你不在次写入数据就没什么大问题还是能把文件恢复出来的。</t>
  </si>
  <si>
    <t>固态硬盘清空回收站后，数据不能恢复。</t>
  </si>
  <si>
    <t>韭菜上的农药化肥多吗</t>
  </si>
  <si>
    <t>那是相当的多，在蔬菜里绝对是数一数二的多。</t>
  </si>
  <si>
    <t>一般来讲，韭菜、卷心菜、小白菜、菠菜、空心菜等叶类蔬菜农药残留量相对较大。</t>
  </si>
  <si>
    <t>这个看情况吧，有些喷很多农药的，菜市场的最明显了，用水浸泡下，有些没喷农药的，农村老人种的基本可以判定不会喷农药，可能在市场上很少有卖。</t>
  </si>
  <si>
    <t>余额宝靠谱吗</t>
  </si>
  <si>
    <t>目前来说还不错。收益较高且比较安全，是稳健投资理财的选择。一、收益较高。余额宝实际上是一种货币基金，是天弘基金进行运作，每天的收益率是不同的。基金公司通过各种投资组合获取收益，进行基金股份分配。从前段时间看来，年化收益一般在6.2%-6.7%之间。与银行存款与理财产品比较：一是收益高于银行存款和一般银行理财产品。现行银行存款利率：银行活期存款，现行基准为0.35%，上浮10%后为0.385%，定期存款：三个月央行基准利率2.6%，上浮10%后利率2.86%；半年央行基准利率2.8%，上浮10%后利率3.08%；一年央行基准利率3.0%，上浮10%后利率3.3%；二年央行基准利率3.75%，上浮10%后利率4.125%，三年央行基准利率4.25%，上浮10%后利率4.675%；五年央行基准利率4.75%，上浮10%后利率5.225%。一般银行柜台办理的理财产品一般为3个月期、半年期或9月期，年化收益率在5%到5.7%之间。二是流动性强，可以随时支取，且起始资金没有限制。银行定期存款未到期支取则按活期存款利率计算，银行一般理财产品不到期不能提前支取。二、比较安全。（理论上每种投资理财产品均有风险）：货币型基金是一种开放式基金，按照开放式基金所投资的金融产品类别，人们将开放式基金分为四种基本类型：即股票型基金、混合型基金、债券型基金、货币型基金，前两类属于资本市场，后一类为货币市场。货币型基金主要投资于剩余期限在397天以内（含397天）的债券、期限在一年以内（含一年）的央票、债券回购、银行定期存款、大额存单、现金等良好流动性的货币市场工具。又被称为“准储蓄产品”，其主要特征是“本金无忧、活期便利、定期收益、每日记收益、按月分红利”。货币基金投资存在一定的风险，但是相对于其他投资方式而言，风险还是比较小的。货币市场基金的风险来自其投资的短期债券与市场利率变化。当市场利率突然发生变化而短期债券的利息随之发生变化时基金没有做出及时的调整以致其整体收益下跌。还有一种风险来自其自身行业的竞争，其每天的七日年化收益率的计算是以当天的收益曲线中最有利于基金公司的价格计算出来。造成报价收益与实际收益的差异。一般来讲，在同时满足下列两个条件时，货币市场基金可能会发生本金亏损：一是短期内市场收益率大幅上升，导致券种价格大幅下跌；二是货币基金同时发生大额赎回，不能将价格下跌的券种持有到期，抛售券种后造成了实际亏损。据有关测算表明，单日货币市场基金发生本金亏损的可能性很小（0.06117%），如持有一周或者一月，则本金损失的概率接近于0。随着持有期的延长，由于市场风险所导致的亏损概率会降到非常低。而国内货币基金按规定不得投资股票、可转换债券、AAA级以下的企业债等品种，因此发生信用风险的概率更低。从余额宝目前情况来看风险很小。一是没有事实发生过的风险案例；二是天弘基金已对账户进行投保，承诺一旦产生风险本金全额补偿。</t>
  </si>
  <si>
    <t>余额宝是支付宝推出的一项余额理财产品。您把资金转入余额宝，实际上是购买了一款由天弘基金提供的名为“余额宝”的货币基金。货币基金主要用于投资国债、银行存款等安全性高、收益稳定的有价证券，2012年国内货币基金7日年化收益率平均约为3.8%。总体来看，货币基金作为基金产品的一种，理论上存在亏损可能，但从历史数据来看收益稳定风险极小。同时，转入余额宝的资金，是受到支付宝安全保障的。如果支付宝账户经核实确实存在被盗的情况，余额宝账户中的资金被盗用且无法追回，支付宝做出补偿。</t>
  </si>
  <si>
    <t>余额宝是安全的。支付宝“余额宝”属于第三方支付业务与货币市场基金产品的组合创新，其各个业务环节均处于有效监管中。2013年10月31日，支付宝作为拥有基金第三方支付牌照的支付机构提供基金支付服务。余额宝，是由第三方支付平台支付宝为个人用户打造的一项余额增值服务。通过余额宝，用户不仅能够得到收益，还能随时消费支付和转出，像使用支付宝余额一样方便。用户在支付宝网站内就可以直接购买基金等理财产品，同时余额宝内的资金还能随时用于网上购物、支付宝转账等支付功能。转入余额宝的资金在第二个工作日由基金公司进行份额确认，对已确认的份额会开始计算收益。</t>
  </si>
  <si>
    <t>您们 这个词正确吗</t>
  </si>
  <si>
    <t>您是一个敬语，一般是对个体使用，不作复数使用，没有您们这个用法。</t>
  </si>
  <si>
    <t>按照读音来说,应该是没有这样的表达的,但是不排除有些区域的地方话里头有这样的用法</t>
  </si>
  <si>
    <t>佣金和手续费支出 包括银行手续费吗</t>
  </si>
  <si>
    <t>不算，银行手续费是财务费用项下的手续费。</t>
  </si>
  <si>
    <t>应该属于中间收入。</t>
  </si>
  <si>
    <t>仓鼠会认主人吗</t>
  </si>
  <si>
    <t>仓鼠不认主人的。</t>
  </si>
  <si>
    <t>新车没临牌可以上路吗</t>
  </si>
  <si>
    <t>不可以，罚款200元，扣12分。</t>
  </si>
  <si>
    <t>省委书记能见到主席吗</t>
  </si>
  <si>
    <t>任何人都有资格见国家领导人。</t>
  </si>
  <si>
    <t>省委书记和中央是直接上下级关系，当然可以见，每段时间可以述职，平时不可以，中央对省委书记的认命极其重视的。</t>
  </si>
  <si>
    <t>曼陀罗花有毒吗</t>
  </si>
  <si>
    <t>当然有毒了。</t>
  </si>
  <si>
    <t>曼陀罗中毒为误食曼陀罗种子、果实、叶、花所致。上述成分具有兴奋中枢神经系统，阻断Ｍ－胆碱反应系统，对抗和麻痹副交感神经的作用。临床主要表现为口、咽喉发干，吞咽困难，声音嘶哑、脉快、瞳孔散大、谵语幻觉、抽搐等，严重者进一步发生昏迷及呼吸、回圈衰竭而死亡。全株有毒，以种子毒性最强，儿童服３—８颗后即可中毒。一般在口服后０．５—２小时即完全被口腔和胃粘膜吸收而出现中毒症状。</t>
  </si>
  <si>
    <t>曼陀罗花均有毒，小心观赏和釆摘。以防中毒。</t>
  </si>
  <si>
    <t>王者荣耀幽灵船长好吗</t>
  </si>
  <si>
    <t>王者荣耀曹操幽灵船长皮肤不错，属性比较厉害。</t>
  </si>
  <si>
    <t>微信聊天记录清空了还能找到吗</t>
  </si>
  <si>
    <t>可以找到。</t>
  </si>
  <si>
    <t>找不回来。</t>
  </si>
  <si>
    <t>奇语手机质量好吗</t>
  </si>
  <si>
    <t>里面的零件可能是从别的坏手机上拆下来的，质量很差的。</t>
  </si>
  <si>
    <t>女生选调生有前途吗</t>
  </si>
  <si>
    <t>当然，发展势头强劲，前途无量。当前及今后很长时间我国急需女性干部，选调生是走向领导岗位的跳板。</t>
  </si>
  <si>
    <t>如龙6好玩吗</t>
  </si>
  <si>
    <t>剧情不错，支线也不错，格斗系统改了感觉稍微有点单调，其它小游戏什么的也都是一贯高水准，fami通38分，总之不会让你失望。</t>
  </si>
  <si>
    <t>如龙6属于硬派游戏，一般比较适合系列老玩家，其中涉及日本黑社会的游戏背景也比较特殊，不是所有人都会喜欢。</t>
  </si>
  <si>
    <t>奥美拉唑治疗胃炎吗</t>
  </si>
  <si>
    <t>奥美拉唑可以用来治疗慢性胃炎，它是临床用来治疗慢性胃炎的常用药物，主要作用是抑酸，起胃粘膜保护作用。</t>
  </si>
  <si>
    <t>减少胃酸对胃部的刺激情况是非常有必要的。而有胃酸较多的慢性胃炎是可以用，对于改善胃部内环境奥美拉唑是属于抑制胃酸的作用药物。</t>
  </si>
  <si>
    <t>王者荣耀虞姬厉害吗</t>
  </si>
  <si>
    <t>虞姬是评价非常高的adc，职业选手评价很高，在加上虞姬的不断加强，厉害的，王者排位可以用的adc，边走边a，二技能防刺客切入。</t>
  </si>
  <si>
    <t>虞姬作为一个射手，但是却很灵活，而且输出很棒。</t>
  </si>
  <si>
    <t>虞姬这个英雄作为射手很不错的，主加技能1进行输出和消耗，副加技能2作为自保。</t>
  </si>
  <si>
    <t>鲜金银花能泡水喝吗</t>
  </si>
  <si>
    <t>直接泡水喝是不科学的，鲜花上的病菌和多，你可以采用炒制或者烘干之后，在挑选枝条好的进行饮用，长度控制在3厘米左右的为佳；那样泡出来的茶外形很好，全部呈现为直立状态。</t>
  </si>
  <si>
    <t>可以直接泡水，有清火之提神之功效，也可以放入些许蜂蜜，但不可放入蜂蜜中长期保存，要现采现喝，或凉干后当茶喝。</t>
  </si>
  <si>
    <t>第一胎剖腹产第二胎能顺产吗</t>
  </si>
  <si>
    <t>正常的是不可能顺产了，因为涉及到以前做过手术，怕肠粘连。</t>
  </si>
  <si>
    <t>第一次是剖腹产，二胎是否可以选择顺产，关键在于产妇是否具备自然产的条件。如果经医生对产妇进行全面检查后发现该产妇第一次剖腹产出现的骨盆狭窄、头盆不称、胎位不正、软产道畸形等指征依然存在，考虑到产妇和胎儿的安全，产科医生就会不主张自然产，更何况前一胎剖宫产的缘故使子宫上已经留下了一道疤痕，如果在自然产的产程中子宫所进行的有规律剧烈宫缩有可能会使子宫上的疤痕破裂，从而导致腹腔内大出血，对产妇和胎儿的生命造成威胁。</t>
  </si>
  <si>
    <t>如果各项指征正常，则可以顺产。这叫做剖宫产后经YD分娩（VBAC），具体要看孕前及孕中检查情况，以及孕妇与胎儿的情况。建议在大型综合性医院或妇幼保健院进行孕前、孕中检查及分娩。</t>
  </si>
  <si>
    <t>雪纳瑞咬人吗</t>
  </si>
  <si>
    <t>但是俗话也说“兔子急了还咬人”，当雪纳瑞受到生命威胁，当它误认为有人要伤害它时，它也会反击，也会攻击对方来保护自己的生命安全。主人发现雪纳瑞有咬人的习惯，一定要及时的纠正处理。要个i掉雪纳瑞咬人的恶习，家长也需要花费更多的时间与精力，要有坚持的恒心，在小雪没有改变咬人恶习之前，千万不能中途放弃对它的训练教导。</t>
  </si>
  <si>
    <t>主要看主人的教导了，现在一般宠物犬都不会主动攻击人的，但是不排除生病后烦躁或者发情时候烦躁，再加上有人惹他。</t>
  </si>
  <si>
    <t>没训练好，如果咬人就要骂他或者打他，反复几次他就记住了，不敢再咬了，现在咬鞋子什么的很正常，可能在换牙的阶段，等长大了就不会老咬而变成偶尔咬了，给他个玩具什么的让他咬，骨头啊之类的。另外打他或者骂他他叫千万不能心软，要让他知道自己做错了，主人生气了，而且要让他明白谁才是主人。估计你家这个是小时候太宠着他了，要注意约束他的行为啊，不然大了更麻烦。</t>
  </si>
  <si>
    <t>艾璐卡护肤品是骗局吗</t>
  </si>
  <si>
    <t>艾璐卡的护肤品很不错，不比大牌子差。别人说什么都无济于事。自己亲生体验就会知道。虽然霜多，但一点都不会油腻。不要以为电视广告的就是好说不定还不知道不知名的牌子。之所以出名都是用钱砸的，电视台不会免费给植入广告，明星不会免费给代言，这也是为什么电视上经常出现的牌子会这么贵。明星的也会美颜p图，只有自己亲自体验用着好才是好的。</t>
  </si>
  <si>
    <t>代理艾璐卡护肤品真的不错。</t>
  </si>
  <si>
    <t>艾璐卡的护肤品很好用。</t>
  </si>
  <si>
    <t>水冷散热器要加水吗</t>
  </si>
  <si>
    <t>水冷散热器不是加水用的，散热器内部添加的是专业的水冷导热液。</t>
  </si>
  <si>
    <t>雪茄百汇是真的吗</t>
  </si>
  <si>
    <t>大王卡可以开热点吗</t>
  </si>
  <si>
    <t>任天堂switch值得买吗</t>
  </si>
  <si>
    <t>值得入手。因为目前的掌机主要就是任天堂的NEW 3DS 和索尼的PSV。</t>
  </si>
  <si>
    <t>不值得买，太贵。</t>
  </si>
  <si>
    <t>主机+掌机的创新性设计还是非常值得购买的，不过目前switch游戏不多，除了塞尔达传说荒野之息其他值得玩的游戏比较少，而且现在价格比较贵，建议过一阵再入。</t>
  </si>
  <si>
    <t>蛔虫会被拉出来吗</t>
  </si>
  <si>
    <t>打虫药吃了以后不是把虫子拉出来，而是在肠道内把虫子化掉。</t>
  </si>
  <si>
    <t>蛔虫是在大便里出来的。</t>
  </si>
  <si>
    <t>服用蛔虫药后，蛔虫药将虫体溶解后才排出体外，不是将整条虫子排出体外得，见不到虫子是正常的。</t>
  </si>
  <si>
    <t>微推推赚钱可靠吗</t>
  </si>
  <si>
    <t>有钱进账（哪怕不超过10块）说明还是靠谱的。</t>
  </si>
  <si>
    <t>斗神之吼和黄字冲突吗</t>
  </si>
  <si>
    <t>药剂伤害跟装备不冲突</t>
  </si>
  <si>
    <t>msdn,我告诉你下载的系统安全吗</t>
  </si>
  <si>
    <t>携程存款证明靠谱吗</t>
  </si>
  <si>
    <t>可以的，没有问题，之前跟团签证也是拿这个办的。</t>
  </si>
  <si>
    <t>和银行网点开的存款证明无区别。</t>
  </si>
  <si>
    <t>携程还挺可靠的，客服一级棒。</t>
  </si>
  <si>
    <t>macbook air 128g够用吗</t>
  </si>
  <si>
    <t>如果有足够的资金，买256G的，硬盘大，足够装windows。如果资金还不够，那就先买128G的吧。</t>
  </si>
  <si>
    <t>看自己要用来做什么。</t>
  </si>
  <si>
    <t>安迪和奇点睡了吗</t>
  </si>
  <si>
    <t>psvr要和ps4一起用吗</t>
  </si>
  <si>
    <t>是的，只能配合使用</t>
  </si>
  <si>
    <t>PSVR需要配合PS4和PS Camera方可使用，不能独立运行</t>
  </si>
  <si>
    <t>PSVR接PC后，显示一个要接USB的图标，要接了PS4主机USB后才能显示画面</t>
  </si>
  <si>
    <t>腾讯没有人工客服吗</t>
  </si>
  <si>
    <t>腾讯人工客服在kf.qq.com，但是只处理超级会员/qq会员的问题，其他问题只有自助服务。</t>
  </si>
  <si>
    <t>1、微信-》“+”-》搜索并关注公众号“腾讯客服”； 2、关注成功后点开服务号“腾讯客服”-》右下角“更多服务”-》选择“人工服务”。</t>
  </si>
  <si>
    <t>乐视是不是要倒闭了</t>
  </si>
  <si>
    <t>应该是要破产了，之前买的电视，打客服电话，半个小时都没人接听。</t>
  </si>
  <si>
    <t>目测乐视撑不过五月份，恐怕这个月月底就要宣布散伙了。</t>
  </si>
  <si>
    <t>资金紧张，破产估计现在不会，因为前段时间看新闻说是又融到了几个亿美金。</t>
  </si>
  <si>
    <t>狗能吃菠萝吗</t>
  </si>
  <si>
    <t>是可以的，但是喂食的时候注意用量不能喂食太多，不然对小狗的身体有害。菠萝蜜可以帮助小狗消化，蚕蛹中含丰富的维生素，这可以帮助消化。菠萝蜜可以帮助小狗开胃。菠萝蜜中有很多的微量元素，适当的食用可以帮助小狗满足每日所需的微量元素。</t>
  </si>
  <si>
    <t>最好不要给狗狗吃菠萝，狗狗的肠道和我们的不一样，它们不适应我们的食物。</t>
  </si>
  <si>
    <t>身份证上的照片可以提取到电子版吗</t>
  </si>
  <si>
    <t>都是不可能的事。</t>
  </si>
  <si>
    <t>直接扫描身份证，或者使用身份证识别器。</t>
  </si>
  <si>
    <t>去照相馆，用扫描仪扫出来，扫出来看不清就再照一张。</t>
  </si>
  <si>
    <t>回迁房能买吗</t>
  </si>
  <si>
    <t>目前可以进行合法买卖的住房主要是新建商品房和二手房，新建商品房只要取得商品房预售许可证，即可进行正常的产权交易。而回迁房也不是不可以买卖，如果在拆迁安置过程中，拆迁户采取了回迁的方式，那么其所得补偿已从货币变为房产，其回迁房是可作为商品房上市交易的。但部分情况下，拆迁人以回迁房的形式补偿给被拆迁人，其补偿房屋是由有关主管部门核定价格，并进行管理，在产权、转让、税金方面都有一定限制。由于回迁房这些特殊的原因，涉及的法律关系比较复杂，回迁人是否能取得房屋所有权、回迁房是否能办理合法的产权证、回迁户家庭内部对所有权的划分是否明确，这一系列法律问题难以确定。在这种情况下，出于保护自身权益的考虑，购买者在购买回迁房时，要持慎重态度，一般来说不建议购买回迁房。购买回迁房可能会存在三大风险，其一是办证时间难有保障，其二是不能办理按揭，其三是经济风险！</t>
  </si>
  <si>
    <t>回迁房就是开发商征地时，赠给回迁户的。房子品质都一样，只是性质不一样的。 如果回迁房有产证的话，就和商品房一样的交易，可以买的。如果只有回迁协议的话，就要谨慎了。</t>
  </si>
  <si>
    <t>萨德取消了吗</t>
  </si>
  <si>
    <t>玉子和饼藏在一起了吗</t>
  </si>
  <si>
    <t>没有在一起。</t>
  </si>
  <si>
    <t>王者荣耀 武则天厉害吗</t>
  </si>
  <si>
    <t>强势到令人窒息的英雄。</t>
  </si>
  <si>
    <t>厉害啊。</t>
  </si>
  <si>
    <t>c2驾照可以开手自一体的车吗</t>
  </si>
  <si>
    <t>可以，C2 只有自动，而手自一体本身就是自动挡，只是模拟手动挂挡而已，所以没有违章，更没有违法。</t>
  </si>
  <si>
    <t>应该不可以的，毕竟关于交通安全的问题，都希望交警可以严格处理，也是为了公众的安全。</t>
  </si>
  <si>
    <t>美乐家环保超市可信吗</t>
  </si>
  <si>
    <t>美乐家超市的真正骗局就是：第一，30天无理由退换货。第二，打开用了半瓶，感觉还是不满意。还可以退。第三，你是优惠顾客了。给你打七折，六折。再送你赠品,再送你积分。</t>
  </si>
  <si>
    <t>确实挺好用。</t>
  </si>
  <si>
    <t>车顶贴膜对车伤害大吗</t>
  </si>
  <si>
    <t>油漆没影响，前挡风玻璃和侧窗也没影响，但是现在的车后挡风玻璃上一般都有加热丝，如果贴了膜接下来可能会对这个造成损坏。</t>
  </si>
  <si>
    <t>贴车顶膜不会对车顶有影响，可以保护车漆。</t>
  </si>
  <si>
    <t>影响不大，就是撕膜去胶时费劲。</t>
  </si>
  <si>
    <t>厨房凉霸有用吗</t>
  </si>
  <si>
    <t>比空调和电风扇好，空调和电风扇不通风，油烟都排不出去。奥普凉霸除吹风外还自带通风功能，解决酷暑难耐的闷热感。</t>
  </si>
  <si>
    <t>火影忍者完结了吗</t>
  </si>
  <si>
    <t>完结。</t>
  </si>
  <si>
    <t>樟脑丸对人体有害吗</t>
  </si>
  <si>
    <t>闻多了有害。樟脑丸含对二氯苯、萘的樟脑丸，属于农药类产品，一般用于工业品或农业品的防蛀。不宜用于生活类用品。大量实践证明，苯类物质对人体健康具有极大的危害性。因此，世界卫生组织已将其定为强烈的可能致癌物质。樟脑丸有天然樟脑丸与合成樟脑丸之分。是一种有机化合物，含有萘的樟脑丸大多呈白色，气味刺鼻，且沉于水中；而天然樟脑丸则是光滑的呈无色或白色的晶体，气味清香，会浮于水中。用于防虫、防蛀、防霉的天然樟脑丸又被称为臭珠，原本是从樟树枝叶中提炼出的有芳香味的有机化合物。也用来制药、香料等，医药上用作强心药。</t>
  </si>
  <si>
    <t>樟脑丸又称卫生球，大多是以煤焦油中提炼出来的苯为代用品而制成的，其中还加入了少量的二氯 化苯。苯是一种有毒的化工原料，它可通过人的呼吸道被吸入，也可经皮肤、粘膜和消化道吸收。 苯进入人体后，将会直接损害呼吸道和肝、肾等器官。还能直接作用于红细胞，使之破裂而发生急 性溶血现象。所以接触过樟脑丸的衣服，尤其是内衣裤等，穿著前应先在日光下晒一晒，使渗入织 物内的苯受热迅速升华而发挥掉。 樟脑丸是用来防蛀虫的，其主要成分是萘酚，具有强烈的挥发性。当孩子穿上放置过樟脑丸的衣服后，萘酚会通过皮肤进入血液，使红细胞膜发生改变，完整性受影响。红细胞的破坏会导致急性溶血，表现为进行性贫血，严重的黄疸，尿呈浓茶样，严重者可发展为心力衰竭，有生命危险。</t>
  </si>
  <si>
    <t>健身不吃蛋白粉行吗</t>
  </si>
  <si>
    <t>可以；如果健身练肌肉只是为了强身健体、增肌增重、保持良好体形的健身人群就没有必要吃蛋白粉，因为日常饮食已足够给肌肉提供足够的蛋白质。况且射入过多的蛋白质人体也不能储存，过多的蛋白质会随着人体的汗液、尿液排出体外。还有摄入过多的蛋白质会加重人体肾的负担。</t>
  </si>
  <si>
    <t>当然可以不通过乳清蛋白粉，从食物上获得足够的蛋白质补充；但是乳清蛋白粉能提供更多的氨基酸，易吸收的蛋白质，帮助缓解肌肉疲劳，帮助恢复肌肉韧性，提高肌肉恢复，以尽快投入下一次的训练中去。</t>
  </si>
  <si>
    <t>可以，在于一个量的问题。健美爱好者的话，天天锻炼，消耗的多，吃的分量就要多一些;不常锻炼的人，比如体质瘦弱，怎么长也不胖的人，也可以吃，但是服用分量大概只有健美爱好者的三分之一左右吧。  其实只要是你没理解乳清蛋白粉是什么东西，所谓乳清蛋白粉就是从牛奶中提炼的高含量蛋白质而已，像我们喝牛奶、吃鸡蛋(特别是鸡蛋清)，还有豆类这些食品，都含有很大含量的蛋白质，只不过没有专门提纯出来而已。</t>
  </si>
  <si>
    <t>淡斑的方法甘姿堂好吗</t>
  </si>
  <si>
    <t>效果还是很不错的。</t>
  </si>
  <si>
    <t>很棒的啊，和治疗别的斑一样。</t>
  </si>
  <si>
    <t>用了，好了半年多了，也没有反弹现象。</t>
  </si>
  <si>
    <t>win8好用吗</t>
  </si>
  <si>
    <t>很好用，用了两个多月了，开机速度一直都是在30秒内，而且突然断电关机了，开机不用修复，直接能进入系统，证明稳定性强。</t>
  </si>
  <si>
    <t>win8系统不好用，没有win8.1update好用。</t>
  </si>
  <si>
    <t>旧微波炉有辐射吗</t>
  </si>
  <si>
    <t>微波炉辐射不大</t>
  </si>
  <si>
    <t>微波炉只有在使用，并且距离自身一米内的情况下才有辐射。</t>
  </si>
  <si>
    <t>微波炉本身是有辐射的</t>
  </si>
  <si>
    <t>经期可以喝玫瑰花泡水吗</t>
  </si>
  <si>
    <t>中医认为，玫瑰花味甘微苦、性温，最明显的功效就是理气解郁、活血散淤和调经止。此外，玫瑰花的药性非常温和，能够温养人的心肝血脉，舒发体内郁气，起到镇静、安抚、抗抑郁的功效。女性在月经前或月经期间常会有些情绪上的烦躁，喝点玫瑰花可以起到调节作用。</t>
  </si>
  <si>
    <t>中医认为，玫瑰花药性温和，具有镇静、安抚、抗忧郁的功效。因此，经期情绪低落的朋友不妨取一个透明的玻璃杯，放入15克玫瑰花，加入开水，浸泡5分钟后即可代茶随意饮用。</t>
  </si>
  <si>
    <t>玫瑰花茶对痛经有一定保健作用，切记不要喝冷的或冰的，喝温的最佳。</t>
  </si>
  <si>
    <t>合发房银是不是骗局?</t>
  </si>
  <si>
    <t>分期乐上征信吗</t>
  </si>
  <si>
    <t>不会进入央行的征信系统，因为央行征信目前主要收集的是银行的黑名单；但是你一定上了某公司的征信黑名单</t>
  </si>
  <si>
    <t>会上传征信，请您保持良好的还款记录</t>
  </si>
  <si>
    <t>关于征信我曾问过分期乐客服，她们的回答是在所有贷款交易中随机抽取用户上征信。这可能是因为和他们网贷公司合作的第三方投资人有的是银行，等于你借取了银行的钱，这些会上信贷交易记录。一般31到60天本金未还者会在交易信息下面记录，注意是本金</t>
  </si>
  <si>
    <t>钓鱼岛打起来了吗</t>
  </si>
  <si>
    <t>打不起来。</t>
  </si>
  <si>
    <t>在这几年是不可能打起来的。长久来看，必有一战，但不是因为钓鱼岛。为什么打不起来？1.钓鱼岛不是现在丢的，实际性的控制权已经在日本手上这么多年，一直没有打，但是即使发生购岛，在实质上也不会有更大损失；2.日本经济最近不好，政府经常倒台，急需一件事情应对各方利益，同时吸引国内民众注意力，才开始了这一次购岛危机；3.中国一直本着先发展实力的原则，一直不希望因为战争中断发展，同时引起周边国家的抵制，所以绝对在实力壮大钱不会大动干戈；4.目前中国在海空军方面还有所不足，同时还顾忌美国可能出手或者借机在经济军事上制裁中国，中国不愿意打；5.日本在2站以后没有能够发展军力，即使技术层面有优势，但是也不可能在大规模战争中单独取得胜利，同时他也担心美国考不靠得住的问题，不会希望硬碰硬；6作为两国头领，都不希望战争让美俄等捡便宜，都不会希望打仗。所以，不管政客们怎么表态，最终都是冷处理，不会有大规模战争。但长期里面，必然会因为地区性利益冲突而一战，应该是在3战期间。</t>
  </si>
  <si>
    <t>天龙八部手游好玩吗</t>
  </si>
  <si>
    <t>总体来说,游戏的画面和操作方式都蛮不错的,在PK方面和副本方面也做的不错。</t>
  </si>
  <si>
    <t>不好玩，完全就是那种托管式的手游。</t>
  </si>
  <si>
    <t>神州租车靠谱吗</t>
  </si>
  <si>
    <t>还好，提车的时候挺快。</t>
  </si>
  <si>
    <t>每次租神州租车，车身都很清洁，内饰干净，给人感觉很舒服。车里的备胎、灭火器、故障警示牌、随车工具等很齐全；行驶本、保单复印件、交强险标、年检标志等放置的也整齐。</t>
  </si>
  <si>
    <t>小米6重启解决了吗</t>
  </si>
  <si>
    <t>这是高通835的毛病，据说高通已经派人进驻小米了，估摸着近期能够修复。</t>
  </si>
  <si>
    <t>老中医补肾方是真的吗</t>
  </si>
  <si>
    <t>不是真的，大多都是打广告假的</t>
  </si>
  <si>
    <t>是真的，补肾找中医师开药。</t>
  </si>
  <si>
    <t>高仿表值得买吗</t>
  </si>
  <si>
    <t>有些得不偿失。</t>
  </si>
  <si>
    <t>不被行家认出就好。</t>
  </si>
  <si>
    <t>micromsg是什么文件夹可以删除吗</t>
  </si>
  <si>
    <t>可以删除。但是那是微信的缓存文件夹，删了聊天记录会没有的。如果没有什么要保存的，就直接删除吧。</t>
  </si>
  <si>
    <t>里面有一些QQ聊天记录及腾讯相关应用记录以及腾讯下载文件，好像在voice里面 属于微信的储存信息，把东西拷出来，或者直接删除都可以，问题不大。</t>
  </si>
  <si>
    <t>口服玻尿酸有用吗</t>
  </si>
  <si>
    <t>口服玻尿酸可以快速实现全身美容的目的。由于玻尿酸小分子的定向营养功能，口服玻尿酸小分子，大多被皮肤、血管、关节等组织器官定向吸收利用，重新合成人体自身的玻尿酸。可以快速增加皮肤水分含量、皮肤白皙、有弹性，减少皱纹，改善光泽。全身滋润、全身美容。而且，口服玻尿酸对于淡化色斑、改善血液循环、预防乳腺肿块甚至乳腺癌，都有重要作用。目前国际上口服玻尿酸品牌并不算多，效果口服最好的应该是法国进口的，法澜秀玻光饮，这款口服玻尿酸，采用国际最先进的微生物发酵技术，提取出分子量500道尔顿得小分子玻尿酸，与神经酰胺完美配比，具有超强的淡化色斑，祛皱，保湿紧致肌肤的作用。一般情况下，玻尿酸整形用1—2支玻尿酸为佳。</t>
  </si>
  <si>
    <t>杏能多吃吗</t>
  </si>
  <si>
    <t>中医认为，杏属于热性食物，有小毒，吃多了会伤及筋骨，引起老病复发；现代营养学则强调，鲜杏里较强的酸性物质，会使胃液激增，引起胃病。所以杏不能多吃。</t>
  </si>
  <si>
    <t>杏子不可多食，小儿尤不可多食，多吃致疮痈及上膈热。吃多了不易消化，会导致胀气，或者拉肚子。属于温热水果，不能多吃，容易上火。</t>
  </si>
  <si>
    <t>蒙古国女人床上利害吗</t>
  </si>
  <si>
    <t>是的，要起来没完没了。</t>
  </si>
  <si>
    <t>统计证取消了吗</t>
  </si>
  <si>
    <t>根据国家统计局18号令，国家统计局对2015年12月31日前制发的部门规章和规范性文件进行了全面清理。经过清理，现决定《统计从业资格认定办法》（国家统计局令第10号）和《关于印发〈统计员岗位专业知识培训试行办法〉的通知》（统培字〔1990〕11号）、《国家统计局关于实施〈统计从业资格认定办法〉有关问题的批复》（国统函〔2005〕142号）、《国家统计局办公室关于统计从业资格考试等有关问题的通知》（国统办函〔2005〕103号）、《国家统计局统计科学研究所研究基地管理办法（试行）》失效。　　因此，从2016年开始，统计从业资格考试取消，不再进行统计从业资格认定工作，取消统计从业资格证书。统计人员继续教育工作还将继续进行，具体操作办法等国家统计局和省、市统计局明确办法后再另行通知；统计专业技术资格考试工作正常进行。</t>
  </si>
  <si>
    <t>是的，现在不需要了，不过可以考统计职称。</t>
  </si>
  <si>
    <t>刮蹭逃逸交警会立案吗</t>
  </si>
  <si>
    <t>发生交通事故后，即使只是轻微刮蹭，如果在发生事故后逃逸的，就属于肇事逃逸，根据《道路交通安全法》第九十条的规定，应处二百元以上二千元以下罚款，可以并处十五日以下拘留。</t>
  </si>
  <si>
    <t>绿萝能除甲醛吗</t>
  </si>
  <si>
    <t>可以，效果不太明显。</t>
  </si>
  <si>
    <t>阔叶类植物都有一定的吸附作用。不过效果很微小，已经有很多人做过实验了，作用其实不大。</t>
  </si>
  <si>
    <t>有一点效果。绿萝是非常优良的室内装饰植物之一，攀藤观叶花卉。萝茎细软，叶片娇秀。在家具的柜顶上高置套盆，任其蔓茎从容下垂，或在蔓茎垂吊过长后圈吊成圆环，宛如翠色浮雕。这样既充分利用了空间，净化了空气，又为呆板的柜面增加了线条活泼、色彩明快的绿饰，极富生机，给居室平添融融情趣。环保学家发现，一盆绿萝在8～10平方米的房间内就相当于一个空气净化器，能有效吸收空气中甲醛、苯和三氯乙烯等有害气体。绿萝不但生命力顽强，而且在室内摆放，其净化空气的能力不亚于常春藤和吊兰。新铺的地板非常容易产生有害物质。由于绿萝能同时净化空气中的苯、三氯乙烯和甲醛，因此非常适合摆放在新装修好的居室中。</t>
  </si>
  <si>
    <t>amd还能翻身吗</t>
  </si>
  <si>
    <t>翻身指的是什么？完超英特尔？不可能，拉进差距还是可以的。英特尔这些年的黑科技太多，只要他乐意，多挤一点牙膏就够AMD追一段时间的了。</t>
  </si>
  <si>
    <t>生活大爆炸第十季完结了吗</t>
  </si>
  <si>
    <t>没有 。</t>
  </si>
  <si>
    <t>etc设备需要充电吗</t>
  </si>
  <si>
    <t>腾讯明日之子要女生吗</t>
  </si>
  <si>
    <t>只选男生。</t>
  </si>
  <si>
    <t>可以。不管是男孩女孩都可以参加，重点练好才艺。</t>
  </si>
  <si>
    <t>浦发信用卡提额快吗</t>
  </si>
  <si>
    <t>信用卡正常无法快速提额的。</t>
  </si>
  <si>
    <t>支付宝上的保险靠谱吗</t>
  </si>
  <si>
    <t>只要你懂保险就靠谱，如果你对保险一知半解，或者完全不懂。那就不靠谱了。因为你根本不清楚自己买的是什么保险，具体保什么，怎么保，怎么赔。保险专业性太强，网上只能购买一些简单的单纯的险种。</t>
  </si>
  <si>
    <t>络腮胡可以刮出来吗</t>
  </si>
  <si>
    <t>只能用刀片的那种才能刮出满意的络腮胡。</t>
  </si>
  <si>
    <t>h7n9能治愈吗</t>
  </si>
  <si>
    <t>所谓的禽流感病，只要用退热药及时退热，退热后，流感病毒在体内的死亡速度是非常快的，再用有效的抗菌药罗红霉素、头孢等来防止细菌的双重感染，另外还必须注意身体特殊保暖，按这样治疗，治疗最及时有效的两天痊愈。</t>
  </si>
  <si>
    <t>事业单位好考吗</t>
  </si>
  <si>
    <t>省属市属一般都是统一招考的，题目难度比公务员简单一点，但是竞争比较激烈；区属的要好考一些，有各单位自主命题的也有区里面统一命题的，总体难度比公务员和省属市属事业编要低，一方面是因为试题的难度低，另一方是竞争的人数要少，相对来说几率大一些。</t>
  </si>
  <si>
    <t>并不算好考。</t>
  </si>
  <si>
    <t>硕士论文会一直抽检吗</t>
  </si>
  <si>
    <t>买商铺划算吗</t>
  </si>
  <si>
    <t>商铺的话，先看产权，一看是否大产权即土地使用证和房产证。二看周围商业环境。三看升值潜力。</t>
  </si>
  <si>
    <t>首先要考虑问题：1.商铺在哪城市买，路段怎么样。2.商铺准备经营什么，目前该商铺经营产品市场潜力值怎么样。3.目前当地的房价是多少，大少概需要投入多少成本。4.商铺是自己购买还是和合伙购买，如何经营该商铺生意。以上四点，如果都思考了，那么购买商铺也就划算。</t>
  </si>
  <si>
    <t>身份证有效期过了还能用吗</t>
  </si>
  <si>
    <t>不能使用。</t>
  </si>
  <si>
    <t>用机读设备能查出，找工作，填资料可以。</t>
  </si>
  <si>
    <t>换肾后能活40多年吗</t>
  </si>
  <si>
    <t>不能。存活最长者26年。</t>
  </si>
  <si>
    <t>魔幻卡牌有特效吗</t>
  </si>
  <si>
    <t>魔幻没有特效。</t>
  </si>
  <si>
    <t>上海图书馆进去免费吗</t>
  </si>
  <si>
    <t>办阅览证免费，借书卡要押金。</t>
  </si>
  <si>
    <t>北极星所在的方向是正北方向吗</t>
  </si>
  <si>
    <t>正确。</t>
  </si>
  <si>
    <t>不是，而是北极星斗柄所指的方位是北方。</t>
  </si>
  <si>
    <t>股癣会自愈吗</t>
  </si>
  <si>
    <t>中央部位可自愈。</t>
  </si>
  <si>
    <t>自愈的可能不大。</t>
  </si>
  <si>
    <t>股癣不能自愈，但是天气冷的时候真菌繁殖能力和活动能力就降低，会有好转的表现。</t>
  </si>
  <si>
    <t>华为p9有nfc功能吗?</t>
  </si>
  <si>
    <t>不支持NFC功能。</t>
  </si>
  <si>
    <t>橱柜台面用石英石好吗</t>
  </si>
  <si>
    <t>不好，石英石台面价钱贵还有辐射。</t>
  </si>
  <si>
    <t>石英石好，不易断裂和划伤，手感不错，透光度很高。抗裂抗划伤。</t>
  </si>
  <si>
    <t>使用在柜台面上的绝对首选石英石，高抗磨损刮花，不吃色，稳定性强，不怕高温和低温变化。</t>
  </si>
  <si>
    <t>佰仟上征信吗</t>
  </si>
  <si>
    <t>1、不会上人民银行征信系统；2、但是社会上有三大征信系统，会记录在这里面；3、现在银行不但会查人民银行征信系统，而且还会查询三大社会征信系统。</t>
  </si>
  <si>
    <t>上了，因为跟哈尔滨银行是战略合作的关系，所以查出来显示的是哈尔滨银行的贷款情况。</t>
  </si>
  <si>
    <t>佰仟公司纳入国家信用贷款征信体系统筹，CCTV4已经明确广告。</t>
  </si>
  <si>
    <t>20m宽带够用吗</t>
  </si>
  <si>
    <t>足够使用。</t>
  </si>
  <si>
    <t>海豚兼职是真的吗</t>
  </si>
  <si>
    <t>可以找到工作，没事的人都可以去做做，比较适合宝妈，大学生，上班族等平时比较闲的人。</t>
  </si>
  <si>
    <t>是骗人的网站</t>
  </si>
  <si>
    <t>逆回购周末算利息吗</t>
  </si>
  <si>
    <t>逆回购要看你参与的是几天的，如果是周五，你参与3天的逆回购，那周末就计算利息，如果周五你参与1天逆回购，就不计算利息。</t>
  </si>
  <si>
    <t>孕妇能吃阿胶吗</t>
  </si>
  <si>
    <t>是孕妇在孕期也是可以吃阿胶的，因为阿胶还有另外一个功效就是保胎、安胎，很多保胎药中都含有阿胶的成分，可以预防先兆性流产、并发性流产等等，但由于阿胶有活血的作用，在孕早期和孕晚期建议准妈妈不要随便乱吃，要听医生的建议。孕早期如果服用阿胶容易造成流产，孕晚期因为阿胶有刺激子宫收缩的功效，所以容易引发早产，这2点希望准妈妈加强要注意。</t>
  </si>
  <si>
    <t>the后面可以加复数吗</t>
  </si>
  <si>
    <t>看情况1，the 加单数名词，表示这一类的东西，已经是复数的意思了。如 the student。2,the 表示特指的东西的，单复数都可以。</t>
  </si>
  <si>
    <t>the后面单数和复数都可以加。</t>
  </si>
  <si>
    <t>非洲酸枝有收藏价值吗</t>
  </si>
  <si>
    <t>有，收藏年限久的很值钱。</t>
  </si>
  <si>
    <t>没有，数量太多。</t>
  </si>
  <si>
    <t>汽车真皮座椅需要座套吗</t>
  </si>
  <si>
    <t>看个人爱好。</t>
  </si>
  <si>
    <t>支付宝删除好友对方还有我吗</t>
  </si>
  <si>
    <t>把支付宝联系人删了，对方联系人中还有自己。</t>
  </si>
  <si>
    <t>点开资料，里面有删除，删除后他发信息你也不会收到，删除后他的好友列表里面就没有你了。</t>
  </si>
  <si>
    <t>苹果手机可以安装两个微信吗</t>
  </si>
  <si>
    <t>要越狱了才可以实现。</t>
  </si>
  <si>
    <t>无法同时安装两个相同的APP。</t>
  </si>
  <si>
    <t>安装两个不同的版本也许可以。</t>
  </si>
  <si>
    <t>1065795555是招行的电话吗</t>
  </si>
  <si>
    <t>1065795555是招行的短信平台的服务号码，不确定可以打官方电话95555咨询。</t>
  </si>
  <si>
    <t>西安有白癜风医院吗</t>
  </si>
  <si>
    <t>西安的新城区的，仁爱。</t>
  </si>
  <si>
    <t>淘宝卖家身份能更换吗</t>
  </si>
  <si>
    <t>店铺卖家身份证可以改，一、进入商家中心；二、点店铺转让；三、撤销店主的身份信息解绑定新的证件。此过程需要验证身份信息，可以咨询淘宝在线客服或人工致电服务。</t>
  </si>
  <si>
    <t>淘宝卖家帐号可以变更身份证信息的，需要直接跟淘宝客服进行申请更改资料，一般需要提供原来身份证资料以及新的身份证资料才可以进行资料跟改，若是跟相关的单位签订淘宝协议的，可以跟直接业务沟通办理变更信息。</t>
  </si>
  <si>
    <t>海星能吃吗</t>
  </si>
  <si>
    <t>素颜霜需要卸妆吗</t>
  </si>
  <si>
    <t>素颜霜不需要卸妆。</t>
  </si>
  <si>
    <t>轻伤二级私了8万多不</t>
  </si>
  <si>
    <t>看受害人损失情况，要双方同意，都是可以的。</t>
  </si>
  <si>
    <t>睡前喝牛奶好吗</t>
  </si>
  <si>
    <t>可以，晚上睡前一杯牛奶可以有镇静安神的作用,可以提高睡眠质量.早上喝和晚上喝都很好,好的生活习惯应该是早晚各一杯.但要注意适量，不要过量，易导致不适喝牛奶后不要立即上床睡觉，以免躺下后给胃造成过重的负担。</t>
  </si>
  <si>
    <t>对睡眠会有些帮助，但会加重肝脏和肾脏的代谢负担，晚上应该是脏器休息的时候，吃东西后反而会让脏器得不到休息，夜晚处于缺水状态，牛奶里的钙排泄不出去，会加大肾结石的可能。</t>
  </si>
  <si>
    <t>温牛奶可以消除疲劳安神助睡眠，这个没问题。只要能控制好宵夜的进取，别给胃肠造成额外负担。</t>
  </si>
  <si>
    <t>充电宝可以托运吗</t>
  </si>
  <si>
    <t>根据民航总局的规定充电宝是无法托运的，不管充电宝容量是多少。《中国民用航空危险品运输管理规定》，旅客携带充电宝乘机应遵守以下规定：一、充电宝必须是旅客个人自用携带。二、充电宝只能在手提行李中携带或随身携带，严禁在托运行李中携带。三、充电宝额定能量不超过100Wh，无需航空公司批准；额定能量超过100Wh但不超过160Wh，经航空公司批准后方可携带，但每名旅客不得携带超过两个充电宝。</t>
  </si>
  <si>
    <t>华为p10闪存影响大吗</t>
  </si>
  <si>
    <t>安装应用ufs2.1很快3-20秒左右。emmc5.1就慢多了20-40秒左右或者还更慢。再有就是玩游戏加载ufs2.1更快，而emmc5.1就慢多了。闪存问题对实际体验影响很大。</t>
  </si>
  <si>
    <t>一般正常用是感觉不到。</t>
  </si>
  <si>
    <t>塑食圈饼干减肥有效果吗?</t>
  </si>
  <si>
    <t>没有减肥效果。</t>
  </si>
  <si>
    <t>cf黑武士觉醒后会变样么</t>
  </si>
  <si>
    <t>威力增加，击杀图标有颜色。</t>
  </si>
  <si>
    <t>博辰学院是真的吗</t>
  </si>
  <si>
    <t>芽庄有免税店吗</t>
  </si>
  <si>
    <t>致谢会查重吗</t>
  </si>
  <si>
    <t>论文的每个部分都要查重。</t>
  </si>
  <si>
    <t>诉状可以自己写吗</t>
  </si>
  <si>
    <t>起诉书是自己写好后交给法院,要按照固定格式的文本样式书写。</t>
  </si>
  <si>
    <t>可以，只要把意思表述清楚，把责任分清楚，把主张的权益提出来就可以。</t>
  </si>
  <si>
    <t>当然可以，按照格式，把要素列明，诉求写清就行。</t>
  </si>
  <si>
    <t>嘉联支付pos机可靠不</t>
  </si>
  <si>
    <t>西瓜与桃子能一起吃吗</t>
  </si>
  <si>
    <t>一般违规扣分对店铺有影响吗</t>
  </si>
  <si>
    <t>一般扣分影响程度不大，严重扣分就大了。</t>
  </si>
  <si>
    <t>(一)会员严重违规扣分累计达十二分的，给予店铺屏蔽、限制发布商品、限制创建店铺、限制发送站内信、限制社区功能及公示警告七天的处理；(二)会员严重违规扣分累计达二十四分的，给予店铺屏蔽、下架店铺内所有商品、限制发布商品、限制创建店铺、限制发送站内信、限制社区功能及公示警告十四天的处理；(三)会员严重违规扣分累计达三十六分的，给予关闭店铺、限制发送站内信、限制社区功能及公示警告二十一天的处理；(四)会员严重违规扣分累计达四十八分的，给予查封账户的处理。会员因单次违规扣分较大，导致累积扣分满足多个节点处理条件的，或在违规处理期间又须执行同类节点处理的，仅执行最重的节点处理。</t>
  </si>
  <si>
    <t>没有影响，不会影响宝贝降权，如果达到12分就要屏蔽店铺了，所以要留意。看宝贝是否会降权 ，你点可优化搜索指标，然后点宝贝诊断里面查看是否有宝贝降权。</t>
  </si>
  <si>
    <t>windows10不激活影响使用吗</t>
  </si>
  <si>
    <t>如果不激活Win10，那么平均1-3分钟，电脑就有一种卡顿的感觉，这卡顿时间其实也很短，只有1-3秒时间(SSD硬盘)。</t>
  </si>
  <si>
    <t>肯定影响，可以在百度搜装机员，到里面下载个win 10激活工具。</t>
  </si>
  <si>
    <t>可以一直使用，但是会有提示。</t>
  </si>
  <si>
    <t>复方丹参片能长期吃吗</t>
  </si>
  <si>
    <t>复方丹参片是治疗冠心病的常用中药，但也只是治标之药，不宜久服。</t>
  </si>
  <si>
    <t>可以长期吃的。一般是没有什么副反应的。只要没有出血性的疾病是可以长期吃的。</t>
  </si>
  <si>
    <t>dnf技能攻击力冲突吗</t>
  </si>
  <si>
    <t>不冲突，加技能伤害的一般进图后直接显示在技能面板上了</t>
  </si>
  <si>
    <t>这情况分两种，有些是两种属性都有，有些是只保留技能的属性，一般来说近身攻击的技能就有武器的属性，远程攻击就只有技能的属性，但这不是一定的，也有很多例外，就好像复仇者，我装备一把光属性武器，但主有恶魔之刺，车轮，还有灾难几个技能有光属性。</t>
  </si>
  <si>
    <t>不冲突，所有属性攻击都打得出来，伤害取属性强化最高的。看技能有没火属性，没用火属性只会算武器光属性的攻击，不会算火属性强化。</t>
  </si>
  <si>
    <t>白带多是怀孕了吗</t>
  </si>
  <si>
    <t>怀孕之后白带会增多，但是白带多不一定就是怀孕了。</t>
  </si>
  <si>
    <t>跟怀不怀孕没关系。</t>
  </si>
  <si>
    <t>5月4日放假吗</t>
  </si>
  <si>
    <t>14到28的青年放假半天。</t>
  </si>
  <si>
    <t>餐饮定额发票还能用吗</t>
  </si>
  <si>
    <t>现在餐饮业的定额发票已取消，不用了。</t>
  </si>
  <si>
    <t>目前来说还是能用的。</t>
  </si>
  <si>
    <t>只要当地的税务局没通知取消定额发票，就可以继续使用。</t>
  </si>
  <si>
    <t>岫玉值钱吗</t>
  </si>
  <si>
    <t>名声比黄龙玉、昆仑玉高得多，岫玉的河磨玉原料从原来的400多元/公斤上涨到20000元/公斤左右，连原来被用来做座的普通料，也都被用来制作摆件。</t>
  </si>
  <si>
    <t>不太值钱哦，A货也就200多块钱吧。</t>
  </si>
  <si>
    <t>分期乐可信吗</t>
  </si>
  <si>
    <t>还是比较可信的。</t>
  </si>
  <si>
    <t>梁耀燮还恨龙俊亨吗</t>
  </si>
  <si>
    <t>他们六个的关系是超好的。团员、亲故、兄弟 的关系</t>
  </si>
  <si>
    <t>公寓可以注册公司吗</t>
  </si>
  <si>
    <t>1.每个地方工商局的要求不一样，大部分地方是规定登记地址必须是商务用途的办公楼才可以。2.少数地方针对注册地址的要求没有那么严格，住宅一样可以登记。3.如果用户那边工商政策是不允许用住宅房登记，则不可以注册。</t>
  </si>
  <si>
    <t>要看你的公寓是什么用房，如果是商住两用的话，是可以的，但是不能用于注册那种经营范围里有生产、加工的公司。如果只是住宅的话就不可以了。</t>
  </si>
  <si>
    <t>刘若英婚礼陈升来了吗</t>
  </si>
  <si>
    <t>骨折能喝酒吗</t>
  </si>
  <si>
    <t>骨折是不能喝酒的。</t>
  </si>
  <si>
    <t>喝少量酒属于舒筋活络,活血化瘀；骨折后能不能喝酒决定你处于什么时期； 1、急性期：骨折后5天以内，属于出血水肿期，千万不能喝酒； 2、稳定期：骨折后5-8天，属于血肿消散期，要控制炎症，尽量不喝酒； 3、恢复期：骨折后8-30天，属于长骨痂、栓化、纤维化、钙化阶段，可以喝少量酒； 4、功能恢复期：骨痂生长良好后，属于骨骼、关节功能恢复期，功能锻炼期出现肿胀、疼痛，则又属于出血水肿期，千万不能喝酒；没有上述症状，可以喝少量酒。医生是权威看医生，想健康少喝酒喝多酒对身体不好不喝。</t>
  </si>
  <si>
    <t>这是很多患有骨折病人都很想了解的问题，一般骨折主要是指在意外发生跌倒或者摔倒导致的。医生提醒患者，骨折在饮食上的要求并不是很高，但喝酒最好是不要了，还有就是远离那些刺激性的食物，骨折后饮酒能加速血液循环，有助于消除淤血、促使骨折治愈。但医学研究表明，大量的酒精能损害人体骨骼的新陈代谢和钙的吸收，使其伤失正常生长发育和修复损伤的能力，酒精还会影响苭物对骨骼的修复作用。所以，骨折病人是不应该喝酒的。 有部分的骨折病人，认为多吃骨头对骨折的愈合很有帮助，北京友爱骨科医院专家说，骨折病人多吃一些动物骨头汤能加快人体对钙的吸收，加速骨折的愈合，可研究表明，这样反而会延迟骨折的愈合过程。这是因为受损伤后骨的再生主要依靠骨膜、骨髓的作用，而骨膜、骨髓只在增加骨胶原的情况下才能更好地发挥作用。肉骨头汤的主要成分是钙和磷，骨折后若大量摄入此类物质，就会使骨质内无机质成分增高，从而使骨质内有机质和无机质的比例失调，使骨折愈合延迟。</t>
  </si>
  <si>
    <t>王者荣耀姜子牙厉害吗</t>
  </si>
  <si>
    <t>姜子牙这个英雄是一个法师，属于超远程攻击的一类，他的一二技能伤害不高，基本只用来补刀和自保，姜子牙的核心技能就是他的大招了，蓄力之后释放出超远距离的龟派气功，具体大概就是两座防御塔之间那么远，这就意味着中路你在你的塔下就能打到对面塔下，玩的好的可以对对面的英雄进行有效地消耗。建议还是不要在排位中使用姜子牙，除非真的觉得自己姜子牙用的很溜。</t>
  </si>
  <si>
    <t>很多人都对姜子牙有偏见，其实姜子牙很厉害，他被动可以让队友快速的升级，前期建立等级碾压之势。一二技能都是范围AOE伤害打团很不错，最重要的是看大招，后期满蓄力大招可以直接秒杀脆皮。大招命中率很低，打团时可以用来封走位或让长缉拜垦之旧瓣驯抱沫对方被迫交出保命位移。有一个姜子牙小技巧就是反向大，先朝后面放一个大招，在蓄力快要结束时朝自己想放的地方闪现，大招就可以瞬间过去。</t>
  </si>
  <si>
    <t>不厉害，大招总要憋3秒。</t>
  </si>
  <si>
    <t>漂洋过海来看你有第二部吗</t>
  </si>
  <si>
    <t>电视剧《漂洋过海来看你》暂无续拍第二部的计划。</t>
  </si>
  <si>
    <t>赛比安是世界500强吗</t>
  </si>
  <si>
    <t>商务部没有这家</t>
  </si>
  <si>
    <t>手机应用体验员真的吗</t>
  </si>
  <si>
    <t>非常靠谱哦，类四的几十个。</t>
  </si>
  <si>
    <t>富德人寿保险是否可靠</t>
  </si>
  <si>
    <t>2017蒙迪欧还有臭味吗</t>
  </si>
  <si>
    <t>17款蒙迪欧的内饰还是一如既往的臭。</t>
  </si>
  <si>
    <t>没有了，去对比过17款和13款，17款蒙迪欧的新车味道都要小很多了。</t>
  </si>
  <si>
    <t>无论是什么品牌的车，新车，里面会有轻微的一些异味的。17款蒙迪欧除了有点皮革的味道，没有其他的什么异味。</t>
  </si>
  <si>
    <t>玻尿酸好不好</t>
  </si>
  <si>
    <t>效果还可以，但是要去大医院。</t>
  </si>
  <si>
    <t>tim可以加速qq升级吗</t>
  </si>
  <si>
    <t>可以，一月/10QB。</t>
  </si>
  <si>
    <t>绝对零度能冻住光么</t>
  </si>
  <si>
    <t>新斯科舍猎鸭寻回犬是金毛吗</t>
  </si>
  <si>
    <t>不是同个品种。</t>
  </si>
  <si>
    <t>防晒喷雾可以托运吗</t>
  </si>
  <si>
    <t>可以托运。</t>
  </si>
  <si>
    <t>可以带防晒喷雾的，单件不超过100ML可以随身携带，超过100ML需托运。</t>
  </si>
  <si>
    <t>有易燃标志的防晒喷雾是不可以带上飞机的，也不可以托运。如果不是易燃类的防晒喷雾，可以选择托运。</t>
  </si>
  <si>
    <t>西麦燕麦片好吗</t>
  </si>
  <si>
    <t>味道不错，营养价值非常高。如何选择：1 尽量不要选择甜味很浓的产品。这意味着其中50%以上是糖粉。2 尽量不要选择口感细腻粘度不足的产品，这说明其中燕麦片含量不高，糊精之类成分含量高。3 尽量不要选择添加奶精/植脂末的产品，因为这种成分对健康不利。4 香气是香精带来，而不是纯燕麦片带来，因此香浓的产品未必品质好。5 尽量选择能看得见燕麦片特有形状的产品，即便是速食产品，也应当看到已经散碎的燕麦片。6 如果包装不透明，注意看一看产品的蛋白质含量。如果在8%以下，那么其中燕麦片比例过低，不适合做为早餐的唯一食品，必须配合牛奶、鸡蛋、豆制品等蛋白质丰富的食品一起食用。</t>
  </si>
  <si>
    <t>味道不错，营养价值非常高。</t>
  </si>
  <si>
    <t>雨刮水可以用自来水吗</t>
  </si>
  <si>
    <t>绝对不可以。</t>
  </si>
  <si>
    <t>可以加自来水。但是天冷时会结冰。冬天加酒精水溶液或者甲醇水溶液，自己买了无水酒精或者甲醇，兑上一半水就可以了。</t>
  </si>
  <si>
    <t>可以。雨刮水本身就是自来水，在里面加上酒精，洗洁精，防冻液，玻璃液等清洁的物质。汽车专用的雨刮水擦出来的玻璃没有模糊的感觉，也不会挂在玻璃上，加一些自来水只不过变稀而已。没什么影响。</t>
  </si>
  <si>
    <t>西安属于华北吗</t>
  </si>
  <si>
    <t>西安不属于华北，属于西北。</t>
  </si>
  <si>
    <t>容维公司是诈骗吗</t>
  </si>
  <si>
    <t>非常不靠谱。</t>
  </si>
  <si>
    <t>英语论文翻译别人的文献会查重吗</t>
  </si>
  <si>
    <t>换成自己的话，重新组织的话是查不出来的</t>
  </si>
  <si>
    <t>那得看翻译的是不是和别人一样了</t>
  </si>
  <si>
    <t>如果文献是英文或者其他语种的，翻译成中文，知网系统的数据库并没类似内容进行对比，所以知网系统收录了你抄袭的那篇英文文献的话，对于翻译文内容并不能有效检测出来。</t>
  </si>
  <si>
    <t>咳嗽可以吃西瓜吗</t>
  </si>
  <si>
    <t>可以吃西瓜。</t>
  </si>
  <si>
    <t>咳嗽的话最好不要吃这些凉的东西。</t>
  </si>
  <si>
    <t>首先你要看你的是寒咳还是热咳，寒咳的话，吃西瓜会加重咳嗽。一般咳嗽带的痰是白的，泡沫状的，一般都是寒咳的。痰黄，粘稠状。一般是热咳。</t>
  </si>
  <si>
    <t>荣耀是华为吗</t>
  </si>
  <si>
    <t>荣耀属于华为的子品牌。</t>
  </si>
  <si>
    <t>汪明荃有孩子吗</t>
  </si>
  <si>
    <t>没有。在2009年，阿姐的《真害供愤佳莅簧缝伪俯镰是阿姐》音乐剧上，她曾公开表露，自己没有孩子的遗憾。最近与他男友罗家英结束20年爱情长跑结婚了，但估计也生不粗孩子了。</t>
  </si>
  <si>
    <t>端午是法定节假日吗</t>
  </si>
  <si>
    <t>端午节是法定节假日。</t>
  </si>
  <si>
    <t>平板支撑能减肚子吗</t>
  </si>
  <si>
    <t>平板支撑这样的形式，则是训练腹肌的最佳方式。</t>
  </si>
  <si>
    <t>坚持下去肯定有效果的。</t>
  </si>
  <si>
    <t>外科风云陆晨曦是庄恕的妹妹吗</t>
  </si>
  <si>
    <t>知网查重会留下痕迹吗</t>
  </si>
  <si>
    <t>一般会留下痕迹。</t>
  </si>
  <si>
    <t>有时不会，一般都会留下痕迹。</t>
  </si>
  <si>
    <t>阿拉斯加好养吗</t>
  </si>
  <si>
    <t>总体来说，不难养。</t>
  </si>
  <si>
    <t>认为比较难养的，其实并不难，掌握一些方法你也可以。</t>
  </si>
  <si>
    <t>会养的就好养，不会养的估计这个过程比较困难。</t>
  </si>
  <si>
    <t>金银花和菊花能一起喝吗</t>
  </si>
  <si>
    <t>这两种花是完全可以泡在一块喝的,它们可以清火,但是注意不能喝太多。</t>
  </si>
  <si>
    <t>最好不要同喝，两者在一齐有点偏凉。</t>
  </si>
  <si>
    <t>可以，有清热解毒，养肝明目的功效.</t>
  </si>
  <si>
    <t>蜡笔小新死了是真的吗</t>
  </si>
  <si>
    <t>别信那些乱七八糟的谣言，一个作者刻画一个人物有多难，请尊重作者。</t>
  </si>
  <si>
    <t>小新是一个真实存在的人，他有个妹妹，小新非常疼爱妹妹，但是一次车祸，小新为了保护妹妹被撞死了，因为小新死的时候只有5岁，后来小新的妈妈为了纪念小新写了文章，最后作者知道了，才把蜡笔小新画成漫画，让蜡笔小新永远活到在5岁。</t>
  </si>
  <si>
    <t>光荣使命还有人玩吗</t>
  </si>
  <si>
    <t>有人但很少。</t>
  </si>
  <si>
    <t>光荣使命现在应该是要激活码，不过玩的人很多。</t>
  </si>
  <si>
    <t>人是有，就是少。</t>
  </si>
  <si>
    <t>资产减值损失可以税前扣除吗</t>
  </si>
  <si>
    <t>靶向治疗费用报销吗</t>
  </si>
  <si>
    <t>一是靶向治疗是癌症患者新的医疗方法，在我国技术条件还不够成熟。二是新农合为基本医疗保险，对处于试验阶段或新兴阶段的治疗模式，由于价格昂贵，不予报销。三是全国各地区新农合政策并无统一，报销目录也不太一样。也许有的地区是可以报销的。</t>
  </si>
  <si>
    <t>靶向治疗属于基因药物，都是自费药品，并且很贵，医保是不可以报销的。</t>
  </si>
  <si>
    <t>人死后会知道自己死吗</t>
  </si>
  <si>
    <t>人死亡之后，应该知道自己已经死了。</t>
  </si>
  <si>
    <t>人死后不会知道自己死。</t>
  </si>
  <si>
    <t>开奶茶店赚钱吗</t>
  </si>
  <si>
    <t>月赚个一千多。</t>
  </si>
  <si>
    <t>电动牙刷好吗</t>
  </si>
  <si>
    <t>1、清洁能力-电动牙刷比手动牙刷多清除38%的牙菌斑，它的清洁能力已经得到口腔专家的一致肯定。2、舒适感觉-电动牙刷高速旋转而产生的轻微振动，不仅能促进口腔的血液循环，对牙龈组织也有意想不到的按摩效果，而这种舒适的感觉也只有亲自体验过后才能够知道。3、乐趣感受-这点不仅适用于很多不喜欢刷牙的儿童，而且也同样适用于成人。由于电动牙刷体积上比传统牙刷增大了很多，所以在外观上就有了功夫可下了。刷牙自然也成为了一种乐趣。4、减少损伤-电动牙刷能够减少六成左右的刷牙力度，令牙龈炎与牙龈出血的发生频率下降62%，让刷牙过程更加安全有效。5、美白靓丽-电动牙刷能够有效减少由于饮茶、喝咖啡和不良口腔状况造成的牙渍，恢复牙齿本来的色泽。而且这种调整并非是立刻见效，而是随着每天的刷牙而逐步的进行，并不会对牙齿本身造成什么损害。</t>
  </si>
  <si>
    <t>小龙虾是发物吗</t>
  </si>
  <si>
    <t>龙虾属于发物。</t>
  </si>
  <si>
    <t>虾为动风发物</t>
  </si>
  <si>
    <t>是发物，先别吃。</t>
  </si>
  <si>
    <t>飞越疯人院萨科有特效吗</t>
  </si>
  <si>
    <t>有，武动巅峰</t>
  </si>
  <si>
    <t>设计专业需要会画画吗</t>
  </si>
  <si>
    <t>一般设计类的专业，绘画是基础课程，锻炼审美，构图，以及色彩搭配等等。</t>
  </si>
  <si>
    <t>需要有一定的绘画基础，如果没有，后面也可以再学的。</t>
  </si>
  <si>
    <t>爬楼梯能减肥吗</t>
  </si>
  <si>
    <t>爬楼梯属于有氧运动，是减肥的有效手段。</t>
  </si>
  <si>
    <t>飞机头等舱能打电话吗</t>
  </si>
  <si>
    <t>不能和外部联系。</t>
  </si>
  <si>
    <t>环球资源面试难吗</t>
  </si>
  <si>
    <t>总体来说不太难。</t>
  </si>
  <si>
    <t>估计比较难。</t>
  </si>
  <si>
    <t>阴经能增粗增大吗</t>
  </si>
  <si>
    <t>能的，要想增加长度和增加粗度，需要用正确的方法才行。可以用安护组合实现这个目的，它能提升长度，也可以增加粗度，通常是能增几厘米的。</t>
  </si>
  <si>
    <t>最直接的方法就是做手术，原理就是通过切割系带，强行从体内拉出一段来。</t>
  </si>
  <si>
    <t>性成熟期是18周岁，基本发育就差不多了。阴茎不能二次发育，药物没有增大阴茎的功效。</t>
  </si>
  <si>
    <t>一加3t的屏幕很差吗</t>
  </si>
  <si>
    <t>还可以，能接受的，本来产量就低，每周二开抢也就几千部而已，平时没啥问题的，就是高亮度是不但刺眼而且颗粒大，只有1080P，这部手机最大的诟病是续航（打游戏4小时都撑不到），其他都很平均。</t>
  </si>
  <si>
    <t>不差，不同材质而已，一加的手机还是可以的，个别屏幕问题是小概率事件。</t>
  </si>
  <si>
    <t>机油试纸靠谱吗</t>
  </si>
  <si>
    <t>只能看个大概靠经验判断，具体状况是看不出来的。</t>
  </si>
  <si>
    <t>还是挺靠谱的。</t>
  </si>
  <si>
    <t>可以的，将机油滴在滤纸上看油环的扩散，有明显的有重的轻的油环就需要更换了。</t>
  </si>
  <si>
    <t>爆汗裤有用吗</t>
  </si>
  <si>
    <t>效果还不错，每次穿上运动完后都大汗淋漓。</t>
  </si>
  <si>
    <t>效果特别明显，稍微一运动就流汗。</t>
  </si>
  <si>
    <t>还不错，出汗效果挺明显的。</t>
  </si>
  <si>
    <t>啤酒可以浇花吗</t>
  </si>
  <si>
    <t>可以的，啤酒也是好肥料。</t>
  </si>
  <si>
    <t>不行吧，会造成花的根系酒精中毒。</t>
  </si>
  <si>
    <t>樱桃能放冰箱吗</t>
  </si>
  <si>
    <t>可以放在冷藏室的保鲜盒里保存。</t>
  </si>
  <si>
    <t>樱桃可以放冰箱里冷藏温度控制在0°C~5°C能保存一段时间。</t>
  </si>
  <si>
    <t>怀孕能化妆吗</t>
  </si>
  <si>
    <t>最好不要，现在市面上的化妆品都是化学成分的，为了自己宝宝未来，建议还是不要的好。</t>
  </si>
  <si>
    <t>浓妆肯定是不行，偶尔淡妆还是可以的，亲润的隔离霜、BB霜和气垫都是怀孕可以用的。</t>
  </si>
  <si>
    <t>dnf荒古能跨界吗</t>
  </si>
  <si>
    <t>除非100级有可能。</t>
  </si>
  <si>
    <t>爱奇艺和奇异果会员能通用么</t>
  </si>
  <si>
    <t>奇异果会员是用在电视上的，爱奇艺会员用在电脑和手机上，不是通用的，但是购买奇异果会员会赠送同等时长的爱奇艺会员，需要去个人中心手动领取，一个月内有效。</t>
  </si>
  <si>
    <t>不一样，奇异果vip会员只能在电视扫码购买，价格比爱奇艺vip贵，是银河电视播放平台的，但也可通用在爱奇艺pc端。反之，pc端的爱奇艺vip会员却不通用在电视上。</t>
  </si>
  <si>
    <t>1购买爱奇艺会员，无法使用银河奇异果。2银河奇异果首月优惠是不增送爱奇艺权益的。正常购买银河奇异果，送相应月数爱奇艺黄金会员权益。</t>
  </si>
  <si>
    <t>软考可以直接考中级吗</t>
  </si>
  <si>
    <t>软考是可以直接考中级资格或者高级资格的。</t>
  </si>
  <si>
    <t>倩女手游桌面能双开么</t>
  </si>
  <si>
    <t>同一个账号在同一个区只能开一个角色，用两个不同账号开两个窗口就可以双开了。</t>
  </si>
  <si>
    <t>小米手机可以装双系统，又可以开应用双开模式，因此可以四开。</t>
  </si>
  <si>
    <t>很简单的，下载逍遥安卓模拟器，直接在里面无限开玩。</t>
  </si>
  <si>
    <t>声卡唱歌能变的好听吗</t>
  </si>
  <si>
    <t>声卡可以优化声音，变音只是一个功能，但是功底还是需要的，不然就只能起到排除杂音的效果了。</t>
  </si>
  <si>
    <t>当然可以，最起码声卡比以前好听许多，前提是话筒不能太烂。</t>
  </si>
  <si>
    <t>不能，唱歌好坏要靠自己的锻炼。</t>
  </si>
  <si>
    <t>psv能玩psp游戏吗</t>
  </si>
  <si>
    <t>可以，有两种方式。第1种是破解系统，把系统刷为psp系统就可以玩。第2种，在psn商店里有卖正版psp游戏，购买可玩</t>
  </si>
  <si>
    <t>五月天阿信结婚了吗</t>
  </si>
  <si>
    <t>五月天阿信，他还没有结婚。他还正在谈恋爱。 他跟他女朋友从大学开始，谈到现在。</t>
  </si>
  <si>
    <t>小米5c玩王者荣耀卡吗</t>
  </si>
  <si>
    <t>还可以，一直挺流畅的，屏幕也挺大。</t>
  </si>
  <si>
    <t>不卡挺流畅，玩的时候记得清理一下手机后台，要不然没那么流畅。</t>
  </si>
  <si>
    <t>不卡不卡，就是会发热但是并不会因为发热掉帧。</t>
  </si>
  <si>
    <t>代发论文后会被发现吗</t>
  </si>
  <si>
    <t>正规期刊一般收稿都有检索软件，超过50%的重复率会被退稿。</t>
  </si>
  <si>
    <t>脸谱中国刷脸是骗局吗</t>
  </si>
  <si>
    <t>还是不错的，刷脸APP是一个生意人的社交平台，可以在上面玩转生意人的社交，结识更多的生意人，同时还可以在上面开店做生意，同时还提供各种数据，如销售数据，客户数据来帮助生意人开店，还支持建设生意人自己的官网。</t>
  </si>
  <si>
    <t>刷脸APP还蛮好用的，功能也非常多。</t>
  </si>
  <si>
    <t>闲鱼支持无理由退货吗</t>
  </si>
  <si>
    <t>既然注明7天无理由退货，按道理来讲究必须接受买家退回来的货（包括无任何质量问题的货）。</t>
  </si>
  <si>
    <t>不可以，闲鱼没有消保服务。</t>
  </si>
  <si>
    <t>一般退货的话，要自己出邮费退掉，不过退之前要和卖家协商，卖家不愿意退的话则不接受退货。一般人在闲鱼上卖东西都是不退的。</t>
  </si>
  <si>
    <t>京东名鞋库的鞋是正品吗</t>
  </si>
  <si>
    <t>真假混买。</t>
  </si>
  <si>
    <t>嘉联科技是合法的吗</t>
  </si>
  <si>
    <t>假到不得了。</t>
  </si>
  <si>
    <t>它是目前最新型的网络传销组织。</t>
  </si>
  <si>
    <t>靳东是二婚吗</t>
  </si>
  <si>
    <t>靳东不是二婚</t>
  </si>
  <si>
    <t>黄金价格会跌吗</t>
  </si>
  <si>
    <t>黄金会跌一点</t>
  </si>
  <si>
    <t>笔记本散热器有用吗</t>
  </si>
  <si>
    <t>抽风式的确实能把温度降下来。</t>
  </si>
  <si>
    <t>一般得散热架或者散热器都是起到隔绝笔记本和桌面直接相碰，避免空气不流通的现象，如果你要靠散热还是很难的，散热器风很小，而且是USB接口，这点功率能干什么。起关键作用的还是电脑本身的风扇。</t>
  </si>
  <si>
    <t>散热器是对整个笔记本底盘进行散热，还是有用的。</t>
  </si>
  <si>
    <t>丙二醇对人体有害吗</t>
  </si>
  <si>
    <t>丙二醇对身体没有害的。</t>
  </si>
  <si>
    <t>看规格。工业级的重金属含量超标，肯定不行。医药级和食品级丙二醇对人体伤害极低，可以忽略不计。当然这都是化工原料，不要直接使用，都是要加工成化妆品和食品才可以用。</t>
  </si>
  <si>
    <t>属低毒类。毒性和刺激性都很小。有溶血性，不宜用于静脉注射。把它添加到食品和饮料中时，和乙二醇一样有引起肾脏障碍的危险。</t>
  </si>
  <si>
    <t>删除的短信内容查询得到吗</t>
  </si>
  <si>
    <t>没有刷机，可以安装一个文件恢复软件，就可以查到的。</t>
  </si>
  <si>
    <t>已删除的短信，在没有备份的情况下，是无法查询具体内容的。</t>
  </si>
  <si>
    <t>本来就属于隐私，删除了就查不到了。</t>
  </si>
  <si>
    <t>diskgenius修复坏道有用吗</t>
  </si>
  <si>
    <t>如果是逻辑坏道就可以，物理坏道不可以。</t>
  </si>
  <si>
    <t>坏道是修复不了的，属于永久性物理损坏。</t>
  </si>
  <si>
    <t>阿里健康大药房的药可以买吗</t>
  </si>
  <si>
    <t>陆金所可靠吗</t>
  </si>
  <si>
    <t>不敢说陆金所是收益最好的，但是作为行业份额第一，我敢说绝对是最安全的。</t>
  </si>
  <si>
    <t>还可以吧，蛮大的。</t>
  </si>
  <si>
    <t>野猫能养吗</t>
  </si>
  <si>
    <t>完全可以的，但是野猫有攻击性，小心处理。</t>
  </si>
  <si>
    <t>野猫对人类戒心一般比较强，不易接近，但通过经常投喂食物、逐步接近、避免惊吓的方式，仍可以捕捉或带回家饲养。其攻击性与普通家猫类似，只要不让它感到威胁或不适，一般不会攻击人，饲养一段时间后生活习性也与普通家猫类似，对人友善。</t>
  </si>
  <si>
    <t>大野猫不能当家猫养。</t>
  </si>
  <si>
    <t>招财宝安全吗</t>
  </si>
  <si>
    <t>招财宝将互联网的需求发现优势与金融机构的风险管理优势相互结合，为用户开创一条全新的投资路径，既可以享受网络时代带来的方便快捷，又可以享受金融机构带来的安全保障，简单而高效地进行投资理财，享受收益。</t>
  </si>
  <si>
    <t>一般情况下，亏本金是不太可能出现的。</t>
  </si>
  <si>
    <t>小影有电脑版吗</t>
  </si>
  <si>
    <t>有电脑版的。</t>
  </si>
  <si>
    <t>网页版。</t>
  </si>
  <si>
    <t>水性科天真的是0甲醛吗</t>
  </si>
  <si>
    <t>水性科天水性涂料是采用水性高分子技术，用纯净的水代替传统的有机溶剂作为溶解剂。</t>
  </si>
  <si>
    <t>二建考试答案是真的吗</t>
  </si>
  <si>
    <t>泄题是犯法的，也不可能会有原题外泄的情况。只有历年真题，和模拟题考前押题等。不要相信那些，自己多做点题靠谱一些。</t>
  </si>
  <si>
    <t>黄金钱包会跑路么</t>
  </si>
  <si>
    <t>不会，很靠谱。</t>
  </si>
  <si>
    <t>有人说我帅吗</t>
  </si>
  <si>
    <t>审美角度不同，个人看法不同，我觉得还行。</t>
  </si>
  <si>
    <t>手机qq有没有群发功能</t>
  </si>
  <si>
    <t>信管家正规吗</t>
  </si>
  <si>
    <t>正规，目前的国内期货市场通道最顺畅的就信管家了 。</t>
  </si>
  <si>
    <t>网贷靠谱吗</t>
  </si>
  <si>
    <t>这个和高利贷差不多；1、高利贷能收到的一般建立在信任或暴力的基础上，网贷主要靠平台的诚信基础上  一旦平台出了问题 结局就像高利贷一样（平台的收益很低的，一旦出现几笔稍微大些的贷款收不回来平台就容易出问题）；2、借高利贷的人一般都是银行不愿意贷款的客户，所以风险已经不合银行要求 （银行还有不少坏账率）；3、网贷属于相对高收益，当然也有不少风险，如果比较保守不建议做。</t>
  </si>
  <si>
    <t>有真有假，望慎重。</t>
  </si>
  <si>
    <t>网贷就是坑钱，比街上找的身边出现的高利贷更黑。</t>
  </si>
  <si>
    <t>江苏徐州沛县很穷吗</t>
  </si>
  <si>
    <t>目前还算可以，不算太穷。</t>
  </si>
  <si>
    <t>在全国范围内应该在中上。</t>
  </si>
  <si>
    <t>现在很好。</t>
  </si>
  <si>
    <t>淘宝的苹果官换机靠谱吗</t>
  </si>
  <si>
    <t>假的，旧手机拿来配件换好，就像新的，然后复制高保手机的串号，改串号，很高端的，做出来你怎么查都是正品。</t>
  </si>
  <si>
    <t>就算有真的，肯定也是真假混卖。</t>
  </si>
  <si>
    <t>如果价格差太多的话，应该是假的，就算要买也要是天猫吧。</t>
  </si>
  <si>
    <t>罗功名中医是真的吗</t>
  </si>
  <si>
    <t>他药还可以，吃了一个月以后是有变化。</t>
  </si>
  <si>
    <t>罗功名，男，主任医师，医务科长，毕业于湖北中医学院，现为国际医男科学会会员、中国中医药外治分委员、荆州市中医药学会委员、洪湖市政协委员，擅长采用中医药综合疗法诊治男科党见病、不孕不育、针灸治疗疼痛类疾病及神经系统疾病，在国家及省级杂志发表论文10余篇。</t>
  </si>
  <si>
    <t>骗人的，药膏就像糖水。在让你配其它药服用骗钱。</t>
  </si>
  <si>
    <t>乘风破浪好看吗</t>
  </si>
  <si>
    <t>龙珠战队是中国的吗</t>
  </si>
  <si>
    <t>韩国</t>
  </si>
  <si>
    <t>多肉浇水用喷雾好吗</t>
  </si>
  <si>
    <t>多肉植物喜干燥环境，喷水很容易造成黑腐的发生，尤其是夏天高温季节，如果通风不良更容易发生黑腐和烂根。</t>
  </si>
  <si>
    <t>卡牛贷款可靠吗</t>
  </si>
  <si>
    <t>可靠，合作的贷款公司都是正规的。</t>
  </si>
  <si>
    <t>存在一定风险要谨慎。</t>
  </si>
  <si>
    <t>反流性食管炎能治愈吗</t>
  </si>
  <si>
    <t>反流性食道炎的治疗有一定的困难，不会一治就好，需要一个过程。当饮食不当、吸烟、饮酒、吃对胃有刺激的食物和药物等，都会引起食道炎的反复发作。所以治愈后要好好调养，防止反复发作。反流性食管炎治疗原则是减少胃内容物反流，降低反流物的刺激性，改善食管下段括约肌功能。一般用吗丁啉，奥美拉唑肠溶胶囊或者是西咪替丁，枸橼酸铋钾颗粒，联合治疗比较好。</t>
  </si>
  <si>
    <t>可以治愈。目前主要使用奥美拉唑和莫沙比利，奥美拉唑，早晚各一粒，莫沙比利，一天三次，饭前一片。平时饮食要注意，不要吃肥肉、咖啡、辛辣刺激食物、凉的食物，不要把腰带扎得过紧，不要吃饭后弯腰，不要刚吃完饭就活动和平躺。</t>
  </si>
  <si>
    <t>不易治愈。反流性食管炎是指胃和（或）十二指肠液反流入食管而引起的食管粘膜炎性病变。治疗：改善食管下括约肌功能、减少反流。减少胃酸刺激。扩张治疗。必要时手术治疗。反流性食管炎一般是靠平时多加注意，控制病情，很难根治。</t>
  </si>
  <si>
    <t>贾克斯卧虎藏龙值钱吗</t>
  </si>
  <si>
    <t>这个蛮值钱的。</t>
  </si>
  <si>
    <t>不值钱了现在不到一百样子。</t>
  </si>
  <si>
    <t>社保可以同时在两个地方交吗</t>
  </si>
  <si>
    <t>不可以两个地方同时缴纳。</t>
  </si>
  <si>
    <t>狼人杀好玩吗</t>
  </si>
  <si>
    <t>有一定游戏性，但需要人数太多，如果一般集不齐那么多朋友一起就算了吧。</t>
  </si>
  <si>
    <t>挺好玩的 可以锻炼你的逻辑思维能力 和 口才 刚开始玩记得看游戏说明。</t>
  </si>
  <si>
    <t>稳心颗粒能长期服用吗</t>
  </si>
  <si>
    <t>不要长期服用。</t>
  </si>
  <si>
    <t>可以长期服用。</t>
  </si>
  <si>
    <t>络新妇值得培养吗</t>
  </si>
  <si>
    <t>值得，可以当输出，带破势。</t>
  </si>
  <si>
    <t>住房公积金可以自己缴纳吗</t>
  </si>
  <si>
    <t>个人一般不可以缴纳住房公积金</t>
  </si>
  <si>
    <t>这个是可以自己交的。但是公积金自己交的话，需要个人承担所有的公积金费用，压力就会比较大</t>
  </si>
  <si>
    <t>个人是不可以缴纳的</t>
  </si>
  <si>
    <t>大清铜币100万可能吗</t>
  </si>
  <si>
    <t>可能，但很少。</t>
  </si>
  <si>
    <t>存世量巨大，十元左右一枚。品相好的稀有品种最高上千，母币上十万。</t>
  </si>
  <si>
    <t>不可能，大请铜币普品都在几元一枚，精品在百元千元左右，几万的罕见，珍希的安徽方孔铜币成交价才七八万元。所以目前大清铜币百万元不可能。</t>
  </si>
  <si>
    <t>肺积水是癌症吗</t>
  </si>
  <si>
    <t>肺积水不是癌症，诱因有很多，比如结絯，胸膜炎，肺癌等。如果胸水里头找到有癌细胞才可以确诊为肺癌。</t>
  </si>
  <si>
    <t>万国电商是什么骗局吗?</t>
  </si>
  <si>
    <t>属于常规的注册单位，不用担心，因为现在注册个拍卖公司成本不到壹万伍仟元，所以注册很方便，藏家无需担心公司是假的，多与工作人员联系，费用能接受就参加。</t>
  </si>
  <si>
    <t>不会是骗局的，人家都是正规注册了的。</t>
  </si>
  <si>
    <t>好视力眼贴有用吗</t>
  </si>
  <si>
    <t>应该没有多大用处。</t>
  </si>
  <si>
    <t>不能治疗。</t>
  </si>
  <si>
    <t>破伤风症状会死人吗</t>
  </si>
  <si>
    <t>会，破伤风杆菌是致死率非常高的一种细菌，破伤风一旦感染，致死率接近百分之百。</t>
  </si>
  <si>
    <t>如果破伤风不及早治疗，引起一系列的并发症的话，是会导致死亡的。</t>
  </si>
  <si>
    <t>24小时内，不会有事，不打破伤风，伤口感染，发炎，有可能死亡。</t>
  </si>
  <si>
    <t>麦子学院靠谱吗</t>
  </si>
  <si>
    <t>不好，说是包就业，其实根本没人管。</t>
  </si>
  <si>
    <t>还行吧，主要靠自觉，认真学还是能学出来，想要学好一门技术关键是靠自己多练习，老师只是个引导者。麦子学院和泛艺学苑一样，是在线学，有老师一对一辅导，相对面授班更自由，学费也更便宜点。</t>
  </si>
  <si>
    <t>武汉太医堂可信吗</t>
  </si>
  <si>
    <t>太医堂在武汉有很多年历史了，医生经验蛮丰富。</t>
  </si>
  <si>
    <t>看皮肤问题有很多年的历史了，深受当地市民的喜爱。</t>
  </si>
  <si>
    <t>那边价格都是透明的，不会乱收费。</t>
  </si>
  <si>
    <t>ios9.3.5可以越狱吗</t>
  </si>
  <si>
    <t>苹果已经封堵了越狱漏洞，最新的iOS 9.3.5不支持越狱。</t>
  </si>
  <si>
    <t>不行。</t>
  </si>
  <si>
    <t>本兮死了是真的吗</t>
  </si>
  <si>
    <t>孟加拉女人漂亮吗</t>
  </si>
  <si>
    <t>漂亮。</t>
  </si>
  <si>
    <t>孟加拉女孩长得不争气啊。</t>
  </si>
  <si>
    <t>太极厉害吗</t>
  </si>
  <si>
    <t>太极拳很厉害，但练太极拳绝不会比练其它的拳轻松。太极拳以刚猛打人，以阴柔养生。</t>
  </si>
  <si>
    <t>绿野仙踪 维迦有特效吗</t>
  </si>
  <si>
    <t>绿野仙踪 维嘉，现在还是有一些特效的，E和W都是彩色。</t>
  </si>
  <si>
    <t>歼20服役了吗</t>
  </si>
  <si>
    <t>去年在就有煤体砖家吹可能已经开始服役了，其实，只是空菌在进行测试，尤其是和三代机对抗测试，以评估20的作战效能。服役，还没那么快。</t>
  </si>
  <si>
    <t>歼20已经正式服役了，前几天CCTV-7频道有报道证实了。</t>
  </si>
  <si>
    <t>黄山下雨可以爬山吗</t>
  </si>
  <si>
    <t>还是别去了，有危险。</t>
  </si>
  <si>
    <t>可以爬，穿雨衣爬。</t>
  </si>
  <si>
    <t>可以登山，但能见度不好都是大雾，看不到什么风景，最险的天都峰遇恶劣天气会关闭。</t>
  </si>
  <si>
    <t>微信语音可以转发吗</t>
  </si>
  <si>
    <t>微信语音是不能转发的。</t>
  </si>
  <si>
    <t>sony vr必须搭配ps4吗</t>
  </si>
  <si>
    <t>是的。必定ps手柄和摄像头是辅助psvr的必备部件。</t>
  </si>
  <si>
    <t>目前是这样，但是官方说过之后可以开放连接pc。</t>
  </si>
  <si>
    <t>苹果客服电话人工服务24小时吗</t>
  </si>
  <si>
    <t>苹果没有24小时客服电话。</t>
  </si>
  <si>
    <t>手机卡可以异地注销吗</t>
  </si>
  <si>
    <t>1、目前只支持本省范围内异地号码注销，跨省的话是不支持的。如广东卡不能在广西注销。如是深圳卡，可以在广州办理注销，去到当地官方移动营业厅，带上身份证。2、然后排队办理注销业务，手机号码不能欠费，没捆绑套餐，无捆绑业务，比如充话费送话费活动还没有结束，结束之后才能注销。3、异地注销的话，部分是不支持退回话费的，需要退回剩余话费的话，需要到开户地营业厅办理才能退回剩余的话费。4、如果是跨省的话，可以委托别人办理，邮件自己的身份证回去和写委托书，代理人带上别人的身份证和本人的身份证，委托书到营业厅就可以进行办理的了。具体这个可以先咨询客服。</t>
  </si>
  <si>
    <t>在弹个车买车划算吗</t>
  </si>
  <si>
    <t>一点都不划算的，第一年分期的时候，车子户主不是你，是公司，第二年确定要车了，再过户，然后办三年贷款，而且卖的车都是折扣很大的车，中间有很多差价，是按照原价卖的。</t>
  </si>
  <si>
    <t>吃百颐年真有效果吗</t>
  </si>
  <si>
    <t>效果不好，主要是通过运动和饮食搭配来达到减肥效果。</t>
  </si>
  <si>
    <t>上海公积金能在外地贷款买房吗</t>
  </si>
  <si>
    <t>上海的住房公积金在外地可以买房的，但是要符合购房所在地公积金管理中心的公积金异地贷款政策才可以的，</t>
  </si>
  <si>
    <t>林惊羽喜欢碧瑶吗</t>
  </si>
  <si>
    <t>应该有吧。</t>
  </si>
  <si>
    <t>林子祥叶倩文有孩子吗</t>
  </si>
  <si>
    <t>有个儿子。</t>
  </si>
  <si>
    <t>林子祥和前妻吴正元于1980年结婚，并育有一子一女。</t>
  </si>
  <si>
    <t>髋关节滑膜炎能自愈吗</t>
  </si>
  <si>
    <t>这种的不要太过期待可以不药而愈，还是得治疗。</t>
  </si>
  <si>
    <t>髋关节滑膜炎一般是没办法自愈的。</t>
  </si>
  <si>
    <t>需要注意休息，减少活动量，慢慢可以自愈，但是时间会比较长。</t>
  </si>
  <si>
    <t>不是群主也能@所有人</t>
  </si>
  <si>
    <t>只有群主有这个权利，且一天只能一次。</t>
  </si>
  <si>
    <t>只有群主和管理可以。</t>
  </si>
  <si>
    <t>脂肪瘤会癌变吗</t>
  </si>
  <si>
    <t>脂肪瘤绝大多数都是良性，发生癌变的几率非常小。</t>
  </si>
  <si>
    <t>深部脂肪瘤有恶变可能，应及时切除。</t>
  </si>
  <si>
    <t>脂肪瘤是起源于脂肪组织的一种良性肿瘤，它就是皮下脂肪的瘤化，不会恶变。</t>
  </si>
  <si>
    <t>上海中学是考进去的吗</t>
  </si>
  <si>
    <t>当然要考，不管哪的学生进初中都要考啊。成绩好就能进好的初中。</t>
  </si>
  <si>
    <t>京东金融和恒昌靠谱吗</t>
  </si>
  <si>
    <t>恒昌的规模很大，把钱放进大公司里，也会更加安心点。</t>
  </si>
  <si>
    <t>靠谱的，属于门店面签的。</t>
  </si>
  <si>
    <t>疤痕疙瘩能治好吗</t>
  </si>
  <si>
    <t>当然能治好了，时间的话就需要看你的疤痕情况了</t>
  </si>
  <si>
    <t>可以治的</t>
  </si>
  <si>
    <t>不好治疗，越治长的越快</t>
  </si>
  <si>
    <t>镇魔曲手游好玩吗</t>
  </si>
  <si>
    <t>后期还是有点乏味。</t>
  </si>
  <si>
    <t>安全员b证考试难吗</t>
  </si>
  <si>
    <t>不难的。</t>
  </si>
  <si>
    <t>酚咖片退烧吗</t>
  </si>
  <si>
    <t>酚咖片，适应症为用于普通感冒或流行性感冒引起的发热。</t>
  </si>
  <si>
    <t>中国会因为萨德开战吗</t>
  </si>
  <si>
    <t>开战是不会的，中国除了用经济手段反制萨德外，还可以用技术手段反反制萨德。</t>
  </si>
  <si>
    <t>当然不会宣战，不过暗中的较劲会一直存在，目前都没有妥协。</t>
  </si>
  <si>
    <t>一定不会。</t>
  </si>
  <si>
    <t>产假128天包括双休和法定节假日吗?</t>
  </si>
  <si>
    <t>按照现行法律，主要是指 女职工特别保护规定，产假包括节假日与双休日。</t>
  </si>
  <si>
    <t>乐嗨秀场能看片吗</t>
  </si>
  <si>
    <t>只能通过特殊渠道知道房间号，然后搜索房间号进入。</t>
  </si>
  <si>
    <t>公司转让有风险吗</t>
  </si>
  <si>
    <t>存在一定风险，不过不是很大，主要得看中介公司是否正规。</t>
  </si>
  <si>
    <t>转让清楚了 ，是没有的；其实就是变个法人，转让后注意下公司的经营地址，如果是自己的 ，建议对方更换场地。注销确实很麻烦。</t>
  </si>
  <si>
    <t>塑料杯能装开水吗</t>
  </si>
  <si>
    <t>基本有害，目前国内的安全的比较少。Pp的比PC的好些。</t>
  </si>
  <si>
    <t>的确有害，高温会使塑料中的有毒物质释放出来。</t>
  </si>
  <si>
    <t>买塑料杯要买无色的，不能装热水使用。</t>
  </si>
  <si>
    <t>中医把脉生男生女准吗</t>
  </si>
  <si>
    <t>专家指出：单从滑脉来确定怀孕与否本来就是片面的，何况以左脉或右脉滑来确定生男生女，更是没有临床依据的。</t>
  </si>
  <si>
    <t>从脉象分辨生男生女，是不准确的。</t>
  </si>
  <si>
    <t>脉理只能证明怀没怀孕，男女判断不出来的。</t>
  </si>
  <si>
    <t>冰霜亚龙是限定吗</t>
  </si>
  <si>
    <t>是限定的。</t>
  </si>
  <si>
    <t>虚荣好玩吗</t>
  </si>
  <si>
    <t>虚荣是真的自创的技能与英雄，不过有两个缺点，第一，虚荣只允许触屏，没有摇杆，二就是他只有3v3，所以你如果不太喜欢3v3的玩法，就去玩自由之战吧。</t>
  </si>
  <si>
    <t>还可以，画质和特效非常好。</t>
  </si>
  <si>
    <t>这个游戏是幻想题材的，每个英雄都有自己的独特技巧，还可以用法术和剑术，挺好玩的，也可以去“说玩网”看比较详细的说明。</t>
  </si>
  <si>
    <t>咸鱼上买东西能退货吗</t>
  </si>
  <si>
    <t>可以。1、保留有效证据，如果发现所购买的是假货，第一步就是收集证据，用相机拍下商品各个角度的照片，还有与商家通过阿里旺旺沟通的聊天记录，以备投诉时使用。2、与商家协商，收集完证据之后就可以通知商家了，记住这时联系商家也通过阿里旺旺，且在沟通时，注意别掉进商家的聊天陷阱里，在阿里旺旺上清楚说明给自己所发的货是假货，以及询问商家为什么是假货，为什么与之前的描述不符。把责任归到商家一方。3、要求商家退货，如果商家是7天无理由退款，但没有假一赔三、第三方质检的话，那就要求商家退款并由商家承担运费。4、要求商家赔款，如果商家参加了假一赔三的话，那就要求商家除了退款外，还要按实际支付商品价款的二倍进行赔付，并承担所涉及商品的物流费用。如果商家参加了第三方质检的话，那就要求商家对商品所付款的一倍进行赔偿，并承担物流费用。5、向淘宝投诉，如果以上退货或者赔款和商家未达成一致，可对商家进行投诉，投诉时需提交各种证据，淘宝服务人员会根据双方提供的证据进行裁定。6、向消费者保护协会投诉，如果淘宝所作出的决定没有达到自己想要的结果，建议向消费者保护协会进行投诉，可把商家和淘宝一起投诉了，投诉商家是因为其卖假货，投诉淘宝是因为其监管不力。7、物流发回货物，通过以上几个方法如果最终达成协议，就把商品物流回商家，记得要保留物流单据，以免商家赖账。8、查看退款，在商家退款之后，应及时查看，以免金额不对。注意事项在与商家进行协商时，注意时间，别托太久，因为假一赔三、第三方质检的赔款都是在15天之内才有效。假一赔三、第三方质检没有包括所有的商品，进行协商之前，需先行查看下自己所购商品是否在此范围之内。</t>
  </si>
  <si>
    <t>如果卖家不同意，不能退，质量有问题，卖家不同意退货，申请淘宝介入也没有用。</t>
  </si>
  <si>
    <t>一般不能退货的，所以在收货的时候要检查没问题在确认收货。</t>
  </si>
  <si>
    <t>王者荣耀送皮肤有什么要求吗</t>
  </si>
  <si>
    <t>要拥有当前英雄。</t>
  </si>
  <si>
    <t>没有，你点券够就可以。</t>
  </si>
  <si>
    <t>虎牙银豆可以换钱吗</t>
  </si>
  <si>
    <t>换不了钱。</t>
  </si>
  <si>
    <t>赛乐赛减肥药是骗局吗</t>
  </si>
  <si>
    <t>手足口病传染大人吗</t>
  </si>
  <si>
    <t>成年人抵抗力强不会发病，但可以起到一个传播作用的，可能会传给别的孩子 。</t>
  </si>
  <si>
    <t>不会。小孩则易遭传染。</t>
  </si>
  <si>
    <t>有可能，但成人发病很少。手足口病是由多种人肠道病毒引起的一种常见传染病，不同年龄组均可感染发病，以5岁及以下儿童为主，尤以3岁及以下儿童发病率最高。</t>
  </si>
  <si>
    <t>bamboo可数吗</t>
  </si>
  <si>
    <t>可数。</t>
  </si>
  <si>
    <t>bamboo是可数名词，复数形式-bamboos。</t>
  </si>
  <si>
    <t>bamboo在表示竹子一根一根的时候是可数的。</t>
  </si>
  <si>
    <t>ipad3升级ios9.3.5卡吗</t>
  </si>
  <si>
    <t>能升到，还是一样卡</t>
  </si>
  <si>
    <t>电话录音可以作为证据吗</t>
  </si>
  <si>
    <t>对话或电话通话时进行录音，不属于窃听，可以作为证据使用。</t>
  </si>
  <si>
    <t>京东可以用支付宝付款吗</t>
  </si>
  <si>
    <t>可以使用支付宝，不是不能用支付宝，只是京东不推荐用支付宝，在付款时选择在线支付，点其他付款方式里面就有支付宝付款。</t>
  </si>
  <si>
    <t>试用期开除公司要赔偿吗</t>
  </si>
  <si>
    <t>劳动者试用期被辞退公司是否补偿，看辞退原因确定。辞退合法的，劳动者具有法定过错的没有补偿，其它的按本单位工作年限每年支付一个月本人工资经济补偿金，违法辞退的按经济补偿金二倍支付赔偿金。</t>
  </si>
  <si>
    <t>里海有鲨鱼吗</t>
  </si>
  <si>
    <t>应该没有吧！里海的话，如果有早被人发现了。</t>
  </si>
  <si>
    <t>天行vpn好用吗</t>
  </si>
  <si>
    <t>闰六月出生的鸡命好吗</t>
  </si>
  <si>
    <t>好，双双，对对，财吃无忧。</t>
  </si>
  <si>
    <t>这个不能说不好，也不能说好，人出生在几月几日几分几秒都好，因为来到这个世界命运都掌握在自己手中，努力奋斗勤奋学习，好好做人做事就有好的一生。</t>
  </si>
  <si>
    <t>暴力抓取换装有效吗</t>
  </si>
  <si>
    <t>暴抓技能等级随装备变化而变化，所以不能换装，换装无效。</t>
  </si>
  <si>
    <t>泰国强骨力是禁止药吗</t>
  </si>
  <si>
    <t>建议不要买。</t>
  </si>
  <si>
    <t>后视镜电动折叠可以加装吗</t>
  </si>
  <si>
    <t>打12333投诉有用吗</t>
  </si>
  <si>
    <t>打12333投诉有用的，但是作用不大。还不如直接走法律程序来的有效。到所在地劳动仲裁委员会申请仲裁更有效。</t>
  </si>
  <si>
    <t>12333是人力资源和社会保障局的咨询电话，并不能直接解决拖欠工资的情况。</t>
  </si>
  <si>
    <t>在美国出生的孩子就是美国公民吗</t>
  </si>
  <si>
    <t>美国认为只要在美国国土上出生的孩子都自动加入美国国籍，成为美国公民。</t>
  </si>
  <si>
    <t>蚂蚁花呗有利息吗</t>
  </si>
  <si>
    <t>在规定那个日期内还款是无利息的。</t>
  </si>
  <si>
    <t>若在还款前，未还清当前应还金额，会产生相应的逾期利息，逾期利息按当期未金额的0.05%按日收取。</t>
  </si>
  <si>
    <t>海蜇是水母吗</t>
  </si>
  <si>
    <t>海蜇是水母的一种。</t>
  </si>
  <si>
    <t>肾囊肿严重吗</t>
  </si>
  <si>
    <t>不严重。小的肾囊肿，长到一定程度不再继续长。没有不舒服不需要做任何治疗，定期复查，观察囊肿是否继续增大。</t>
  </si>
  <si>
    <t>肾囊肿是良性病，小囊肿不影响肾功能，大的影响。</t>
  </si>
  <si>
    <t>小囊肿不会引起任何症状， 单一肾囊肿可能发展成恶性囊肿，多囊肾病可能导致慢性肾衰竭。</t>
  </si>
  <si>
    <t>公司注册资金可以取出来吗</t>
  </si>
  <si>
    <t>注册资金是在你公司全部注册下来才可以拿出来，时间大约是30个工作日左右，但是不可以一次性拿出来，（这个是属于抽逃注册资金是违法的）。</t>
  </si>
  <si>
    <t>只要验资通过出了验资证明，就可取出来了，但是基本户的资金出来需要有明确的用途，或是你们作为发放工资使用也可以； 取现的话一次最多为5WRMB，而且需要提前和银行预约。</t>
  </si>
  <si>
    <t>注册资金实际上并不可以提取，只是现在国家采取默认的态度而已。</t>
  </si>
  <si>
    <t>佘诗曼结婚了吗</t>
  </si>
  <si>
    <t>还没有结婚。</t>
  </si>
  <si>
    <t>律师官司输了还收费吗</t>
  </si>
  <si>
    <t>律师诉讼代理一般有两种代理方式。1.普通代理，就是赢了输了都要给钱，其代理费一般按标准收费。2.风险代理，就是只有赢了才给钱，但风险代理的收费相对要高。</t>
  </si>
  <si>
    <t>1、一般代理：依律师职业道德为当事人代理案件，维护当事人权利。一般为诉讼标的额的2-5%。标的高的话也可以低于该比例。2、风险代理：按胜诉金额或以得到的金额的百分比支付代理费，或按减少的支付额的百分比支付代理费，比例当然高于一般代理,最高不得高于30%。3、半风险代理：给一定的基本费用，其他的再按风险代理计算，当然就介于一般代理和风险代理的比例之间。</t>
  </si>
  <si>
    <t>肚脐里的泥能抠吗</t>
  </si>
  <si>
    <t>最好不要抠。</t>
  </si>
  <si>
    <t>冰箱可以放倒运输吗</t>
  </si>
  <si>
    <t>不可以的，因为压缩机中含有制冷液，不可以倒置，以防回流，只允许45度角以下斜置搬运，每次搬运后至少放置2-3小时后方可开机运行。</t>
  </si>
  <si>
    <t>各种家用和部分专用冰箱在运输或搬运中是决对不可以放倒的，有两种原因，一是全封闭压缩机，机内电机系统结构，是离心式，用3个挂簧均匀地分3个点，”挂”或在低下拖着。（放倒后”挂拖簧”容易脱落）二是压缩机内有冷冻油，尤其冰箱用过一段间，机内零部件会有磨损粉末掉入冷冻油内，当冰箱放倒后，粉末很容易的会和油一起流入系统管路中，造成系统节流部分毛细管堵塞，冰箱不制冷。</t>
  </si>
  <si>
    <t>但实际上上述说法属于过时的说法，笔者曾多次搬运过冰箱，有的冰箱过于高大根本无法垂直运输。经研究冰箱内部构造，认为冰箱其实可以非垂直状态运输，一般以侧放为好。漾放容易损坏冰箱后部的冷凝器，卧放容易擦伤面板。</t>
  </si>
  <si>
    <t>马蓉的孩子是王宝强的吗</t>
  </si>
  <si>
    <t>王对两个孩子的抚养权一直据理力争，说明王对孩子的身份经间接承认是自己的。</t>
  </si>
  <si>
    <t>2017年杭州房价会跌吗</t>
  </si>
  <si>
    <t>不会跌，反而会涨。可以看看杭州现在的库存，再看看杭州今年的拆迁计划，本地人都得出动，而且不受限购影响的一群人。</t>
  </si>
  <si>
    <t>房价可能可能会涨。</t>
  </si>
  <si>
    <t>中度脂肪需要吃药吗</t>
  </si>
  <si>
    <t>不需要。只要坚持锻炼加上合理饮食。</t>
  </si>
  <si>
    <t>天眼查网站 合法吗</t>
  </si>
  <si>
    <t>合理不合法。</t>
  </si>
  <si>
    <t>大圣电商是不是骗局</t>
  </si>
  <si>
    <t>松鼠好养吗</t>
  </si>
  <si>
    <t>宠物松鼠比较好养。</t>
  </si>
  <si>
    <t>龙之谷手游好玩吗</t>
  </si>
  <si>
    <t>玩游戏就看三个方面，一是剧情，二是人物，三是画面。龙之谷这三个方面都不赖，值得一玩。</t>
  </si>
  <si>
    <t>一品红有毒吗</t>
  </si>
  <si>
    <t>一品红全株有毒。</t>
  </si>
  <si>
    <t>录音可以作为法律证据吗</t>
  </si>
  <si>
    <t>有其他证据佐证并以合法手段取得的、无疑点的视听资料或者与视听资料核对无误的复制件；要使录音证据具有法律效力，必须同时具备以下三个条件：一是当事人出示的录音证据未被剪接、剪辑或者伪造，前后连接紧密，内容未被篡改，具有客观真实性和连贯性；二是录音证据的取得必须符合法律规定。如果录音证据的持有者采用了侵犯他人的隐私或者违反法律禁止性的规定，比如在其工作处所或者住所以窃听方式取得的录音资料，就属于违反法律禁止性规定取得的证据，不能作为诉讼证据使用；三是对方未提出反驳或反驳理由不成立。法院在把录音证据作为判案依据时，还要对录音证据是否有疑点进行审查。如果对方当事人对录音资料表示质疑，并提出足够的证据加以反驳，那么该录音证据便失去证明力；如果没有足够的证据加以反驳，法院就应当确认该录音证据的证明力。</t>
  </si>
  <si>
    <t>最高人民法院《关于民事诉讼证据的若干规定》有明确的规定。视听资料作为法律规定的证据种类之一。</t>
  </si>
  <si>
    <t>录音、摄像等能作为诉讼证据，但仍有一些限制：一、录音、摄像等要尽量保留原始载体；二、录音、摄像等不得侵犯他人隐私；三、录音、摄像等证据尽量不要单独使用。</t>
  </si>
  <si>
    <t>吉泽明步下马了吗</t>
  </si>
  <si>
    <t>合同盖章不签字有效吗</t>
  </si>
  <si>
    <t>合同上盖了公章不签字是有效的。根据《合同法》第三十二条;“当事人采用合同书形式订立合同的，自双方当事人签字或者盖章时合同成立。”</t>
  </si>
  <si>
    <t>如果仅仅形式问题，一般不要求必须签字盖章同时具备，除非合同明确约定“盖章并且法定代表签字后才生效”字样。因此在形式上，只要公司盖章一般情况下均有效。</t>
  </si>
  <si>
    <t>牛蒡茶便秘吗</t>
  </si>
  <si>
    <t>可以喝，牛蒡茶是以中草药牛蒡根为原料的纯天然茶品。饮牛蒡茶具有利尿、通便、防治痔疮，排毒、清血养颜的作用。牛蒡茶可调节血糖血脂，降血压、胆固醇，健脾胃，补肾壮阳，对糖尿病、类风湿、肥胖症、癌症有明显的效果。鲜品百克含水份87.00克、蛋白0.80克、碳水化合物3.00克、热量38.00千卡、粗纤维2.40克、灰分2.40克、钙242.00毫克、磷61.00毫克、铁7.60毫克、胡萝卜素390.00毫克、维生素B1 0.02毫克、维生素B2 0.29毫克、维生素C 25.00毫克、尼克酸1.10毫克、还含有锌、镁、铜等成份。需要注意的是：牛蒡茶在饮用时不宜过浓，过浓容易引起上火，牛蒡茶不能冷饮，冷饮会导致腹泻。</t>
  </si>
  <si>
    <t>碳晶电暖器好不好</t>
  </si>
  <si>
    <t>1.节能环保，2.保健功能，3.安装方便，4.体现人性化取暖。碳晶电暖器是当前市场上比较新型的，科技含量比较高的碳晶电暖器十大品牌之一，同时也是新时代的需求和产物。</t>
  </si>
  <si>
    <t>永久耐用，免于维护，安全可靠，质量保障，远红外线，保健功能 ，应用广泛，节省空间。</t>
  </si>
  <si>
    <t>经济实惠，安装简便。</t>
  </si>
  <si>
    <t>生化危机7和前作有关系吗</t>
  </si>
  <si>
    <t>看宣传片确实看起来跟前作没有关系。</t>
  </si>
  <si>
    <t>官方说存在一定关联，说生化危机7是对生化危机20年来的总结，第一人称和将主角换成普通人是为了增加恐怖感。</t>
  </si>
  <si>
    <t>生化危机7是一款独立的恐怖游戏，和前作几乎没有任何的联系。</t>
  </si>
  <si>
    <t>田鸡是青蛙吗</t>
  </si>
  <si>
    <t>田鸡只是青蛙的一个亚种。不是完全一样的。</t>
  </si>
  <si>
    <t>田鸡不等同于青蛙，严格来说，只有虎纹蛙才是真正意义上的田鸡。</t>
  </si>
  <si>
    <t>环球黑卡是信用卡吗</t>
  </si>
  <si>
    <t>环球黑卡是管家服务俱乐部，不是信用卡。</t>
  </si>
  <si>
    <t>道教和佛教能一起拜吗</t>
  </si>
  <si>
    <t>佛教和道教的最终目的都是要使得人能够更加善良，只要是一位善良的人，相信两教一起拜并不会影响什么。</t>
  </si>
  <si>
    <t>如果只求神灵保佑，自然是可以的。但如果真想离苦得乐，真想在修行路上走下去，则还是选择一个为好。</t>
  </si>
  <si>
    <t>无论信仰任何宗教都可以拜佛。</t>
  </si>
  <si>
    <t>毕业典礼可以不参加吗</t>
  </si>
  <si>
    <t>可以不去。</t>
  </si>
  <si>
    <t>艾灸烟对人体有害吗</t>
  </si>
  <si>
    <t>只要通风效果好，艾灸的烟气对人体基本没有不良影响，但是哮喘患者如果对此反应较大，最好停止艾灸。</t>
  </si>
  <si>
    <t>艾灸产生的烟只要不是长期大量吸入，是不会对人体有实质性伤害的。</t>
  </si>
  <si>
    <t>阿米尔汗是混血吗</t>
  </si>
  <si>
    <t>拍拍贷是正规公司吗</t>
  </si>
  <si>
    <t>是的，就是利息高。</t>
  </si>
  <si>
    <t>是正规的，营业执照号码310115001783417，可在工商网上查询到。</t>
  </si>
  <si>
    <t>时光相册安全吗</t>
  </si>
  <si>
    <t>凡是在网络里的东西，都存在安全风险。</t>
  </si>
  <si>
    <t>感觉还是比较安全的。</t>
  </si>
  <si>
    <t>有可能被曝光。</t>
  </si>
  <si>
    <t>合伙企业是法人吗</t>
  </si>
  <si>
    <t>我国民法通则确立了中国的法人基本制度。基本条件是依法成立；有必要的财产或经费；有自已的组织机构和法人章程；能够独立承担民事责任。合伙企业不具有法人资格，但可以独立进行民事活动,它承担无限责任。</t>
  </si>
  <si>
    <t>27寸1080p画质很渣吗</t>
  </si>
  <si>
    <t>不会，更高的画质需要显卡也更高。</t>
  </si>
  <si>
    <t>看用途，一般家用的显示器都是这个分辨率，目前最主流分辨率。</t>
  </si>
  <si>
    <t>热的食物能放冰箱吗</t>
  </si>
  <si>
    <t>热的食物不可以直接放入冰箱。</t>
  </si>
  <si>
    <t>热的东西不可以立即放入冰箱，应该等热的东西先冷却下来，然后再放入冰箱。</t>
  </si>
  <si>
    <t>最好先别放，等热量散了再放比较好的。</t>
  </si>
  <si>
    <t>安心保险公司靠谱么</t>
  </si>
  <si>
    <t>保险公司都是可靠的，都是由保监会管理的。</t>
  </si>
  <si>
    <t>王者荣耀有没有电脑版</t>
  </si>
  <si>
    <t>没网页版，王者荣耀电脑版手机版都是一样的</t>
  </si>
  <si>
    <t>有的。浏览器搜索并下载安卓模拟器后安装即可，与手机同步。</t>
  </si>
  <si>
    <t>身份证可异地换证</t>
  </si>
  <si>
    <t>由于异地办理身份证未能全国普及，现在身份证到期，只有一对一异地办理身份证的试点是可以异地办理，其他地区需要回到户口所在地进行身份证办理的。2015 年7月1日到明年6月，天津与河南、江苏与安徽、浙江与江西、重庆与四川、湖北与湖南10省、市开展异地受理一对一试点；也是就是天津户口的可以在湖南办理身份证，湖南户口可以到天津办理身份证却不能到其他办理的。</t>
  </si>
  <si>
    <t>自2015年2月开始公安部在天津与河南、江苏与安徽、浙江与江西、重庆与四川、湖北与湖南等10省市开展居民身份证异地受理一对一试点。居民身份证丢失或有效期满，需要在异地补领、换领的，可凭本人有效证件或单位合法证明，向居住地公安派出所申请办理。在身份证办理中提供便捷服务的同时也没有忽视安全性的要素：其一，在全国范围内建立居民身份证挂失申报制度，及时保证公民个人信息安全。其二，限制异地受理、挂失申报的主体只能是本人，并且必须持户口簿或居住证前往办理，避免不法分子利用公民自然死亡后家属未及时注销户籍信息，骗办居民身份证。其三，规定办理条件，首次申领、相貌或指纹与本人不符、有不良信用记录者不得在异地挂失申报。其四，不改变个人身份信息的核验主体，核验义务仍由户籍所在地公安机关履行，常住地公安机关只受委托制作和发放证件，最大可能保证个人信息的正确性。</t>
  </si>
  <si>
    <t>本省可以，跨省不可以异地换证。</t>
  </si>
  <si>
    <t>晚安粉到底会不会对皮肤有伤害</t>
  </si>
  <si>
    <t>晚安粉是粉类产品，不透气，会堵塞毛孔。</t>
  </si>
  <si>
    <t>蒋欣结婚了吗</t>
  </si>
  <si>
    <t>现在还没有结婚。</t>
  </si>
  <si>
    <t>感冒可以吃芒果吗</t>
  </si>
  <si>
    <t>芒果能治疗感冒，抑制流行性感冒病毒。金黄色葡萄球菌、大肠杆菌、绿脓杆菌。芒果每百克鲜果含维生素C56毫克还含有丰富维生素A、B1、B2和适量矿物质、蛋白质、胡萝卜素、叶酸等，芒果能治疗口渴、月经闭止、男子小便不利等症。能抑制流行性感冒病毒。金黄色葡萄球菌、大肠杆菌、绿脓杆菌；还有行气、益胃、止呕的作用，食用鲜芒果或以芒果煎水饮，可以防止晕船呕吐，芒果煎水频饮，可治慢性咽喉炎、音哑及治枪弹伤。芒果含有槲皮素等，对慢性气管炎有较好祛痰止渴的作用，芒果有抗癌作用，常食芒果，极有益于健康。</t>
  </si>
  <si>
    <t>感冒发烧忌食生冷食物，吃芒果容易导致感冒发烧严重，建议感冒发烧期间多吃清淡食物。</t>
  </si>
  <si>
    <t>感冒了，多吃水果是有好处的，有些人对芒果过敏的，只要不过敏，是可以的。</t>
  </si>
  <si>
    <t>常任理事国能被剥夺吗</t>
  </si>
  <si>
    <t>常任理事国不能被剥夺。因为五大常任理事国是由《联合国宪章》所明确的。</t>
  </si>
  <si>
    <t>微信可以恢复聊天记录吗</t>
  </si>
  <si>
    <t>可以的，1.首先，登入微信。在微信主界面底部点击“微信”。所有的聊天记录都在此模块下，里面包含了与好友的聊天记录列表.2.点击一个好友，打开对应的备份文件夹，正常都是一堆数字和字母组成文件名的文件夹。进入后，找到“voice”文件夹.3.微信的聊天记录不支持漫游，所以当用户卸载微信时，所有的聊天记录将会被清空，下次安装后也不会恢复，但是可以利用一些备份软件备份微信及其数据，下次直接恢复即可。4.必须先取得Root权限，因为1.6版的文本信息是存储在手机里的，其它版本的照猫画虎即可.5.然后找到微信文件夹，即MicroMsg,这回又看到了那个乱七八糟数字和字母组合的文件夹，进入找到MicroMsg.db文件，就是了，这就是存储好友号码、昵称、聊天记录的数据库文件。6.将SqliteDev.exe替换同名的SqliteDev.exe，然后运行sqlite.dev，并导入。7.然后进入找到MicroMsg.db文件，就是了，这就是存储好友号码、昵称、聊天记录的数据库文件。想备份，直接复制。</t>
  </si>
  <si>
    <t>微信聊天记录删除了怎么恢复不是太难，主要借助一款叫作迅捷微信聊天记录恢复软件的软件。软件安装好之后，运行该软件的同时，将苹果手机连接到电脑上，然后运行的软件会自动检测到苹果手机，没有特殊情况，连接会很顺利的，点击“刷新”重新连接检测。连接成功后，选择需要恢复微信聊天记录的苹果手机设备后，点击选择“从iTunes备份文件恢复”，然后点击下方的“开始扫描”按钮，迅捷微信聊天记录恢复软件就会针对手机里面的文件进行扫描了。扫描完成以后我们就可以看到手机里面的所有数据了。涵盖了手机照片、手机短信、手机通讯录以及手机微信聊天记录。只要选择需要恢复的“微信”选择就可以了。</t>
  </si>
  <si>
    <t>一：微信中的“：recover”功能。1、先打开微信，然后点击右上角的“+”符号，在下拉菜单中，点击“添加朋友”。2、在搜索框中输入“：recover”，输入时，要注意到单词前的冒号，需要先将输入法调成英文的再输入。3、点击“搜索”，这时候就会出现一个信息框，我们可以查看到各种修复的选项。4、点击“微信消息与通讯录”，就会弹出“确认修复微信消息与通讯录”的窗口，点击“确定”即可。5、最后等待成功修复，再重新进入微信。二：使用互盾苹果恢复大师，1、电脑上请下载iTunes软件以及互盾苹果恢复大师。2、打开互盾苹果恢复大师，我们可以查看到，该软件可以通过从iPhone设备扫描恢复，也可以从iTunes备份文件恢复，根据大家的情况，选择恢复模式。在这里，小编以从iPhone设备扫描恢复为例来和大家介绍一下。3、将iPhone设备连接到电脑上，互盾苹果恢复大师会自动检测并连接设备。成功连接后，点击“开始从iPhone设备中恢复数据”。4、待互盾苹果恢复大师成功备份好手机数据后，开始扫描设备中的微信记录。5、成功扫描后，在左侧选择“微信”选项，然后可以在右侧查看微信记录。若是需要恢复个别微信好友的记录，勾选出该好友前的方框，选择“导出选中聊天记录”即可;当需要恢复所有聊天记录，点击“导出全部聊天记录”。</t>
  </si>
  <si>
    <t>名龙堂的电脑靠谱吗</t>
  </si>
  <si>
    <t>一般来说是没有问题的。</t>
  </si>
  <si>
    <t>要看在那里购买，在淘宝翻新货比较多，在天猫京东商城，相对比较过硬，质量有保证。</t>
  </si>
  <si>
    <t>海瑞有后代吗</t>
  </si>
  <si>
    <t>海瑞没有儿子。</t>
  </si>
  <si>
    <t>有，但先后生的三个儿子都不幸夭折了，另外还有个女儿，才七岁，因为吃了仆人的一个饼，海瑞逼她活活饿死。</t>
  </si>
  <si>
    <t>有过3个儿子3个女儿，3个儿子都未成年，历史记载最大活到11岁。</t>
  </si>
  <si>
    <t>马来西亚entri签证会被禁止入境吗</t>
  </si>
  <si>
    <t>如是联程机票直接下了飞机，有专门的联程通道可以过去，不需要签证，不是联程机票，要入境再重新印尼的入关。</t>
  </si>
  <si>
    <t>内存频率越高越好吗</t>
  </si>
  <si>
    <t>内存主频和CPU主频一样，习惯上被用来表示内存的速度，它代表着该内存所能达到的最高工作频率。内存主频是以MHz（兆赫）为单位来计量的。内存主频越高在一定程度上代表着内存所能达到的速度越快。内存主频决定着该内存最高能在什么样的频率正常工作。目前市面上已推出的内存产品中最高能达到560MHz的主频，而较为主流的是333MHz和400MHz的DDR内存。大家知道，计算机系统的时钟速度是以频率来衡量的。晶体振荡器控制着时钟速度，在石英晶片上加上电压，其就以正弦波的形式震动起来，这一震动可以通过晶片的形变和大小记录下来。晶体的震动以正弦调和变化的电流的形式表现出来，这一变化的电流就是时钟信号。</t>
  </si>
  <si>
    <t>一般来讲，高的比低的好。但内存主要是配合CPU的需求，频率太高也没必要，因为现在电脑的瓶颈不在内存，太高了，对速度提升不明显，但购买成本上去了。绝大多数情况下，内存的容量比频率要重要得多。</t>
  </si>
  <si>
    <t>陪产假包括双休日吗</t>
  </si>
  <si>
    <t>男职工陪产假包括星期六星期天。</t>
  </si>
  <si>
    <t>驱动精灵好用吗</t>
  </si>
  <si>
    <t>操作简单，自动搜索能用的驱动，更新已安装的驱动。</t>
  </si>
  <si>
    <t>驱动精灵绝不好，不会根据系统情况和硬件情况更新驱动，很容易造成更新后与原有系统不兼容造成无法机，严重的连安全模型都进不去，只能重做系统。</t>
  </si>
  <si>
    <t>防冻液有毒吗</t>
  </si>
  <si>
    <t>如果其中含甲醇，那就有毒。你可以看看它的成分说明，就知道有无毒性了。如果 没有成分说明，还是要小心一些。</t>
  </si>
  <si>
    <t>肯定有毒的，尤其在高温空晒之后挥发出来的味，很臭似牛粪味，绝对污染环境。</t>
  </si>
  <si>
    <t>dpi越高越好吗</t>
  </si>
  <si>
    <t>一般地，用dpi表示的分辨率高的图往低dpi的图调整，图片还是看得清晰得，只是象素变少了；反之则不然，低dpi图片往高dpi改，一般采取插值办法处理，仅仅提高图片象素，但图片清晰度还是没变，反而会出现马赛克效果。 你现在扫描的图片分辨率不高，才75dpi，即使放大350dpi也不能提高清晰度，只能看到马赛克效果。 建议用扫描仪的最大分辨率（比如1200dpi或者2400dpi，最起码600dpi）扫描，同时选择比较小的压缩率，得到清晰度比较高的图片文件。 然后用Photoshop或者ACDSee打开，改变到你需要的350dpi分辨率就可以了。 ACDSee的“修改Modify”菜单下面有“改变尺寸Resize”就可以调整到任何需要的分辨率。</t>
  </si>
  <si>
    <t>当然啊，dpi越高越好。</t>
  </si>
  <si>
    <t>DPI代表着鼠标激光头的扫描速度，也就是常说的帧速。高的DPI只能说是可以适应更大的显示器，或者在更光滑的鼠标垫上使用，并不是说越高越好。DPI越高，鼠标的灵敏度就越高，控制难度也就越大。这个DPI的调整要符合个人使用习惯，看自己能操纵多快的鼠标速度。对FPS游戏来讲，鼠标速度越快，定位的难度也就越大。</t>
  </si>
  <si>
    <t>发出商品属于存货吗</t>
  </si>
  <si>
    <t>原材料、库存商品(房产发企业发产品、农业企业收获农产品)、产本、制造费用、劳务本、周转材料(包装物、低值易耗品)、发商品、途物资、材料采购、材料本差异(超支加、节约减)、委托加工物资、委托代销商品、商品进销差价(减)、存货跌价准备(减)等----些都属于企业存货。</t>
  </si>
  <si>
    <t>在资产负债表上：发出商品在存货项目反映，存货是一个报表项目，不是一个会计科目，就像货币资金与现金、银行存款、其他货币资金一样。所以发出商品在资产负债表是通过“存货”项目反映的。</t>
  </si>
  <si>
    <t>杭州红房子妇产医院好不好</t>
  </si>
  <si>
    <t>挺好的，受杭州市卫生局和物价局监管，收费都是公开透明的呢.去的人不少。</t>
  </si>
  <si>
    <t>只是参与网赌会抓吗</t>
  </si>
  <si>
    <t>可能涉嫌赌博罪。</t>
  </si>
  <si>
    <t>赌博是违法行为，参与赌博可能面临行政处罚，但是举报的一般可以从轻处理或不予处罚。</t>
  </si>
  <si>
    <t>根据金额和酿成的后果分级来判的。</t>
  </si>
  <si>
    <t>电脑可以安装快手吗</t>
  </si>
  <si>
    <t>可以，下载夜神安卓模拟器就可以了。</t>
  </si>
  <si>
    <t>可以的，在百度搜索PC快手就可以了。</t>
  </si>
  <si>
    <t>深圳澳康达的车可靠吗</t>
  </si>
  <si>
    <t>深圳澳康达车行口碑不错，现在深圳市公安局交通警察支队车辆管理所已进驻澳康达，成立机动车登记服务站， 业务范围扩及到罗湖、盐田等周边区域。车管所的进驻体现了政府对澳康达的认可，同时为辖区市民办理车辆过户提供便捷服务。澳康达是“深圳市二手车流通协会会长单位”、“广东省汽车流通协会副会长单位”，多年来，公司被评为“五星级诚信企业”、广东省汽车流通行业品牌企业评估、优秀品牌二手车交易市场、创建诚信二手车市场企业先进单位，获得良好的社会美誉度。</t>
  </si>
  <si>
    <t>深圳澳康达车行非常相当好。</t>
  </si>
  <si>
    <t>淘宝能不能微信支付</t>
  </si>
  <si>
    <t>淘宝不可以用微信支付。</t>
  </si>
  <si>
    <t>注册资金可以随便写吗</t>
  </si>
  <si>
    <t>是的，现在注册资金认缴制，不过注册资金的多少就是你将来承担债权债务的多少。</t>
  </si>
  <si>
    <t>可以自己定，但是不能说可以随意填写。</t>
  </si>
  <si>
    <t>西十区买票靠谱吗</t>
  </si>
  <si>
    <t>西十区平台上买的票没问题。</t>
  </si>
  <si>
    <t>西十区服务很好，票价也合理。</t>
  </si>
  <si>
    <t>西十区网站还是不错的，在其他网站上买不到急得不行的时候，到西十区通常都能找到。西十区官网上有不少尾票、稀缺票。而且其他网站上有的票它也都有。</t>
  </si>
  <si>
    <t>良香小鲍是不是传销</t>
  </si>
  <si>
    <t>做直销。</t>
  </si>
  <si>
    <t>重庆万达城值得投资吗</t>
  </si>
  <si>
    <t>值得是值得，会先内部认购，新客户要等通知。</t>
  </si>
  <si>
    <t>最好别买，豆腐渣，就为诚信金的事差点闹成人命，后面还会有一堆的破事，不信等着瞧。</t>
  </si>
  <si>
    <t>王者荣耀首充6元给永久赵云吗</t>
  </si>
  <si>
    <t>有没有ios手游模拟器</t>
  </si>
  <si>
    <t>1、市面上没有iOS模拟器，iOS模拟器在微软系统下运行非卡；2、要电脑上玩手游，建议下载手游岛模拟器，流畅稳定又不卡；3、手游岛模拟器是玩手游必备软件，完美兼容市面上99.99%的安卓游戏。</t>
  </si>
  <si>
    <t>只有安卓模拟器，没有ios模拟器</t>
  </si>
  <si>
    <t>IOS系统没有模拟器的，安卓是开源的，所以有模拟器，但是IOS不开源，所以除非苹果公司自己做，不然是不可能有模拟器的。</t>
  </si>
  <si>
    <t>咳嗽可以吃芒果吗</t>
  </si>
  <si>
    <t>咳嗽可以吃芒果。</t>
  </si>
  <si>
    <t>不可以吃芒果。</t>
  </si>
  <si>
    <t>可能加重咳嗽。</t>
  </si>
  <si>
    <t>新空调安装要抽真空吗</t>
  </si>
  <si>
    <t>只要不是无氟空调，就不需要抽真空。</t>
  </si>
  <si>
    <t>空气属于不凝性气体，任何空调的系统里都不允许混入空气的，所以一定要抽空。</t>
  </si>
  <si>
    <t>R22制冷剂不需要抽真空，R410制冷剂必须要抽真空。</t>
  </si>
  <si>
    <t>社保卡全国通用吗</t>
  </si>
  <si>
    <t>目前社保卡还不能全国通用。因为现行社保政策是各省市统筹，还没有全国统筹。</t>
  </si>
  <si>
    <t>社保卡的银行卡功能全国通用，社保功能只能在社保统筹地区内使用。</t>
  </si>
  <si>
    <t>大理石有辐射吗</t>
  </si>
  <si>
    <t>大理石有放射性物质氡,对人体有害。</t>
  </si>
  <si>
    <t>gta5需要挂vpn吗</t>
  </si>
  <si>
    <t>基本上都需要挂VPN的。</t>
  </si>
  <si>
    <t>生姜长芽还能吃吗</t>
  </si>
  <si>
    <t>可以吃,姜芽其实就是嫩姜,和土豆不一样,是没有毒的,而且没有老姜的辛辣,也不会因为纤维粗而吃得满口是渣。</t>
  </si>
  <si>
    <t>生姜在潮湿的环境中可以持续生长，生长产生的生姜芽和生姜本身具有同样的营养成分，并无任何有毒物质，故可放心食用。</t>
  </si>
  <si>
    <t>生姜发芽了还能吃。1、生姜发芽了不会产生毒素。2、吃这种姜还不容易上火。3、生姜在潮湿的环境中可以持续生长，生长产生的生姜芽和生姜本身具有同样的营养成分，并无任何有毒物质。4、生姜发芽了还是可以吃的，但是营养成分已经被芽苗给消耗了一部分了，所以营养物质会少一些。</t>
  </si>
  <si>
    <t>新途观1.4t排量够用吗</t>
  </si>
  <si>
    <t>不够用，有一种小马拉大车的感觉。</t>
  </si>
  <si>
    <t>只能说正好够用，不过油耗的确低。</t>
  </si>
  <si>
    <t>手机tencent可以删除吗</t>
  </si>
  <si>
    <t>手机文件夹里的tencent是qq和微信的信息保存文件夹，可以删除，但是不建议删除。</t>
  </si>
  <si>
    <t>能删除。</t>
  </si>
  <si>
    <t>不能删除的，删除的话，会导致聊天记录，聊天时产生的图片，接收到的文件都会彻底删除，还可能会导致QQ无法运行。</t>
  </si>
  <si>
    <t>犀牛角紫檀是压缩木吗</t>
  </si>
  <si>
    <t>粽子煮熟马上捞出来吗</t>
  </si>
  <si>
    <t>留在锅里，一般要等锅里的温度消除后再捞出。</t>
  </si>
  <si>
    <t>不用。1、煮好的，最好在水里放着，这样棕子不会坏。2、能让粽子入味。3、如果煮完就捞出来，里面的米不够软，可能会硬一些。</t>
  </si>
  <si>
    <t>趁热捞起并摆放好，防止变形。</t>
  </si>
  <si>
    <t>2017年十代雅阁上市吗</t>
  </si>
  <si>
    <t>九代才一年多，十代估计还得3年左右。</t>
  </si>
  <si>
    <t>项目管理师被取消了吗</t>
  </si>
  <si>
    <t>只要证书是由人力资源和社会保障局颁发，均属于有法律依据，不会被取消。</t>
  </si>
  <si>
    <t>不会的，项目经理证已经过渡到建造师证了。</t>
  </si>
  <si>
    <t>青柠檬炖鸡真的有用吗</t>
  </si>
  <si>
    <t>不能治病，只能辅助治疗。</t>
  </si>
  <si>
    <t>可以治糖尿病。</t>
  </si>
  <si>
    <t>村镇银行会倒闭吗</t>
  </si>
  <si>
    <t>从理论是讲有倒闭的可能。村镇银行是商业银行的一种。商业银行是企业，既然是企业，就有可能因为经营不善，资不抵债，最后走向倒闭。村镇银行由于资金实力小，管理能力较弱，信贷资产质量相对较差，所以，和一些大银行相比，村镇银行的抗风险能力相对较小。</t>
  </si>
  <si>
    <t>村镇银行是国家监银局及人民银行批准设立的正规金融机构，不会倒闭。</t>
  </si>
  <si>
    <t>政策上是允许破产倒闭清算的，在现实情况中估计短时间不会出现。</t>
  </si>
  <si>
    <t>360的系统重装好用吗</t>
  </si>
  <si>
    <t>360系统重装大师很好用。</t>
  </si>
  <si>
    <t>不建议用卫士装系统，驱动不全，广告插件又多。</t>
  </si>
  <si>
    <t>消毒柜有必要吗</t>
  </si>
  <si>
    <t>一个现代化的厨房，消毒柜是绝对有用和必要的，但是消毒柜又不能单独存在。因为消毒柜不是保险箱，对摆入餐具的要求也是有要求的。</t>
  </si>
  <si>
    <t>1.一般橱柜设计都会咨询有没有配置消毒柜。现代家庭中配置消毒柜还是比较多的，主要是比较现代，美观。其他如果说从实用角度来说，个人感觉消毒柜可有可无，因为平常家里就是自己家里人。没有必要天天消毒，而且消毒柜的储藏功能远远低于一套炉台拉篮。</t>
  </si>
  <si>
    <t>渤海银行房贷审批快吗</t>
  </si>
  <si>
    <t>至少也得一个月，另外时间的长短也跟房子位置有关，每个建委的时间不一样。</t>
  </si>
  <si>
    <t>经侦大队立案就抓人吗</t>
  </si>
  <si>
    <t>立案和抓人是两个程序，也是两件事，立案是对案件而言，抓人是对嫌疑人而言。所以两者本身没有必然的因果，主要看司法手续是否完备。</t>
  </si>
  <si>
    <t>不一定的，还是要看具体案件案情。</t>
  </si>
  <si>
    <t>接到案件后如果案件符合立案标准会马上立案 会派侦查员进行调查取证。取证之后，会向检察院申请批捕，然后抓人。</t>
  </si>
  <si>
    <t>国考补录机会大吗</t>
  </si>
  <si>
    <t>有，但不是很多。</t>
  </si>
  <si>
    <t>有人际关系几率大，否则机会不会很多。</t>
  </si>
  <si>
    <t>大。</t>
  </si>
  <si>
    <t>前列腺炎可以要小孩吗</t>
  </si>
  <si>
    <t>可以的，做一下孕前检查，只要精子的活力没问题都能成功受孕。</t>
  </si>
  <si>
    <t>科目二没过可以考科目三吗</t>
  </si>
  <si>
    <t>申请机动车驾驶证期间，申请人必须按照交通部门规定的顺序参加考试，就是科目一考试合格以后方可预约考试科目二，科目二考试合格以后才可以预约考试科目三，以此类推，如果越级考试的，前面考试成绩作废。</t>
  </si>
  <si>
    <t>全款买房可以提取公积金吗</t>
  </si>
  <si>
    <t>可以，但公积金的领取需要以下条件：1、在购买、建造、翻建、大修具有所有权的自住住房时；2、在离休、退休或到达离休、退休年龄时；3、完全丧失劳动能力，并且与所在单位终止劳动关系时；4、户口迁出本市或者出境定居时；5、非本市籍职工调离本市时；6、职工偿还购房贷款本息时，可以提取住房公积金储存余额抵冲；7、在职工死亡或被宣告死亡时，职工的继承人或受遗赠人可以提取死亡职工的住房公积金帐户中的储存余额，职工的住房公积金帐户同时作销户处理。</t>
  </si>
  <si>
    <t>msi魔法引擎值得买吗</t>
  </si>
  <si>
    <t>千万别买，买了4个，全TM什么垃圾玩意。</t>
  </si>
  <si>
    <t>建议可以买一个试试。</t>
  </si>
  <si>
    <t>软件企业认定证书取消行政审批了吗</t>
  </si>
  <si>
    <t>工业信息化部审批程序取消了</t>
  </si>
  <si>
    <t>网申信用卡必须面签吗</t>
  </si>
  <si>
    <t>如果是招行信用卡，之前有申请网银专业版的话，通过网银专业版申请不需要面签。因为网银专业版申请的时候需要本人去申请。</t>
  </si>
  <si>
    <t>如果你是通过网银盾在线申请的话，那么是不需要办理面签业务的。如果非网银盾的新客户在线申请，那么初审通过以后银行会发送面签短信让你到网点办理面签，手续也很简单，就是在30天里凭短信和身份证到你申请当地的建行网点办理面签就可以了。</t>
  </si>
  <si>
    <t>网上申请的首卡，必须到银行柜台去面签开卡。有的是通过后去银行面签直接寄卡，比如中信，建行等。有的是网申通过直接寄卡，收到后再去柜台面签开卡，比如交行光大平安浦发民生等。</t>
  </si>
  <si>
    <t>光敏印章加错油能修吗</t>
  </si>
  <si>
    <t>用纸巾从表面向外吸印油，卫生纸把印章里面所有印油吸收干净，多吸几次，等到光敏印章的印章垫颜色变的很淡的时候用纸巾拭去印章表面的多余物质，然后将光敏印专用油加在印章字面，把印章倒立十分钟左右，等其慢慢渗透进去，用纸巾擦干多余印油即可。请尽快用，重新注入光敏印油也许可以挽救印章。否则印章无法修复，只能重新制作。</t>
  </si>
  <si>
    <t>要看加的什么油。有的还有补救，有的就没有补救。</t>
  </si>
  <si>
    <t>要看章的受损的程度。</t>
  </si>
  <si>
    <t>京东上门取件要不要钱</t>
  </si>
  <si>
    <t>只是给运费，没有其他费用，要是质量问题你连运费都可以不用出。</t>
  </si>
  <si>
    <t>郑州公租房可以买吗</t>
  </si>
  <si>
    <t>具体来说，符合公租房保障条件且已纳入公租房实物保障范围的城镇中偏下收入家庭，可自主选择承租或申请购买所租住公租房全部或部分产权；新就业大中专毕业生、外来务工人员在当地连续租住公租房满五年，可以申请购买其所租住的公租房。</t>
  </si>
  <si>
    <t>承租人租赁公租房满5年后可以购买公租房。</t>
  </si>
  <si>
    <t>公租房是没有产权的，不让买卖。</t>
  </si>
  <si>
    <t>穿高跟鞋能瘦腿么</t>
  </si>
  <si>
    <t>不能，不但不能瘦腿，而且伤身体。穿高跟鞋只是看着腿长了。</t>
  </si>
  <si>
    <t>催产素对胎儿有影响吗</t>
  </si>
  <si>
    <t>催产素药物本身对于胎儿并无太大影响，但是如果催产素滴注速度太快，给药过多，会引起强直性或痉挛性子宫收缩，因子宫持续强烈收缩而没有舒张期或舒张期很短，这时又因产道狭窄或胎儿过大、胎位不正等，阻碍了胎儿的下降，结果引起子宫下段越来越薄，最终破裂，导致孕妇大出血，胎儿缺氧。或者由于上述情况引起强烈子宫收缩，分娩阻力又不太大时，可使胎儿很快娩出，整个产程不超过3小时，称为急产。这样会因为来不及消毒、保护会阴等，造成产后感染、产道裂伤、新生儿坠落伤等后果。同时如果宫缩持续时间长、间歇时间短或没有间歇，影响了胎盘的血液循环，极易引起胎儿宫内急性缺氧，引起死产或新生儿窒息等。</t>
  </si>
  <si>
    <t>龙枣胶囊真能治失眠吗</t>
  </si>
  <si>
    <t>这个产品还是不错的,是国药准字号，放心使用是有一定效果的.</t>
  </si>
  <si>
    <t>是有一定效果的，日常有经常失眠的症状不建议你服用有助于睡眠的药物帮助睡眠的，比较容易形成依赖性，长时间服用停药的话还会导致失眠。可以睡前喝点酸枣仁粉，具有养心安神、益阴敛汗的功效，睡前还可以喝杯热牛奶，不要喝绿茶、咖啡等刺激性饮品.</t>
  </si>
  <si>
    <t>苹果醋能减肥吗</t>
  </si>
  <si>
    <t>苹果醋中的果酸素有阻止脂肪和多糖吸收的能力，因此具有一定的减肥的作用。</t>
  </si>
  <si>
    <t>不能，因为它毕竟是饮料，是有热量的，光靠喝这个而不运动，是热量的累积，喝多了还会变胖。</t>
  </si>
  <si>
    <t>ipad需要贴膜吗</t>
  </si>
  <si>
    <t>想保护的好点就贴，想用的爽就不贴。</t>
  </si>
  <si>
    <t>需要贴膜。</t>
  </si>
  <si>
    <t>婚前协议有法律效力吗</t>
  </si>
  <si>
    <t>至于婚前协议书是否具有法律效力，关键要看婚前协议书是约定什么的。婚前协议书的内容必须在不违反公共秩序善良风俗的前提下，才具有法律效力。男女双方约定的事项必须是合法的，是双方真实的意思表示，没有任何的欺诈或胁迫。</t>
  </si>
  <si>
    <t>拼多多开店生意好做吗</t>
  </si>
  <si>
    <t>因人而异，有的做得红红火火。</t>
  </si>
  <si>
    <t>滴虫性阴炎严重吗</t>
  </si>
  <si>
    <t>不严重，在于如何处理。阴道炎是初期炎症，没采取正确的方式起反作用。</t>
  </si>
  <si>
    <t>彩票网上购买恢复了吗</t>
  </si>
  <si>
    <t>好像已经恢复正常了！</t>
  </si>
  <si>
    <t>没有。不过也有软件可以买。</t>
  </si>
  <si>
    <t>这个得看国家政策，因为网上买彩票这块存在监管漏洞，所以国家禁止了。</t>
  </si>
  <si>
    <t>樱桃和牛奶能一起吃吗</t>
  </si>
  <si>
    <t>吃了就吃了，不会有什么问题。</t>
  </si>
  <si>
    <t>小米6实体店有卖吗</t>
  </si>
  <si>
    <t>小米之家里面有，普通的实体店没有。</t>
  </si>
  <si>
    <t>现在实体店是没有的，各种版本价格请到官网了解。</t>
  </si>
  <si>
    <t>中南财经大学复试黑吗</t>
  </si>
  <si>
    <t>比较难考，总体来说法硕比较公平的，每年成绩出来后会公布出来，其他学院没有。</t>
  </si>
  <si>
    <t>复试不黑。有真才能就能进。</t>
  </si>
  <si>
    <t>京东全球购的机油是正品吗</t>
  </si>
  <si>
    <t>真品行货。</t>
  </si>
  <si>
    <t>绝对是正品。</t>
  </si>
  <si>
    <t>吃樱桃会胖吗</t>
  </si>
  <si>
    <t>吃樱桃不会导致长胖。</t>
  </si>
  <si>
    <t>樱桃偶尔一两次问题不大，也别吃太多，含果糖的吃多了也会胖的。</t>
  </si>
  <si>
    <t>嘉联公司是传销吗</t>
  </si>
  <si>
    <t>具体看模式。</t>
  </si>
  <si>
    <t>楚雄在云南最穷的吗</t>
  </si>
  <si>
    <t>中等偏上一点点。</t>
  </si>
  <si>
    <t>去平安普惠上班靠谱吗</t>
  </si>
  <si>
    <t>是个有足够赚钱空间的地方</t>
  </si>
  <si>
    <t>日本车真的不安全吗</t>
  </si>
  <si>
    <t>这个认识是错误的，在人身保护方面日本车要比美国车国产车好得多。</t>
  </si>
  <si>
    <t>日本车在安全设计采用吸能式设计主要考虑人员的安全。</t>
  </si>
  <si>
    <t>有比小牛好的电动车吗</t>
  </si>
  <si>
    <t>推荐小鸟。</t>
  </si>
  <si>
    <t>嘉德利金融是黑平台吗</t>
  </si>
  <si>
    <t>不正规，黑平台</t>
  </si>
  <si>
    <t>分期乐注册了危险吗</t>
  </si>
  <si>
    <t>没有危险。</t>
  </si>
  <si>
    <t>ez光执事有特效吗</t>
  </si>
  <si>
    <t>企业集团最终控股企业 填是还是否</t>
  </si>
  <si>
    <t>如果是集团控股的企业，就应该填是，如果不是集团控股的企业，就填否。</t>
  </si>
  <si>
    <t>前置过滤器有用吗</t>
  </si>
  <si>
    <t>适宜家庭安装使用。</t>
  </si>
  <si>
    <t>容留吸毒判完会强戒吗</t>
  </si>
  <si>
    <t>要看吸毒情况，有就戒，无则不用戒。</t>
  </si>
  <si>
    <t>容留他人吸毒，自己也吸毒会判刑，而他人吸毒一般不触及刑律，会治安处罚。《治安处罚法》及相关规定：对吸毒成瘾者需要实施强制戒毒，强制戒毒决定书应当于戒毒人员入所前交给本人。且应自作出决定之日起三日内通知戒毒人员家属、单位和户口所在地派出所。强制戒毒期限为三个月至六个月，自入所之日起计算。对强制戒毒期满仍未戒除毒瘾的戒毒人员，可以延长强制，但实际执行的强制戒毒期限连续计算不超过一年。</t>
  </si>
  <si>
    <t>是否要强制戒毒，取决二个方面：一是公安机关是否裁定强制戒毒。二是如果裁定强制戒毒，要看执行刑期是否大于强制戒毒时间（二年）。如果执行刑期长于强制戒毒时间，就不再执行，否则还要进行强制戒毒。</t>
  </si>
  <si>
    <t>坐飞机能玩手机吗</t>
  </si>
  <si>
    <t>飞机起降的时候不要开手机，影响飞机导航系统。</t>
  </si>
  <si>
    <t>如果要玩的话请在飞行模式下玩手机。</t>
  </si>
  <si>
    <t>淘宝确认收货了还能申请退款吗</t>
  </si>
  <si>
    <t>是可以申请退款的。退款时要注意和卖家沟通退货运费由谁承担。</t>
  </si>
  <si>
    <t>等到卖家确认之后就可以了。</t>
  </si>
  <si>
    <t>一般卖家都不会不退款的。</t>
  </si>
  <si>
    <t>用护照可以去香港吗</t>
  </si>
  <si>
    <t>中国大陆居民去香港澳门主要用港澳通行证，只用护照是不行的。</t>
  </si>
  <si>
    <t>可以用护照前往香港，但是有一定的限制。1、持有效护照；2、护照上有第三国的有效签证；3、有从香港出发前往第三国的有效机票、船票。</t>
  </si>
  <si>
    <t>床下放东西影响风水吗</t>
  </si>
  <si>
    <t>从风水角度讲，床下放杂物数大凶。</t>
  </si>
  <si>
    <t>建行快e贷可以取现吗</t>
  </si>
  <si>
    <t>申请好以后就可以,有一个自主支用,然后会把钱转到你的银行卡里。</t>
  </si>
  <si>
    <t>可以，步骤如下：1、要先有支付宝，建行卡开通有U盾的网银；2、用电脑登录到支付宝，点击余额“充值”，选择“网上银行”支付；3、输入金额，下一步，网页跳到建行官网，登录网银，选择快贷支付。充值成功后，提现到银行卡即可。</t>
  </si>
  <si>
    <t>火星时代培训靠谱吗</t>
  </si>
  <si>
    <t>火星时代在计算机设计类的培训里算是很靠谱的。</t>
  </si>
  <si>
    <t>usc研究生很水么</t>
  </si>
  <si>
    <t>还是不错的，行业前景看好，未来挺不错。而且USC会计专业实力非常强。</t>
  </si>
  <si>
    <t>粽子叶用煮吗</t>
  </si>
  <si>
    <t>在包粽子之前，棕叶是要煮一下的，把水煮开。一来叶子软一点不会硬脆的，二来可以把叶子的那种青涩的味道去掉。煮了之后洗一下，再把叶子晾一晾，去掉水。</t>
  </si>
  <si>
    <t>1、这是因为粽子叶子采摘下来不是那么的干净，煮一下能够杀菌又能够很好的清洁，所以，粽子叶要煮一下为好。2、最好放在炉子上小火慢慢煮，10分钟左右就差不多了，煮好后放在清水里洗洗。3、煮了叶子软一点，要好包一点，当然叶子的清香味要稍淡一点。但是最好还是煮一下吧。</t>
  </si>
  <si>
    <t>windows10好用吗</t>
  </si>
  <si>
    <t>从界面的美观度来说，win10比win7好多了。新出的edge浏览器也比ie要好，还有小娜，小冰之类的人机对话，新特性；从兼容性来说，win7比win10兼容性略好些，为什么说略好呢，因为主流的游戏和软件，win10和win7玩起来没区别，照样流畅玩，win7只是说对于以前的那些比较偏的，或者不常用的某些软件兼容性好些；从启动速度来看，win10要比win7略快些，我是说同样的配置下，别指望能快几倍。启动速度主要还是看cpu和硬盘。</t>
  </si>
  <si>
    <t>从一般常理来说肯定高版本要比低版本好。网上介绍说WIN 10有好多新功能、新技术，如：拨动、滑动及缩放，网络世界、无所不在，与云端保持连线，人性化设置，office2015加入等等。还有什么升级Windows 10的理由，如：开始菜单回归，新任务视图，Windows 10美化的“无边”视觉，全新的打开和关闭窗口效果，任务栏上的搜索按钮，全新的Windows 10图标，MKV和Flac支持，Aero Glass半透明玻璃效果回归，DX12明显提升游戏性能，首个覆盖全平台的操作系统等等。</t>
  </si>
  <si>
    <t>多肉开花了要剪掉吗</t>
  </si>
  <si>
    <t>并非必须要剪掉花。不剪仅多消耗养分。</t>
  </si>
  <si>
    <t>瓦松属是不能让它开花的，开花后就会整株死亡的。</t>
  </si>
  <si>
    <t>不喜欢，也不需要留子种，完全可以剪掉。</t>
  </si>
  <si>
    <t>php7性能会赶上java吗</t>
  </si>
  <si>
    <t>性能永远都没有够用的时候,。首先要软件写得好, 优化的好。其次需要更好的硬件。java的性能在计算密集的场合比如一个很大的循环计算才能显现出来。其他和PHP相比优势不是很明显的.</t>
  </si>
  <si>
    <t>赶不上，原理上的问题，一个是编译型一个是解释型。</t>
  </si>
  <si>
    <t>当然能，Java太过哆嗦，php简洁高效。</t>
  </si>
  <si>
    <t>不知火舞厉害吗</t>
  </si>
  <si>
    <t>厉害</t>
  </si>
  <si>
    <t>兔子能洗澡吗</t>
  </si>
  <si>
    <t>兔子不能洗澡，兔子会失温，容易导致感冒死亡，在炎热的夏季可以把兔子的毛发剃掉，可以起到防暑降温效果。</t>
  </si>
  <si>
    <t>兔子脏，可以帮兔子洗澡，不过： 如果兔子没有很脏，用布沾温水帮它拭净即可。兔兔本身自己就会替自己洗澡，就像猫一样，你如果发现它身上有味道只要把它抓来将它的手脚洗一洗，这样它才不会越洗越脏。平常的时候主人还是多注意环境清洁，兔子也不会常常变脏。</t>
  </si>
  <si>
    <t>幼兔不要给它洗澡，兔子是很爱干净的，它每天都会自己舔毛，不建议给它洗澡，但在不得以要洗澡的情况下，应该避免水进入它的耳朵，要是不注意，它就会得中耳炎，还不能给它用人用的像沐浴露、肥皂之类的东西，洗澡后要马上把它弄干，不然会感冒。</t>
  </si>
  <si>
    <t>电脑微信能看朋友圈吗</t>
  </si>
  <si>
    <t>1、打开靠谱助手，输入“微信”点击搜索；2、搜索结果显示后，点击安装；3、安装完成后，点击微信图标启动微信；4、点击登录按钮来登录用户的微信账号即可跟手机微信一样查看朋友圈了。</t>
  </si>
  <si>
    <t>不可以看朋友圈。</t>
  </si>
  <si>
    <t>第一步：打开通讯录，添加好友：某某。第二步：然后向她发送消息：开启朋友圈网页版。等待几秒钟就会出现一个回复，按照提示操作，就可以开通朋友圈网页版功能了。</t>
  </si>
  <si>
    <t>阿卡丽的神秘商店买了英雄还能买皮肤吗</t>
  </si>
  <si>
    <t>每位召唤师每栏只能选择一款皮肤购买；说买英雄和买皮肤不冲突，每个英雄可以买一款。</t>
  </si>
  <si>
    <t>1个英雄1个皮肤，第一期的时候全能买，后面只能买一个。</t>
  </si>
  <si>
    <t>所有的英雄都可以购买，但是对应的皮肤只能买一个。</t>
  </si>
  <si>
    <t>毕业论文的引用部分算作查重吗</t>
  </si>
  <si>
    <t>51job靠谱吗</t>
  </si>
  <si>
    <t>可信度还是值得信赖的。</t>
  </si>
  <si>
    <t>基本可靠。</t>
  </si>
  <si>
    <t>lol皮肤专家会封号么</t>
  </si>
  <si>
    <t>决明子可以天天喝吗</t>
  </si>
  <si>
    <t>不能长期喝的，如果你是拿来减肥我觉得还是不要， 性味 性微寒，味甘、苦、咸 功能 主治 清热明目，润肠通便。用于目赤涩痛、羞明多泪、头痛眩晕、目暗不明、润肠通便。 此外本品有降低血清胆固醇与降血压的功效，防治血管硬化与高血压有一定疗效。中药剂量 10-15g。 时间长了，你的体质也会偏寒的，一般最多一个月就应该换了。 本人建议呢，你最好是每个星期喝这么一两次的样子。</t>
  </si>
  <si>
    <t>决明子性微寒，容易拉肚子、腹泻、胃痛的人，不宜饮用此茶。长期饮用轻则引发月经不规律，重则使子宫内膜不正常，从而诱发早产。</t>
  </si>
  <si>
    <t>月经推迟5天试纸能测出来吗</t>
  </si>
  <si>
    <t>目前间比较短，并不能说明怀孕的，建议继续观察2天，月经推迟超过一周怀孕概率比较大，选择就诊做尿HCG检查，确定是否怀孕。</t>
  </si>
  <si>
    <t>sasa官网的东西是真的吗</t>
  </si>
  <si>
    <t>是真的，莎莎是大牌子，不会卖假货。但是你要跟代购的人要发票。</t>
  </si>
  <si>
    <t>茅山道术真的存在吗</t>
  </si>
  <si>
    <t>茅山派的确是存在的，按照道教的说法，应该全称为“上清灵宝派”，民间称呼为茅山派，原因就是因为此派所居之地。茅山派多供奉“三茅应化真君”。历代有很多高道出现，在《正统道藏》中有详细记载，另外“茅山志”中也有详细说明。至于符咒法术类也是很擅长的。特别在《正统道藏》中《大洞真经》、《大洞玉经》就是此派宝物。详细记载修炼、符咒。</t>
  </si>
  <si>
    <t>有的，茅山属于道教中的一支而已，道术，画符驱鬼类。真正的道法精髓应该是在全真道中，可以修到一定程度，将来也可以有机会了脱生死。但是道法需要真正的师承，和很好的根基，建议您学习佛法，佛法是普传，除了密宗之外，念佛，念菩萨名号，持咒等，都是可以了脱生死的。</t>
  </si>
  <si>
    <t>茅山在江苏句容县，是道教名山。历史上的确有茅山派。茅山派的开创人是南北朝的陶弘景。学过历史的人都知道，历史书上介绍过他，他是一位大医学家，当时的皇帝梁武帝很尊重他（虽然后来梁武帝信奉佛教，但依旧尊崇他），待之以师礼，国家有事必向陶弘景资讯，时人称之为“山中宰相”。陶弘景不仅受到皇公贵族的礼遇，同时他也是道教历史上一位了不起的思想家和理论家。他的徒子徒孙中高道辈出，出现了一大批杰出的道教理论家和思想家。在隋唐两代，有王远知、潘师正、司马承祯、吴筠、李含光等高道，他们因为自己的修为、思想等，得到了社会的高度赞誉，进而被皇帝礼为老师。王远知为隋炀帝、唐高祖、唐太宗待以师礼，潘师正被唐高宗和武则天待以师礼。司马承祯、吴筠为唐玄宗尊崇，值得一提的是，司马承祯、吴筠两人都与诗仙李白为友，李白能成为翰林，就与吴筠的推荐有关。</t>
  </si>
  <si>
    <t>死亡后的世界是否存在</t>
  </si>
  <si>
    <t>不存在。</t>
  </si>
  <si>
    <t>科学否认它，因为世界是物质的世界，人也只是一团组织罢了。</t>
  </si>
  <si>
    <t>音节有声调吗</t>
  </si>
  <si>
    <t>音节是语音中最小的结构单位，也是人们可以自然地察觉到的最小的语音单位。普通话的音节一般由声母、韵母、声调三部分构成。 所以，音节是应该加声调的。</t>
  </si>
  <si>
    <t>音节是听觉能感受到的最自然的语音单位，由一个或几个音素按一定规律组合而成。汉语生字中一个汉字就是一个音节。每个音节由声母、韵母和声调三个部分组成，缺一不可。拼音是拼读音节的过程，就是按照普通话音节的构成规律，把声母、韵母迅速连续拼合并加上声调从而成为一个音节。</t>
  </si>
  <si>
    <t>音节是组成单词的单位，没有音调，音调是在单词上体现出来的。</t>
  </si>
  <si>
    <t>取环时疼吗</t>
  </si>
  <si>
    <t>取环一般是没有疼痛的，和妇科检查的时候类似，是否有疼痛主要取决于你自己的年龄、上环的时间长短、是否有绝经等等。</t>
  </si>
  <si>
    <t>并没感觉多疼。</t>
  </si>
  <si>
    <t>会很疼。</t>
  </si>
  <si>
    <t>全民彩票app合法吗</t>
  </si>
  <si>
    <t>刘心悠结婚了吗</t>
  </si>
  <si>
    <t>择天记有没有漫画</t>
  </si>
  <si>
    <t>有漫画版，正在大角虫漫画连载。</t>
  </si>
  <si>
    <t>有妖气，漫画岛，漫画人。</t>
  </si>
  <si>
    <t>vr眼镜能看3d电影吗</t>
  </si>
  <si>
    <t>vr眼镜不止可以看3D，2D的也是可以的，而且可以看全景视频搜索，或者玩vr游戏。</t>
  </si>
  <si>
    <t>牛奶和香蕉可以一起吃吗</t>
  </si>
  <si>
    <t>牛奶可以和香蕉一起吃。</t>
  </si>
  <si>
    <t>蜜蜡需要盘吗</t>
  </si>
  <si>
    <t>需要，蜜蜡经过长期的盘玩，会变得更加润和漂亮。</t>
  </si>
  <si>
    <t>雅培奶粉好不好</t>
  </si>
  <si>
    <t>雅培奶粉不错。</t>
  </si>
  <si>
    <t>雅培奶粉在网上评价不是很好。</t>
  </si>
  <si>
    <t>没办进京证会被拍吗</t>
  </si>
  <si>
    <t>北京交警会不定时检查，路上的电子设备也会负责抓拍。办证车辆都会登记在一个系统内，如果系统里没有这辆车的信息，电子设备就会抓拍。</t>
  </si>
  <si>
    <t>答案一：目前北京的电子眼已全部联网并可以进行智能筛选拍摄，所以没有进京证的车辆是可以被拍到并记录违章的。值得一提的是，无论您被警察或电子眼拍摄违章并罚款后，您需在四小时内驶出六环或办理进京证，否则还会被继续电子眼拍照并罚款。</t>
  </si>
  <si>
    <t>全市路面监控摄像头也已经启动对无进京证违法进入六环路以内道路行驶车辆的非现场处罚。</t>
  </si>
  <si>
    <t>必赢彩票是正规网站吗</t>
  </si>
  <si>
    <t>不是，不要信那个</t>
  </si>
  <si>
    <t>肯定有问题，网上不让卖彩票</t>
  </si>
  <si>
    <t>在网上卖彩票均是违法行为。</t>
  </si>
  <si>
    <t>cprime neo手环真的有效果吗</t>
  </si>
  <si>
    <t>不管用。</t>
  </si>
  <si>
    <t>真心管用的。</t>
  </si>
  <si>
    <t>要看对智能手环功能的需求。</t>
  </si>
  <si>
    <t>生鱼片有寄生虫吗</t>
  </si>
  <si>
    <t>寄生虫在鲭鱼、青花鱼、秋刀鱼、沙丁鱼等受到人们喜爱的普通鱼类中都很常见，一般寄生虫集中在鱼类的内脏中，随着鱼死亡后新鲜度下降，也会逐渐朝鱼肉中转移。生吃鱼类后寄生虫可能随着肠胃壁悄然潜入，并导致腹痛、腹泻、呕吐等食物中毒症状。</t>
  </si>
  <si>
    <t>生鱼片有寄生虫。</t>
  </si>
  <si>
    <t>一档换二档要回空档吗</t>
  </si>
  <si>
    <t>汽车一档进二档时不需要先换到空档再进二档。</t>
  </si>
  <si>
    <t>一般换挡操作都会经过空档，只是停留时间很短，人们往往忽视了。</t>
  </si>
  <si>
    <t>看车型来，大车最好两脚离合，小车就不用了，直接踩离合，一拉下来，松离合给油。</t>
  </si>
  <si>
    <t>揭秘云集微店是真是假</t>
  </si>
  <si>
    <t>是真的，所有产品都签订的保险合同，假一赔千。</t>
  </si>
  <si>
    <t>真，昨天我也回复过这样的问题，云集老板肖尚略把所有身家都压在了这样一个云集微店平台上面，大胆做吧。</t>
  </si>
  <si>
    <t>保证正品，30天无理由退货，PICC正品承保！</t>
  </si>
  <si>
    <t>2017年开网店还赚钱吗</t>
  </si>
  <si>
    <t>赚钱。</t>
  </si>
  <si>
    <t>只要会经营，什么时候都不晚。</t>
  </si>
  <si>
    <t>难赚。</t>
  </si>
  <si>
    <t>2.4g 5g 同时开启好吗</t>
  </si>
  <si>
    <t>没必要同时开，要是电脑有5G无线网卡就开启并使用5GWIFI，5G 频道要快一些。单频无线路由器一般工作在2.4GHz频段，这个频段是免费的公共频段，其它的电子产品，如空调、微波炉、无线鼠标、无线音箱、蓝牙、无绳电话等同样在使用这个频段，这就很容易造成设备间的无线信号干扰，从而导致无线网络不稳定。由于双频无线路由器有2.4GHz和5GHz两个频段可选，只要我们选择5GHz频段，就可以直接避开2.4GHz这个拥挤的公共频段，也可以避免与其它无线设备发生冲突，保证无线网络的稳定性，防止掉线现象的发生，提升无线网络的速度，无线网络畅通无阻。</t>
  </si>
  <si>
    <t>没有必要，2.4GHZ可以达到300-450M传输速率，而国内大部分网速根本达不到这个水平（假设300M路由器，最快速度可以达到30MB/s，相信没多少人家中是300M光纤吧），5GHZ（ 802.11ac）传输达1Gb/s，但是网速是瓶颈，路由器再快也没有实际意义，除非建家庭局域网。况且5GHZ下衰减比2.4GHZ厉害，几道墙就没有信号了，所以目前来说选择路由器选一个质量不错2.4GHZ完全可以满足需求。</t>
  </si>
  <si>
    <t>lol语音包会封号吗</t>
  </si>
  <si>
    <t>有几率会被封。</t>
  </si>
  <si>
    <t>会封号。</t>
  </si>
  <si>
    <t>加盟顺丰优选赚钱吗</t>
  </si>
  <si>
    <t>前期都会有培训，能不能挣钱得看自己怎么经营了。</t>
  </si>
  <si>
    <t>吃完罗红霉素能喝酒吗</t>
  </si>
  <si>
    <t>只有头孢菌素、替硝唑、呋喃唑酮等特殊化学结构的药品服用期间饮酒，会引起双硫仑反应。罗红霉素不会，但是也还是少饮酒，会一定程度影响药物吸收和代谢。</t>
  </si>
  <si>
    <t>重庆阳痿能治吗</t>
  </si>
  <si>
    <t>这种问题想治好需要禁欲，不手淫，禁房事，不看AV，意淫也要断掉，然后注意生活规律，不要熬夜，尽量不要抽烟喝酒，不要对着电脑久坐，调养身体，那样逐渐能彻底恢复的！把身体养好后也要节欲保身，建议婚前禁欲，婚后节欲，是保身之道！</t>
  </si>
  <si>
    <t>蚊香能杀死蚊子吗</t>
  </si>
  <si>
    <t>蚊香一般杀不死蚊子。</t>
  </si>
  <si>
    <t>蚊香多半杀不死任何虫子，但是能使得他们感官失灵。</t>
  </si>
  <si>
    <t>一般的蚊香都能杀死蚊子的。</t>
  </si>
  <si>
    <t>高锰酸钾治痔疮吗</t>
  </si>
  <si>
    <t>防止痔疮感染，但是对痔疮的治疗没有多大的作用。</t>
  </si>
  <si>
    <t>可以治疗痔疮</t>
  </si>
  <si>
    <t>可以的，但不能仅仅依靠高锰酸钾，还需要配合药物之类的治疗。</t>
  </si>
  <si>
    <t>双黄蛋能吃吗</t>
  </si>
  <si>
    <t>双黄蛋内含两个卵黄，营养很丰富。不过也有人认为，双黄蛋是雌鸡因为内分泌失调和其他生理原因所生出的，最好不要过多食用，不过天然的双黄蛋还是很少见的。</t>
  </si>
  <si>
    <t>前提确定是自然蛋，是的话就没问题，营养还丰富，如果是化学蛋就不能吃。</t>
  </si>
  <si>
    <t>桃胶银百合枸杞可以一起煮吗</t>
  </si>
  <si>
    <t>将枸杞银耳先放入锅煮大概30分钟，汤有些粘时放入桃胶后煮十五分钟，苹果切小块最后放。桃胶主要是养颜补血的作用，苹果有丰富维生素，银耳枸杞主要是养颜补气的，搭配一起是可以的。这些东西放在一起有助于调养身心，补血益气，对身体是有好处的。</t>
  </si>
  <si>
    <t>可以一起煮。将枸杞银耳先放入锅煮大概30分钟，汤有些粘时放入桃胶后煮十五分钟，苹果切小块最后放。桃胶主要是养颜补血的作用，苹果有丰富维生素，银耳枸杞主要是养颜补气的，搭配一起是可以的。</t>
  </si>
  <si>
    <t>可以阿 一起效果还相当好。</t>
  </si>
  <si>
    <t>7.2橙装可以装备三件吗</t>
  </si>
  <si>
    <t>不能，目前只能穿两件。</t>
  </si>
  <si>
    <t>张静吸油汤是真的吗</t>
  </si>
  <si>
    <t>是真的，但功效经过了夸张，实际功效要低些。</t>
  </si>
  <si>
    <t>假的，电视都曝光了。</t>
  </si>
  <si>
    <t>滴水观音能放在卧室吗</t>
  </si>
  <si>
    <t>可以的吧，不过别让孩子去碰，汁水有毒的。</t>
  </si>
  <si>
    <t>可以。滴水观音有进化空气的作用，如果空气湿度过大会有吐水现象，避免直接接触这些水滴！</t>
  </si>
  <si>
    <t>水晶底耐磨吗</t>
  </si>
  <si>
    <t>耐磨。</t>
  </si>
  <si>
    <t>腹肌训练器有用吗</t>
  </si>
  <si>
    <t>器械基本没用，都是商家的炒作。</t>
  </si>
  <si>
    <t>有用。重点是坚持锻炼。</t>
  </si>
  <si>
    <t>只要坚持，什么都是可以锻炼肌肉。</t>
  </si>
  <si>
    <t>12306身份核验必须去火车站吗</t>
  </si>
  <si>
    <t>不一定，也可以去火车票代售点进行身份核验。初次购买火车票需要携带身份证原件至车站或代售点核验。要办理核验手续很简单，带上自己的身份证原件，到火车站或客票代售点让工作人员帮核验，只需几分钟即可，而且这项服务是免费的。但是如果您姓名超长，或含有生僻字、繁体字的话，只能在车站售票窗口办理核验。同时，已经在12306注册账户但未通过身份核验的市民，需提供手机号后4位或注册邮箱前3位，常用联系人（乘车人）还要提供注册用户注册时填写的身份证件号码。如果已在窗口办理了核验，但再登录12306发现身份信息仍处于“待核验”状态，可以尝试这样的方法：从“我的12306”中进入“常用联系人”选项，重新点击“编辑身份信息”按钮，跳转页面后不需做修改，直接点“保存”。铁路部门客服人员建议，网络购票遇到“待核验”提示、又急着购票的乘客，可拨打95105105根据语音提示电话购票，成功购票后，必须当天到火车站或客票代售点取票，否则会自动取消订单。</t>
  </si>
  <si>
    <t>检查注册用户、常用联系人的身份信息核验状态，如果是已通过，不需要去火车站验证身份的。如果是待核验，是需要去火车站核验身份的。注册用户可登录12306.cn网站“我的12306”-&gt;“查看个人信息”、“常用联系人”中分别查看注册用户、常用联系人（乘车人）的身份信息核验状态。“待核验”指持居民身份证的注册用户、常用联系人（乘车人），身份信息未经国家身份认证权威部门核验，请持居民身份证原件到车站售票窗口或铁路客票代售点办理身份信息核验。通过核验的，身份信息核验结果变更为“已通过”；未通过核验的，身份信息核验结果变更为“未通过”。“待核验”注册用户不能添加常用联系人（乘车人），不能购票。“已通过”注册用户不能为“待核验”常用联系人（乘车人）购票。如果注册用户、常用联系人的身份信息核验状态为“请报验”，在12306网站购票后，需持在12306.cn网站填写的港澳居民来往内地通行证、台湾居民来往大陆通行证、按规定可使用的有效护照（均为原件）到车站售票窗口办理身份信息核验，核验通过后（身份信息核验状态变更为“预通过”），可以换取纸质车票。</t>
  </si>
  <si>
    <t>12306网上订票出现身份证待核验，是12306系统与公安系统联网配合，对所有网上购票人员的身份信息进行核验，只有网上注册信息与身份证信息完全匹配的才可以在网上订票。实际上，也不是所有用户买票都需要核验身份的。那些已经在网上订过票的用户，只要他们在网上填写的信息没有错误，12306系统会自动他们判定为‘已通过’，这样也就不需要去火车站核验身份信息了。而那些没有在网上买过票的，因为12306系统无法确认身份信息情况，所以就会显示为‘待核验‘，需要到火车站或火车票代售点办理身份校验。</t>
  </si>
  <si>
    <t>宫外孕必须手术吗</t>
  </si>
  <si>
    <t>大多数是要的；也可以采取保守治疗。</t>
  </si>
  <si>
    <t>做化学药物治疗。</t>
  </si>
  <si>
    <t>政府补贴收入要交所得税吗</t>
  </si>
  <si>
    <t>从县级以上各级人民政府财政部门及其他部门取得的应计入收入总额的财政性资金，凡同时符合以下条件的，可以作为不征税收入，在计算应纳税所得额时从收入总额中减除：（一）企业能够提供资金拨付文件，且文件中规定该资金的专项用途；（二）财政部门或其他拨付资金的政府部门对该资金有专门的资金管理办法或具体管理要求；（三）企业对该资金以及以该资金发生的支出单独进行核算。同时规定，根据实施条例第二十八条的规定，上述不征税收入用于支出所形成的费用，不得在计算应纳税所得额时扣除；用于支出所形成的资产，其计算的折旧、摊销不得在计算应纳税所得额时扣除。公司的这笔补助如果符合条件，就不缴纳所得税，单独设置科目核算补贴收入和市政公共设施费用。如果不符合条件，那就计入营业外收入，计算企业所得税。</t>
  </si>
  <si>
    <t>只要满足三个条件就可以作为不征税收入，就不用缴纳所得税，简单来说就是，1：政府或财政给的钱，有文件说这钱怎么花，必须有政府文件，并且明确用途。2，这笔钱你必须单独核算，与企业的正常活动区分核算。3一旦认定这笔钱作为不征税收入了，那么这笔钱形成的成本费用，摊销折旧都不允许税前扣除，就是说，你拿这笔钱买固定资产，以后这个固定资产计提的折旧不允许税前扣除，你拿这笔钱去消费了，消费的钱不能进成本。如果你目前亏损的很厉害，你就把这部分财政补贴记入收入抵扣亏损。如果你目前盈利很多，你就先不计入收入，等到你花钱是不分摊费用就行了。</t>
  </si>
  <si>
    <t>gta5有手机版吗</t>
  </si>
  <si>
    <t>微信电脑登录必须要手机扫描吗</t>
  </si>
  <si>
    <t>是的，可以安装android模拟器再在上面安装微信，可以不用扫描登录了，但这样手机上的微信就会登出，两个不能同时用。</t>
  </si>
  <si>
    <t>微信电脑版可以有两种登录方法1扫描二维码登录2电脑上安装安卓模拟器BlueStacks，下载微信app在电脑上，右击选择使用BlueStacks安装。安装之后，在BlueStacks显示微信图标。双击微信登陆，就可以使用微信全部功能了。</t>
  </si>
  <si>
    <t>电脑版微信是不支持直接登录的。必须用手机扫描，或者手机确认登录，前者是长时间未登录时的验证方式，后者是日常频繁使用时的验证方式。鉴于微信本身就是一款移动版软件，如果可以直接在台式机登录，则其将失去很多优势，因此电脑端仅仅作为辅助手段，以维持其手机软件的地位。</t>
  </si>
  <si>
    <t>乳腺结节必须手术吗</t>
  </si>
  <si>
    <t>乳腺结节可以做手术。</t>
  </si>
  <si>
    <t>xmp开启好还是不开起</t>
  </si>
  <si>
    <t>高频的条要手动开启xmp才能达到默认数值，低频条开启xmp就是超频了。</t>
  </si>
  <si>
    <t>会占用CPU和内存的  最好能关掉。</t>
  </si>
  <si>
    <t>卷皮网里的东西靠谱吗</t>
  </si>
  <si>
    <t>卷皮是一个平价的电商平台，总公司是在武汉和深圳。目前主要平价、品质生活的理念，卖的东西很实惠，东西也很不错。</t>
  </si>
  <si>
    <t>整体来说还不错吧，挺便宜的。对得起价格。</t>
  </si>
  <si>
    <t>京东商城有优惠券吗</t>
  </si>
  <si>
    <t>1、打开京东商城官方网站，登录您的京东商城首页，在首页上方找到“我的京东”，点击它进入我的京东页面。2、在“我的京东”页面上会显示您的相关账户信息，如图中所示找到“优惠券”信息，在其右边会显示您的优惠券数量，图中显示有N张优惠券，点击它进入优惠券页面。3、在点击“优惠券”按钮，在优惠券列表下方找到“优惠券活动”，点击它进入优惠券活动页面。4、在打开的优惠券活动页面，有多种类型的优惠券，您可以根据不同分类找到您想要的优惠券。作为例子，点击第一个优惠券去领取。5、如果图中显示优惠券都被领完，优惠券这种东西是好东西，大家都是抢着去领取，有种跟时间赛跑的感觉，一次没领到属正常现象，下次早点来领取就可以。</t>
  </si>
  <si>
    <t>京东商城会定期举办优惠活动，详情您可以关注享优惠的最新优惠资讯。一般情况京东商城的优惠活动包括以下几种方式：1.全场满多少减多少活动2.指定专区满多少减多少3.优惠券抵扣4.买指定商品赠送指定礼品5.买够多少返回多少优惠券。</t>
  </si>
  <si>
    <t>可以的，在结算时有优惠券选项，但是需要注意的是有的商品是不让使用优惠券的，而且优惠券本身也有使用要求。</t>
  </si>
  <si>
    <t>微信聊天记录可以作为法律证据吗</t>
  </si>
  <si>
    <t>微信聊天记录在特定情形下可以作为诉讼证据使用，但前提必须满足诉讼证据的“三性”。</t>
  </si>
  <si>
    <t>最高法院发布《关于适用&lt;中华人民共和国民事诉讼法&gt;的解释》，进一步明确电子邮件、短信、微博客、网聊记录等电子数据形式可作为民事案件的证据。</t>
  </si>
  <si>
    <t>二婚有婚假吗</t>
  </si>
  <si>
    <t>再婚也是有婚假的。</t>
  </si>
  <si>
    <t>微信电脑版可以看朋友圈吗</t>
  </si>
  <si>
    <t>电脑版微信也可以查看朋友圈，不过必须借助相应软件：1、打开靠谱助手，输入“微信”点击搜索；2、搜索结果显示后，点击安装；3、安装完成后，点击微信图标启动微信；4、点击登录按钮来登录用户的微信账号即可跟手机微信一样查看朋友圈了。</t>
  </si>
  <si>
    <t>第一步：打开通讯录，添加好友：某某第二步：然后向其发送消息：开启朋友圈网页版，等待几秒钟就会出现一个回复，按照提示操作，就可以开通朋友圈网页版功能了。</t>
  </si>
  <si>
    <t>目前微信电脑版只能聊天，不能查看朋友圈。需要在电脑上看微信朋友圈需要安装安卓模拟器，比如bluestacks。</t>
  </si>
  <si>
    <t>dji care 有必要买吗</t>
  </si>
  <si>
    <t>看自己的技术程度，如果自信爆表，可以不买。</t>
  </si>
  <si>
    <t>最好买，特别是新手。</t>
  </si>
  <si>
    <t>看个人需要，新手还是买一个比较有保障。</t>
  </si>
  <si>
    <t>同学聚会有意义吗</t>
  </si>
  <si>
    <t>这要看班集体平时的凝聚力和荣誉感，也要看是谁提出的，目的是什么。</t>
  </si>
  <si>
    <t>最大的意义就是知道你在干嘛，对比自己；要么自卑下，要么得瑟下。</t>
  </si>
  <si>
    <t>做完痔疮手术需要住院吗</t>
  </si>
  <si>
    <t>主要是看医院的专业水准，有的做完就能走。</t>
  </si>
  <si>
    <t>不需要的，休息几分钟就可以。</t>
  </si>
  <si>
    <t>痔疮可以住院，也可以门诊手术治疗，术后休息7-10天。</t>
  </si>
  <si>
    <t>虎扑识货是正品吗</t>
  </si>
  <si>
    <t>应该都是正品，虎扑识货现在都有审核机制的，假货，厂货的都会被过滤，所以可以放心购买。</t>
  </si>
  <si>
    <t>不一定都是正品，只能说正品率高。</t>
  </si>
  <si>
    <t>就是耐穿点而已，还有多了个鞋标！价钱也低，和实体店款式相同鞋没法比，一分钱一分货！建议不要去买！</t>
  </si>
  <si>
    <t>火龙果含糖量高吗</t>
  </si>
  <si>
    <t>守望先锋免费吗</t>
  </si>
  <si>
    <t>有免费试玩的。</t>
  </si>
  <si>
    <t>不是免费的，客户端收费，角色外观收费。</t>
  </si>
  <si>
    <t>限时6天免费，过年专享活动。</t>
  </si>
  <si>
    <t>王者荣耀赵云厉害吗</t>
  </si>
  <si>
    <t>赵云是一名强力的突进型战士，拥有十分强大的位移能力与爆发，虽然赵云受到削弱，控制能力不强，但依然无法影响赵云的强大!</t>
  </si>
  <si>
    <t>如果玩熟练了，简直逆天，很好用，上手的时候感觉也很好，容易操作</t>
  </si>
  <si>
    <t>赵云不错，有肉，输出高，还能跑</t>
  </si>
  <si>
    <t>wps和office兼容吗</t>
  </si>
  <si>
    <t>WPSOffice包含WPS文字、WPS表格、WPS演示三大功能模块，与MicrosoftOffice的Word、Excel、PowerPoint一一对应，应用XML数据交换技术，无障碍兼容doc.xls.ppt等文件格式，可以直接保存和打开MicrosoftWord、Excel和PowerPoin文件，也可以用MicrosoftOffice轻松编辑WPS系列文档。</t>
  </si>
  <si>
    <t>wps与word能兼容。</t>
  </si>
  <si>
    <t>迪拜打工真的很恐怖吗</t>
  </si>
  <si>
    <t>不恐怖，并且工资还是很高。</t>
  </si>
  <si>
    <t>12315可以投诉物业吗</t>
  </si>
  <si>
    <t>消协和工商部门一般不受理对物业的投诉，一般需要去所在地的房管局物业管理科去投诉物业。</t>
  </si>
  <si>
    <t>一般没有什么效果的，投诉物业要求当地的房管局物业管理科去投诉，12315一般只针对购物方面的投诉。</t>
  </si>
  <si>
    <t>12315是工商投诉电话，一般不可以投诉物业。</t>
  </si>
  <si>
    <t>个体工商户能开增值税专票吗</t>
  </si>
  <si>
    <t>可以开。凭税务登记副本、交易合同或购销证明材料到主管国税机关申请代开，并交纳增值税。</t>
  </si>
  <si>
    <t>碧生源减肥有效吗</t>
  </si>
  <si>
    <t>没有用，光拉肚子。</t>
  </si>
  <si>
    <t>因个人体质而异，不是产品都对所有人有效。</t>
  </si>
  <si>
    <t>不能说一点没用，它还是有一些减少高血脂症状功能的。</t>
  </si>
  <si>
    <t>三亚下雨还能去吗</t>
  </si>
  <si>
    <t>三亚的云层比较低，天气变化是比较快的，天气预报往往是不准的，而且三亚下雨大部分是在晚上，就算是白天下雨也只是一会，如果确定参加景点不要因为下雨而不去，因为可能到景点雨就停了，而且还会出太阳，所以不太担心，如果一直下雨也要调整好自己的心态，雨天游玩是另一种享受。</t>
  </si>
  <si>
    <t>三亚的天气预报不准，虽然是暴雨之类的，实际肯定有差距。多以阵雨为主。下雨可以玩些市内的景点，海边的海上娱乐项目都玩不了的，景点下雨过去玩也很麻烦。</t>
  </si>
  <si>
    <t>预报的阵雨不过基本都是晴天的，即使下雨也是晚上下点阵雨的，不影响白天玩的，气温也适合26-33°之间，有海风吹很凉爽的，不过如果预报暴雨，应该会下阵雨的，可以玩不涉海的项目，等过了这两天天气好了再玩海上项目就可以了。</t>
  </si>
  <si>
    <t>车险超市靠谱吗</t>
  </si>
  <si>
    <t>快递晚上也在运送吗</t>
  </si>
  <si>
    <t>1、会的，这是基本常识。快递和物流在到目的地之前不会停止，无论航班还是运送车次都是一直行进的。然后到目的地，由快递员派件。2、快递员晚上是下班或者在处理运输和件，是不派件的。</t>
  </si>
  <si>
    <t>快递公司,都是晚上发货的,也就是说晚上运输,白天接货,晚上统一把货发走,早上收运到的货,然后分发快递员派货. 每个公司不同,具体时间有点差异,但不会太多,晚上是快递公司主要的运输时间。</t>
  </si>
  <si>
    <t>快递公司运输是24小时的，只是晚上不会派件。</t>
  </si>
  <si>
    <t>李天一出狱了吗</t>
  </si>
  <si>
    <t>2015年3月18日：没有出狱。</t>
  </si>
  <si>
    <t>2014年8月28日：没有出狱。</t>
  </si>
  <si>
    <t>丰田逸致停产了吗</t>
  </si>
  <si>
    <t>没停产，没改款。</t>
  </si>
  <si>
    <t>application experience服务可以关闭吗</t>
  </si>
  <si>
    <t>1：点击开始，2：输入services.msc，3：禁用Application Experience服务就可以了 。Application Experience Lookup service(AELookupSvc) 是应用程序兼容性管理器的一部分。在应用程序启动时为应用程序处理应用程序兼容性查找请求，为域中的 Windows Server 2003 计算机提供支持，报告兼容性问题，并将软件更新自动应用到程序。</t>
  </si>
  <si>
    <t>纹眉有害吗</t>
  </si>
  <si>
    <t>现在的纹眉技术是很安全的，所用到的色料也是德国进口的，不会对身体有什么伤害。</t>
  </si>
  <si>
    <t>纹眉是有危害的，纹眉可能会引发红斑狼疮等疾病，可能会引起毛囊炎、蜂窝组织炎、疖肿，甚至有发生败血症的可能，亦可感染乙型肝炎;如局部炎症侵犯真皮层，则可导致皮肤疤痕形成，或因毛囊遭到破坏，使眉毛乱生，甚至毁容。可能影响视觉或者导致眼部肌肉运动功能失调，可能出现短暂或者永久性伤害，这样的伤害一旦形成就很难被修复。造成眉毛部位发生局部感染。局部感染一般是由几种细菌引起的，一般表现为化脓、皮肤坏死等症状。会造成医源交叉感染。</t>
  </si>
  <si>
    <t>纹眉的伤害：有损面部的自然美，使脸型面谱化。削弱了眉毛保护眼睛的作用，使汗水容易流入眼睛，引起眼睛发炎。</t>
  </si>
  <si>
    <t>3g手机能用4g卡吗</t>
  </si>
  <si>
    <t>做痔疮手术要住院吗</t>
  </si>
  <si>
    <t>具体情况具体分析，轻的可以门诊手术治疗，重的则需要住院治疗。</t>
  </si>
  <si>
    <t>这是要看情况了，要是选择传统手术的话那就要住院，要是选择微创的话那就可以当天就可以回去。</t>
  </si>
  <si>
    <t>补水仪器对脸有害吗</t>
  </si>
  <si>
    <t>经常用会导致皮肤松弛。</t>
  </si>
  <si>
    <t>蜂蜜会变质吗</t>
  </si>
  <si>
    <t>蜂蜜具有很强的抗菌能力，是世界上唯一不会腐败变质的食品。但必须指出的是，如果不是成熟的蜂蜜或掺水等劣质产品，这些蜜久置后都会发酵冒泡、变酸、是不能食用的。当然如果发酵不严重的话，在60左右水浴加热半个小时处理后还是可以食用的。</t>
  </si>
  <si>
    <t>从理论上讲，100%成熟的蜂蜜具有极高的渗透压，以至于细菌都无法在蜜蜂中繁殖，而且它本身还含有抗菌因子，只要保存得当，蜂蜜就不会变质。那么在实际的保存过程中，蜂蜜放久了会变质。</t>
  </si>
  <si>
    <t>会坏的，市场上蜂蜜的保质期为18个月。导致蜂蜜变质的因素：1、贮存不当。2、混合进其它物质，包括水，改变蜂蜜原有密度与物理性质。</t>
  </si>
  <si>
    <t>交通肇事逃逸保险公司是否赔偿</t>
  </si>
  <si>
    <t>逃逸属于逃避责任，这种行为保险公司是不会赔付的。</t>
  </si>
  <si>
    <t>交通肇事逃逸交强险应当赔偿。肇事逃逸的，可以向保险公司索赔交强险，交强险条款里面没有就肇事逃逸不赔的免责条款。</t>
  </si>
  <si>
    <t>开水反复烧开有害吗</t>
  </si>
  <si>
    <t>水被重复加热易形成了医学上称为的“亚硝酸盐”等对人体有害的物质，长期饮用此水、不利于人们的身体健康。</t>
  </si>
  <si>
    <t>只要不是放置很长时间的凉开水，重复烧开后不会对人体健康产生影响。</t>
  </si>
  <si>
    <t>晚餐只吃水果可以吗</t>
  </si>
  <si>
    <t>可以的，凡是甜味不浓能量不高的水果，数量还可以略多一点。</t>
  </si>
  <si>
    <t>晚上只吃水果不好，容易造成营养不良。</t>
  </si>
  <si>
    <t>晚餐也不能仅仅依靠水果，这样很难保证满足夜间的能量消耗，长此以往会引起营养不良。</t>
  </si>
  <si>
    <t>黑魂3好玩吗</t>
  </si>
  <si>
    <t>难，充满恶意，小怪难打，boss也难打，但是打完了成就感大。</t>
  </si>
  <si>
    <t>高级软卧会有艳遇吗</t>
  </si>
  <si>
    <t>火车软卧上有艳遇，看运气如何了。</t>
  </si>
  <si>
    <t>男生穿纯色t恤好看吗</t>
  </si>
  <si>
    <t>纯色的T恤无论搭配黑色或藏青色的直筒牛仔裤都很适合，搭配起来很有阳光男生的气质，相当有型。男士T恤一般都是比较简洁干净，纯色T恤更是将这种风格展示到极致，男士们就算只穿纯色T恤与休闲裤，也可以很阳光很有魅力。</t>
  </si>
  <si>
    <t>要看谁穿， 瘦高的男生穿什么都好看。</t>
  </si>
  <si>
    <t>如果是运动型男生，还是建议穿T恤，也是很阳光的。</t>
  </si>
  <si>
    <t>一键无痕视频是真的吗</t>
  </si>
  <si>
    <t>是假的，不要相信。</t>
  </si>
  <si>
    <t>越狱在美国火吗</t>
  </si>
  <si>
    <t>肯定很火。要不怎么能传到中国。越狱后面的剧情都是根据美国观众的投票来决定剧情走向的。</t>
  </si>
  <si>
    <t>越狱在美国的收视一般，第二季第三季远远不如第一季收视好。</t>
  </si>
  <si>
    <t>大专生可以考公务员吗</t>
  </si>
  <si>
    <t>大专生可以报考公务员。</t>
  </si>
  <si>
    <t>猎聘网怎么样 靠谱吗</t>
  </si>
  <si>
    <t>猎聘网主要是面向中高端的经理人和猎头与企业，有利于猎头和经理人之间进行互动，而且猎聘网对于经理人的资质要求要比一般招聘网高，一般应届生除非资历较好，才能被接受。</t>
  </si>
  <si>
    <t>都是骗人的。</t>
  </si>
  <si>
    <t>孕妇能不能吃樱桃</t>
  </si>
  <si>
    <t>可以吃樱桃。</t>
  </si>
  <si>
    <t>血常规检查需要空腹吗</t>
  </si>
  <si>
    <t>一般来说血常规检查需要空腹的。</t>
  </si>
  <si>
    <t>做血常规检查不需要空腹。</t>
  </si>
  <si>
    <t>王者荣耀 区互通吗</t>
  </si>
  <si>
    <t>不互通的。</t>
  </si>
  <si>
    <t>婴儿床有必要买吗</t>
  </si>
  <si>
    <t>1、婴儿床有护栏，不会掉到床底下，这是从宝宝的安全出发。2、买来拼在大床边，晚上就可以一起睡了。3、可以避免妈妈们睡觉不老实压到宝宝。4、等宝宝会爬后，你把宝宝单独放到床上是很危险的，而婴儿床则有护栏。5、因为跟大人睡，就容易吸到大人呼出的废气，对宝宝的健康又影响。6、从小培养小孩的独立性，不会过于依赖大人。7、小孩长到四五岁，也总要用婴儿床啊，何况现在的婴儿床大多数都是可以改装加大加长的，有的可以用到十岁之久。所以购买婴儿床也不会浪费啊。8、给孩子独立的空间，对小孩，对大人都好。小孩子有自己的一方天地，一片区域，怎么玩闹都行，而对于大人呢，小孩子尿尿什么的，不会弄脏大人的床铺。</t>
  </si>
  <si>
    <t>不是很必要。</t>
  </si>
  <si>
    <t>9点15到25分之间能成交吗</t>
  </si>
  <si>
    <t>理论是可以成交的，但是大资金的大户和机构都是有特别通道的，所以散户来说成交的概率比较小。</t>
  </si>
  <si>
    <t>集合竞价时间，可以委托，但是要等到9:25开盘价出来后才知道能否成交。</t>
  </si>
  <si>
    <t>如果卖出集合竞价的价格在集合竞价成交价格以下就会成交。</t>
  </si>
  <si>
    <t>北京治疗白癜风疼不疼</t>
  </si>
  <si>
    <t>不疼的，一般都做手术才会疼的，但是这种小孩子都可以接受的。</t>
  </si>
  <si>
    <t>违章扣分网上能处理吗</t>
  </si>
  <si>
    <t>需要扣分的违章在网上无法缴纳的，能在网上缴纳的违章就是不用扣分的。</t>
  </si>
  <si>
    <t>有的城市车辆违章罚款和扣分能在网处理，有的城市则没开通网上处理。</t>
  </si>
  <si>
    <t>能处理但是不能超过12分。</t>
  </si>
  <si>
    <t>结婚证必须在户口所在地办吗</t>
  </si>
  <si>
    <t>是的。男女双方应当共同到一方当事人常住户口所在地的婚姻登记机关办理结婚登记。符合结婚条件的，由婚姻登记机关发给结婚证。</t>
  </si>
  <si>
    <t>微医挂号网可靠吗</t>
  </si>
  <si>
    <t>这种建议你还是去医院亲自挂号，有的骗子就是冒充微医挂号来骗钱的，但有的微医也的确是真的。</t>
  </si>
  <si>
    <t>逆鳞好看吗</t>
  </si>
  <si>
    <t>很好看。</t>
  </si>
  <si>
    <t>高中可以考教师证吗</t>
  </si>
  <si>
    <t>是不可以报考教师资格证的。最低学历为大专。</t>
  </si>
  <si>
    <t>冰箱运输能横放吗</t>
  </si>
  <si>
    <t>不能，因为冰箱压缩机大都是使用的传统活塞式的，为了减少工作噪音，压缩机电机都是被三根吊簧悬挂在中间的，如果冰箱倾斜度太大或平放搬运，就很容易会使电机脱钩，导致压缩机无法正常使用。</t>
  </si>
  <si>
    <t>冰箱是不能长时间倾斜超过45度放的，里面有制冷剂，倾斜角度过大会导致制冷剂回流，从而影响冰箱性能，导致寿命减短或性能故障的。</t>
  </si>
  <si>
    <t>对于不采用佛里昂作制冷剂的冰箱，就无所谓怎么搬了。</t>
  </si>
  <si>
    <t>洁牙有害吗</t>
  </si>
  <si>
    <t>无害。</t>
  </si>
  <si>
    <t>淘宝问大家可以删除吗</t>
  </si>
  <si>
    <t>卖家不能删除买家的提问 。只有提问者本人可以删除问大家的问题。</t>
  </si>
  <si>
    <t>信用卡还最低还款额会影响信用记录吗</t>
  </si>
  <si>
    <t>微信朋友圈回复 别人能看到吗</t>
  </si>
  <si>
    <t>如果是好友评论照片或者文字，就可以看到，好友如果和那个评论的好友是好友的话，也能看到。如果没有共同好友，就看不到。</t>
  </si>
  <si>
    <t>世界上有没有龙和凤凰</t>
  </si>
  <si>
    <t>360云盘企业版收费吗</t>
  </si>
  <si>
    <t>是收费的。</t>
  </si>
  <si>
    <t>文斯卡特能进名人堂吗</t>
  </si>
  <si>
    <t>根据卡特的能力和表现来看是可以进入名人堂的，但是由于进入名人堂还需要其它的条件：其一，为篮球事业做出过杰出贡献的人，无论男女年龄国籍肤色种族都有进入名人堂的资格。美国作为世界第一篮球大国占据了名人堂成员的很大比例，能够达到名人堂标准的海外人士并不多。其二，名人堂的入门标准极其严格，球员想进入名人堂都必须等到退役后5年；教练的入选资格更为苛刻，必须执教25年以上的教练才有提名资格。其三，获得提名之后，名人堂成员审核过程异常苛刻。7人初审小组中至少5人同意后，被提名者资料才会递交复审委员会。这份递交的审核材料涵盖了该球员一生球场内外的所有表现，此外还附有7人初审小组的书面意见。24名成员构成的复审委员会将定期或者不定期讨论初审名单，只有不少于18人通过，被提名者才能入选。</t>
  </si>
  <si>
    <t>职业杀手 卢锡安有特效吗</t>
  </si>
  <si>
    <t>有的，技能颜色和攻击声音改变。</t>
  </si>
  <si>
    <t>甜甜巧克力装扮礼盒是永久的吗</t>
  </si>
  <si>
    <t>是永久的!</t>
  </si>
  <si>
    <t>宁波车管所周末上班吗</t>
  </si>
  <si>
    <t>车管所周末是不会上班的；政府部门在星期六、星期日的公休日是可以放假休息的。</t>
  </si>
  <si>
    <t>周末要上班的。</t>
  </si>
  <si>
    <t>百度网盘可以用迅雷下载吗</t>
  </si>
  <si>
    <t>百度网盘必须用默认下载器下载，需要把迅雷设为默认下载器。</t>
  </si>
  <si>
    <t>女生做律师会很危险吗</t>
  </si>
  <si>
    <t>职业都有风险，律师行业也是如此，一般刑事案子危险较大。</t>
  </si>
  <si>
    <t>无论是调查取证、还是会见犯罪嫌疑人、处理各方面的关系，有时会有一定的危险性，所以女性如果想从事律师职业，一定要对自己的整体能力有一个判断，如果各方面比较好的话，可以选择要经济领域、民事领域、婚姻家庭领域从事执业工作。尽量不要从事刑事方面的执业工作。</t>
  </si>
  <si>
    <t>几十元的紫砂杯有害吗</t>
  </si>
  <si>
    <t>没有害，毕竟现在紫砂并不稀缺，再者就是杯的工艺简单，用的基本都是最入门的紫泥做，泥料不珍贵，工艺简单。</t>
  </si>
  <si>
    <t>市场上售价十几元几十元的紫砂壶、紫砂杯基本上都是化工土（也叫合成土）制作而成，长期使用有害健康。</t>
  </si>
  <si>
    <t>双卡双待手机能用两个微信吗</t>
  </si>
  <si>
    <t>可以下载“微信共存版”，实现微信多开，具体操作如下：1）进入同步推官网，在浏览器输入如下地址tui.tongbu.com/即可进入。2）下载并安装同步推，注意区分安卓版和IOS版。3）进入同步推，搜索“微信共存版”，然后下载安装。4）进入微信共存版，登入其他账号即可。</t>
  </si>
  <si>
    <t>首先在手机上安装360卫士安全软件，软件中有微信分身，下载一个就可以了，用另一个号注册一下，和平时用微信一样，可以同时使用。</t>
  </si>
  <si>
    <t>不可以，系统不支持安装相同的两个软件。</t>
  </si>
  <si>
    <t>徐州睢宁是不是很穷</t>
  </si>
  <si>
    <t>睢宁是徐州市最烂的一个县，不过还是要看家庭情况，哪里都有有钱人。</t>
  </si>
  <si>
    <t>这个真是。</t>
  </si>
  <si>
    <t>gmi是一个正规的平台吗</t>
  </si>
  <si>
    <t>正规平台，GMI各方面都还是不错的，相对别的平台说来说比较稳定，交易透明。最主要出入金都很正常，没出过问题。值得推荐。</t>
  </si>
  <si>
    <t>是个正规很好的平台。而且是浮动点差的，做交易的时候成本低！</t>
  </si>
  <si>
    <t>GMI荣膺金融界“2012年度外汇行业最佳交易平台奖是正规平台。</t>
  </si>
  <si>
    <t>5月20日民政局上班吗</t>
  </si>
  <si>
    <t>2017年5月20号恰好是星期六公休日，民政局是放假休息，不会上班。</t>
  </si>
  <si>
    <t>2017年5月20日是星期六，民政局不上班的，但520这个日子，婚姻登记处应该上班。</t>
  </si>
  <si>
    <t>鸡蛋壳可以做花肥吗</t>
  </si>
  <si>
    <t>可以，蛋壳花肥，将鸡蛋壳内的蛋清洗净，在太阳下晒干，捣碎，再放入碾钵中碾成粉末。</t>
  </si>
  <si>
    <t>蛋壳不可以直接做花肥，需要腐熟，有的花友直接把鸡蛋壳放花盆里，结果要不就是发臭了，要么就是生蛆了，这种做法是错误，因为鸡蛋壳里面因为有没有弄干净的蛋清，所以很容易腐烂。</t>
  </si>
  <si>
    <t>乾元理财有亏本的吗</t>
  </si>
  <si>
    <t>这个应该是保本理财产品，不可能会亏的。</t>
  </si>
  <si>
    <t>房地产销售工资高吗</t>
  </si>
  <si>
    <t>销售行业底薪都不高，链家地产刚一入职底薪是2500，销售都靠提成挣钱，底薪是能让你活下去，二手房主要看在哪里做，比如中关村，标的额都在300万以上，一单下来就是提成差不多一万，卖一套大房子差不多两万，起点低，挣钱快，但是这个行业要靠积累，不能激进求成！</t>
  </si>
  <si>
    <t>这个主要是看你在什么城市，基本底薪待遇1200-2200左右，主要看提成，提成提点主要看具体项目，如果每月努力保持业绩排名在中旬，工资起码3000-5000。</t>
  </si>
  <si>
    <t>哈弗h5怎么样值得买吗</t>
  </si>
  <si>
    <t>H5有点过时。</t>
  </si>
  <si>
    <t>至尊版H5配置挺高，发动机是2.0T的，动力还行。</t>
  </si>
  <si>
    <t>面膜可以天天做吗</t>
  </si>
  <si>
    <t>保湿面膜可天天使用。</t>
  </si>
  <si>
    <t>品牌说明上说可以天天做的，可以每天一次。</t>
  </si>
  <si>
    <t>面膜不要天天做，一个礼拜做两到三次就够了。</t>
  </si>
  <si>
    <t>劲仔小鱼吃多有危害吗</t>
  </si>
  <si>
    <t>这种包装的零食都有防腐剂、色素、化学添加剂，吃多了肯定不好。</t>
  </si>
  <si>
    <t>吃了也没多大害处。</t>
  </si>
  <si>
    <t>55度杯对身体有害吗</t>
  </si>
  <si>
    <t>对人体是没有危害的，他是通过吸热来进行热量存储将开水变凉和放热来进行把凉开水变热。</t>
  </si>
  <si>
    <t>这些物质大都对人体有害。建议使用玻璃及不锈钢制品。</t>
  </si>
  <si>
    <t>林凤娇真爱成龙吗</t>
  </si>
  <si>
    <t>被扣12分还能开车吗</t>
  </si>
  <si>
    <t>不能。12分扣完就属于驾驶证暂时失效，需要参加学习，还要参加科一考试合格才能恢复驾驶证。</t>
  </si>
  <si>
    <t>医保卡可以给家人用吗</t>
  </si>
  <si>
    <t>桑叶洗头能治脱发吗</t>
  </si>
  <si>
    <t>桑叶洗头对于防脱发是没用的。</t>
  </si>
  <si>
    <t>桑叶洗头可以治疗脱发。</t>
  </si>
  <si>
    <t>具有一定防治脱发的效果。</t>
  </si>
  <si>
    <t>产假遇法定节假日顺延吗</t>
  </si>
  <si>
    <t>产假遇法定节假日是否可顺延，法律并无明确规定。在实务中，产假通常按自然天数计算，休息日和法定节假日均包含在内。除非产假截止日期是在法定节假日内，上班时间顺延。</t>
  </si>
  <si>
    <t>正常的产假是不顺延的。另外的晚育假是顺延的。</t>
  </si>
  <si>
    <t>qq号不能登录微信了吗</t>
  </si>
  <si>
    <t>以前没用QQ登入过微信的，现在都不能登入了。</t>
  </si>
  <si>
    <t>微信只绑定了QQ，没有绑定手机的微信号，可以直接用QQ号登录微信。</t>
  </si>
  <si>
    <t>不可以，但是可以绑定QQ。</t>
  </si>
  <si>
    <t>一天2万商务伴游靠谱吗</t>
  </si>
  <si>
    <t>假的吧，这种职业可能有吧，总之要交押金什么都就不要去了，骗人，找工作多留个心眼</t>
  </si>
  <si>
    <t>喝中药能不能喝咖啡</t>
  </si>
  <si>
    <t>吃中药不能喝咖啡，因为咖啡中含咖啡因(Caffeine），生物碱等，能兴奋人体中枢神经，具有提神作用。此外，还有利尿及可令血管收缩。如果吃中药喝咖啡的话，会引起酸碱反应，产生沉淀，使药物不易被人体吸收，从而减低药效，影响治疗效果。</t>
  </si>
  <si>
    <t>不可以，否则会影响药的疗效，如果在服药期间想喝的话那就在服药后30-60分钟后。</t>
  </si>
  <si>
    <t>隔一两个小时后可以喝，不过少喝为好。</t>
  </si>
  <si>
    <t>重庆开林集团可靠吗</t>
  </si>
  <si>
    <t>他们好像专门是做人才猎聘，教育培训以及知识产权代理，工商代办这些的涉及的范围还是挺广的，公司也很大。是一家值得信赖的大公司，办理的很快，尾款到的也快，服务态度也很不错。</t>
  </si>
  <si>
    <t>灭蚊灯有效果吗</t>
  </si>
  <si>
    <t>灭蚊灯蛮管用的。</t>
  </si>
  <si>
    <t>在家里密闭环境中使用效果很好。</t>
  </si>
  <si>
    <t>英国签证难办吗</t>
  </si>
  <si>
    <t>非常简单，只要符合要求就不必担心签证。有欧洲的签证记录，签证更容易批准。因为是旅游，不需要对方的邀请函和担保。自己申请就可以。需要做的是，在职收入证明，准假证明，旅游担保金，旅行一个月，至少5万以上，存期最好是3个月以上。旅行记录，详细的计划安排，酒店预订单，可以用信用卡预定，然后获得签证后取销，再住朋友家就可以。工资银行帐单、个人税单，单位营业执照复印件，房产证，汽车等资产。</t>
  </si>
  <si>
    <t>ahc眼霜好用吗</t>
  </si>
  <si>
    <t>很不错，效果可以。</t>
  </si>
  <si>
    <t>好用，涂上去清爽，不会长脂肪粒。</t>
  </si>
  <si>
    <t>不好用，用之后脱皮，长脂肪粒。</t>
  </si>
  <si>
    <t>毕业设计有不通过的吗</t>
  </si>
  <si>
    <t>一次答辩不通过的有，不过二次答辩一般都能过。</t>
  </si>
  <si>
    <t>本科应该都过，老师不会难为学生的，只要不是太过分。</t>
  </si>
  <si>
    <t>这个也是有可能的，但是毕竟是少数，关键还是要认真对待，学校一般不会为难学生的，但是如果态度不好的话，就有可能会进行二次答辩，甚至不过了。</t>
  </si>
  <si>
    <t>信用卡分期还款可以提前还吗</t>
  </si>
  <si>
    <t>信用卡的分期可以提前还款，但需要注意的是：一、提前还款，需要事先联系客服终止分期。如果不申请终止分期，分期剩余额度不会一次性结出账单，仍然还是会占用卡片额度。二、需要提醒持卡人的是，分期一旦申请成功，不可撤销，即使提前终止分期，剩余各期的手续费还是会照样收取的。</t>
  </si>
  <si>
    <t>信用卡可以转账吗</t>
  </si>
  <si>
    <t>信用卡不能转账。</t>
  </si>
  <si>
    <t>银行储蓄卡可以转帐到信用卡还款的，信用卡是不可以转帐到储蓄卡的，信用卡只能消费、取现，只有取现后存到储蓄卡上才可以的。</t>
  </si>
  <si>
    <t>不可以，信用卡不支持的。</t>
  </si>
  <si>
    <t>微信公众号名字可以改吗</t>
  </si>
  <si>
    <t>如果你是未认证的公众号，进入微信后台，选择认证就能获得一次修改名称的机会，只有这一次机会，一定要想好名称再修改。如果微信账号已经认证通过,则需要一下材料：公众帐号（QQ号码/邮箱）；公众帐号原始ID（在公众平台“设置”帐号信息中即可查看原公众帐号名称；需设置的公众帐号名称；新公众帐号名称基于的命名方式及对应的资料，最后一种办法就是重新注册，但重新注册会有身份证的限制，这就需要自己去搞定。</t>
  </si>
  <si>
    <t>众号认证后，需要在下次年审的时候才可以改名。微信公众号中的个人订阅号类型不支持微信认证，因此不能修改名字。其他类型公众号，如果没有进行微信认证，也不能修改名字。服务号、认证的微信公众号，每年需要进行一次年审，并且缴纳300元的年审费用。年审时，需要进行公众号企业、组织以及运营者个人资料的更新和提交。在第三步“确认名称”时，可以有一次更改名称的机会，并且不能使用被已认证公众号使用过的相同名称。认证年审通过之后，名称会相应变更为新的名称。</t>
  </si>
  <si>
    <t>信公众平台名称确认后 订阅号一年可以修改一次，服务号需要认证修改。</t>
  </si>
  <si>
    <t>天行九歌韩非会武功吗</t>
  </si>
  <si>
    <t>韩非不会武功好吧。</t>
  </si>
  <si>
    <t>觉得会，只是装作不会而已。</t>
  </si>
  <si>
    <t>每天早餐吃银耳汤好吗</t>
  </si>
  <si>
    <t>每天早上可以适量吃银耳汤当早餐。</t>
  </si>
  <si>
    <t>可以，不过最好还是要吃些粗粮，不然很容易会饿的。</t>
  </si>
  <si>
    <t>早餐是银耳是不错的选择，但是早餐最好不要只吃银耳，还应吃些含有碳水化合物食物以及含有维生素的蔬菜和水果。</t>
  </si>
  <si>
    <t>车载wifi流量是无限吗</t>
  </si>
  <si>
    <t>一般来说是无限流量的。</t>
  </si>
  <si>
    <t>f150猛禽改装suv违法吗</t>
  </si>
  <si>
    <t>王者荣耀钻石夺宝幸运值会清零吗</t>
  </si>
  <si>
    <t>不会，但是抽到韩信以后会清零，重新开始</t>
  </si>
  <si>
    <t>会。抽到稀有物品就会清零</t>
  </si>
  <si>
    <t>抽到水晶就清空！</t>
  </si>
  <si>
    <t>骨量减少能恢复正常吗</t>
  </si>
  <si>
    <t>杨烁结婚了吗</t>
  </si>
  <si>
    <t>杨烁现实中没有老婆。</t>
  </si>
  <si>
    <t>ipad充电器可以充iphone吗</t>
  </si>
  <si>
    <t>ipad的充电器充iphone肯定没问题，电压一样的，只是ipad的充电器负载能力强，可以输出的电流大，注意是可以输出的电流，这个输出电流的大小要看负载的情况，跟电源没有关系。而拿iphone的充电器去充ipad可能会有点问题，因为iphone的充电器最大只能输出1A的电流，而ipad充电时可能需要大于1A的电流，这样就会超出iphone充电器的最大负载限度，有可能会使充电器损坏。如果充电器里面有限流电路可以限制输出电流不超过危险的程度，充电时间可能会延长很多。电脑USB接口因为有500ma的限流所以不会烧坏接口，但是充电时间也会慢n倍（前提是安装了ipad usb充电补丁）所以说ipad的充电器可以应付各种ipad、iphone的充电需要，而iphone的充电器最好不要拿来充ipad。</t>
  </si>
  <si>
    <t>两个充电器的电流不同，一个是1A，另一个是2.1A，混充将会导致机器电池折寿。iPad电源适配器的功率是iPhone电源适配器功率的两倍多。如果使用iPad电源适配器给iPhone手机充电，会更快完成充电，但是长期使用，将会导致iPhone手机电池使用寿命减短。</t>
  </si>
  <si>
    <t>业务招待费进项税可以抵扣吗</t>
  </si>
  <si>
    <t>纳税人业务招待费属于个人消费支出，不得抵扣进项税额。</t>
  </si>
  <si>
    <t>除了用于免税项目或非应税项目的（发福利）都可以抵。</t>
  </si>
  <si>
    <t>用于非增值税应税项目、免征增值税项目、集体福利或者个人消费的购进货物或者应税劳务，进项税额不得从销项税额中抵扣。福利费不能抵扣进项税。</t>
  </si>
  <si>
    <t>淘宝上一万多的田黄石是真的嘛</t>
  </si>
  <si>
    <t>有证书，支持复检，能退货，那没问题的。</t>
  </si>
  <si>
    <t>淘宝一般玉石和金子什么的不要买。</t>
  </si>
  <si>
    <t>买家骂人可以投诉吗</t>
  </si>
  <si>
    <t>无法投诉，可以限制买家从此不在本店购物，拉黑此买家可以不再接受对方发来的任何信息。限制买家购买的方法：登陆淘宝账号，进入“卖家中心”，然后从“营销中心”里选择“会员关系管理”；然后选择添加标签，选中禁止购买即可。</t>
  </si>
  <si>
    <t>1、可以投诉淘宝客服，但一般情况下，因为这种事情投诉买家，几乎是没有任何用处的，因为买家即不需要实名认证，淘宝对买家，也实行不了什么有效的处罚，所以多数情况，是不会管的。2、如果骂人后给了恶意差评，这个是可以投诉到卖家客服，请求删除恶意差评的，这样可以将损失降到最低，然后将此用户加入黑名单，以后不再做这个人的生意。</t>
  </si>
  <si>
    <t>目前除了投诉买家为差评师可以投诉而且要留证据，关于骂人目前无法投诉。</t>
  </si>
  <si>
    <t>sugar婚礼突袭是真的吗</t>
  </si>
  <si>
    <t>是导演的创意。</t>
  </si>
  <si>
    <t>吃完香蕉可以喝水吗</t>
  </si>
  <si>
    <t>吃了香蕉马上喝水的话应该会拉肚子。</t>
  </si>
  <si>
    <t>吃香蕉后觉得口渴是可以喝一点的,但不能喝多,否则会拉肚子哦!</t>
  </si>
  <si>
    <t>隔个半小时或一小时的应该是没问题的， 不可能说吃过香蕉的人就不能喝水了吧，反正节制一点总是好的。</t>
  </si>
  <si>
    <t>排残奶有必要吗崔玉涛</t>
  </si>
  <si>
    <t>闲鱼确认收货后还能退款吗</t>
  </si>
  <si>
    <t>不能，闲鱼卖家没有保障金，所以确认收货后就结束交易行为了。</t>
  </si>
  <si>
    <t>还可以退款。理由如下：1、可以找商家协商，跟其说清楚，此时要有耐心。协商之后，如果商家同意退款，那么可以申请售后，这样商家就可以退款了，非常方便的。2、可以找淘宝的售后处，请其帮助。一般都会耐心的帮助消费者，帮助消费者能够得到退款，此时只需要耐心的等待就行了。</t>
  </si>
  <si>
    <t>刺客信条枭雄好玩吗</t>
  </si>
  <si>
    <t>《刺客信条：枭雄》就好像是一款老旧的作品。游戏场景、人物建模、关卡以及AI都乏善可陈。</t>
  </si>
  <si>
    <t>枭雄的画风，远不同于前几代，之前经常说起的千军万马避白袍已经没有了，刺客信条枭雄，画风变成了比较黑暗的风格，历史背景设置在英国的工业革命时期，总的来说枭雄还是不错的，但是配置要求较高，最低也要2G的显存，但是1g的显存可以带的动，还是不错的。</t>
  </si>
  <si>
    <t>小牛电动车上海可以上牌吗</t>
  </si>
  <si>
    <t>上海现在是没办牌上牌的。</t>
  </si>
  <si>
    <t>华夏保险可靠吗</t>
  </si>
  <si>
    <t>华夏保险靠谱。是正规公司，不至于说是骗子公司。‍华夏人寿保险股份有限公司（简称华夏保险），于2006年12月经中国保险监督管理委员会批准设立，总部设在北京，是一家全国性、股份制人寿保险公司。公司注册资本金123亿元人民币，总资产超过1200亿元，在全国设有分支机构400余家，人员队伍超过3万。</t>
  </si>
  <si>
    <t>保险公司都是可靠的，保险产品也都是靠谱的，让人觉得保险不靠谱主要是业务员在保险推销过程中只谈优点不谈缺点导致有些人买过之后觉得自己上当受骗了，建议买保险一定要看清合同条款再购买。</t>
  </si>
  <si>
    <t>耳膜破了能治好吗</t>
  </si>
  <si>
    <t>不太严重会治好的。</t>
  </si>
  <si>
    <t>这个要看是什么原因造成的，还有就是穿孔的面积大小，一般外伤导致的没有引起没有感染的话这个自己慢慢是可以恢复的，炎症导致的早期积极治疗的话也是可以的，但是后期如果严重的话可能就不好说了，很多都是长不上的。</t>
  </si>
  <si>
    <t>一般情况下如果是耳膜穿孔比较小，长上的可能性比较大。要注意保持耳道清洁干燥，防止发炎防止感冒，长不上建议根据情况考虑手术治疗。</t>
  </si>
  <si>
    <t>看门狗2地图比gta5大吗</t>
  </si>
  <si>
    <t>地图小多了，GTA5的三分之一那么大吧，之前看到有个网友做了个评测，所有的效果里面，只有夜景看门口比GTA5做得好。</t>
  </si>
  <si>
    <t>gta5地图大，看门狗2要小上很多。</t>
  </si>
  <si>
    <t>gta5大，里面一个沙漠就能赶上狗2不少地图。</t>
  </si>
  <si>
    <t>房产公证有法律效力吗</t>
  </si>
  <si>
    <t>经过公证的房产公证书具有法律效力。</t>
  </si>
  <si>
    <t>这要看具体的情况了。</t>
  </si>
  <si>
    <t>大水蚁是白蚁吗</t>
  </si>
  <si>
    <t>是一样的。</t>
  </si>
  <si>
    <t>大水虫是成虫的白蚁。</t>
  </si>
  <si>
    <t>女神异闻录5好玩吗</t>
  </si>
  <si>
    <t>冰丝席对身体会有害吗</t>
  </si>
  <si>
    <t>冰丝是由天然棉皮经科学提炼而成，具有透气性能好，自动调湿，日照升温慢等特点。冰丝凉垫的使用感觉同亚麻凉垫很相似，只是手感更加柔软，颜色也非常雅致。冰丝还有防霉、防虫、防静电、无辐射等效果。所以对身体无害。</t>
  </si>
  <si>
    <t>舒曼卫浴是品牌吗</t>
  </si>
  <si>
    <t>不算出名的品牌。</t>
  </si>
  <si>
    <t>2017跑滴滴快车赚钱吗</t>
  </si>
  <si>
    <t>滴滴虽然合法，但每个地区执行不同，还是有被抓的风险。如果被抓可以打客服电话，要出示扣车以及提车花钱所有的证据，最快7个月处理，至于处理是补偿100%的扣车款，还是50%客服也不知道。另外，抓非法营运隶属交通局。顺便说，就算过年现在有补贴，算上燃油、车辆磨损、电话费以及人工，仍然是亏钱或者不赚钱的，大城市也许好一些。</t>
  </si>
  <si>
    <t>还可以跑的，赚钱没以前那么多了。</t>
  </si>
  <si>
    <t>不挣钱的。</t>
  </si>
  <si>
    <t>宅基地可以买卖吗</t>
  </si>
  <si>
    <t>根据我国《物权法》和《最高人民法院在司法实践的指导》规定，我国农村宅基地的买卖是被允许的，但又有诸多的限制条件。</t>
  </si>
  <si>
    <t>端午银行放假吗</t>
  </si>
  <si>
    <t>储蓄、办卡等个人业务各个网点是轮流放假。</t>
  </si>
  <si>
    <t>恒大金服安全吗</t>
  </si>
  <si>
    <t>恒大金服靠谱，但是有点夸大其词。</t>
  </si>
  <si>
    <t>安全靠谱，毕竟是许加印的公司。</t>
  </si>
  <si>
    <t>不能给你保证说资金安全安全 因为就算是银行都有出错坏账的情况，银行卡被盗刷了银行也不负责。金融平台本身的收益比很多理财产品都好，但是风险也是相当比较高，对于新手来说建议在平台投资的时候降低投资金额，然后选择多家平台共同投资，这样才会有效的降低投资风险，也能获取较高的收益。</t>
  </si>
  <si>
    <t>恩视明眼贴有副作用</t>
  </si>
  <si>
    <t>没有副作用。</t>
  </si>
  <si>
    <t>大众速腾2017质量好吗</t>
  </si>
  <si>
    <t>绿盾企业征信靠谱吗</t>
  </si>
  <si>
    <t>绿盾公司可以说是相当好的公司，是我国征信行业的先行者，现在影响非常大的11315全国企业征信系统就是由它开发的，11315全国企业征信系统是第三方公众征信平台，是我国率先建起的大数据征信新模式。</t>
  </si>
  <si>
    <t>11315全国企业征信系统是第三方公众征信平台，是我国率先建起的大数据征信新模式。创立于2002年。在北京市工商行政管理依法注册征信公司，将“企业信用的征集、评定”等征信业务明确列入法人执照营业范围之内，获得征信机构的合法主体资格；在国家工信部依法注册备案“11315全国企业征信系统”；在国家商标总局依法申请注册“11315”商标。</t>
  </si>
  <si>
    <t>新身份证需要激活吗</t>
  </si>
  <si>
    <t>领取并签字就可以正常使用，不存在激活的问题。</t>
  </si>
  <si>
    <t>肠镜检查痛苦吗</t>
  </si>
  <si>
    <t>肠镜痛苦比较小。</t>
  </si>
  <si>
    <t>有轻度的不适，一般可以忍受。但每个人的耐受能力不同。</t>
  </si>
  <si>
    <t>肠镜检查要比胃镜检查麻烦些，也比胃镜痛苦。</t>
  </si>
  <si>
    <t>手机爱奇艺下载的视频可以传到电脑吗</t>
  </si>
  <si>
    <t>导出来的是不可以的，下载PPTV风行导出来的是可以的。</t>
  </si>
  <si>
    <t>可以的，直接用爱奇艺打开看就行了。</t>
  </si>
  <si>
    <t>今日头条发文章挣钱吗</t>
  </si>
  <si>
    <t>可以在今日头条里发布文章赚钱，首先要有个头条号，接着过新手期，之后就可以发文章赚钱了。但重要是发布的文章要有价值，且有人看，才有收获。</t>
  </si>
  <si>
    <t>可以的，不过如果只有一个平台，肯定赚不到钱。我们五六个平台都赚不到什么钱。</t>
  </si>
  <si>
    <t>理解可能有误差，不是在今日头条写文章而是在头条号上发布文章。头条号是新兴的自媒体平台，并且拥有自营广告等收益功能。很多人通过发布头条号文章获得经济收益，能不能赚到3万元却是因人而异的。月入3万还是较高的收益了。不过因为在头条号上发表文章是零成本的事情，建议有自媒体运营或者内容创造者可以去尝试。</t>
  </si>
  <si>
    <t>百合网靠谱吗</t>
  </si>
  <si>
    <t>个人觉得不错。因为年龄大了，各种被父母亲戚逼婚。只能报着试试看的态度。会选择百合只是觉得百合名气大，总比一些其他小地方的靠谱。就这种试试看的态度，却在百合收获了真实的幸福。现在都已经当妈妈了。</t>
  </si>
  <si>
    <t>马桶被大便堵能泡开吗</t>
  </si>
  <si>
    <t>貌似有点玄。你可以去超市买个马桶塞，然后一压一拔应该会通了。</t>
  </si>
  <si>
    <t>流量宝送流量是真的吗</t>
  </si>
  <si>
    <t>流量宝可以送流量确实是真的。随着手机端互联网的发展，很多手机应用为我们提供了很多方便。现在通过做任务，每个月用流量宝换流量很多很多。下面是用流量宝换流量的方法：1. 获取免费流量币：完成内置任务或与好友互动即可获取免费流量币；2. 流量币兑换流量：把流量币兑换成手机流量需要进行以下步骤：1）点击首页的“兑换”图标，进入兑换界面；2）选择你需要兑换的流量卡面值（根据用户的手机号判断所属的运营商）；3）点击兑换，此流量卡就进入你的流量卡；4）在你需要的时候充值到手机。3. 赠送或索要流量币：点击“求流量”和“送流量”分别代表索要和赠送流量币，点击相应功能并从通讯录选择好友的手机号码、设置索要/赠送的需求数量，最后点击确认按钮。</t>
  </si>
  <si>
    <t>公海杀人犯法吗</t>
  </si>
  <si>
    <t>当然违法，涉嫌犯罪。一般涉嫌故意杀人罪，一般依船籍国法律追究刑事责任。</t>
  </si>
  <si>
    <t>镇魔曲安卓苹果互通吗</t>
  </si>
  <si>
    <t>三门县是浙江最穷县吗</t>
  </si>
  <si>
    <t>六一儿童节是法定假日吗</t>
  </si>
  <si>
    <t>六一儿童节放假安排：儿童节不属于国家法定节假日。根据国务院《全国年节及纪念日放假办法》中的第三条，第三点规定，六一儿童节(6月1日)，不满14周岁的少年儿童放假1天。</t>
  </si>
  <si>
    <t>军创公益平台是骗局吗</t>
  </si>
  <si>
    <t>典型的旁氏骗局了，一般这种模式很难超过半年。</t>
  </si>
  <si>
    <t>智慧易购买车是骗局吗</t>
  </si>
  <si>
    <t>如果是非法的话早被政府查办了。</t>
  </si>
  <si>
    <t>典型的非法集资。</t>
  </si>
  <si>
    <t>这个是真的，不是骗人的，要实地看看。</t>
  </si>
  <si>
    <t>京东用户名可以修改吗</t>
  </si>
  <si>
    <t>京东商城的注册用户名是无法更改的，一经注册就没办法再更改，也没办法注销。如果只是京东商城显示的昵称，那是可以更改的，只要在个人信息内进行修改即可。</t>
  </si>
  <si>
    <t>鸡内金能治胆结石吗</t>
  </si>
  <si>
    <t>鸡内金是能够治疗胆结石的。</t>
  </si>
  <si>
    <t>王布和治疗癌症真实吗</t>
  </si>
  <si>
    <t>神医是假的，治癌症更是假的。定药吃完，好些罢了</t>
  </si>
  <si>
    <t>教师证是否全国通用</t>
  </si>
  <si>
    <t>教师资格证是要在教育部那里备案注册的，全国唯一有效，全国范围内的通用。</t>
  </si>
  <si>
    <t>10.3.1能越狱吗</t>
  </si>
  <si>
    <t>目前还不行。</t>
  </si>
  <si>
    <t>诺基亚6好用吗毛病多吗</t>
  </si>
  <si>
    <t>不好，只是诺基亚牌子，而手机却不是诺基亚。这款手机问题一大堆，最大问题就是兼容性太差，很多软件都无法兼容，所以最好别买。</t>
  </si>
  <si>
    <t>诺基亚6当然也会有点问题，比如安装软件不能后台自行安装，只能看着安装完。然后重启一次之前设置的模式就又要设置。其它方面目前没什么问题，但目前觉得挺好用，性价比挺高。</t>
  </si>
  <si>
    <t>性能中等，大部分游戏可以流畅运行，但是喜欢发烧点的游戏玩家，那建议别选。</t>
  </si>
  <si>
    <t>苹果6丢了别人能用吗</t>
  </si>
  <si>
    <t>一旦启用iCloud，对方将无法刷机或使用。</t>
  </si>
  <si>
    <t>刷机就能用。</t>
  </si>
  <si>
    <t>西部志愿者可以转正吗</t>
  </si>
  <si>
    <t>不能，要转正你得参加各类相关考试。</t>
  </si>
  <si>
    <t>正常情况，一般是可以转正的。</t>
  </si>
  <si>
    <t>勇敢的心艾希绝版了吗</t>
  </si>
  <si>
    <t>不会绝版。</t>
  </si>
  <si>
    <t>framework可以卸载吗</t>
  </si>
  <si>
    <t>可以卸载，但是一般不要卸载，因为许多应用软件都需要framework才可以运行。</t>
  </si>
  <si>
    <t>不能。卸载了系统会出现各种各样的问题。这是一个微软的框架借口，几乎所有的软件都要调用其中的API。</t>
  </si>
  <si>
    <t>可以卸载，不会有任何影响的。</t>
  </si>
  <si>
    <t>来例假能吃芒果吗</t>
  </si>
  <si>
    <t>经期是可以适当食用一些芒果的。</t>
  </si>
  <si>
    <t>芒果又名庵罗果，气血阻滞，女子以肝为先天，用温远温，或房事不节、益胃止呕等功效。对血小板的聚集有抑制作用：女性在经期饮食要特别注意，痰浊瘀血蕴结。酸甘既济、劳倦内伤或七情失和、香盖等，因此经期不能吃芒果，芒果苷中含有斛皮素等黄酮类植物雌激素。因为芒果性微寒。</t>
  </si>
  <si>
    <t>月经期不可以吃芒果。因为芒果是寒性或凉性的的水果，这样容易引起身体的不适，严重者甚至还会出现腹痛甚至腹泻。</t>
  </si>
  <si>
    <t>梦幻西游好玩吗</t>
  </si>
  <si>
    <t>日冕女神 卡尔玛有特效吗</t>
  </si>
  <si>
    <t>百香果上火吗</t>
  </si>
  <si>
    <t>一次性吃太多百香果会容易上火。</t>
  </si>
  <si>
    <t>百香果吃的多了不会导致上火的。</t>
  </si>
  <si>
    <t>苹果手机拉黑了还能收到短信吗</t>
  </si>
  <si>
    <t>只是电话拉黑的话，短信是可以收到的。</t>
  </si>
  <si>
    <t>因为黑名单是短信和电话同时拉黑的，所以无法收到。</t>
  </si>
  <si>
    <t>孕妇可以坐飞机吗?</t>
  </si>
  <si>
    <t>1、怀孕不足8个月(32周)的孕妇乘机，除医生诊断不适应乘机者外，按一般旅客运输。2、怀孕超过8个月(32周)但不足35周的孕妇乘机，应办理乘机医疗许可。该乘机医疗许可应在乘机前7天内签发有效。3、下列情况，本公司一般不予承运： A. 怀孕35周(含)以上者；B. 预产日期在4周(含)以内者；C. 预产期临近但无法确定准确日期，已知为多胎分娩或预计有分娩并发症者；D. 产后不足7天者。另外因为高空有电离辐射，有气压的改变，这些可以导致早产的发生。所以在坐飞机的时候，多半也是在早孕期，最迟是在34周，因为到后面更容易发生一些意外的情况，破水、早产。</t>
  </si>
  <si>
    <t>手机微信退出,电脑微信还能在线吗</t>
  </si>
  <si>
    <t>一般情况下手机退出登入，电脑上的网页版微信也会跟着退出的。</t>
  </si>
  <si>
    <t>要让PC版微信在手机不用微信时仍能使用，只要在手机微信登录的状态下，把手机WIFI或流量关闭，这样电脑网页版微信仍可使用。</t>
  </si>
  <si>
    <t>印象莫奈展好看吗</t>
  </si>
  <si>
    <t>值得啊。莫奈是印象派的大师。他的画作很有意思，都是抽象的，只有自己领会才行。</t>
  </si>
  <si>
    <t>a21是以纯吗</t>
  </si>
  <si>
    <t>A21是以纯公司推出的线上专供品牌。</t>
  </si>
  <si>
    <t>以纯旗下的品牌。</t>
  </si>
  <si>
    <t>医保卡里的钱能取出来吗</t>
  </si>
  <si>
    <t>医保卡里的钱是不能取现的。</t>
  </si>
  <si>
    <t>能，自己存的那些是可以取的，之前交的医保钱是取不了的。</t>
  </si>
  <si>
    <t>不能直接在ATM取现，可以在药店买药刷卡。</t>
  </si>
  <si>
    <t>csgo暴怒野兽吃磨损吗</t>
  </si>
  <si>
    <t>不会，皮肤的磨损和品质从箱子里开出来之后就是固定不变的。</t>
  </si>
  <si>
    <t>CSGO的武器不会磨损，磨损是相对于CSGO里面枪皮肤，枪的皮肤磨损以开箱子就决定好了的你用的时间再长也不会增加磨损。</t>
  </si>
  <si>
    <t>也吃，磨损越严重枪身图案覆盖的范围越小。</t>
  </si>
  <si>
    <t>南京集体户口可以买房吗</t>
  </si>
  <si>
    <t>还需满足以下条件：1、至少6个月社保缴纳证明或纳税证明；2、如若公积金贷款，需要1年以上；</t>
  </si>
  <si>
    <t>集体户口是南京的就可以直接买房</t>
  </si>
  <si>
    <t>可以的，南京的集体户口属于南京市的户籍，也是南京本地户口的一部分，购房过程中执行南京本地户口的政策标准。可以去关注类似365淘房这些房产网站，新房二手房都有，信息还比较真实。</t>
  </si>
  <si>
    <t>一加3t可以一键root吗</t>
  </si>
  <si>
    <t>大部分的安卓系统的手机都可以root权限，一般手机可以用电脑上的应用宝就可以root成功的。可以完美的root成功。要先在手机上打开手机的USB连接模式才可以的，手机的数据线把手机与电脑连接，它会自动匹配您的手机型号 。在应用宝的常用工具里找到 一键root并点击就可以root成功这个手机了。</t>
  </si>
  <si>
    <t>用腾讯手机管家root，数据线将手机与电脑连接，用腾讯手机管家（应用宝）点击工具箱找到"一键ROOT"功能，备份后即可获取权限，点击"开始root"，静候3-5分钟就OK了！(此过程依旧保持电脑与手机连接)。</t>
  </si>
  <si>
    <t>首先你要下载强力一键ROOT，点击“立即安装”安装软件。然后再将手机连接到电脑上，点击“连接手机按钮”。再点击“安装APP”。当安装成功后会提示“APP安装完成”。 这时你打开手机上的APP，按照操作进行就可以了。</t>
  </si>
  <si>
    <t>帕金森病能治好吗</t>
  </si>
  <si>
    <t>目前无法根治，只能去控制症状，提高病人的生活质量。</t>
  </si>
  <si>
    <t>董秘资格考试难不难</t>
  </si>
  <si>
    <t>网监大队能查到微信吗</t>
  </si>
  <si>
    <t>网监大队能查到微信，什么记录都能查,只要是合法的。</t>
  </si>
  <si>
    <t>除非有人举报，上传聊天记录信息，才会检查的，平时这个聊天是不可能检查的。</t>
  </si>
  <si>
    <t>英国约克大学值得上吗</t>
  </si>
  <si>
    <t>值得，近两年已晋升至一线院校，商学院的专业比较丰富，另外还有比较出名的专业有教育学、艺术史、社会工作等。</t>
  </si>
  <si>
    <t>值得，约克的经济专业排名很高，约克的主要侧重点应该在计量经济学上，会学到一些实在的操作技能。</t>
  </si>
  <si>
    <t>律师收入高吗</t>
  </si>
  <si>
    <t>和学历、就业城市、律所知名度和规模有关。</t>
  </si>
  <si>
    <t>律师在我国则属于中高薪职业，年薪在10万到数百万不等；也有部分才入职的律师一年都接不到一个案子，且供职于一家小律师事务所的律师，一个月也就四五千的工资，年薪也就七八万左右。一些有资历、有影响力的名律师和社会关系多的律师的年薪约在50至100万上下，个别的年薪可达上千万。</t>
  </si>
  <si>
    <t>全职法师好看吗</t>
  </si>
  <si>
    <t>代持协议是否合法</t>
  </si>
  <si>
    <t>根据司法解释，股权代持协议只要不违反法律的强制性规定，都是有效的：最高人民法院关于适用〈中华人民共和国公司法〉若干问题的规定（三）第二十五条 有限责任公司的实际出资人与名义出资人订立合同，约定由实际出资人出资并享有投资权益，以名义出资人为名义股东，实际出资人与名义股东对该合同效力发生争议的，如无合同法第五十二条规定的情形，人民法院应当认定该合同有效。前款规定的实际出资人与名义股东因投资权益的归属发生争议，实际出资人以其实际履行了出资义务为由向名义股东主张权利的，人民法院应予支持。名义股东以公司股东名册记载、公司登记机关登记为由否认实际出资人权利的，人民法院不予支持。实际出资人未经公司其他股东半数以上同意，请求公司变更股东、签发出资证明书、记载于股东名册、记载于公司章程并办理公司登记机关登记的，人民法院不予支持。</t>
  </si>
  <si>
    <t>有胎心了还会胎停吗</t>
  </si>
  <si>
    <t>应该是不会的，只要感觉一切正常，没有任何的出血一类的异常反应都是没有问题的。当然还在孕早期的不稳定状态中，还是小心一点的哦。</t>
  </si>
  <si>
    <t>有胎心了是可喜的，但是有胎心并不代表一直平安，如果发生血型不符合、吃了不该吃的、身体状态不好、还有空气环境污染等情况都会引起停胎。所以一定要定期检查，避免劳累，不吃刺激性食物和药物，充足睡眠，避免房事，出门戴口罩。</t>
  </si>
  <si>
    <t>有胎心就提示胚胎或者胎儿是存活的，胎停就没有胎心了。</t>
  </si>
  <si>
    <t>菜鸟驿站可以寄快递吗</t>
  </si>
  <si>
    <t>garageband可以卸载吗</t>
  </si>
  <si>
    <t>GarageBand是制作音乐的软件，如果不用的话可以卸。</t>
  </si>
  <si>
    <t>GarageBand是免费的，但应用所占的空间不小。在删掉之前必须确认自己以后完全不会用到GarageBand。删除步骤：1.在Finder中搜索/Applications/folder。2.在刷出来的列表里找到GarageBand，将它拖入废纸篓中。注意删除该应用需输入管理员密码。3.进入废纸篓里选择"清空"。4.在Finder中按下Command+Shift+G，输入”/Library/ApplicationSupport/GarageBand"。5.删除刷出来的所有文件，清空废纸篓。如果是OSXMavericks系统只需执行前三个步骤。而之前版本的OSX需要依次执行五个步骤。</t>
  </si>
  <si>
    <t>百度知道财富值可以充值吗</t>
  </si>
  <si>
    <t>不可以直接充值，但可以通过兑换百度知道商城的充值卡。</t>
  </si>
  <si>
    <t>肉松面包是棉花做的吗</t>
  </si>
  <si>
    <t>不是棉花做的，是肉做的。</t>
  </si>
  <si>
    <t>一台电脑能用两个硬盘</t>
  </si>
  <si>
    <t>一台电脑可安装多个硬盘，只能使用一个硬盘的系统启动。</t>
  </si>
  <si>
    <t>伪声会毁本音吗</t>
  </si>
  <si>
    <t>一开始会，多练习之后，本音和伪音可互相转换。</t>
  </si>
  <si>
    <t>不化妆需要用隔离霜吗</t>
  </si>
  <si>
    <t>不化妆一样需要使用隔离霜。</t>
  </si>
  <si>
    <t>不化妆时也建议使用隔离霜。</t>
  </si>
  <si>
    <t>不化妆也是可以使用隔离霜的。</t>
  </si>
  <si>
    <t>银杏片可以长期吃吗</t>
  </si>
  <si>
    <t>可以长期服用银杏叶片，没有副作用。</t>
  </si>
  <si>
    <t>仙境传说ro好玩吗</t>
  </si>
  <si>
    <t>好玩，挺萌挺温馨的一个游戏。</t>
  </si>
  <si>
    <t>陈乔恩杜淳在一起了吗</t>
  </si>
  <si>
    <t>现实中并没有在一起。</t>
  </si>
  <si>
    <t>网易考拉的东西是正品吗</t>
  </si>
  <si>
    <t>网易考拉通过自营直采,官方授权,资质复核确保所售商品均为正品,作为以自营为主的跨境电商,可以对商品流通的全流程进行监管并有据可查。</t>
  </si>
  <si>
    <t>东西看着是正品。</t>
  </si>
  <si>
    <t>应该可以吧，个人一直在海淘，虽然没用过考拉，一直用的是亚马逊和国际妈咪海淘，都是国外仓储自营直发的，提倡开具发票。国内有售后服务公司，品质方面无需担忧。</t>
  </si>
  <si>
    <t>孕妇能吃火锅吗</t>
  </si>
  <si>
    <t>那是当然不可以的。</t>
  </si>
  <si>
    <t>建议吃鸳鸯锅或清汤的。</t>
  </si>
  <si>
    <t>20000毫安充电宝能带上飞机</t>
  </si>
  <si>
    <t>伟哥吃了有副作用吗</t>
  </si>
  <si>
    <t>很少数人事后会有副作用表现，像脸发热,轻微头痛，这都是暂时性的，伟哥的药性会在十二小时内完全排出体外，对身体没有任何影响，它只是扩张血管的作用。</t>
  </si>
  <si>
    <t>吃伟哥会产生头痛、脸红，胃难受的副作用，长期服用会产生很大的依赖性。</t>
  </si>
  <si>
    <t>头痛，临床试验中发现，约有13%的人服药后出现头痛，且服用剂量越大愈烈。长期服用伟哥可产生药物依赖性，甚至形成永久性阳痿。</t>
  </si>
  <si>
    <t>无叶风扇噪音大吗</t>
  </si>
  <si>
    <t>没有噪音的比起传统风扇</t>
  </si>
  <si>
    <t>u启动好用吗</t>
  </si>
  <si>
    <t>好用的。</t>
  </si>
  <si>
    <t>钉钉好用吗</t>
  </si>
  <si>
    <t>钉钉现在还是挺受企业老板欢迎的，现在钉钉的功能也算是完善强大，相比于其他的竞品如用友的企业空间等，钉钉最大的优势之一是免费，免费送通话时长，整个软件都免费给企业使用，钉钉说起来其实就是一个企业内部沟通管理软件，包括了审批、即时IM等，还有其他更多的模块，总的来说，钉钉还是挺好用的。</t>
  </si>
  <si>
    <t>钉钉（DingTalk）是阿里巴巴集团专为中小企业打造的沟通和协同的多端平台。钉钉因中小企业而生，帮助中小企业通过系统化的解决方案，全方位提升中小企业沟通和协同效率。就是一款企业级通信软件来的，就类似第一企信，一款免费的企业级即时通讯软件，零成本沟通，持续免费升级。不需要部署，即下即用，企业激活了第一企信后，员工可以通过客户端，看到公司组织结构和人事状况，同事之间进行文字、语音、电话、会议等即时沟通协作。企业沟通功能1、一键发起商务电话，让团队内部沟通变得简单便捷，简易高效的电话会议体验，支持2~9人同时加入2、商务电话免费，降低沟通成本3、新颖的电话面板控制方式，实时显示参会者在线状态和通话质量；4、快速发起会议，实时增加、删除成员，控制静音，面板皆可实现5、高清电话会议语音，底层采用业界顶尖语音编解码引擎和运营商级语音线路。</t>
  </si>
  <si>
    <t>论文抄书能查出来吗</t>
  </si>
  <si>
    <t>理论上可以说是会查重出来的，看你的抄袭的那本书在论文查重系统的数据库里面有收录没有，如果库理由收录就会被查重出来的。</t>
  </si>
  <si>
    <t>论文检测系统数据库中只要收录了书本中的内容，就是会被检测出来的。</t>
  </si>
  <si>
    <t>可以，你最好每段换些相似的词语，或者改变句子的表述方式。</t>
  </si>
  <si>
    <t>360能杀勒索病毒吗</t>
  </si>
  <si>
    <t>能杀是能杀，但效果很一般。</t>
  </si>
  <si>
    <t>洗牙对牙齿好吗</t>
  </si>
  <si>
    <t>信用卡有欠款可以贷款买房吗</t>
  </si>
  <si>
    <t>可以的，信用卡有欠款不影响买房；不过如果信用卡有多次逾期或者有恶意透支，那就会影响到贷款。</t>
  </si>
  <si>
    <t>国一金典是正规公司吗</t>
  </si>
  <si>
    <t>国一金典公司是一家收藏品公司，在业内是翘楚。</t>
  </si>
  <si>
    <t>百度云普通会员能加速吗</t>
  </si>
  <si>
    <t>当然不行，一定要收费会员才可以。</t>
  </si>
  <si>
    <t>德牧被主人打会记仇吗</t>
  </si>
  <si>
    <t>德牧大多对主人不会记仇的。</t>
  </si>
  <si>
    <t>泰国可以用支付宝吗</t>
  </si>
  <si>
    <t>绝对可以的。</t>
  </si>
  <si>
    <t>雅虎倒闭了吗</t>
  </si>
  <si>
    <t>不是倒闭，是被微软收购！</t>
  </si>
  <si>
    <t>生活大爆炸还有第十一季吗</t>
  </si>
  <si>
    <t>《生活大爆炸》的制作人Chuck Lorre尚未确定会否续订，第十季的确有可能是剧终季。</t>
  </si>
  <si>
    <t>恢复分区可以删除吗</t>
  </si>
  <si>
    <t>win10的恢复分区是系统自动创建的一个额外的分区来存储恢复环境。如果你确定不要，是可以删除的，使用DISKGENIUS等分区工具去掉分区的隐藏属性，然后删除。不会影响系统运作。</t>
  </si>
  <si>
    <t>恢复分区出现在正版系统的本本和品牌机的硬盘分区里。恢复分区的作用是在需要时使用其中的备份数据恢复电脑的系统。如果你需要继续使用随机自带的正版系统，那么不能删除包括恢复分区在内的所有系统分区，否则以后将无法恢复系统。如果不想再用正版系统，打算自己安装系统，那么这个分区就没有用处，可以自行删除。</t>
  </si>
  <si>
    <t>艾戈勒手表是杂牌吗</t>
  </si>
  <si>
    <t>艾戈勒是瑞士知名钟表品牌，英文名AGELOCER，1932年由马尔其斯-穆勒（Maerqisi–Muller）始创于瑞士琉森湖畔的卢塞恩，主要从事机芯的研发及钟表制造。凭借强大的机芯、创新的理念、精致的做工及完善的售后服务，致力于打造亨誉业界的知名手表品牌。</t>
  </si>
  <si>
    <t>虽然款式不那么新颖，但是还是不错的手表，值得拥有。</t>
  </si>
  <si>
    <t>第三套房可以公积金贷款吗</t>
  </si>
  <si>
    <t>目前还未开放三套房公积金贷款。</t>
  </si>
  <si>
    <t>魅色影音真的可以看吗</t>
  </si>
  <si>
    <t>不能看。</t>
  </si>
  <si>
    <t>信用卡额度不够可以存钱进去刷吗</t>
  </si>
  <si>
    <t>可用额度和要购买的商品的差价存钱进去信用卡，也可以购买。</t>
  </si>
  <si>
    <t>可以存钱进去。</t>
  </si>
  <si>
    <t>信用卡额度不够刷卡可以存入现金。这个是不受影响的，因为存入现金的那部分钱是属于个人所有。所以存入一定额度的现金在刷卡的时候就可以同时将信用卡原有的那部分一起刷卡消费，所以可以存入现金刷卡消费。</t>
  </si>
  <si>
    <t>泰康人寿保险可靠吗</t>
  </si>
  <si>
    <t>首先建议先了解下你买的是什么类型的，如果是分红型的话，泰康算蛮不错的，因为泰康的投资收益比例还算不错。如果是保疾病的话，建议弄清楚保的是什么类型的，以免以后理赔出现纠纷。泰康的服务在业内都算不错，尤其是泰康的快速理赔，很及时。</t>
  </si>
  <si>
    <t>保险业内率先申请信用评级，泰康人寿从1996年的AA级跃居AAA——信用等级，成立至今没有一笔呆坏账，在国内成功首发保险业次级债券，具备充足的偿付能力，泰康人寿，重视防范金融风险，至今没有一笔呆坏账，泰康人寿作为一家新型的股份制寿险公司，非常重视防范金融风险，逐步建立了“三位一体”，的风险管理体系，即以经济资本与价值风险管理为基础，以合规体系建设与法律服务为主要内容、以独立内控评价和稽核检查为重要手段的全面风险管理框架，实施全面的风险、内控与合规管理；同时健全核保核赔体系，完善财务监控制度，加强稽核审计力度，使风险得到有效控制。泰康人寿坚持以“流动性、安全性和收益性”为原则，努力管好、用活资金，力争获得最大回报，自开业至今没有一笔呆坏账。泰康人寿按规定足额提取准备金，各项监控指标合理，经过上级监管部门的审核，具备充足的偿付能力。保险公司里算是不错的了，并不是好的保险公司所有的产品都好，想买什么保险要现有一定的了解然后再选择购买。最重要的是找一位称职负责人的客户经理购买保险，有很多不靠谱的客户经理把产品夸大其词，吃亏的是客户自己。</t>
  </si>
  <si>
    <t>甲醛含量0.2能入住吗</t>
  </si>
  <si>
    <t>不能，对小和老人的危害是非常严重的。</t>
  </si>
  <si>
    <t>甲醛0点2超过了国家规定的标准值0点1，属于超标范围，对健康是有一定的危害的，建议不要入住为好。</t>
  </si>
  <si>
    <t>根据国家强制性标准，甲醛含量0点2是不能能入住的。</t>
  </si>
  <si>
    <t>阴阳师般若有必要练吗</t>
  </si>
  <si>
    <t>般若是阴阳师中最新的SR式神，拥有封印御魂效果的神技，未来一定会成为大热。</t>
  </si>
  <si>
    <t>般若一般，因为限制有点大，比较好用的也就4v4或者石距这种打一只怪的。</t>
  </si>
  <si>
    <t>般若的强大在于技能特性，能封印对面式神的御魂效果已经被动技能，作为输出是不可取的，斗技后期，般若的作用会越来越大。</t>
  </si>
  <si>
    <t>mk盒子还可以换皮肤吗</t>
  </si>
  <si>
    <t>引用率算重复率吗</t>
  </si>
  <si>
    <t>论文中大量引用诗句会被算进重复率的。</t>
  </si>
  <si>
    <t>如果是抄袭自己的并不算重复。</t>
  </si>
  <si>
    <t>微信延期到账可以撤回资金吗</t>
  </si>
  <si>
    <t>怀了孕可以喝茶吗</t>
  </si>
  <si>
    <t>孕妇洳果喝茶太哆、太浓，特别是饮用浓红茶，对胎儿就会产生危害。</t>
  </si>
  <si>
    <t>尤其是红茶,对人体会有一定的兴奋作用,从而刺激胎动增加,甚至可能影响到胎儿的发育,使其体重减轻。</t>
  </si>
  <si>
    <t>李小璐 天浴 用替身了吗</t>
  </si>
  <si>
    <t>用了。</t>
  </si>
  <si>
    <t>是真人。</t>
  </si>
  <si>
    <t>win10企业版好不好</t>
  </si>
  <si>
    <t>win10企业版不错。秋叶系统好用，很流畅。</t>
  </si>
  <si>
    <t>企业版以专业版为基础，增添了大中型企业用来防范针对设备、身份、应用和敏感企业信息的现代安全威胁的先进功能，供微软的批量许可(Volume Licensing)客户使用，用户能选择部署新技术的节奏，其中包括使用Windows Update for Business的选项。作为部署选项，Windows 10企业版将提供长期服务分支(Long Term Servicing Branch)。 专业版。面向使用PC、平板电脑和二合一设备的企业用户。除具有Windows 10家庭版的功能外，它还使用户能管理设备和应用，保护敏感的企业数据，支持远程和移动办公，使用云计算技术。另外，它还带有Windows Update for Business，微软承诺该功能可以降低管理成本、控制更新部署，让用户更快地获得安全补丁软件。</t>
  </si>
  <si>
    <t>Win10企业版（称之为Win10 Enterprise）：包括Win10专业版的所有功能，另外为了满足企业的需求，企业版还将增加PC管理和部署，先进的安全性，虚拟化等功能。</t>
  </si>
  <si>
    <t>方冠杨氏面膜真有那么好吗</t>
  </si>
  <si>
    <t>效果不错。</t>
  </si>
  <si>
    <t>对眼睛视力可能有影响。</t>
  </si>
  <si>
    <t>被拒绝了还要继续追吗</t>
  </si>
  <si>
    <t>继续。</t>
  </si>
  <si>
    <t>确实不合适还是其他的原因。如果真是不太合适就理性放弃，舍不得的话就继续温情感动她吧，如果其他原因，可以改变策略继续追。</t>
  </si>
  <si>
    <t>火源计划好玩吗</t>
  </si>
  <si>
    <t>火源计划是一款设射击游戏pvp对战射击类游戏，角色扮演类型，玩家可根据技能以及天赋路线，来选择适合自己的职业。同时，玩家可在100w把武器中选择喜欢的武器，配合职业、天赋等玩法，打造一个全新属于自己的射击角色。腾讯在3月25日UP互动发布会上不但公布了流放之路暗黑风格的游戏外，还公布了一款RPG的射击类游戏火源计划，作为腾讯旗下的又一款新游戏。感觉是一款还不错的游戏</t>
  </si>
  <si>
    <t>重庆房价还会涨吗</t>
  </si>
  <si>
    <t>重庆房价上涨的速度比较缓，不过以后重庆房价肯定还会上涨这是大势所趋。</t>
  </si>
  <si>
    <t>重庆上涨动力不大，如果通货膨胀继续，人民币贬值，房价还是会变相涨的。</t>
  </si>
  <si>
    <t>i5 7500能装win7吗</t>
  </si>
  <si>
    <t>都可以的。跟配置没有关系。</t>
  </si>
  <si>
    <t>i5处理器可以安装win7。同时也可以安装xp、win 8等系统。</t>
  </si>
  <si>
    <t>可以，重装系统可以使用白云一键重装系统软件，一键操作，很简单。</t>
  </si>
  <si>
    <t>郑州违章停车扣分吗</t>
  </si>
  <si>
    <t>违反规定停车和临时停车的处200元罚款，在有禁止停车标志地点停车的，处100元罚款记3分。</t>
  </si>
  <si>
    <t>蚕豆皮能吃吗</t>
  </si>
  <si>
    <t>蚕豆皮是能够食用的，不过还是得看个人的喜好有的人喜欢吃有的人不喜欢吃。</t>
  </si>
  <si>
    <t>蚕豆皮是能够食用的，不过还是得看个人的喜好有的人喜欢吃有的人不喜欢吃。蚕豆皮的营养价值主要是可以促进我们的消化系统，可以帮助我们解决食物堆积的问题。蚕豆皮如果煎汤食用的话可以帮助治疗利尿的问题；所以只要是可以食用的食物都是有一定功效的。</t>
  </si>
  <si>
    <t>cpu温度80度正常吗</t>
  </si>
  <si>
    <t>CPU温度在40到50度之间正常。</t>
  </si>
  <si>
    <t>一般CPU工作可以在25-75度,闲时40--50度,  较忙时50--65度，全速工作时65--78度，过高会重新启动或死机。</t>
  </si>
  <si>
    <t>80度！快过热保护了。</t>
  </si>
  <si>
    <t>社区工作者有前途吗</t>
  </si>
  <si>
    <t>前景一般般吧，因为不在公务员体系以内，能升的职位肯定有限。</t>
  </si>
  <si>
    <t>关键问题是自己有比社区干部更好的工作么，有就选更好的，没有就先做做，工资貌似也不低吧，还行了。</t>
  </si>
  <si>
    <t>ipad pro可以当笔记本用吗</t>
  </si>
  <si>
    <t>暂时还不可以。iPad Pro虽然具有足够大的尺寸视野和优秀的硬件性能，但它搭载的毕竟是和普通iPad一样的iOS系统，其整体软件生态还定义为纯娱乐，娱乐和游戏APP很丰富，办公和行业应用则比较欠缺，功能较少。</t>
  </si>
  <si>
    <t>看你是作何用处了，如果简单的办公软件什么的iPad够用。如果是喜欢鼠标偶尔玩游戏那肯定就是笔记本了。</t>
  </si>
  <si>
    <t>Mac OS X，机能也比不上，因为操作系统不是Windows，没有电脑的全部功能不能。</t>
  </si>
  <si>
    <t>软媒魔方是流氓软件吗</t>
  </si>
  <si>
    <t>葆婴是传销吗</t>
  </si>
  <si>
    <t>葆婴不属于传销，属于直销。</t>
  </si>
  <si>
    <t>演变成传销了。</t>
  </si>
  <si>
    <t>有牌照的直销公司，但加入方法是购买产品，也是以发展下线为赚钱的方法，类似于传销。</t>
  </si>
  <si>
    <t>微信运动添加关注对方知道吗</t>
  </si>
  <si>
    <t>无论是订阅号、服务号、还是企业号，在他的粉丝里面都可以查到谁关注了它的。</t>
  </si>
  <si>
    <t>1、会的，你们的运动会彼此都看见的2、可以给朋友运动点赞，也是一种健康的社交方式</t>
  </si>
  <si>
    <t>这个就像是微信订阅号，关注之后，在微信后台能看到是谁关注的。所以微信运动是一样的，如果关注了别人，别人是能看到的。</t>
  </si>
  <si>
    <t>光明大陆安卓和ios互通吗</t>
  </si>
  <si>
    <t>苹果是不支持互通的！但是数据互不互通得看运营商的处理方式</t>
  </si>
  <si>
    <t>12月11日公测的时候，IOS越狱版和安卓会同时开启，到时候IOS越狱版和安卓数据是互通的。安卓和iOS越狱是通服，苹果官服是单独的服务器</t>
  </si>
  <si>
    <t>ios和安卓系统，是两个独立系统，且iOS系统的封闭性，导致了游戏数据不互通，也就是同个账号在安卓和ios版登陆，数据是独立</t>
  </si>
  <si>
    <t>泰国免签吗</t>
  </si>
  <si>
    <t>因泰国政局原因，现在中泰还未签署普通护照免签协议，所以赴泰国仍需要办理签证。</t>
  </si>
  <si>
    <t>不是免签，只是可以落地签了。</t>
  </si>
  <si>
    <t>sugar mv是真的吗</t>
  </si>
  <si>
    <t>怎嘛可能是真的。</t>
  </si>
  <si>
    <t>婚礼部分是真的，突袭婚礼现场是假的。</t>
  </si>
  <si>
    <t>菜鸟驿站代收要钱吗</t>
  </si>
  <si>
    <t>要收费的，淘宝就有显示收费。</t>
  </si>
  <si>
    <t>菜鸟驿站代收的话，是完全免费的。</t>
  </si>
  <si>
    <t>菜鸟驿站都要收费的，最少一块，有的时候好几块。</t>
  </si>
  <si>
    <t>生肖虎和羊相克吗</t>
  </si>
  <si>
    <t>根据古代算命术中的说法，虎羊只是一般相配，是不相冲，也是不相合的，是中等婚配，是可以的。</t>
  </si>
  <si>
    <t>菠萝蜜上火吗</t>
  </si>
  <si>
    <t>吃菠萝蜜会上火，菠萝蜜属热性水果，吃得太多的话，容易上火。</t>
  </si>
  <si>
    <t>吃多了会有点上火，不够因个人体质不同而不同，火力较旺的人易上火。</t>
  </si>
  <si>
    <t>塔罗牌准吗</t>
  </si>
  <si>
    <t>你相信就会觉的很准，但我认为只能参考，不能把心思全寄托在上面哦。</t>
  </si>
  <si>
    <t>我曾经为很多塔罗爱好者推测过，大部分事后很准 但一些却没有像塔罗牌推测的那样进行。我曾找过答案，结果我发现 那些没有推测正确的 是因为求问者在塔罗师洗牌的过程中没有全心的进行“想”（也就是没有专心的投入到塔罗牌的推测过程中）的部分。这使塔罗师不能感受到求问者的思想对塔罗牌的作用——也就是没有和塔罗牌产生共鸣！其实牌阵中出现的牌是在洗牌 切牌和求问者抽牌的过程中求问者的“能量”对塔罗牌的影响产生的。 这也就是我想说的“塔罗牌的运行机理” 它是求问者和塔罗牌之间的一种微妙的东西，只有求问者全心的投入到塔罗牌的推测过程中去才能发挥塔罗的力量！ 塔罗师只不过是一个解牌的“工具”。</t>
  </si>
  <si>
    <t>中公教育协议班靠谱吗</t>
  </si>
  <si>
    <t>非常靠谱。</t>
  </si>
  <si>
    <t>胃炎能喝酸奶吗</t>
  </si>
  <si>
    <t>酸奶是牛乳经乳酸菌发酵后形成的。经发酵后的牛乳，其蛋白质会分解成更细的生态和氨基酸，营养成分更有利于人体的吸收。牛乳中富含的钙、铁等元素，处在酸性环境中，人体吸收率更高。乳酸菌能够在肠道中帮助分解乳糖及蛋白质，帮助消化，所以一些人喝牛奶会胀气、消化不良，但喝酸奶不会有这种不适感觉。据了解，中国人患胃部疾病的比例远远高于全球平均值。胃病，尤其是慢性胃炎，除了进行及时有效的治疗外，还有很重要的一点就是在饮食方面要多加注意。当患有萎缩性胃炎时，应当多喝一些酸奶，因为酸奶中的磷脂类物质会吸附在胃壁上，对胃粘膜起保护作用，使已受伤的胃粘膜得到修复。另外，酸奶中特有的成分乳糖，分解代谢所产生的乳酸和葡萄糖醛酸能增加胃内的酸度，抑制有害菌分解蛋白质产生毒素，同时使胃免遭毒素的侵蚀，有利于胃炎的治疗和恢复。当口服抗菌素治疗某些炎症性疾病时，饮用酸奶，既补充了营养，又避免了抗菌素对人体产生的副作用。因为酸奶中含有大量的活性杆菌，可以使抗菌素药物引起的肠道菌群失调现象重新获得平衡，同时保护了胃粘膜。酸奶是理想的保健食品，营养远胜于牛奶，不仅能帮助消化，增加食欲，还能抑制细菌，暖胃养颜，促进睡眠。如果你觉得肠胃不舒畅，吃一碗酸奶吧，它对轻微腹泻和慢性胃病有着非常好的疗效。老人食用酸奶可以降低胆固醇，预防动脉硬化和肿瘤，抗衰老。哪些人不适合喝酸奶1、胃肠道手术后的病人胃大部分切除手术后短期内不适合饮酸奶，因为病人失去了加工食糜的能力，如果进食富含营养的流质、半流质食物会很快进入小肠，引起空肠膨胀，病人旋即出现呕吐、痉挛、腹泻、头晕和极度虚弱的情况。2、腹泻或其他肠道疾病患者本来对奶制品消化吸收良好的人。肠道损伤后，体内会失去绝大部分的乳糖酶，从而出现乳糖不耐受的情况，加重腹泻。3、牛奶过敏者。4、糖尿病人不宜喝酸奶，酸奶在制作过程中会添加蔗糖作为发酵促进剂，有时还会用各种糖浆调味，所以糖尿病人要特别注意：只有那些用代糖品制作的无糖酸奶才可以选用，并要遵从营养医师的推荐量。喝酸奶的注意事项不要加热酸奶中的活性益生菌，如果加热或用开水稀释，会大量死亡，不仅特有的味道消失了，营养价值也会损失殆尽。不要空腹喝酸奶空腹饮用酸奶，保健作用减弱。饭后饮用酸奶，益生菌可帮助肠胃蠕动，抵抗有害菌，改善肠胃环境，维持肠道健康。不要与某些药物同服，氯霉素、红霉素等抗生素、磺胺类药物和治疗腹泻的一些药物，会杀死或破坏酸奶中的活性益生菌。</t>
  </si>
  <si>
    <t>酸奶可增加胃酸分泌量，提高胃蛋白酶分泌量及活性，因此，对于本身有胃酸分泌增多的慢性肠胃炎患者，如慢性浅表性和慢性肥厚性胃炎，还是少喝酸奶,以免在肠道异常发酵。然而，慢性萎缩性胃炎患者可以放心喝酸奶。因为慢性萎缩性胃炎患者大多胃酸和胃蛋白酶分泌量不足，并且有胃蛋白酶活性降低现象。患者呈现低胃酸状态，并可因此而影响食欲或引起饱胀、消化不良。患者喝酸奶有助于提高胃酸和胃蛋白酶的分泌量并增强胃蛋白酶活性，还可增强胃肠道的免疫防御功能，对改善病情及缓解症状有益。</t>
  </si>
  <si>
    <t>肠胃炎可以喝酸奶的。酸奶在营养价值上不仅和鲜牛奶一样，而且易于消化吸收，酸奶中的乳酸菌进入肠道后可抑制腐败菌的繁殖，减少腐败菌在肠道中产生毒素而起到保健作用，同时还可使人体增加维生素b族。所以肠胃炎的患者是可以喝酸奶的。</t>
  </si>
  <si>
    <t>划痕险算出险次数吗</t>
  </si>
  <si>
    <t>划痕险报案算出险次数。</t>
  </si>
  <si>
    <t>划痕险不计算出险次数，但有赔付金额限制。</t>
  </si>
  <si>
    <t>xp有64位的吗</t>
  </si>
  <si>
    <t>微信理财通提现要手续费吗</t>
  </si>
  <si>
    <t>车在小区被蹭物业是否有责任</t>
  </si>
  <si>
    <t>物业是否应担责，应先确定业主和物业公司之间有没有合同约定，如果有，则要明确物业对车辆承担何种义务。1.如果物业公司承担保管义务，收费的性质就是保管费，这种情况就可能要承担赔偿责任；2.如果合同约定物业仅提供停车场地租赁，不承担对车辆的保管义务，收费的性质是车位费，物业对车辆被剐蹭不需要承担赔偿责任；3.如果没有合同约定或约定不明确，则要结合其他情况来看。此外，还要看双方是否有过错，比如车主是否在指定的位置停车等。</t>
  </si>
  <si>
    <t>车停在小区车位上被刮蹭，如果有保管合同且收费，物业承担赔偿责任。否则物业无需承担赔偿责任。</t>
  </si>
  <si>
    <t>感冒可以跑步吗</t>
  </si>
  <si>
    <t>适度运动可以将感冒症状天数缩减一半。也不是对每个人都奏效，但可以用一个简单的方法来判断——脖子法则。如果感冒症状出现在脖子以上，如鼻塞、喉咙痒、头痛，可以进行适量的慢跑、快走，或者力量训练，一旦出现发烧、胸闷、四肢无力，就应该停止运动，好好休息。需要提醒的是，如果头疼伴随全身发冷酸疼，可能是发烧的前期症状，这时就不要再运动了。</t>
  </si>
  <si>
    <t>感冒时不宜参加体育锻炼，而应在医生指导下服药、休息，待感冒痊愈后过几天再参加运动为好。感冒初期、少数体质较强、症状较轻的人身上，对于多数人尤其是儿童、体弱者和老人来说，感冒时参加体育锻炼是有害无益的。</t>
  </si>
  <si>
    <t>极度深寒有第二部吗</t>
  </si>
  <si>
    <t>因为很多原因，拍续集的计划被取消了。</t>
  </si>
  <si>
    <t>票房太差，不愿意拍下去了。</t>
  </si>
  <si>
    <t>并没有也不存在第二部。</t>
  </si>
  <si>
    <t>微信电脑登录必须手机确认吗</t>
  </si>
  <si>
    <t>微信电脑版登录是需要手机微信扫描二维码确认的。</t>
  </si>
  <si>
    <t>小猪短租有没有危险</t>
  </si>
  <si>
    <t>小猪里面有何房东同住的情况，如果房客是女生，房东是男士，确实存在隐患。</t>
  </si>
  <si>
    <t>我初中,胸这么大正常吗</t>
  </si>
  <si>
    <t>驱蚊草有毒吗</t>
  </si>
  <si>
    <t>驱蚊草具有强烈驱蚊效果而又对人体无任何毒副作用。驱蚊草有驱避蚊虫、净化空气的作用。驱蚊草气味特殊，喜欢的人会说香，不喜欢的人闻着则是种折磨。所以建议在购买之前，首先要试试自己能否适应它的气味。</t>
  </si>
  <si>
    <t>对人体是无毒，是对去除蚊虫很有效的植物，但是家里是很不好培养的，对人体是无危害的。</t>
  </si>
  <si>
    <t>驱蚊草并没有毒性，对人体也没什么危害，可以放在室内驱蚊虫。根据资料显示：经中国科学院遗传与发育生物研究所试验实验监测，当驱蚊草叶片达到15片时保护率可达97.8%，每棵驱蚊草的有效驱蚊范围可达15-20平方米。驱蚊性能、环保性能均达到国际领先水平。夏季蚊虫多的时候，大家就可以养上一盆驱蚊草在家里了，既天然又美观，还可以防止蚊虫叮咬，安全度过整个清爽的夏天。</t>
  </si>
  <si>
    <t>人死前会有鬼魂来接吗</t>
  </si>
  <si>
    <t>不一定。修行最好的情况下，会有阿弥陀佛、观世音菩萨、大势至菩萨等来接引到西方极乐世界。再次，会到天界去。最不好的是，不是鬼魂来接，而是黑白无常直接带走，厉鬼陪伴到地狱去。</t>
  </si>
  <si>
    <t>dnf深渊欧皇光环有用吗</t>
  </si>
  <si>
    <t>只适合用来站街，建议不要买，买了也没什么用。</t>
  </si>
  <si>
    <t>没必要买，除了装B没用。</t>
  </si>
  <si>
    <t>肾功能检查需要空腹吗</t>
  </si>
  <si>
    <t>查肾功能是要空腹的，空腹去静脉血。</t>
  </si>
  <si>
    <t>是的，肾功能检查要抽空腹抽血，需禁食8～12小时。空腹血还适宜作血糖，血脂，肝功能，肾功能，电解质等生化检验。</t>
  </si>
  <si>
    <t>做肾功能检查一定要早晨空腹甚至连水也不要喝，因为吃饭会影响血糖水平。另外，由于用餐(尤其饱餐)后，胃肠内容物增多，包括肾脏在内的各器官会有不同程度的堆挤，该器官边缘不易显示会有信息漏掉。</t>
  </si>
  <si>
    <t>几折app是真的吗</t>
  </si>
  <si>
    <t>有欺诈行为，不真实。</t>
  </si>
  <si>
    <t>是真的，拿货超级方便的，而且是拼团拿货的模式，非常棒。</t>
  </si>
  <si>
    <t>是真的，本来卖家销售商品给买家后也会有各种奖励的，比如下次再来买的优惠券，以小额反现的形式直接给买家。真的是真的，可很多省钱的券都是满50或100等才能使用，所以买价格低的商品是没有省钱的或者没有省多少钱。</t>
  </si>
  <si>
    <t>谷丙转氨酶70算高吗</t>
  </si>
  <si>
    <t>转氨酶正常值在0-40之间。转氨酶值70是偏高了。</t>
  </si>
  <si>
    <t>转氨酶正常值水平在0—40之间是正常的，70只是偏高一点。问题不是很大。</t>
  </si>
  <si>
    <t>魔兽世界还有人玩吗</t>
  </si>
  <si>
    <t>人还是挺多的。</t>
  </si>
  <si>
    <t>三国志13有免费版的吗</t>
  </si>
  <si>
    <t>破解版在三大妈上面已经可以下载了。</t>
  </si>
  <si>
    <t>有的，去下个数字版，在网上搜索破解补丁，安装就可以玩了。</t>
  </si>
  <si>
    <t>花生和芒果能一起吃吗</t>
  </si>
  <si>
    <t>可以一起吃的。</t>
  </si>
  <si>
    <t>减肥皮肤松弛能恢复吗</t>
  </si>
  <si>
    <t>这个是不会自动恢复的，能通过两种方式使皮肤恢复弹性，1.按摩；2.运动。</t>
  </si>
  <si>
    <t>皮肤松弛配合适量增肌运动慢慢缓解。</t>
  </si>
  <si>
    <t>需要做力量训练来增加皮肤弹性，可以适当的恢复一些。</t>
  </si>
  <si>
    <t>上海脑立方是传销吗</t>
  </si>
  <si>
    <t>不是，脑动力教学采用的是小班制开发教学，后期品质比较好。</t>
  </si>
  <si>
    <t>敷面膜后还要洗脸吗</t>
  </si>
  <si>
    <t>敷面膜后需不需要洗脸取决于使用什么类型的面膜，睡眠面膜的话一般都属于免洗面膜，用后是无需再次清洁面部的，但如果是纸张或者是蚕丝，自制面膜的话是必须清洗的，不清洗的话很容易成为细菌的滋生地，容易引发白头粉刺。面膜的正确使用方法：每个人的肤质不一样，使用的面膜也是不一样的，避免敷面膜时出现皮肤过敏现象，所以敷面膜之前要先在手背上敷下少许面膜，大概30分钟左右，没什么反应的话，就可以放心的抹在脸上。涂面膜前要先把脸卸妆洗干净，或者去角质，以便面膜吸收，也避免污垢进入毛孔。洗干净脸后用热毛巾敷在脸部三分钟左右，然后在面部各处按摩三到五分钟，提升敷脸的效果。如果是涂抹式的面膜，可以在洗澡时候进行，有利于补水和吸收。面膜很容易干燥，如果在洗澡时使用，可以避免强烈的肌肤刺痛感，也能免于肌肤水分被面膜反吸哦！涂面膜的顺序也有讲究，要先从颈部、下颌、两颊、鼻、唇、额头，由下往上；眼睛周围、眉毛、上下唇部位则不宜涂面膜。一定要注意最好先从容易干燥的T字部位涂起，最后是U区。敷完面膜大概15分钟后，可以用手指轻弹面膜，不再粘乎乎的话，便可以轻轻扯下面膜。扯面膜要注意先从薄膜边缘开始，自下而上缓慢扯去。敷面膜不能等到面膜干燥后再扯去面膜，因为面膜干燥后会促使皮肤紧缩，出现皱纹，所以面膜切勿长时间停留在皮肤上或过夜。敷完面膜后，要先用温水清洗一遍，再用冷毛巾冷敷使毛孔收缩后再涂上润肤霜。</t>
  </si>
  <si>
    <t>全国工商联美容化妆品业商会副会长张晓梅认为，任何面膜敷过之后都必须洗脸。张晓梅解释说，面膜的作用是隔绝空气将营养导入皮肤。但其实，皮肤对营养的吸收程度是有限的，面膜敷在脸上的15—20分钟内，皮肤已处于饱和状态，能吸收的已经基本吸收，不能吸收的时间再长也吸收不了。如果不把脸上的营养液洗去，就直接涂其他护肤品，会影响皮肤对这些护肤品的吸收。另外，面膜上的一些营养物质如果在脸上滞留时间过长，会造成肌肤敏感。对那些原本就是敏感肌肤的人来说，更容易长痘或是出现红斑。最后，张晓梅补充说，每晚12点至凌晨3点是皮肤自行修补受损细胞的时候，因此，在这段时间以前敷面膜效果最好，有助于将养分送入肌肤底层。另外，敷面膜的频率也不要太高。夏天一个星期1—2次，冬天由于天气干燥，可适当增加到一星期2—3次。</t>
  </si>
  <si>
    <t>首先，洗好脸檫点爽肤水，然后在做面膜．得看用的是什么状态的面膜 ,如果是片的 就摘下后,稍微按摩一下再洗,千万不能等它干了。如果是膏状的面膜 时间到了就直接洗掉,洗面膜最好用温水.面膜有这几种类型：1、免洗的，就直接第二天早上再洗掉，当然不需要再抹什么面霜了。2、需要清洗掉的，最好是檫点乳液或面霜了（看肤质选择了）3、面帖膜的，一般是敷完，将脸上剩余的精华拍打到吸收完就不再檫什么了。因为一片面膜的营养已经够多了，无须再抹什么面霜了。 所以要根据你用什么面膜来断定是不是要洗.除非是睡眠免洗面膜，不然都要洗掉，因为会把毛孔撑开来。然后涂水和乳液，每个步骤都不能少。就算脸上有很多精华也要洗，可以试着拍拍让精华吸收掉。面膜的精华不够让脸部整晚保湿的，起不到晚霜的效果。同时在做完面膜后是应该使用面霜的，假如你做的是补水面膜，补水后的锁水工作也同样是很重要的。</t>
  </si>
  <si>
    <t>燕郊49800有c3出局吗</t>
  </si>
  <si>
    <t>没有，所有做这个的都有出局，但是每个公司制度不一样，看具体怎么操作了。</t>
  </si>
  <si>
    <t>端午节假期高速免费吗</t>
  </si>
  <si>
    <t>照常收费。</t>
  </si>
  <si>
    <t>甲状腺肿瘤严重吗</t>
  </si>
  <si>
    <t>甲状腺肿瘤非常严重，这个病治起来非常麻烦手术复发率高，后异症多，搜索手术后异症就知道了。</t>
  </si>
  <si>
    <t>甲状腺腺瘤是甲状腺常见的良性肿瘤，切除后即可治愈，无须特殊治疗及随访，预后良好，偶有复发者，可再行手术治疗。</t>
  </si>
  <si>
    <t>百臻堂金尊皇帝油有人用过吗</t>
  </si>
  <si>
    <t>可以的，很多朋友都用过，恢复的挺好的。</t>
  </si>
  <si>
    <t>淘宝被永久封店了身份证还可以开店吗</t>
  </si>
  <si>
    <t>淘宝永久封店，是不能够再次用原来的账号和身份证来开店的想要开店必须从新换张身份证注册认证一个新的账号来开。</t>
  </si>
  <si>
    <t>不可以了，可以考虑用身边人的。</t>
  </si>
  <si>
    <t>洋辣子能吃吗</t>
  </si>
  <si>
    <t>火车卧铺有充电的地方吗</t>
  </si>
  <si>
    <t>（1）软卧车厢，按单个包房里一个电源插座，在走廊设置三个公用插座。（2）硬卧车厢，走廊有三个，乘务员室有一个。</t>
  </si>
  <si>
    <t>会计证是否取消了</t>
  </si>
  <si>
    <t>17年会计从业改革，只是暂缓考试，并没有说要取消。</t>
  </si>
  <si>
    <t>是暂停不是取消。</t>
  </si>
  <si>
    <t>会计从业资格证考试取消了，但是之前已经考取会计从业资格证的人的证书不作废，证书作为能力的体现。</t>
  </si>
  <si>
    <t>猎聘网金卡服务有用吗</t>
  </si>
  <si>
    <t>可以无限制和猎头私信，可以系统自动推荐简历给猎头，能给猎头打电话。</t>
  </si>
  <si>
    <t>真力音箱真有那么好吗</t>
  </si>
  <si>
    <t>真力监听音箱，中高音好，是HiFi音质，但低音不好，价格太贵，性价比不好。网上有很多性价比好的进口监听音箱，低音好，中高音也是HiFi音质，价格比真力便宜。如果你好没有买真力，建议买其他监听音箱。</t>
  </si>
  <si>
    <t>不想结婚是不是心理有问题</t>
  </si>
  <si>
    <t>感觉很正常，每个人都应该有每个人自己的生活，不需要考虑是不是和情理，更不用考虑别人的看法。人的最终不一定非要是结婚生子，过上美好的晚年生活。每个人的性格不同，生活方式不同，何必要千篇一律的活下去。只要自己过得感觉到充实，快乐，幸福，那就是自己追求的完美。</t>
  </si>
  <si>
    <t>不想结婚是很正常的。有两种情况：有钱人怕结婚没意思，破大志。没钱人怕结婚有意思，破大财。</t>
  </si>
  <si>
    <t>tst庭秘密毁容是真的吗</t>
  </si>
  <si>
    <t>不是，是排毒反应呢，每个人的肌肤情况不一样，时间也不一样。如果真的是敏感性肌肤，建议用之前做个过敏测试。</t>
  </si>
  <si>
    <t>京东手机回收靠谱吗</t>
  </si>
  <si>
    <t>当然是没有问题的。</t>
  </si>
  <si>
    <t>应该靠谱吧，只是回收而已，现在电商都搞这活动。</t>
  </si>
  <si>
    <t>库存车能买吗</t>
  </si>
  <si>
    <t>可买。库存车只要不是存放的时间超长(指好几年)一般来说问题不会太大，可以按照选新车同样的方法去挑选。</t>
  </si>
  <si>
    <t>汽车长期存放不用的情况下，电瓶、塑料器件、橡胶制品、车内电线等极易老化。比如，同样是轮胎，经常在使用的寿命会很长，但一直停在那里不开，放三年就没法用了。此外，汽车存在机械结构之间的配合，如果不及时磨合，有些润滑油会因老化、凝固造成机械部件磨损。</t>
  </si>
  <si>
    <t>买库存车有风险，但价格方面也有吸引力。如果在正规的4S店购车，还是会比较放心的。因此，当购入一辆库存车（如果库存时间有一年以上），最好将车直接进入首保，必要时，将车辆进行全面检查。</t>
  </si>
  <si>
    <t>联塑水管有毒是真的吗</t>
  </si>
  <si>
    <t>不是。它只含碳氢两种元素，是无毒环保的新型管材，用于供水系统，是可以放心使用的。</t>
  </si>
  <si>
    <t>不一定。看是什么品牌，有好的就有坏的。</t>
  </si>
  <si>
    <t>sata2接口能用sata3硬盘吗</t>
  </si>
  <si>
    <t>主板上的SATA2.0端口是可以连接SATA3.0硬盘的，完全没有问题。</t>
  </si>
  <si>
    <t>临时身份证可以代办吗</t>
  </si>
  <si>
    <t>可以。公安部制定并发布的《中华人民共和国临时居民身份证管理办法》（以下简称《管理办法》），自2005年10月1日起施行。《管理办法》明确：“居住在中华人民共和国境内的中国公民，在申请领取、换领、补领居民身份证期间，急需使用居民身份证的，可以申请领取临时居民身份证”。临时居民身份证具有证明公民身份的法律效力。临时居民身份证为聚酯薄膜密封的单页卡式证件。</t>
  </si>
  <si>
    <t>不可以的，一定要本人办理的！1、办身份证与临时身份证一定要在户口所在地的派出所户籍科或公安分局综合办证中心办的！2、办时一定要带上户口本原件，工作人员需要看你的原件复核你的信息后才会给你办的！有身份证复印件或户口本复印件都是不可以的！3、必须要本人到场，现在办身份证是需要录入指纹才能办的！亲属是不能代办的了！相片要重新照与重新上传的！4、临时身份证要挂失身份证后补办正式身份证后才可以办的。5、临时身份证至少要三个工作日，一般是三到五个工作日！慢的地方还要七个工作日！当天是不可以拿到的！</t>
  </si>
  <si>
    <t>办理临时身份证，由于各地情况不同，有的地方派出所要求本人亲自去办，有的地方派出所也可以由家人代办，那就要看当地实际情况，办理临时身份证需要带上户口本、照片一张到派出所办理！</t>
  </si>
  <si>
    <t>鹿晗是不是喜欢迪丽热巴</t>
  </si>
  <si>
    <t>炒作。</t>
  </si>
  <si>
    <t>口罩能防甲醛吗</t>
  </si>
  <si>
    <t>普通口罩基本没什么效果，有点效果的就是活性炭口罩了。</t>
  </si>
  <si>
    <t>甲醛属于气体，所以要佩戴相关防止气体的3M口罩，最好是带过滤盒子的。</t>
  </si>
  <si>
    <t>甲醛是气体，口罩是防御不了的。</t>
  </si>
  <si>
    <t>paperpass查重会留底吗</t>
  </si>
  <si>
    <t>如果是学校组织查的会留底，自己查的不会。</t>
  </si>
  <si>
    <t>中国算不算最安全国家</t>
  </si>
  <si>
    <t>是的，所有核大国的本土都极度安全，不会受到战火。因为核大国之间不会发生直接战争，核武器是伟大的和平使者。不是的，中国虽不算是一个危险的国家，但也不一定安全，这主要取决于怎么定义安全。 所谓之“安全”，指的是国家安全，还是国民安全呢？如果单从外交情况来看，中国不算是个危险的国家，虽然与一些国家存在不和，但就算是和菲律宾、日本或美国，外交关系也远远没有达到可以爆发冲突的水平，所以，中国是安全的。 但是中国人是否是安全的呢？答案并非是肯定的，但即使是安全，也是相对的。是的，相比较叙利亚，中国是安全的，但如果相对于和平国家，中国的状况就有点差强人意。中国每年因为违法犯罪从而直接（如车祸）或间接（如食安问题）导致的伤病甚至死亡人数就可以以千万记，所以平心而论，中国虽不是一个危险的国家，但也绝对算不上特别安全就是了。</t>
  </si>
  <si>
    <t>不是的，中国虽不算是一个危险的国家，但也不一定安全，这主要取决于怎么定义安全。 所谓之“安全”，指的是国家安全，还是国民安全，如果单从外交情况来看，中国不算是个危险的国家，虽然与一些国家存在不和，但就算是和菲律宾、日本或美国，外交关系也远远没有达到可以爆发冲突的水平，所以，中国是安全的。 但是中国人是否是安全的，答案并非是肯定的，但即使是安全，也是相对的。是的，相比较叙利亚，中国是安全的，但如果相对于和平国家，中国的状况就有点差强人意。中国每年因为违法犯罪从而直接（如车祸）或间接（如食安问题）导致的伤病甚至死亡人数就可以以千万记，所以平心而论，中国虽不是一个危险的国家，但也绝对算不上特别安全就是了。</t>
  </si>
  <si>
    <t>大便粘液无血是肠癌吗</t>
  </si>
  <si>
    <t>液便、脓血便、黑便是肠癌的临床症状，但并不能就此判断是否为肠癌。最好到院接受进一步检查。</t>
  </si>
  <si>
    <t>王宝强小孩是亲生的吗</t>
  </si>
  <si>
    <t>是亲生的。</t>
  </si>
  <si>
    <t>9188彩票是正规的吗</t>
  </si>
  <si>
    <t>不正规</t>
  </si>
  <si>
    <t>可靠的，正规网站，放心购买。</t>
  </si>
  <si>
    <t>动感单车伤膝盖么</t>
  </si>
  <si>
    <t>一周骑三次动感单车，如果姿势不正确，是会损伤膝盖的。双腿向外撇、摇头晃脑、点头哈腰，这些恐怕是最常见的骑车姿势。但错误的骑行方法不仅影响锻炼效果，而且很容易对身体造成损伤。正确的姿势应该是：身体稍向前倾，身体两臂伸直，腹部收紧，采用腹式呼吸方法，双腿和车的横梁平行或稍向内扣，膝、髋关节保持协调，身体不要左右摆动，注意把握骑行节奏。此外，蹬踏的姿势也很重要。“一般人认为，所谓的蹬踏就是脚往下踩，脚蹬子转一圈带动飞轮前进就行了，但正确的蹬踏应该分为踩、拉、提、推四个连贯动作。”专业教练石波现身说法：“脚掌先向下踩，小腿再向后收缩回拉，再向上提，最后往前推，这样正好是蹬踏一周360度。如此有节奏地蹬踏，不仅节省力气还能够提高速度。</t>
  </si>
  <si>
    <t>最近有朋友反映动感单车健身的情况，说是骑了几次动感单车，感觉还不错，很下汗而且还很减脂，就是有一个问题，骑行久了膝盖会发酸，长期的锻炼会不会对膝盖有损伤呢？关于这个问题，相信有很多关注动感单车的朋友都想了解。今天思月就与大家聊聊动感单车到底会不会伤膝盖！首先，在文章开始前先建议大家先看看思月前不久发表的一篇文章：“骑动感单车的正确姿势”。有助于今天文章的理解。骑动感单车是不会伤膝盖的，但是前提是正确的骑行。要是会伤膝盖，生活中那些动感单车教练怎么会教的那么起劲呢？新人朋友骑动感单车注意这2点：1.在骑动感单车前要注意车子高度位置是否正确，2.骑行的速度不能过快，最好是能跟专业的教练咨询一下。下面与大家跟大家说说骑动感单车前的准备工作。准备好一套舒适、有弹性的运动服装，最好是搭配有弹性的短裤，可以减少衣物对皮肤的摩擦。</t>
  </si>
  <si>
    <t>看姿势对不对，如果姿势不对肯定影响膝盖，需要好的健身教练教你正确姿势练习，天天骑都没关系。</t>
  </si>
  <si>
    <t>孕妇能吃鹅蛋吗</t>
  </si>
  <si>
    <t>孕妇可以适当的吃，但是千万别吃太多。</t>
  </si>
  <si>
    <t>吃鹅蛋是清胎毒的。孕早期，三个月以前吃一次，孕晚期37周以后吃一次。一天一个。</t>
  </si>
  <si>
    <t>京东自营苹果是正品吗</t>
  </si>
  <si>
    <t>京东商城自营的苹果手机都是正品行货，手机质量和售后服务都有保障。</t>
  </si>
  <si>
    <t>b52鸡尾酒后劲大吗</t>
  </si>
  <si>
    <t>鸡尾酒后劲还是比较大的，饮用时要适量。</t>
  </si>
  <si>
    <t>这个度数基本不怎么能喝醉，一瓶没问题，至于后劲，还好。</t>
  </si>
  <si>
    <t>steam账户名称能改吗</t>
  </si>
  <si>
    <t>注册时的名字不能改，但是社区名可以改。</t>
  </si>
  <si>
    <t>3d max可以自学的吧</t>
  </si>
  <si>
    <t>3D MAX能学好，主要是看你自己的兴趣了，如果你非常用功来学，那就买本书来，对照着书先熟悉界面以及工具区。熟悉每一个工具的作用，然后多去max论坛，看别人的练习和教程，由浅入深一点一点的来。学习是个漫长过程，需要经验的积累，并不是你会操作这个软件就算学成了。3d max的难点不在于软件的操作，而在于建模后后期的灯光，材质，贴图等的渲染参数的调节。同一个建模模型，高手渲染的和初学者渲染的是截然不同的。只要你肯学，就一定能学好。</t>
  </si>
  <si>
    <t>难，自己学只是片面，稍微深度点就糊涂了。</t>
  </si>
  <si>
    <t>固定总价合同是否可以调整价格</t>
  </si>
  <si>
    <t>合同有这项约定，如有，是可以的，但要书面发函说明。如没有，要积极协商，最好是书面的，摆事实讲道理，这些都可以作为将来如果涉诉，有利于你的辅助证据。</t>
  </si>
  <si>
    <t>淘客助手有手机版的吗</t>
  </si>
  <si>
    <t>刘诗诗真的怀孕了吗</t>
  </si>
  <si>
    <t>没有，谣传。</t>
  </si>
  <si>
    <t>安信地板是一线品牌吗</t>
  </si>
  <si>
    <t>商业保险可以税前扣除吗</t>
  </si>
  <si>
    <t>纳税人为其投资者或雇员个人向商业保险机构投保的人寿保险或财产保险，以及在基本保障以外为雇员投保的补充保险，不得扣除。</t>
  </si>
  <si>
    <t>为员工买的商业保险超过税务部门规定的部分不可以在税前扣除。</t>
  </si>
  <si>
    <t>琼瑶平鑫涛有孩子吗</t>
  </si>
  <si>
    <t>没有，琼瑶的儿子是和前夫生的，平鑫涛跟前妻离婚 跟琼瑶结婚时，已经52岁，两人没有再生育。另外，何秀琼是她媳妇。</t>
  </si>
  <si>
    <t>琼瑶只有一个亲生儿子，即与前夫所生，何琇琼的丈夫。后来的丈夫平鑫涛有三个成年子女，所以琼瑶还是三个孩子的继母。</t>
  </si>
  <si>
    <t>貌似没有。</t>
  </si>
  <si>
    <t>孕妇能用蚊香吗</t>
  </si>
  <si>
    <t>蚊香中的微量麻醉物或毒物用来麻醉或者毒死蚊子，因为计量少，所以人不会受其危害，但是，无论是对平常人还是孕妇，都是有少量危害的。所以孕妇在怀孕期间，最好不要用蚊香片。 可以选择使用灭蚊灯或蚊帐什么的，蚊香对胎儿有影响，容易导致畸形。如果蚊香在房间里熏的时间过长，空气流通不畅，容易使孕妇出现胸闷、头昏症状，导致胎动次数减少，甚至造成腹内胎儿缺氧。因此，建议家里有孕妇时，应尽量不使用蚊香驱蚊，其实最好的办法是用蚊帐，这样更有利于保护孕妇和胎儿的健康。</t>
  </si>
  <si>
    <t>蚊香里面所含的有效驱蚊成分属于低毒的，主要是拟除虫菊酯，具有高效低毒特点，也是国际许可范围内驱蚊产品。另外蚊香成分除了聚酯类驱蚊成分，还有木粉、碳粉、纤维素等其他产品，点燃后会有一定的烟雾，对肚里的宝宝也不好的。所以不建议在怀孕期间使用蚊香。</t>
  </si>
  <si>
    <t>尽量不要用</t>
  </si>
  <si>
    <t>桔子酒店是情趣酒店吗</t>
  </si>
  <si>
    <t>桔子酒店属于经济性连锁酒店，适合差旅和出游。</t>
  </si>
  <si>
    <t>红瑞公司是否是正规的</t>
  </si>
  <si>
    <t>是正规的。</t>
  </si>
  <si>
    <t>广汽传祺是日本车吗</t>
  </si>
  <si>
    <t>传祺属于广州汽车公司旗下研发的自主品牌。</t>
  </si>
  <si>
    <t>是中国广州汽车公司研发的自主品牌。日本零部件较多。</t>
  </si>
  <si>
    <t>传祺确实是自主品牌，各大网站的汽车频道也是将他分至自主的行列。传祺身上借鉴了很多日系中级的样子。其次车子走的是日系内饰风格。</t>
  </si>
  <si>
    <t>小儿急疹可以洗澡吗</t>
  </si>
  <si>
    <t>这个是可以的，不需要担心，急疹的话出了疹子就好了，温水洗澡的话可以帮助宝宝物理降温的。</t>
  </si>
  <si>
    <t>小儿急疹属于一个病毒性感，在出疹期的情况下还是不能洗澡的，不然的话有可能会，合并一个细菌性感染的可能。</t>
  </si>
  <si>
    <t>室温达到26度，准备好衣服，水温适中，可以给宝宝洗澡。洗澡的时候不要长，达到清洁皮肤的目的就行。洗温水澡也是物理降温的一种方式。</t>
  </si>
  <si>
    <t>欢乐颂2邱莹莹和应勤最后在一起了吗</t>
  </si>
  <si>
    <t>小邱第二段跟应勤的恋爱最终修成正果，但其间也历经磨难。</t>
  </si>
  <si>
    <t>邱莹莹先是恋上渣男白主管，而后又和应勤相恋。</t>
  </si>
  <si>
    <t>有利网理财可靠吗</t>
  </si>
  <si>
    <t>有利网是骗子网站，不可信，别再上当了。</t>
  </si>
  <si>
    <t>有利网是可靠的，否则人们也不会进行投资的，而且有利网有风险准备金，对所有理财用户的本金出现问题会赔偿。</t>
  </si>
  <si>
    <t>实况足球2017好玩吗</t>
  </si>
  <si>
    <t>在实况2017中，可以选择各种模式进行比赛。虽然实况缺少真实的球队名称，但有官方授权的比赛模式。如果想在游戏里听到熟悉的欧冠主题曲，那么就必须得选择实况了。</t>
  </si>
  <si>
    <t>阿沙姆甩脂机能减肥吗</t>
  </si>
  <si>
    <t>懒人甩脂机对减肥肯定是有很大帮助的，但减肥也不能全靠一台甩脂机，还得结合饮食及其它运动方式，才能达到最佳效果。</t>
  </si>
  <si>
    <t>悟空理财安全吗</t>
  </si>
  <si>
    <t>所有的理财产品都要擦亮眼睛对待，千万记住：你看重收益，平台看重本金。悟空理财也很不错。</t>
  </si>
  <si>
    <t>理财本身就有一定很小的风险，建议还是买大银行或者大证券公司的产品靠谱，风险与收益成正比，同风险级别的产品收益一般差不多。所以建议还是买大银行或者证券公司的产品。</t>
  </si>
  <si>
    <t>养生会所里有大保健吗</t>
  </si>
  <si>
    <t>鸡蛋吃多了会肺热吗</t>
  </si>
  <si>
    <t>不仅会上火还会营养过剩。</t>
  </si>
  <si>
    <t>敷完面膜要涂护肤品吗</t>
  </si>
  <si>
    <t>免洗面膜不需要涂，涂了也白涂。普通面膜用了之后要先洗掉，再涂上面霜。水、精华之类的不用再涂了。面霜是锁水保湿的，防止面膜营养成分流失，所以必须要涂。</t>
  </si>
  <si>
    <t>面膜后是必须涂抹护肤品的哦！这样面膜成分才更有效被吸收不会流失</t>
  </si>
  <si>
    <t>敷完面膜之后要洗掉，以后可以涂护肤品</t>
  </si>
  <si>
    <t>和信金融是真的吗</t>
  </si>
  <si>
    <t>和信金融是诈骗平台。</t>
  </si>
  <si>
    <t>好像不靠谱。</t>
  </si>
  <si>
    <t>epub kindle可以看吗</t>
  </si>
  <si>
    <t>电子书的原生系统不能看毕竟Amazon靠mobi和epub抗衡；越狱后装插件或者直接装多看系统就可以看。平板装个看书的软件就可以看。</t>
  </si>
  <si>
    <t>kindle本身是不支持epub格式文件，您可以选择刷机成多看系统即可支持。</t>
  </si>
  <si>
    <t>kindle是不支持epub格式，kindle原系统支持azw、pdf、mobi、prc、txt格式；可以用：①用数据线把书拷贝到Kindle盘的documents文件夹里面，用多看系统，就拷贝到D-Kdocuments文件夹里面：②用Kindle推送的功能 。</t>
  </si>
  <si>
    <t>公司转让后和自己还有关系吗</t>
  </si>
  <si>
    <t>公司转让过后的事情与原有法人就不再有任何关系，就算是原有公司有债务问题，如果协议里没有明确规定是谁的责任，折些责任也是要现有公司责任人承担的。</t>
  </si>
  <si>
    <t>如果法人没有变更就有关系，如果法人变更就没有关系了。</t>
  </si>
  <si>
    <t>车厘子上火吗</t>
  </si>
  <si>
    <t>吃多了会上火。应控制的在每天15个左右。</t>
  </si>
  <si>
    <t>车厘子吃多了易上火。</t>
  </si>
  <si>
    <t>车厘子不上火。</t>
  </si>
  <si>
    <t>冒险岛2内测删档吗</t>
  </si>
  <si>
    <t>冒险岛2内测会删档。</t>
  </si>
  <si>
    <t>洛与霞是两个英雄吗</t>
  </si>
  <si>
    <t>是两个英雄。</t>
  </si>
  <si>
    <t>广告费发票可以抵扣吗</t>
  </si>
  <si>
    <t>广告费增值税专用发票中的税金可作为进项税进行抵扣。必须是公开媒体的正规发票，不可以是广告公司的发票，而且要有相关合同证明内容相关。</t>
  </si>
  <si>
    <t>中级经济师可以挂靠吗</t>
  </si>
  <si>
    <t>经济师可以挂靠。</t>
  </si>
  <si>
    <t>不可以的，中级是带着上班的。</t>
  </si>
  <si>
    <t>一般的中级工程师挂靠，都一年6000左右。</t>
  </si>
  <si>
    <t>vans官方旗舰店是真的吗</t>
  </si>
  <si>
    <t>纯粹骗子网站。</t>
  </si>
  <si>
    <t>官方店，没问题。</t>
  </si>
  <si>
    <t>应该是假的。</t>
  </si>
  <si>
    <t>洗面奶可以带上飞机吗</t>
  </si>
  <si>
    <t>乘飞机可以随身携带小于100ml的洗面奶。如果大于100ml可以托运。</t>
  </si>
  <si>
    <t>磁条卡不能用了吗</t>
  </si>
  <si>
    <t>磁条卡可以用。</t>
  </si>
  <si>
    <t>中考一个月可以逆袭吗</t>
  </si>
  <si>
    <t>可以的，初中相对学习内容较少，只要多花些时间学习，可以有很大的进步。</t>
  </si>
  <si>
    <t>想要一下子提高太多不现实。</t>
  </si>
  <si>
    <t>用电脑给手机充电好吗</t>
  </si>
  <si>
    <t>不好的。</t>
  </si>
  <si>
    <t>用电脑给手机充电不会伤害手机。</t>
  </si>
  <si>
    <t>长时间用电脑给手机充电不好。</t>
  </si>
  <si>
    <t>小孩坐飞机要买票吗</t>
  </si>
  <si>
    <t>2岁以下的儿童需要购买婴儿票，价格为该航班全价经济舱的10%，2-12岁的儿童，按照该航班全价经济舱的50%购买儿童票，机场税和燃油附加费减半。</t>
  </si>
  <si>
    <t>已满两周岁、未满十二周岁的儿童须购买儿童票。未满两周岁的婴儿须购买婴儿票，不单独占用座位；如需要单独占用座位时，须购买儿童票。具体票价请向售票人员咨询。</t>
  </si>
  <si>
    <t>王者荣耀支持手柄吗</t>
  </si>
  <si>
    <t>茶叶水浇花</t>
  </si>
  <si>
    <t>茶叶中含有许多生物碱，它们都会影响植物对土壤中有机养分的吸收，并且本身对植物生长并没有多大帮助。</t>
  </si>
  <si>
    <t>晚上不吃饭可以吗</t>
  </si>
  <si>
    <t>b型流感嗜血杆菌疫苗有必要打</t>
  </si>
  <si>
    <t>对婴幼儿进行免疫接种预防感染十分重要。</t>
  </si>
  <si>
    <t>这个如果有条件建议还是注射的比较好。</t>
  </si>
  <si>
    <t>这是二类疫苗的，打或者不打都可以的。</t>
  </si>
  <si>
    <t>腺样体肥大能自愈吗</t>
  </si>
  <si>
    <t>ipad刻字后有后悔的吗</t>
  </si>
  <si>
    <t>当然。最好别刻字。刻字的意义不大。而且以后如果想要卖掉的话，刻了字卖不起价的。</t>
  </si>
  <si>
    <t>要看用途,用来送人或者自用并且以后不想卖二手可以选择刻字反之不要刻字。</t>
  </si>
  <si>
    <t>运营助理没经验可以吗</t>
  </si>
  <si>
    <t>淘宝运营助理需要点经验，起码讲的你要懂，要知道怎么去做。</t>
  </si>
  <si>
    <t>根据公司来断定，有的公司需要，有的公司不需要，只要您的能力够强去公司应聘的时候，直接给老板说明白想实习，一般都是同意您的</t>
  </si>
  <si>
    <t>三证合一后发票专用章需要换吗</t>
  </si>
  <si>
    <t>需要更换的情况：如果企业在工商变更或换证领取"一照一码"营业执照后，再去税务机关进行了企业纳税人识别号的变更，CA数字证书的换发、三方协议的变更、防伪税控系统的重新发行等一系列工作后，发票专用章需要重新刻制，发票专用章上的代码应与持有的证照对应，持有“三证合一、一照一码”的与统一社会信用代码一致，持有税务登记证的与税务登记证号一致。</t>
  </si>
  <si>
    <t>纳税人通过工商变更或换证领取"一照一码"营业执照的，发票专用章不需要重新刻制，原15位纳税人代码的发票专用章可以继续使用。</t>
  </si>
  <si>
    <t>发票章是需要换的。</t>
  </si>
  <si>
    <t>百合花香对人体有毒吗</t>
  </si>
  <si>
    <t>除非是过敏，否则百合花香对人体无害。</t>
  </si>
  <si>
    <t>从某种意义上来说是有毒的，会使人感到不适，摆放的花香味浓会引起神经产生兴奋，特别卧室内间，容易引起失眠。</t>
  </si>
  <si>
    <t>北京企业管理研修学院国家承认吗</t>
  </si>
  <si>
    <t>是北京市教委批准办学的本科院校，精品班的所有学生毕业后可以拿到“双证”，1.北京企业管理研修学院本科毕业证，这个企业社会认可，国 家统一的，公立学校的毕业证可以在“学信网”上查到，民办学校的毕业证可以在“民教网”“人信网”“校园网 ”上查到，只是不同的网站而已。2.可以自愿报考国家一类本科学历，60分考100分大多数人都可以过的。</t>
  </si>
  <si>
    <t>这是一所私立学校！目前学校没有统招资格，学历国家不承认，不能报考研究生、公务员等。私立学院国家是不允许开设护理、 医学方面的专业的，所以这是违规的，这类学校连基本的护理实验室都是没有的。</t>
  </si>
  <si>
    <t>这是一所私立学院，目前没有纳入国家计划内招生，学院毕业证书国家不认可，不存在所谓的专科和本科分数线，交钱就可以读。</t>
  </si>
  <si>
    <t>王者荣耀王昭君厉害吗</t>
  </si>
  <si>
    <t>总的来说王昭君是一个简约而不简单的英雄，技能理解和释放没什么难度，但预判意识要求很强</t>
  </si>
  <si>
    <t>没有英雄厉不厉害，只有玩的人厉不厉害，只要二技能能冰住人，大招开的好，那就是好王昭君</t>
  </si>
  <si>
    <t>痛风能吃海参吗</t>
  </si>
  <si>
    <t>海参每百克嘌呤含量仅为4.2毫克，适合于痛风病人食用，同时刺海参所含有的刺参黏多糖和硫酸软骨素，还能起到缓解关节疼痛的作用，对痛风病人大有好处。</t>
  </si>
  <si>
    <t>痛风病人是不能吃海鲜和动物内脏的。</t>
  </si>
  <si>
    <t>痛风病人可以吃海参，海参是海鲜中的例外，海参不属于高嘌呤的食物。</t>
  </si>
  <si>
    <t>一带一路会成就西安吗</t>
  </si>
  <si>
    <t>丝绸之路经济带的提出，在全国的经济地理格局上有了大突破，东边牵着最有活力的亚太经济圈，西边连着成熟稳定的欧洲经济圈，被认为是世界上最大、最具有发展潜力的经济大走廊，将融合亚欧涵盖30亿人口的巨大市场，这样的前景给西北五省带来了前所未有的大机遇，相比西部大开发的政策扶持和先进地区的帮扶，丝绸之路经济带战略从更大程度上给西北五省以更重要的经济地位和发展空间，这是能给西北五省带来缘缘不断活力的长远福利。</t>
  </si>
  <si>
    <t>屋顶太阳能发电划算吗</t>
  </si>
  <si>
    <t>屋顶太阳能发电还没有普及开发，若总体实现后是很划算的。 目前太阳能发电的最大瓶颈，是利用太阳能发电还存在成本高、转换效率低的问题。 例如：太阳能发电需：光伏组件、风机 、控制器 、蓄电池籂缉焚垦莳旧锋驯福沫组 、逆变器 、风力/光伏发电控制与逆变器一体化电源以及供电网络等问题。这是技术和资金上阻碍其发展的关键因素。 另外：太阳能发电虽受昼夜、晴雨、季节的影响，但可以分散地进行，它适于各家各户分别进行发电，并且要联接到供电网络上，使得各个家庭在电力富裕时可将其卖给电力公司，不足时又可从电力公司买入。实现这一技术不难解决，关键还需有国家相应的法律做保障。</t>
  </si>
  <si>
    <t>英雄无敌7破解了吗</t>
  </si>
  <si>
    <t>游侠网有CODEX的破解版</t>
  </si>
  <si>
    <t>一开始中国没上市的就有了，但是就是bug多了点</t>
  </si>
  <si>
    <t>酒精肝能治好吗</t>
  </si>
  <si>
    <t>酒精性脂肪肝是由于长期大量饮酒导致的肝脏疾病，是酒精性肝病中的一个分型。酒精性脂肪肝患者多数预后良好，一般在戒酒和治疗1个月左右时，肝内脂肪减少，轻者数月后消失，重者一到两年消失。</t>
  </si>
  <si>
    <t>小米mix怎么样,值得买吗?</t>
  </si>
  <si>
    <t>原价买挺值。</t>
  </si>
  <si>
    <t>不推荐。</t>
  </si>
  <si>
    <t>落地红能盘出来吗</t>
  </si>
  <si>
    <t>活动手指的话，作为一个健身器材是可以的。</t>
  </si>
  <si>
    <t>升降椅降到最低安全吗</t>
  </si>
  <si>
    <t>升到最高安全些。</t>
  </si>
  <si>
    <t>升降椅降到最低点时不可能发生爆炸。因为升降椅降到最低点时的气体压力是最小，对储气容体的物质的强度要求最低。</t>
  </si>
  <si>
    <t>无锡限购吗</t>
  </si>
  <si>
    <t>现在政策都恢复到不限购的时候了。</t>
  </si>
  <si>
    <t>舍弗勒是世界五百强吗</t>
  </si>
  <si>
    <t>是世界500强。</t>
  </si>
  <si>
    <t>净化可以解小鱼人大招吗</t>
  </si>
  <si>
    <t>解不了的。</t>
  </si>
  <si>
    <t>可以，不过只是让鲨鱼不缠着自己，鲨鱼还在，踩上面伤害还是有的。</t>
  </si>
  <si>
    <t>不能。小鱼的r不是状态控制，只有最后一个会解除击飞效果，不能解除伤害。</t>
  </si>
  <si>
    <t>个人印章可以随便做吗</t>
  </si>
  <si>
    <t>私章是没问题的，但私刻公章是违法的！</t>
  </si>
  <si>
    <t>梦幻西游转回原门派不重置属性点?</t>
  </si>
  <si>
    <t>可以重置的，不过对经验需求太大了，第一次转要花挺多钱。</t>
  </si>
  <si>
    <t>除了修炼，属性点和乾元丹都重置。</t>
  </si>
  <si>
    <t>会，但是当你转回原门派时，以优惠价格转的话不重置了，原价才重置。所以在转门派之前先把自己的属性保存好。</t>
  </si>
  <si>
    <t>海洋国旅靠谱吗</t>
  </si>
  <si>
    <t>海洋国旅成立于1994年，经过多年经营，已经初具规模，接待世界各地游客，是令人放心的旅行社</t>
  </si>
  <si>
    <t>挺不错，靠谱还有优惠</t>
  </si>
  <si>
    <t>印度和印度尼西亚是一个国家吗</t>
  </si>
  <si>
    <t>印度和印度尼西亚是两个不一样的国家。</t>
  </si>
  <si>
    <t>阿怡大小姐还直播吗</t>
  </si>
  <si>
    <t>斗鱼tv，晚上基本都播。</t>
  </si>
  <si>
    <t>被查出代打斗鱼封了她的房间换了个平台直播。</t>
  </si>
  <si>
    <t>wifi辐射对人体有害吗</t>
  </si>
  <si>
    <t>一般有辐射是指对人体有伤害的电波，wifi也是利用电波，辐射会有的，但是很小，对身体几乎没有伤害，要是担心辐射伤害身体，那就离辐射源远一点。一般的家用电器都有辐射，但是这些这些辐射都很小，都被生产设计者控制在一定范围内，对成人几乎没有伤害。你要没有辐射那就不要使用电器。所以说不要担心wifi的辐射。除非你是孕妇或者是小孩子，如果这样的话，你就要做适当的防护，一般辐射比较大的电器有微波炉，电磁炉，电视，电脑等等。生在这样一个科技发达的社会，生活处处有辐射，有些需要注意，但有些不要太过敏感。最后强调一下答案：wifi有辐射，但不要过于担心，只要使用恰当，不会对身体产生伤害。</t>
  </si>
  <si>
    <t>WiFi其实就是一个小的局域网，主要做数据传输。而作为一个无线设备，WiFi具有一个发射机，确实会对周围产生电磁辐射。目前没有会对人的身体产生伤害。最常见的无线路由器，其工作功率在30—500毫瓦之间，比普通手机的功率小(约125毫瓦—2瓦)。相比手机，无线路由器等WiFi设备离使用者的距离要远得多，这使人们接受其辐射的功率密度要小得多。辐射的强度和距离成反比，这时候的辐射值只有国家限值的十分之一，甚至几十分之一。wifi其实与手机信号并无本质区别，都属于微波，一般位于800兆赫-1900兆赫的波段。</t>
  </si>
  <si>
    <t>只要是无线传输就有一定量的电磁辐射，无线网络也是一样。但是，无线路由器的功率非常小，因此辐射也非常小。 有的无线路由器的辐射量仅为一台手机的1/200，因此对于人的身体来说,使用无线网络并不会危害健康。 无线路由器有电磁辐射，因此肯定会对人体健康有所影响。 目前比较常用的IEEE 802.11b无线设备在2英寸距离处产生的辐射约为每平方厘米2微瓦，IEEE 802.11g产品的辐射量更小. 而FCC中的相关安全辐射限度为每平方厘米1000微瓦，所以即使同一个房间内存在多个WiFi无线网络设备，也不会对人体产生太大的影响。</t>
  </si>
  <si>
    <t>水滴筹是骗局吗</t>
  </si>
  <si>
    <t>真的，水滴筹是腾讯投资的，不收费没有抽成。</t>
  </si>
  <si>
    <t>众筹项目基本是轻松筹，轻松筹是国家民政部认证的众筹平台。</t>
  </si>
  <si>
    <t>养森瘦瘦包是传销吗</t>
  </si>
  <si>
    <t>当然不是传销，实实在在的卖产品，赚差价。</t>
  </si>
  <si>
    <t>茉莉适合放在室内吗</t>
  </si>
  <si>
    <t>有人认为，在卧室内养花会使夜间空气混浊，含氧量降低，由此而造成的弊端会影响人的寿命，因此主张不应在卧房中养花。其实，这不过是一般的推论，既忽略了对植物生命活动过程中物质变换的量的分析，又忽略了花卉在夜间还会放出一些有益人类健康的物质的现象。原来，一切植物包括花卉在内，它们虽然在夜间有吸收氧气的呼吸作用，但是同人比较起来，是很微弱的，因花卉在呼吸时，每吸入两个氧原子，就必须从其体内用一个碳原子与其化合，才能放出一个二氧化碳分子；又因整株盆花的湿重一般不超过500克，干物质只几十克，含碳量更是有限，即使在一夜之间与氧化合成二氧化碳，充其量也不过等于燃烧几十克无烟煤所产生的二氧化碳，何况植物绝不可能在一夜间把自己体内的碳原子转化为二氧化碳呼出的。</t>
  </si>
  <si>
    <t>可以呀，看看特性就知道了。茉莉性喜温暖湿润，在通风良好、半阴的环境生长最好。土壤以含有大量腐殖质的微酸性砂质土壤为最适合。大多数品种畏寒、畏旱，不耐霜冻、湿涝和碱土。冬季气温低于3℃时，枝叶易遭受冻害，如持续时间长就会死亡。而落叶藤本类就是很耐寒耐旱的了。室内栽培：常绿小灌木类的茉莉花叶色翠绿，花色洁白，香味浓厚，为常见庭园及盆栽观赏芳香花卉。多用盆栽，点缀室容，清雅宜人，还可加工成花环等装饰品。而落叶藤本类的大多数黄色的和芬芳的白色花则是国外许多人家花园里用来点缀冬天花园的最好的方式之一。“花开满园，香也香不过它”，它就是“一卉能熏一室香”的茉莉花。茉莉花虽无艳态惊群，但玫瑰之甜郁、梅花之馨香、兰花之幽远、玉兰之清雅，莫不兼而有之。</t>
  </si>
  <si>
    <t>茉莉花是无毒的；第二，植物在夜间的呼吸作用会吸收氧气释放出二氧化碳，是否造成房间的含氧量低。茉莉的枝干短小，含碳量非常有限，产生的二氧化碳对房间空气质量的影响微乎其微；第三，花卉的香气、花粉或根茎等部位是否对人体有不良影响。该技术人员表示，茉莉花的清香可以使人放松心情，有利于睡眠，其整株植物对人体也是安全无害的。卧室里摆放茉莉不宜过量，也不宜近距离摆放过久，花香能治病能保健，同样也能致病能伤身，如果空气中花味过于浓郁，会刺激人体过度换气，使血液中氧含量降低，出现头痛、头晕、恶心等症状；部分过敏体质的人，还可能引发过敏性哮喘、过敏性鼻炎。此外，土壤不可避免会产生细菌，也可能引来小虫子，主人不可掉以轻心。</t>
  </si>
  <si>
    <t>天津男科医院属于三甲吗</t>
  </si>
  <si>
    <t>是不错的三甲医院。</t>
  </si>
  <si>
    <t>淘宝代购靠谱吗</t>
  </si>
  <si>
    <t>一般都不会假，不过国内很难说的。</t>
  </si>
  <si>
    <t>韩国代购商品在信誉度高的店里，好评高些的有比专卖店还正，价格不太均衡。</t>
  </si>
  <si>
    <t>不靠谱，价格低的离谱。</t>
  </si>
  <si>
    <t>蚂蚁花呗可以用信用卡还款吗</t>
  </si>
  <si>
    <t>首先得弄清楚什么是信用卡：信用卡是银行向个人和单位发行的，凭此向特约单位购物、消费和向银行存取现金，其形式是一张正面印有发卡银行名称、有效期、号码、持卡人姓名等内容，背面有磁条、签名条。由此可见，信用卡只具有向特约单位购物、消费和存、取现金的作用，不具有还款功能。</t>
  </si>
  <si>
    <t>不可以的，只能通过余额，余额宝，绑定的借记卡来还款。</t>
  </si>
  <si>
    <t>使用花呗额度之后，可以使用支付宝的余额，余额宝，绑定的银行卡来进行还款的。</t>
  </si>
  <si>
    <t>三金片治疗前列腺炎吗</t>
  </si>
  <si>
    <t>三金片有可能治好前列腺炎。</t>
  </si>
  <si>
    <t>三金片对前列腺炎的疗效是很好的，很多患者服用以后症状得到缓解。</t>
  </si>
  <si>
    <t>临床上用三金片治疗前列腺炎取得较好的效果。</t>
  </si>
  <si>
    <t>苹果4s能玩王者荣耀吗</t>
  </si>
  <si>
    <t>可以，但是要下对应ios版本的王者荣耀。</t>
  </si>
  <si>
    <t>男人帮朋友还能播吗</t>
  </si>
  <si>
    <t>男人帮.朋友一共40集，播出时间定档在2015年。</t>
  </si>
  <si>
    <t>电视剧《男人帮·朋友》还未确定播出时间，不过就在2016年。</t>
  </si>
  <si>
    <t>阴毛可以刮吗</t>
  </si>
  <si>
    <t>从医学健康的角度看,剃掉阴毛是有利于健康的。</t>
  </si>
  <si>
    <t>阴毛不是能不能刮，而是最好不要刮。毕竟阴毛的存在有其存在的用处。</t>
  </si>
  <si>
    <t>亚马逊上的东西是正品吗</t>
  </si>
  <si>
    <t>亚马逊自营的基本可以保证正品。但亚马逊也有很多第三方的商家，这些商家的产品不能保证正品。所以购物时无论亚马逊还是京东，尽量选择自营的。</t>
  </si>
  <si>
    <t>亚马逊上面的所有商品都是值得信任的。</t>
  </si>
  <si>
    <t>百分之八十是。</t>
  </si>
  <si>
    <t>6s plus 32g够用吗</t>
  </si>
  <si>
    <t>一般情况是够用的。正常的使用软件，拍照等32GB内存足矣。</t>
  </si>
  <si>
    <t>一般没有特殊需要是够用的。</t>
  </si>
  <si>
    <t>根据个人用途而定。如果喜欢玩游戏，32G差不多够。如果只是拍照片，刷微博等社交应用，16G就够。</t>
  </si>
  <si>
    <t>马自达的车耐用吗</t>
  </si>
  <si>
    <t>不耐用，时间长了毛病一大堆。</t>
  </si>
  <si>
    <t>珍嗖啦减肥效果好不好</t>
  </si>
  <si>
    <t>虽然火爆，但是有点不可信。</t>
  </si>
  <si>
    <t>效果挺好。</t>
  </si>
  <si>
    <t>小马win7激活工具有病毒吗</t>
  </si>
  <si>
    <t>安全，大多都是用的这个工具，只要你别下到山寨的就没事。</t>
  </si>
  <si>
    <t>桑葚糖尿病人能吃吗</t>
  </si>
  <si>
    <t>可以吃，但是需要适量。</t>
  </si>
  <si>
    <t>yy变声器会被发现吗</t>
  </si>
  <si>
    <t>很好分辩。</t>
  </si>
  <si>
    <t>不经常使用的人不会被发现。</t>
  </si>
  <si>
    <t>网贷网是真的吗</t>
  </si>
  <si>
    <t>最好是看是否有营业执照或公司规模等客观条件。网络贷款目前尚属灰色地带,较倾向于私人借贷。</t>
  </si>
  <si>
    <t>恩，是真的，不过也要你自己去分辨，别找私人和高利贷。</t>
  </si>
  <si>
    <t>真假要具体分析，确实有部分的网贷是有前期费用，但能下款的。要明明白白消费，看清楚平台里列明的费用再申请，合适、能接受再申请。如果别人列明的费用就是无可厚非，只能看接不接受。如果有暗藏的收费那就是坑人了，果断举报。</t>
  </si>
  <si>
    <t>血脂高能治愈吗</t>
  </si>
  <si>
    <t>慢慢调理是可以的。</t>
  </si>
  <si>
    <t>血脂高血稠可以治好的，用药物来降血脂就可以了，有很多这的药物，你还是从饮食上来调理，就是吃得清淡一些，多吃菜，如果慢的话，就先输的脉络宁针来调理下，然后用药物。</t>
  </si>
  <si>
    <t>可以通过药物、饮食和身体锻炼来降低血脂。</t>
  </si>
  <si>
    <t>支付宝转账有限额吗</t>
  </si>
  <si>
    <t>根据支付宝中心规定，网银进行支付宝转账最大限额是2万每天；余额转账方式中，数字证书用户转账每天最大额度是2万，而非数字证书用户、支付盾、第三方证书的，认证用户2万每天，而未认证的用户通过支付宝余额转账的额度每天是2000元；卡通转账，非数字认证用户不支持转账，有证书、宝令、手机宝令与支付盾的转账额度是卡通本身的支付而额度。快捷支付方式的账户共享500元/月，如果收款人与付款人同名时，快捷支付额度可提升至共享每月2000元的转账额度。</t>
  </si>
  <si>
    <t>电脑端（收费）产品额度： 账户有证书：单笔2万元、单日2万元； 账户无证书：单笔2000元、单日2000元； 每个支付宝账户操作转账到银行卡额度（含手续费）：单笔5万元、单日20万元、单月20万元 。若与支付方式限额冲突时，以额度低的为准。</t>
  </si>
  <si>
    <t>1.支付宝转账单笔最多可以转50000元，每天也最多是50000元。2.每月最多可以转账200000元，每天超过50000都不可以转账了，每月超过200000也不可以转账了。</t>
  </si>
  <si>
    <t>去美国可以带药吗</t>
  </si>
  <si>
    <t>常备药能携带的，外包装盒和说明书要带着。</t>
  </si>
  <si>
    <t>去美国入境能带药品，但只有美国境内能被合法开处方的药物才能带入境作个人使用。</t>
  </si>
  <si>
    <t>目前美国禁止携带的是纯中药原药，带的如果是中成药，就没问题。对于西药，安乃近，阿莫西林这类的，只要不是一箱子一箱子的带，绝对没问题。</t>
  </si>
  <si>
    <t>心理咨询师三级难考吗</t>
  </si>
  <si>
    <t>三级的通过率还是很高的。</t>
  </si>
  <si>
    <t>现金巴士上征信吗</t>
  </si>
  <si>
    <t>不上的。</t>
  </si>
  <si>
    <t>如果平台对接了人行的征信系统，则逾期会上征信。</t>
  </si>
  <si>
    <t>维吾尔族和汉族通婚吗</t>
  </si>
  <si>
    <t>根据我国婚姻法规定，汉族和维族可以通婚。</t>
  </si>
  <si>
    <t>不是说维吾尔族和汉族不通婚，因为维吾尔族信仰伊斯兰教，伊斯兰教是不允许和异教徒结婚，所以说两者不能结婚。</t>
  </si>
  <si>
    <t>抑郁症患者自己知道吗</t>
  </si>
  <si>
    <t>会的，讥常罐端忒得闺全酣户抑郁症患者也会存在求医意识，特别是抑郁到了一定的程度，影响到了生活学习和工作，且对自身的健康也产生影响时，许多患者都会自行就医询问。</t>
  </si>
  <si>
    <t>招标师考试取消了吗</t>
  </si>
  <si>
    <t>爱情也有版权吗?</t>
  </si>
  <si>
    <t>是一部韩国电影。</t>
  </si>
  <si>
    <t>有，每一个人的爱情都是一个故事，不可重来，不可复制，独一无二。</t>
  </si>
  <si>
    <t>手机开蓝牙费电吗</t>
  </si>
  <si>
    <t>手机开蓝牙的耗电问题,蓝牙一直开着当然会耗电,但是也不一定太大,因为蓝牙芯片会有三种省电模式:hold(保持)模式,sniff(呼吸)模式和park(暂停)模式,都是会根据当时蓝牙的活动状态自动进入的。</t>
  </si>
  <si>
    <t>蓝牙听音乐手机费电肯定费电。</t>
  </si>
  <si>
    <t>技师学院是大专吗</t>
  </si>
  <si>
    <t>技师学院毕业生如果有相应的资格证书，国家规定是和大专毕业生同等待遇的。但是不能算真正意义上的大学。主要是毕业证书不同，技校发的是技工学校毕业证。有的技师学院支持同时修读成大或者本科，那么毕业就可以拿大专毕业证，那样就有了大专学历，可以叫做大学生，只是和全日制的大学还是有区别。</t>
  </si>
  <si>
    <t>2.5d屏幕需要贴膜吗</t>
  </si>
  <si>
    <t>用上2.5D的屏幕基本上都会用好的玻璃，所以不需要。</t>
  </si>
  <si>
    <t>一天深睡眠1小时正常吗</t>
  </si>
  <si>
    <t>成年人每天睡7-8小时，深睡眠50-60分钟最适宜。</t>
  </si>
  <si>
    <t>不正常失眠了。</t>
  </si>
  <si>
    <t>时珍补肾方是诈骗吗</t>
  </si>
  <si>
    <t>假的，用过了完全没有用。</t>
  </si>
  <si>
    <t>合金筷子有毒吗</t>
  </si>
  <si>
    <t>没有害，是健康环保的，材质是通过国家食品级材质验证：无毒无害。</t>
  </si>
  <si>
    <t>要看合金是什么成分，如果合金中有重金属就不行。</t>
  </si>
  <si>
    <t>autopico.exe是病毒吗</t>
  </si>
  <si>
    <t>这是系统激活时所留下的文件，可能包含木马。尝试直接删除。建议使用腾讯电脑管家，卡巴斯基等等杀毒软件进行查杀。建议安装正版系统，避免激活程序留后门。</t>
  </si>
  <si>
    <t>智齿要不要拔</t>
  </si>
  <si>
    <t>由于智齿可能引发的疾病，大部分专业人士出于避免产生后患的考虑，建议拔除智齿。也有一部分人的智齿并不对人造成任何困扰，这是个体生理结构决定的，这些人没有必要拔除智齿。</t>
  </si>
  <si>
    <t>只要不是经常发炎，不会吃饭咬到脸部，不会影响咬合就没必要拔除。</t>
  </si>
  <si>
    <t>兔子好养吗</t>
  </si>
  <si>
    <t>兔子其实挺好养的，只要用正确的方法。</t>
  </si>
  <si>
    <t>ios10.2.1能越狱吗?</t>
  </si>
  <si>
    <t>目前iOS的越狱还没有发布，目前最高越狱版本更新到iOS9.3.3。</t>
  </si>
  <si>
    <t>现在只能10.0-10.2，电脑访问PP助手官网，下载PP然后数据线连接电脑，点击下方的越狱助手，就可以按照教程来越狱。</t>
  </si>
  <si>
    <t>暂时还不能越狱</t>
  </si>
  <si>
    <t>奥鹏教育国家承认吗</t>
  </si>
  <si>
    <t>国家承认</t>
  </si>
  <si>
    <t>奥鹏远程教育不是国家承认学历。</t>
  </si>
  <si>
    <t>6s停产了吗</t>
  </si>
  <si>
    <t>没停产。</t>
  </si>
  <si>
    <t>西安有正规白癜风医院吗</t>
  </si>
  <si>
    <t>西安的-新城区，有个仁爱。</t>
  </si>
  <si>
    <t>轮状疫苗有必要打吗</t>
  </si>
  <si>
    <t>轮状病毒疫苗很有必要接种，很多宝宝出现秋季严重腹泻就是这个轮状病毒引起的，当然，引起腹泻的病毒有好多种,轮状病毒只是其中之一。</t>
  </si>
  <si>
    <t>轮状病毒是一种可以引起宝宝水样腹泻的病毒，一般在宝宝免疫力低下的时候法埂瘁忌诓涣搭惟但隶容易感染，多发于3岁一下儿童，一般通过接触、饮食等途径传播。可以结合考虑小孩的免疫情况自己决定是不是打疫苗。</t>
  </si>
  <si>
    <t>菜花蛇有毒吗</t>
  </si>
  <si>
    <t>菜花蛇咬人会稍有肿胀、流血、疼痛等，算是有小毒；因为菜花蛇咬人不会危及生命，所以，在普通人眼里算是无毒。</t>
  </si>
  <si>
    <t>菜花蛇无毒。</t>
  </si>
  <si>
    <t>she解散了吗</t>
  </si>
  <si>
    <t>她们只是单飞，没有不解散。</t>
  </si>
  <si>
    <t>dnf强化10上11会碎吗</t>
  </si>
  <si>
    <t>失败了就会碎。如果有装备保护卷，那么失败了武器会归0，不会碎的。</t>
  </si>
  <si>
    <t>iherb上有假货吗</t>
  </si>
  <si>
    <t>第一点：没有假货。因为别人做的品牌很需要保证，而且是潜在股。不会因小失大。第二点：要看清楚你买的东西是不是代理。如果不是本土就难免有问题了。第三：可以直接查看消费者权益。收货时候找人证明接手的时候是本产品。没换过。</t>
  </si>
  <si>
    <t>没有的，那么多妈妈们都在iherb上海淘，大家的口碑一致的好。</t>
  </si>
  <si>
    <t>一个非常有名气的海淘站，也是很多国内爸爸妈妈们的首选的。假货是没有的，信誉还是很不错的。</t>
  </si>
  <si>
    <t>鱼的记忆真的只有7秒吗</t>
  </si>
  <si>
    <t>虽然作为实验材料的鱼的种类并不相同，实验方法和具体的目的也不一样，不过几乎所有关于鱼类记忆的研究都表明，鱼的记忆远不止7秒。</t>
  </si>
  <si>
    <t>7秒的说法不可信。</t>
  </si>
  <si>
    <t>大闹天竺好看吗</t>
  </si>
  <si>
    <t>凑合。</t>
  </si>
  <si>
    <t>白癜风会传染</t>
  </si>
  <si>
    <t>白癜风不是传染病，更不会引起传染。</t>
  </si>
  <si>
    <t>航空意外险有必要买吗</t>
  </si>
  <si>
    <t>看情况。</t>
  </si>
  <si>
    <t>宫颈糜烂2度严重吗</t>
  </si>
  <si>
    <t>是一种正常的现象，的确不用治疗，也没什么影响，注意好局部卫生就行。</t>
  </si>
  <si>
    <t>宫颈糜烂二度不是特别严重，吃药调理即可，但主要是夫妻生活得注意。</t>
  </si>
  <si>
    <t>二度宫颈糜烂，是宫颈糜烂较严重的程度,糜烂面积已经达到宫颈表面1/3～2/3，如果继续发展到了三度，那么，对女性的身体影响很多，不孕的几率也会增大。 因此，宫颈糜烂一旦发现，一定要积极的治疗，不能让其发展。</t>
  </si>
  <si>
    <t>林芝有高原反应吗</t>
  </si>
  <si>
    <t>没高原反应，林芝比较潮湿，森林多，含氧量高。</t>
  </si>
  <si>
    <t>林芝是个好地方，大部分人不会有高原反应。</t>
  </si>
  <si>
    <t>林芝是西藏气候最湿润宜人的地方，素有“西藏江南”的美喻，海拔也不高，是内地游客进藏的第一适应平台，一般不会出现高原反映的现象。</t>
  </si>
  <si>
    <t>小米盒子能看电视直播吗</t>
  </si>
  <si>
    <t>可以， 广电总局禁止的是有线电视直播回看。小米盒子本身不带电视直播。</t>
  </si>
  <si>
    <t>可以，直播可以下插件。</t>
  </si>
  <si>
    <t>小米小盒子不支持插网线连接的，其他的小米盒子支持网线连接的，需安装第三方软件，才可以观看直播。</t>
  </si>
  <si>
    <t>pdf能删除某一页吗</t>
  </si>
  <si>
    <t>二十五岁了还可以长高吗</t>
  </si>
  <si>
    <t>一般不能，除非基因突变或是得什么病。</t>
  </si>
  <si>
    <t>黑胶伞真的防晒吗</t>
  </si>
  <si>
    <t>古力娜扎和张翰分手了吗</t>
  </si>
  <si>
    <t>没有分手。</t>
  </si>
  <si>
    <t>信用卡可以转支付宝吗</t>
  </si>
  <si>
    <t>信用卡不能转账到支付宝。</t>
  </si>
  <si>
    <t>夜跑能减肥吗</t>
  </si>
  <si>
    <t>只要坚持，无论是晨跑还是夜跑都能减肥。</t>
  </si>
  <si>
    <t>可以，还可帮助睡眠。</t>
  </si>
  <si>
    <t>晚上九点后跑步可以减肥，而且对身体有益。</t>
  </si>
  <si>
    <t>黄磊老婆生了吗</t>
  </si>
  <si>
    <t>2006年2月6号生下一名女孩-多多。</t>
  </si>
  <si>
    <t>已经快要生了。</t>
  </si>
  <si>
    <t>王者荣耀流量烧的快吗</t>
  </si>
  <si>
    <t>王者荣耀既然是一款手机网游，那流量的消耗是在所难免的。王者荣耀玩一场5V5大概需要消耗5M-15M流量，还是建议WiFi环境下游戏。</t>
  </si>
  <si>
    <t>王者荣耀挺耗流量的，如果附近有wifi还是建议在wifi环境下进行游戏，或者购买王者荣耀专属流量包。如果流量太多可以无视。</t>
  </si>
  <si>
    <t>王者荣耀这款游戏每个小时大概需要消耗2-5M的流量，所以还是建议各位玩家最好在WIFI环境下玩。</t>
  </si>
  <si>
    <t>近视眼可以手术吗</t>
  </si>
  <si>
    <t>每个人的角膜状况因人而异、千差万别，能不能做要做了前检查才能了解，但是近视手术采用的是冷激光，对眼睛其他组织没有任何伤害。近视手术过程是在眼球最前部的角膜上“雕琢”完成的，用于治疗的这一部分角膜组织没有再生能力，只要患者遵医嘱，术后注意保护眼睛，手术治疗效果是很稳定的，不会出现反弹或者复发。同时，近视手术并非人人适合，只要年满18—55周岁；近一年内度数基本稳定；近视度数为100-1200度；散光和远视在600度以内；经过专家专业详细的检查，排除眼部及全身重大疾病后方可接受治疗，有任何一项不符合的患者，筛选后都不能予以近视激光治疗。</t>
  </si>
  <si>
    <t>近视眼手术的利弊，激光手术并非人人皆宜。</t>
  </si>
  <si>
    <t>不同人群不同治疗方法，要根据术前的检查结果，才能选择适合自己的手术方式。</t>
  </si>
  <si>
    <t>复合肥可以做花肥吗</t>
  </si>
  <si>
    <t>复合肥可以做花肥。</t>
  </si>
  <si>
    <t>可以，不过强烈建议不要用。</t>
  </si>
  <si>
    <t>不能用复合肥浇花。</t>
  </si>
  <si>
    <t>宫外孕会来月经吗</t>
  </si>
  <si>
    <t>宫外孕会有阴道出血，那种出血不是来月经的。</t>
  </si>
  <si>
    <t>宫外孕是不会来月经的，宫外孕的类型不同所造成的阴道出血，所以有的病人虽然看起来每个月都有月经，但其实最后一次她所谓的“月经”并不是真正的月经，而应该是异常的阴道流血，只是凑巧时间和月经时间相差不多，造成了一个假象。所以把阴道流血误以为是月经。</t>
  </si>
  <si>
    <t>不会，宫外孕的主要症状，停经：月经过期不来， 6周左右。</t>
  </si>
  <si>
    <t>孕妇能吃菠萝吗</t>
  </si>
  <si>
    <t>孕妇不宜过量吃菠萝，菠萝少吃点。</t>
  </si>
  <si>
    <t>能吃，菠萝含有丰富的营养。</t>
  </si>
  <si>
    <t>孕妇可以吃菠萝，每天食用半个菠萝即可。</t>
  </si>
  <si>
    <t>处女座和处女座合适吗</t>
  </si>
  <si>
    <t>合适。</t>
  </si>
  <si>
    <t>白癜风传染么</t>
  </si>
  <si>
    <t>虽然白癜风的发病没限制，但并不会通传染传播。</t>
  </si>
  <si>
    <t>白癜风只是一种因自身色素脱失引起的皮肤白斑皮肤病，主要是由于皮肤黑色素细胞分泌黑色素功能现紊乱或失调，造成皮肤黑色素缺乏从而引起皮肤出现白色斑块。其发病大多数由于自身黑色素的缺失而引起的，无致病因素病原体。所白癜风不传染，不具传染性质。</t>
  </si>
  <si>
    <t>白癜风是由于局部黑色素明显减少或缺失而引起的皮肤、黏膜和毛发色素脱失性改变，并不具备病原体，因而白癜风不具有传染性。</t>
  </si>
  <si>
    <t>浪琴康卡斯那么差吗</t>
  </si>
  <si>
    <t>浪琴康卡斯系列的表圈具有独特的美感，由陶瓷材质制成的的凸圆表冠和链节，让人不得不爱浪琴康卡斯系列啊！ 在浪琴康卡斯系列中，既有运动手表的强大功能又有浪琴手表一直传承的优雅，不管是在奢华的晚会还是热汗淋漓的运动场，浪琴康卡斯系列都可以给人一种优雅的感觉。</t>
  </si>
  <si>
    <t>不会很差啊，悠久的历史，彰显尊贵；简约风格，也能让万众瞩目；价格低廉，质量有保障；百年品牌，广受好评。</t>
  </si>
  <si>
    <t>庞大集团可长期持有吗</t>
  </si>
  <si>
    <t>建议持有，可以高抛低吸降低成本。</t>
  </si>
  <si>
    <t>qq邮箱删除的邮件可以恢复吗</t>
  </si>
  <si>
    <t>删除的邮件，不管是普通删除还是彻底删除，都可以在几秒钟之内选择撤销操作，这样可以恢复之前的一个误删除的邮件。即在刚删除邮件后，在上方的提示已删除后面点击撤销即可恢复普通删除和彻底删除的邮件，如果该提示信息没了，这封邮件等于是从服务器上彻底删除了，是没有任何恢复途径的，无法在系统上恢复邮件。</t>
  </si>
  <si>
    <t>淘宝全球购是正品吗</t>
  </si>
  <si>
    <t>淘宝全球购是淘宝小二精选的一些商家，这些商家有共同的特点就是买家评价比较好，销量也还可以的，但不一定就一定是正品，因为现在真假难辨，很多时候卖家都会被货源弄晕了。</t>
  </si>
  <si>
    <t>刚在全球购上买了东西，发现是假货，果断申请退款了。店主还想要补发货运费，还好眼细，发现宝贝和图片有描述不符的地方，有证据，店主也不敢欺负了。所以购买需谨慎，只有旗舰店还有点可信度，别的真的不能信。</t>
  </si>
  <si>
    <t>只能说，有全球购标志的卖家都已经提交了相关的文件给淘宝审核通过后才有的标志。可不代表淘宝每样商品都检查过。文件可以伪造，商家可以挂羊头卖狗肉。只能说，有这个标志的大部分都是真的。</t>
  </si>
  <si>
    <t>格式工厂可以剪辑视频吗</t>
  </si>
  <si>
    <t>点击“所有转到MP4”，然后添加你要转的视频，之后在“添加文件”按钮旁边有个“选项”按钮。</t>
  </si>
  <si>
    <t>方法：首先打开格式工厂，选择“高级”－－“视频合并”，添加视频，用“截取片段”工具，把要保留的开始处到结束处（即广告的开始）截取出来，再添加这个视频，还是用“截取片段”工具，截取第一个广告结束处到第二个广告的开始处截取出来，以此方法，分别一次次添加这个视频，一段段按顺序截取出保留的部分，最后确定输出就可以把这些保留的片段合成一起为一个完整的视频，广告就不存在了。格式工厂的这个“截取片段”工具还可以“剪裁”画面，勾选了“剪裁”，就可以到窗口对视频画面进行局部剪裁。如视频中有字幕广告，就可以用“剪裁”，把字幕部分剪裁掉。格式工厂这个方法很简单，就是重复做同样的操作就可以完成剪掉视频中的广告，然后合并成一个完整的视频。</t>
  </si>
  <si>
    <t>打开格式工厂，点左边的“高级”/“视频合并”“添加文件”，然后找到要截取的视频打开，点“截取片段”，拖动视频下面进度条，要从哪里开始截取就把它拖到哪里，然后点一下左边的“开始时间”，同样要截到哪里结束，就把进度条拉到哪里，然后再点一下“结束时间”，再点“确定”，然后再点下面画面右上角的“确定”。然后点击上面的“开始”就可以了。</t>
  </si>
  <si>
    <t>出口发票一定要当月吗</t>
  </si>
  <si>
    <t>不用，三个月内开就行了。</t>
  </si>
  <si>
    <t>小龙虾有寄生虫吗</t>
  </si>
  <si>
    <t>实验结果显示，超声波清洗机清洗小龙虾后的样本溶液内，多处可见椭圆形且不断运动的寄生虫卵，在50℃以上加热条件下加热10分钟后，活动虫卵消失。 专家提醒，小龙虾、螃蟹等水生动物中可能含有多种寄生虫，如生食或未煮熟后食用，可导致人体感染寄生虫病。</t>
  </si>
  <si>
    <t>大部分的壳类都会携带寄生虫，螃蟹，虾，螺丝，贝等等，在烧制时开锅再有10分钟以上就可以杀灭了。</t>
  </si>
  <si>
    <t>淡水生物寄生虫都会不少的 ，只要充分煮熟就好了。</t>
  </si>
  <si>
    <t>扁平疣可以治愈吗</t>
  </si>
  <si>
    <t>用无花果叶子折断之后流出来的白色液体涂抹，见效非常快。</t>
  </si>
  <si>
    <t>扁平疣能治愈。局部少许扁平疣，局部用药治疗。身体皮肤也有扁平疣，局部用抗病毒药物和口服药物治疗，必要时用免疫制剂。</t>
  </si>
  <si>
    <t>中医抗体除疣法能根治。</t>
  </si>
  <si>
    <t>照片不清楚可以变得更高清吗</t>
  </si>
  <si>
    <t>三步搞定糢糊图片：1.复制图层－图像－调整－去色2.滤镜－其它－高反差保留。3.模式改为叠加－复制2.4个图层，复制一个就会清晰一点（以你满意图层清晰度为主）。详解:1.首先，复制一个背景图层。2.在“图像”下的调整中选择“去色”，或者使用快捷键Ctrl+Shift+U。3.然后将这一层的图层模式改为“叠加”。4.点选滤镜中的“其它”进行“高反差保留”的操作。半径的数值不要一次性就调很高，可以分几次慢慢来调。5.点击图层下第2个按钮，给这一层加上蒙版。6.然后选择“画笔”，颜色为黑色，用画笔将不需要清晰的地方涂掉。在用画笔涂抹的过程中，图片里是看不出涂抹效果的，只能在图层里看。到被涂抹的地方变成黑色，而没涂抹的地方为白色。7.涂抹好以后就开始复制图层，根据你的需要来选择要复制多少层，每复制一层就看看图片的清晰度是不是已达到需要。8.点击最开始的背景图层，并选择“曲线”。用曲线将图片稍稍调暗一点。9.调完曲线以后，复制一个背景图层。10.将复制图层用鼠标点住不放，拖动到最高的一层，然后将这一图层的混合模式改为“滤色”。11.给这一图层添加蒙版，并且选择左边工具栏里的“画笔”，将画笔的不透明度降低，在需要清晰的地方进行涂抹。在涂抹的过程中，可以从右边观察涂抹到的区域。最后，只需要合并所有图层就行了。</t>
  </si>
  <si>
    <t>什么软件都不行，想想如果软件可以做到那个高像素的相机还有市场吗？</t>
  </si>
  <si>
    <t>用的PS。美图秀秀也可以。锐化就OK。</t>
  </si>
  <si>
    <t>地骨皮能治糖尿病吗</t>
  </si>
  <si>
    <t>可以降血糖的，不过是辅助治疗的。</t>
  </si>
  <si>
    <t>不能，目前糖尿病不能治愈。</t>
  </si>
  <si>
    <t>长白山南坡开放了吗</t>
  </si>
  <si>
    <t>还没有开放</t>
  </si>
  <si>
    <t>不开放，但是如果你想要去，可以找个当地人带你去</t>
  </si>
  <si>
    <t>长白山南坡这两只做高端旅游，只能通过景区的天池国旅才可以去</t>
  </si>
  <si>
    <t>冷却液不足还能开吗</t>
  </si>
  <si>
    <t>冷却液不足的时候是不要再开了，应该及时补充冷却液。</t>
  </si>
  <si>
    <t>可以，不过最好加冷冻液。如果用于应急可以加水，但是应急后必须把水放掉，换成冷却液。</t>
  </si>
  <si>
    <t>缺的不多，可以开，缺的多的话就加冷却液。</t>
  </si>
  <si>
    <t>战场boss 布里茨是限定吗</t>
  </si>
  <si>
    <t>不是限定的，刚上架。</t>
  </si>
  <si>
    <t>不是限定的，是机器人的终极皮肤。</t>
  </si>
  <si>
    <t>多肉可以水培吗</t>
  </si>
  <si>
    <t>多肉植物可以进行水培，水培时按水培植物进行管理。水培仙人球，水培芦荟等肉质植物。一：保持瓶水的干净，以防瓶水变质引起水质变坏导致芦荟。根系腐烂的症状。一般采取春，秋5-7天，夏3-5天，冬10-15天，换水一次，每次换水为原瓶水的三分之二。二：每次换水后往瓶中按量滴入营养液。轻轻摇荡使水分均匀同时能增加水中的含氧量，有利根系生长。三：水位的高度一般不超瓶的三分之二或根系的三分之二，因水位太高不利根系的生长。四：平时放在室内向阳通风处有利光合作用，减少徒长黄叶现象。冬天可移出室外晒一个小时的十点左右的太阳，增加水温增强光合作用。</t>
  </si>
  <si>
    <t>孕妇能吃牛肉吗</t>
  </si>
  <si>
    <t>孕妇可以吃牛肉,牛肉的营养价值很高，但是要适当的食用牛肉。</t>
  </si>
  <si>
    <t>一滴水从高处落下砸到人会不会砸伤或砸死</t>
  </si>
  <si>
    <t>会，那要看那滴水有多大，有多高。</t>
  </si>
  <si>
    <t>在考虑空气阻力时，不会！因为空气阻力随雨滴速度增加而快速增大，最终将和重力平衡，雨滴不再加速，稳定在一个“收尾速度”上。这一速度大约10到20m/s，考虑到雨滴的质量很小，砸不死人。</t>
  </si>
  <si>
    <t>男人应不应穿内裤</t>
  </si>
  <si>
    <t>内裤还是要穿滴。</t>
  </si>
  <si>
    <t>不应该，不好看 不舒服。</t>
  </si>
  <si>
    <t>夜叉值得培养吗</t>
  </si>
  <si>
    <t>国足还有出线希望吗</t>
  </si>
  <si>
    <t>争小组第一是没有戏了，只能和香港争第二。</t>
  </si>
  <si>
    <t>理论上有可能，赛程过半与前两名积分差距10分左右，要想翻盘得胜利胜利再胜利（难难难）如果出奇迹，那将不顾旧伤重批战袍回归绿茵。</t>
  </si>
  <si>
    <t>当然有了，只要下场赢了巴西，然后比利时再不赢就可以出线了．</t>
  </si>
  <si>
    <t>2016比特币还能挖矿吗</t>
  </si>
  <si>
    <t>dnf安图恩罐子值得开吗</t>
  </si>
  <si>
    <t>要是有安图恩装备或者有些首饰位置差很多，那么安图恩罐子值得开，性价比很高。</t>
  </si>
  <si>
    <t>过敏性荨麻疹能自愈吗</t>
  </si>
  <si>
    <t>只有很小的一部分荨麻疹患者会不治自愈，大部分的荨麻疹会会伴随一生的。</t>
  </si>
  <si>
    <t>孕妇能吃烧烤吗</t>
  </si>
  <si>
    <t>只要准妈妈能够注意到以下注意事项，偶尔吃几顿烧烤还是没问题的： 1.将生肉和熟肉用不同的容器分开盛放，熟食绝对不能放在盛放过生肉的盘子或台面上。小心存放生肉，注意不要让生肉上的汁水滴到其他食物上。 2.要等到木炭烧红，表面覆盖上一层炭灰时再开始烧烤食物。确保冷冻食物在烧烤前要完全解冻，还要注意一直遮盖好。 3.要确保自始至终都把鸡肉、猪肉、汉堡、香肠和肉串等食物烤到滚烫。你还可以事先把肉及肉类制品用烤箱或微波炉完全烹熟，然后再把它们放在烤架上以增加那种特别的烧烤风味和口感。 4.不要以为肉的表面烤焦了，里面就一定完全烤熟了。要确保肉没有夹生的红心，并把肉汁都烤干。可以用叉子或串肉扦戳一戳肉上最厚的部分，检查一下是否完全烤透。烘烤的时候，时常翻动食物，并在烤架上来回移动一下，以保证烤得均匀。 5.烧烤时，炭火的温度要达到70摄氏度，至少要烤上两分钟。</t>
  </si>
  <si>
    <t>最好少吃，烧烤吃的容易上火，而且没有多少营养，最重要的是有致癌物质。</t>
  </si>
  <si>
    <t>孕妇吃烧烤是不会有什么大问题，最重要的是不要让她吸入烧烤时的烟，那烟非常毒。</t>
  </si>
  <si>
    <t>王者荣耀要花钱吗</t>
  </si>
  <si>
    <t>只是普通玩玩就不花钱了，想与众不同当然就要花钱。</t>
  </si>
  <si>
    <t>王者荣耀下载安装都不要钱，只是游戏内部道具要收费的。</t>
  </si>
  <si>
    <t>看你想不想花，不花也行，看技术的。</t>
  </si>
  <si>
    <t>诺基亚5230有没有wifi</t>
  </si>
  <si>
    <t>诺基亚5230不可以用wifi，因为没有主板没有预装wifi模块。</t>
  </si>
  <si>
    <t>可以连接Wi-Fi。</t>
  </si>
  <si>
    <t>陈翔六点半腿腿死了吗</t>
  </si>
  <si>
    <t>确实去世了。</t>
  </si>
  <si>
    <t>乐视快倒闭了吗</t>
  </si>
  <si>
    <t>乐视的业务很多，不会倒闭的。</t>
  </si>
  <si>
    <t>出现了一些小问题，度过难关就好了。</t>
  </si>
  <si>
    <t>冷风扇好吗</t>
  </si>
  <si>
    <t>冷电扇因为其优异的凉风功用，较低的耗电量等等功用受到了广阔消费者的欢送。</t>
  </si>
  <si>
    <t>那只不过加了一个加湿器而已，效果一般。</t>
  </si>
  <si>
    <t>相当不行，降温效果不明显，噪声大，比不上空调舒服。</t>
  </si>
  <si>
    <t>华为p9屏幕碎了保修吗</t>
  </si>
  <si>
    <t>人为的不保修。</t>
  </si>
  <si>
    <t>外力造成的碎屏，都不是质保的范围。</t>
  </si>
  <si>
    <t>网购的手机假如购买了碎屏险是可以送回免费维修的。</t>
  </si>
  <si>
    <t>ie11好用吗</t>
  </si>
  <si>
    <t>用起来基本上不错  但是对部分网站兼容性还是有点差</t>
  </si>
  <si>
    <t>郑爽的第一次是张翰吗</t>
  </si>
  <si>
    <t>银幕初吻是张翰，其他的不确定。</t>
  </si>
  <si>
    <t>魔幻手机三2017会播吗</t>
  </si>
  <si>
    <t>17年二月五号。</t>
  </si>
  <si>
    <t>流产了。</t>
  </si>
  <si>
    <t>蓝牙耳机可以连接电脑吗</t>
  </si>
  <si>
    <t>电脑本身具备蓝牙功能的话是可以使用蓝牙耳机的。如果没有也可以外置一个USB蓝牙适配器就能让电脑使用蓝牙功能了。电脑打开这个路径控制面板\硬件和声音\设备和打印机，点添加设备，这时蓝牙就启动在搜索蓝牙设备的了，当显示有设备的时候就点击，按着步骤来就能连接上了。</t>
  </si>
  <si>
    <t>1、首先确认电脑的蓝牙启，蓝牙灯正常，并开启蓝牙耳机的开关。点击系统右下角蓝牙图标选择添加设备。选择要添加的蓝牙耳机。系统会提示正在与蓝牙适配器连接，然后提示成功添加。点击开始-设备打印机，就可以看到添加的蓝牙耳机了。在蓝牙耳机上点击右键，选择属性，在弹出的窗口选择服务，此时把耳机选项打勾，，勾选系统提示安装驱动，驱动安装成功后，在系统右下角找喇叭图标点击右键-播放设备看蓝牙音频选项。然后将蓝牙音频作为默认播放设备，就可以使用蓝牙耳机听音乐。</t>
  </si>
  <si>
    <t>在计算机图标右键上选择管理，然后选择服务和应用程序——服务——找到bluetooth servicebluetooth support serviceprint spooler服务，分别双击这些服务，将这三个服务设定启动或开启即可</t>
  </si>
  <si>
    <t>过敏性紫癜能治好吗</t>
  </si>
  <si>
    <t>ps4能接电脑显示器吗</t>
  </si>
  <si>
    <t>PS4可以连接电脑显示器的。一、如果显示器有HDMI接口。1、如果显示器自带扬声器，只需要一根HDMI连接线将PS4和电脑显示器连接即可。2、如果显示器自带耳机插孔，那可以插耳机输出声音。3、如果显示器什么也不带。①可以直接把耳机插在PS4手柄的耳机插孔上。不推荐，一个手柄电池电量有限，另一个这样音质也很差。②买一个HDMI音频分离器，来接音箱和耳机，就是挺贵。③买一个光纤音频转换器，连接线连接PS4的光纤音频接口，然后接音箱或者耳机输出声音，音质不错而且便宜。二、如果显示器没有HDMI接口，只有VGA或者DVI接口。1、那么就需要一根HDMI转VGA或者DVI的连接线将PS4和电脑显示器连接。2、如果有DVI接口，优先使用HDMI转DVI连接线。因为DVI输出图像质量和HDMI差不多，但是VGA质量就差远了。3、因为VGA和DVI没有音频，就需要单独接出音频来，具体同上面的步骤①②③。</t>
  </si>
  <si>
    <t>中了勒索病毒能恢复吗</t>
  </si>
  <si>
    <t>现在的话基本上不太好恢复，可以去找做杀毒软件的大型企业求助，如腾讯管家、360卫士、金山毒霸等等，如果真的想自己尝试恢复的话，也可以去网上下载一个叫互盾数据恢复软件的对设备进行扫描恢复尝试，有一定的恢复几率，千万不要用中毒的电脑下载，用其他电脑进行下载安装到空U盘中，然后对中毒电脑进行恢复。</t>
  </si>
  <si>
    <t>可以使用电脑管家先去给电脑杀毒，把病毒从电脑里面删除了。然后它的工具箱里面，其实有一个文件解密的功能，使用这个功能，再去把文件给恢复到正常使用的状态就可以了。</t>
  </si>
  <si>
    <t>淘宝名可以改吗</t>
  </si>
  <si>
    <t>不可以更改的，注册会员名的时候有提示的，会员名一经注册不可以修改。</t>
  </si>
  <si>
    <t>注册了哪个就是哪个了，如果自己不喜欢的话，只有另外再注册一个。</t>
  </si>
  <si>
    <t>燕窝毛不挑干净能吃吗</t>
  </si>
  <si>
    <t>正常情况下是要挑毛的，一点细小的毛，吃也没什么影响。</t>
  </si>
  <si>
    <t>把小细毛挑干净再吃。</t>
  </si>
  <si>
    <t>没挑干净的燕毛也没关系，燕毛属于纤维是可以代谢出来的。</t>
  </si>
  <si>
    <t>达飞微金可信吗</t>
  </si>
  <si>
    <t>我朋友在那里上班，挺好的。</t>
  </si>
  <si>
    <t>股票质押是利好吗</t>
  </si>
  <si>
    <t>大股东质押股票通常讲就是将其手中的股票进行抵押，用来换取贷款或其他信用流动性。由此，总体而言这种行为是中性偏空的，质押的潜在用意就是换取流动性，类似民间抵押贷款，一定程度上表示大股东或企业现金流不充裕，需要通过质押股票来缓解。但就其消息本身对个股走势的影响而言，应该是很小的，仅可能稍稍影响甚至毫不影响，1-2天甚至当天就消化完成，无需对此消息改变操盘计划。但如果是大股东大幅减持公司股票，就是较大利空了，说明其本身对公司前景并没有信心，因此会对股票走势造成一定上涨压力或加速下跌。</t>
  </si>
  <si>
    <t>【股东股份被质押】的意思，就是前十大股东中，有股东的股份因股东自身的原因被质押冻结而不能流通。股东的股份被质押的情况对股价来说大都是中性，既不显示为利好，也不显示为利空。但，如果大股东被质押股份是属于流通股份，那应该是利好，因为股份被质押冻结，就无法流通，短期内就没有卖出而打压股价的可能。</t>
  </si>
  <si>
    <t>要看为什么质押股份。一般质押份2种，一个是质押还债，一个是质押为了发展企业。刚看了下该股公告，是为了企业更好的发展，说明是利好。</t>
  </si>
  <si>
    <t>柯基有尾巴吗</t>
  </si>
  <si>
    <t>柯基犬本身上有尾巴，而且还挺长。威尔士柯基是出生后断掉的</t>
  </si>
  <si>
    <t>2016户籍证明取消了吗</t>
  </si>
  <si>
    <t>微信电脑版必须扫码才能登录吗</t>
  </si>
  <si>
    <t>必须要用手机扫码登陆。</t>
  </si>
  <si>
    <t>更换账号登陆，或者在手机端点退出了就要用手机扫码了。</t>
  </si>
  <si>
    <t>登陆过一次之后，不需要再扫描，直接点登陆设备，然后手机上确定就可以了。</t>
  </si>
  <si>
    <t>网商贷和借呗一样吗</t>
  </si>
  <si>
    <t>支付宝借呗主要针对个人消费贷款或部分淘宝贷款等网商银行贷款主要服务中小企业，当然也包含个人用户。</t>
  </si>
  <si>
    <t>融资方面可能有不同，对于用户来说借呗和网商贷是一样的。</t>
  </si>
  <si>
    <t>简单借款有下款的吗</t>
  </si>
  <si>
    <t>填完资料就有额度，有额度就能提现不需要审核。</t>
  </si>
  <si>
    <t>端午节高速免费吗2017</t>
  </si>
  <si>
    <t>云南木府还有后人吗</t>
  </si>
  <si>
    <t>交易猫买号会找回去吗</t>
  </si>
  <si>
    <t>有可能会被找回</t>
  </si>
  <si>
    <t>口交会传染艾滋病吗</t>
  </si>
  <si>
    <t>目前为止还没有收到因为口交而感染艾滋病的情况发生。医学家说理论上存在感染的可能性，但是实际情况只有口腔内部出现大量的出血点或者溃疡，才会有可能导致感染，前提还是对方有艾滋病病毒。</t>
  </si>
  <si>
    <t>有感染艾滋病的可能。一般艾滋病的传播途径为性接触，母婴传播，血液制品！口交也有传播艾滋病和性病的可能。因为一方难免有牙龈炎、口腔溃疡等口腔常见病；另一方的外生殖器又难免在口交时被对方的牙齿划伤。即使双方或一方的操作是极浅表的，均便于艾滋病病毒渗出或侵入。</t>
  </si>
  <si>
    <t>e互助可靠吗</t>
  </si>
  <si>
    <t>e互助由美国纳斯达克上市公司泛华保险服务集团发起，是国内首家全公开全透明的预防未来风险的网络互助平台。拥有国内金融服务中介行业最大的销售及服务网络，大公司，够靠谱。</t>
  </si>
  <si>
    <t>这个行业算是早的，口碑和内部管理以及帮助的对象都是很透明的。</t>
  </si>
  <si>
    <t>e互助平台在国内做的还是不错的，创立时间较早。</t>
  </si>
  <si>
    <t>没有预售证的房子能买吗</t>
  </si>
  <si>
    <t>能买，但是存在一定的风险。</t>
  </si>
  <si>
    <t>商品房没有预售许可证，是不能买的。</t>
  </si>
  <si>
    <t>百香果籽能种吗</t>
  </si>
  <si>
    <t>百香果属于雌雄异花，雌花结果，雄花用于授粉，其授粉媒介主要是蜜蜂和昆虫，也可通过人工授粉。春季种植的百香果，当年7月即可开花，9月可收果。第二年以后，每年4月开始开花，一年可开5-6批，每批花相隔20天，从开花到果实成熟需60-70天，果实收获4个多月。 百香果的繁殖方法主要有两种，一种是用种子直接播种繁殖，另一种则是用蔓条扦插繁殖。每亩种植70-80株主蔓， 主蔓逐级分出侧蔓在棚架上攀延结果。百香果每年每亩产量达1-1.5吨，高产的达2吨以上。</t>
  </si>
  <si>
    <t>8-11月边结果，边成熟，应分期分批采收。选个大、饱满的果实留种。去掉果皮和果肉，取出种子，洗净晾干贮藏。翌年春季3月播种。奖种子均匀撒播于苗床上，覆盖细土2厘米，浇水保湿，育苗1年可定植。选种。选长势强健，果实均匀而大，成熟一致，抗逆性强的母树采种，以秋季成熟果为佳，当果完全成熟时采摘，要后室内放置一段时间使其充分后熟，取出果实内种子，洗净晒干，储存待播。</t>
  </si>
  <si>
    <t>百香果的籽能种出百香果树来，因它可进行播种繁殖，但此法比较少用，通常以剪枝扦插为主要的繁殖方法，扦插繁殖快通常当年插成活后可当年开花结果。</t>
  </si>
  <si>
    <t>邹市明厉害吗</t>
  </si>
  <si>
    <t>厉害，拳击冠军。</t>
  </si>
  <si>
    <t>dnf欧皇光环有用吗</t>
  </si>
  <si>
    <t>看效果的话无话可说，要属性的话，就不行的。</t>
  </si>
  <si>
    <t>黄磊老婆怀三胎 合法吗</t>
  </si>
  <si>
    <t>算不算超生，就在于该是否符合法定再生育条件；如果现黄磊和其老婆是原配夫妻，生育第三个子女当然涉嫌超生；如果黄磊和其老婆是再婚夫妻，得看男女双方是否符合法定的再生育条件。如果是符合的，当然算合法的生育行为，反之，则为超生。</t>
  </si>
  <si>
    <t>脑瘫可以治愈吗</t>
  </si>
  <si>
    <t>治疗小儿脑瘫的方法最好的就是干细胞移植。干细胞输入后可以补充缺损的神经元，恢复脑组织的正常生长发育，改善大脑的认知功能障碍，并且年龄越小，大脑的代偿功能就越强，治疗的效果及越好。</t>
  </si>
  <si>
    <t>不好说，从医学角度来讲，小孩脑瘫的治愈率要比成年人高，最佳治疗时期是6岁以前。</t>
  </si>
  <si>
    <t>脑瘫治不好，但通过正确的治疗方式可改善患者社会功能。</t>
  </si>
  <si>
    <t>护照有效期不足6个月可以出境吗</t>
  </si>
  <si>
    <t>如果已经获得签证，则护照有效期已不足6个月也可以出境。但建议更换护照。公安部关于修改《中华人民共和国普通护照和出入境通行证签发管理办法》的决定（公安部令第118号）第十条　具有下列情形之一的，普通护照持有人可以向其户籍所在地县级以上地方人民政府公安机关出入境管理机构申请换发普通护照：（一）签证页即将使用完毕的；（二）有效期不足六个月的，或者有效期在六个月以上但有材料证明该有效期不符合前往国要求的；（三）公安部出入境管理机构认可的其他情形。</t>
  </si>
  <si>
    <t>是不可以的。根据《中华人民共和国普通护照和出入境通行证签发管理办法》第十条具有下列情形之一的，普通护照持有人可以向其户籍所在地县级以上地方人民政府公安机关出入境管理机构申请换发普通护照：有效期不足6个月的，或者有效期在6个月以上但有材料证明该有效期不符合前往国要求的。</t>
  </si>
  <si>
    <t>电影院的3d眼镜能在电脑上看吗</t>
  </si>
  <si>
    <t>不能。3D眼镜有两种类型：偏光式、快门式，类型不同的不通用。即使类型一样，家用的与电影院用的也不通用。</t>
  </si>
  <si>
    <t>不可以。电脑上的是红蓝3D电影，用红色蓝色（或绿色）做分色技术，需要用红蓝眼镜看；电影院的是偏振分色技术，用两种不同偏振方向的光代替一红一蓝，所以眼镜也是一个镜片只能透过一种偏振光，所以原理不同，电影院的不能看电脑上的，偏振是比红蓝更先进的3D技术。</t>
  </si>
  <si>
    <t>车牌架有必要吗</t>
  </si>
  <si>
    <t>牌照框（也叫车牌架、牌照托、车牌框）装与不装，没有硬性规定的。2013年的新交规对于车牌框的要求比较严苛，其实更多的是倡导不用过于花哨的框架。</t>
  </si>
  <si>
    <t>行的，很多人没有框。</t>
  </si>
  <si>
    <t>分什么样的车型就可以根据车型安车牌架，比如轿车就可以不安，跃野车型就有必要安装了。</t>
  </si>
  <si>
    <t>有没有只发视频的群</t>
  </si>
  <si>
    <t>淘宝投诉卖家有用吗</t>
  </si>
  <si>
    <t>投诉成功卖家会受到处罚。收到侵权投诉后，在3个工作日内没有申诉或申诉不成功，会执行处罚。处罚类型分为两种类型，不当使用他人权利以及出售假冒商品。</t>
  </si>
  <si>
    <t>要看你投诉卖家什么了，你要是投诉他态度，骂人什么的，基本没有什么用。你要是投诉他卖假货，卖的东西有严重质量问题，成功的几率还是挺大的。一般是交易中或者交易成功是不能投诉卖家的，交易关闭的状态下也可以投诉卖家，你看你的订单显示的是什么状态。你最好在15天之内投诉，这样成功几率大。</t>
  </si>
  <si>
    <t>天猫旗舰店是正品吗</t>
  </si>
  <si>
    <t>天猫旗舰店的，全部都是正品，但是只是说什么旗舰店它对于自己排在下面的东西肯定是正品，但是不能保证说这个质量一定是好的。</t>
  </si>
  <si>
    <t>不一定是正品，要学会辨别。1、先看看卖家得到的信用是哪一年至哪一年的，短时间内得到很多好评的话，一般是假的。2、再看看他们出售的商品是不是非常畅销的，如果是畅销的，而卖家的加入时间与其得到的评价数不符的，就可能是假的。3、价格是不是最好的，如果价格与其物品的实际市场价格相差太远，而其又有好多买家，那就要仔细观察一下他的买家了。4、商品质量是否像卖家描述的那样好，其实这点上是最容易观察的，不论是中评还是差评，不满意的买家总会或多或少的说一些有关产品的问题，所以在评语中分析一下买家的报怨是不是针对产品质量的，然后在网上再搜索一下有关这种产品的评论性文章。</t>
  </si>
  <si>
    <t>不一定，之前就有查到过旗舰店售假的。</t>
  </si>
  <si>
    <t>婴儿趴着睡好吗</t>
  </si>
  <si>
    <t>在侧卧、仰卧、俯卧三种常见的睡姿中，俯卧属于一种不良睡眠体位，会影响到宝宝牙齿的发育。趴着睡觉，孩子的下颌受到头部压力，而此时全身肌肉处于松弛状态，下颌为了摆脱受到的压力，即产生移动，形成磨牙。</t>
  </si>
  <si>
    <t>优点：1、宝宝有安全感。2、有益于胃的蠕动及消化。3、可以使宝宝受抬头挺胸的带动，从而锻炼了颈部、胸部、背部及四肢等大肌肉群。缺点：1、容易造成窒息。2、容易引起体温升高，或者由于汗液积于胸腹而产生湿疹。3、四肢手脚不易活动。</t>
  </si>
  <si>
    <t>优点：1、能够提高睡眠质量。2、提高呼吸的效率。3、防止呕吐引起窒息。4、有利于宝宝大脑的发育。缺点：1、容易导致呼吸不畅甚至是窒息。2、可以导致胸廓的变形。</t>
  </si>
  <si>
    <t>转转上的手机靠谱吗</t>
  </si>
  <si>
    <t>全是改装的，别上当了，要不就走转转验机，就是麻烦点。</t>
  </si>
  <si>
    <t>这上面的手机太烂了，检测的都是假的。</t>
  </si>
  <si>
    <t>孕妇可以用花露水吗</t>
  </si>
  <si>
    <t>花露水有麝香的，最好不要用。</t>
  </si>
  <si>
    <t>山下智久现在有女友吗</t>
  </si>
  <si>
    <t>目前没有公开的女友。</t>
  </si>
  <si>
    <t>酒可以带上高铁吗</t>
  </si>
  <si>
    <t>可以，乘坐火车的旅客不能携带散装白酒乘车，旅客只能携带封闭好的瓶装白酒，并且携带的数量上限为六瓶装的一箱，但是白酒的度数如果高于50度，旅客只能携带两瓶乘车。</t>
  </si>
  <si>
    <t>散装白酒是不能带上车的，但封存完好的瓶装白酒可以带上火车，不过数量不能超过一箱(6瓶装)；如果带的白酒超过数量限制，也可以托运。目前没有明文规定不能带白酒坐高铁，所以是可以的，但是有些地方的安检或许会要求检查这是不是酒，可以带上发票证明。</t>
  </si>
  <si>
    <t>大时代袜子是传销吗</t>
  </si>
  <si>
    <t>当然不是的，是有货的。</t>
  </si>
  <si>
    <t>微商。</t>
  </si>
  <si>
    <t>2017内存条还会降价吗</t>
  </si>
  <si>
    <t>应该是肯定会降价的。电子产品的趋势就是缓慢的降价。</t>
  </si>
  <si>
    <t>短期内是降不了了。估计年前够呛了。价格就是这样，涨的猛，降的慢。有降的机会也就是等着看看双十一了。</t>
  </si>
  <si>
    <t>来彩彩票o2o可以买彩票吗</t>
  </si>
  <si>
    <t>武则天墓葬挖开了吗</t>
  </si>
  <si>
    <t>尚未批准挖掘乾陵，国家文物局有关同志则表示，我国政府对于地下陵墓，一直坚持“不主动发掘”的原则，“保护为主，抢救第一”是文物工作的方向。国家有不允许挖掘的规定。</t>
  </si>
  <si>
    <t>武则天的墓尽管甬道两旁的人头兽甬都被偷去，但有无字碑镇着，写字者死，盗墓者亡，黄巢当年也没有挖开，至今保护完好。</t>
  </si>
  <si>
    <t>没有被挖掘过。</t>
  </si>
  <si>
    <t>伊苏8好玩吗</t>
  </si>
  <si>
    <t>可以先看看别人玩的视频再下决定买不买，至少我觉得比树海好玩。</t>
  </si>
  <si>
    <t>尿毒症严重吗</t>
  </si>
  <si>
    <t>尿毒症是一个比较严重的病症。</t>
  </si>
  <si>
    <t>相当严重。</t>
  </si>
  <si>
    <t>也不一定，要看轻重程度。</t>
  </si>
  <si>
    <t>房贷利率是固定的吗</t>
  </si>
  <si>
    <t>房贷的利率都采用浮动利率。</t>
  </si>
  <si>
    <t>也有固定利率住房按揭贷款，需要和银行约定在多长时间内按照多少的固定利率计算。</t>
  </si>
  <si>
    <t>s后面的辅音都要浊化吗</t>
  </si>
  <si>
    <t>要浊化。</t>
  </si>
  <si>
    <t>音标/s/后面的清辅音不一定要变成浊辅音。</t>
  </si>
  <si>
    <t>支付宝提现到网商银行要手续费吗</t>
  </si>
  <si>
    <t>余额宝里边的钱，需要先转入到余额里面，然后再转入网商银行，是没有任何费用的。</t>
  </si>
  <si>
    <t>支付宝余额，从余额提现到银行卡，不管哪种银行都一样的，手续费1‰，每个支付宝账户有20000的免费额度可以用。</t>
  </si>
  <si>
    <t>黄标车2017还能年审吗</t>
  </si>
  <si>
    <t>黄标车可以年审，但限制通行。</t>
  </si>
  <si>
    <t>2017强制报废。</t>
  </si>
  <si>
    <t>降职降薪合法吗</t>
  </si>
  <si>
    <t>依据《劳动合同法》五十一条规定：“用人单位在制定、修改或者决定直接涉及劳动者切身利益的劳动报酬、工作时间、休息休假、劳动安全卫生、保险福利、职工培训、劳动纪律以及劳动定额管理等规章制度或者重大事项时，应当经职工代表大会或者全体职工讨论，提出方案和意见，与工会或者职工代表平等协商确定。 ” 公司没有经过职工大会或全体职工讨论单方降薪是不合法的。</t>
  </si>
  <si>
    <t>除非劳动合同中对此有比较详细的规定，可依照约定处理。否则，降职降薪属于变更劳动合同内容的行为，应由双方协商一致后方可变更，用人单位不得擅自单方变更。</t>
  </si>
  <si>
    <t>不会英语能学编程吗</t>
  </si>
  <si>
    <t>可以，在编程当中，用的是英语，但是你只要知道基本的英语知识就可以了 。</t>
  </si>
  <si>
    <t>根据你自己的情况，可以适当选择是否再自学以下英文，如果考虑到以后的发展，建议还是多少学习以下英文知识，其实不难，一般编程只要求能够达到高中英语水平即可</t>
  </si>
  <si>
    <t>不上幼儿园可以上小学吗</t>
  </si>
  <si>
    <t>应该不可以的，现在幼儿园教很多东西小学已经不教了，还有么就是宝宝从来没有过集体生活的话，直接上小学应该不好。</t>
  </si>
  <si>
    <t>小学是国办，教育法规定小学、初中是义务教育（9年义务教育），这是完全免费的，孩子可以就近上小学，教育法没有规定不上幼儿园就不能上小学。</t>
  </si>
  <si>
    <t>vr眼镜能看电脑屏幕吗</t>
  </si>
  <si>
    <t>可以，不过显示器需要支持3d才行，否则没有效果。</t>
  </si>
  <si>
    <t>当然不行了，戴VR眼镜看手机时手机离自己这么近，屏幕跟眼镜差不多大小，所以才有3D效果，戴眼镜看显示器，显示器离这么远，这样就不行了。</t>
  </si>
  <si>
    <t>巴厘岛是免签吗</t>
  </si>
  <si>
    <t>2015年6月10号起免签。</t>
  </si>
  <si>
    <t>loewe是一线品牌吗</t>
  </si>
  <si>
    <t>是的， 西班牙的奢侈品牌， 皮包 ，丝巾比较有名。</t>
  </si>
  <si>
    <t>维生素b1驱蚊是真的吗</t>
  </si>
  <si>
    <t>维生素b1驱蚊是有用的。</t>
  </si>
  <si>
    <t>无论从理论上，还是从实验层面，“维生素B1能驱蚊”的说法均未得到验证。也就是说，维生素B1压根没有驱蚊防蚊的效果。</t>
  </si>
  <si>
    <t>维生素B1的气味可以干扰蚊子的感官系统，使它不能准确定位。但是气味过几分钟就会挥发，所以即使有效果，也是很短暂的。</t>
  </si>
  <si>
    <t>劳务费需要发票吗</t>
  </si>
  <si>
    <t>公司对公司的派遣性质劳务，就需要劳务费发票，由派遣方开票。但是现实生活里，很多是个人对公司性质的，比如一些单位请临时工，此类劳务看金额大小来定，在金额不大的前提下如果实在是没有发票，可以将其用工视同本单位勤杂工处理，在工资表中造册发放，如果金额比较大，还是需要对方去地税代开发票的。</t>
  </si>
  <si>
    <t>1、劳务费，按照税法的规定是需要提供劳务的人或者接受劳务的人去税务机关代开发票的，代开劳务费发票时，需要缴纳因提供劳务而产生的增值税、城建税、教育费附加等。2、如果提供劳务的人是个人，在支付劳务费的时候还应该代扣代缴个人所得税；3、劳务费发票是接受劳务的公司合法的扣税凭证。如果没有取得有效发票，是不能抵扣增值税和企业所得税的。</t>
  </si>
  <si>
    <t>杭州东站是亚洲最大吗</t>
  </si>
  <si>
    <t>火车站最大没有衡量标准。论吞吐量，东京火车站是最大的。论铁路线路，杭州东站与西安北站并列亚洲最大，有18个站台，34条铁路线论占地面积应该是上海虹桥站最大，130万平方米。杭州东只有113万平方米。</t>
  </si>
  <si>
    <t>有人撰文提到：杭州东站是一个堪称亚洲最大的客运枢纽。</t>
  </si>
  <si>
    <t>绝地求生大逃杀需要加速器吗</t>
  </si>
  <si>
    <t>可以不用，这个游戏不锁地区。</t>
  </si>
  <si>
    <t>游戏目前没有开放国服，有亚洲服，部分沿海地区可以裸连，如果延迟丢包比较严重，可以试下熊猫加速器，能解决网络问题。</t>
  </si>
  <si>
    <t>先根据情况而定，网络不好，配置一般的话是可以用的，特别是加速器，像奇游这样的用一个稳定网络环境也可以，避免玩着出现一些网络问题。</t>
  </si>
  <si>
    <t>农村社保卡跟单位社保卡是一样的吗</t>
  </si>
  <si>
    <t>报销不一样。</t>
  </si>
  <si>
    <t>是一样的，只不过农村社保是村里帮买，公司的就是公司帮买而已，全球的社保卡是统一的。</t>
  </si>
  <si>
    <t>ps4可以接电脑显示器</t>
  </si>
  <si>
    <t>彩虹岛2017还有人玩吗</t>
  </si>
  <si>
    <t>现在还是有人玩的。</t>
  </si>
  <si>
    <t>边听音乐边写作业好吗</t>
  </si>
  <si>
    <t>可以集中精神就好。</t>
  </si>
  <si>
    <t>函授本科可以考公务员吗</t>
  </si>
  <si>
    <t>非普通高等学历教育的其他国民教育形式(自学考试、成人教育、网络教育、夜大、电大等)毕业生取得省级以上教育行政部门认可的毕业证后，符合职位资格条件的，可以报考。经国家教育部或省政府同意，可自主颁发国民教育序列学历文凭的民办高等院校或高等职业技术学院的毕业生，若符合报考条件和具体职位要求的，可以报考。</t>
  </si>
  <si>
    <t>可以考，但是招考条件注明全日制的除外，如果你没参加学位认证考试，那么要求本科学历学士学位的你也不能报考。一般乡镇公务员不限制，县以上职位一般都要求学士学位了</t>
  </si>
  <si>
    <t>十滴水洗澡婴儿适用吗</t>
  </si>
  <si>
    <t>凉性大哦，宝宝没有痱子的话最好不要用了。</t>
  </si>
  <si>
    <t>适量添加在洗澡水中，对宝宝皮肤是有好处的，十滴水清热解暑作用，适用于夏季中暑、头昏头痛、恶心呕吐、腹胀腹泻患者。</t>
  </si>
  <si>
    <t>可以啊，可以预防长痱子。</t>
  </si>
  <si>
    <t>植物医生到底好不好</t>
  </si>
  <si>
    <t>宣传的很神,其实一点效果也没有，建议不要购买不知名的品牌化妆品。</t>
  </si>
  <si>
    <t>植物医生是个挺不错的化妆品品牌，20年来一直使用自然的植物为中国女性带来更多的美丽，让更多女性拥有好的肌肤和妆容。</t>
  </si>
  <si>
    <t>淘宝司法拍卖的房子能买吗</t>
  </si>
  <si>
    <t>司法拍卖是由法院执行庭组织进行的，只要房屋产权明晰没有任何权利负担，能够按照约定办理过户手续的话，这样的房屋经过拍卖价格适中，值得购买。</t>
  </si>
  <si>
    <t>1、购买司法拍卖房有一定的风险，如果有这方面考虑一定要事先咨询熟悉相关业务的律师进行风险分析。2、目前的司法拍卖房都有公示，而且众多的法院都已经进驻了淘宝网，买家如果有意向，可以去淘宝网查看相关信息，更具体的可以委托私家侦探或者律师去做调查，比如到底是否有人居住在内，所拖欠的水电费物业费数额是否巨大，户口能否迁入等。在法院规定的统一看房时间，一定要去现场仔细观察和询问法官。3、关于一次性支付房款的问题，目前已经有数家银行针对此推出了相应的贷款政策，虽然利率不低，但绝对比民间放贷便宜，买家可以考虑考虑。4、尽可能减少风险，还是选择有钥匙的，可以直接入住的房子进行竞拍，一定要切记买房不是问题，买了房住进去才是问题。</t>
  </si>
  <si>
    <t>门槛条有必要装吗</t>
  </si>
  <si>
    <t>有必要。高跟鞋进出怕会蹭掉油漆，并且有装饰作用，而且并不贵。</t>
  </si>
  <si>
    <t>没必要。如果是高档车，门槛条都会原厂配备，主要是为了美观，再加上好车的用料比较贵，为了更好的保护。如果是普通十几万二十万的车就没有太大必要，有可能装了以后不配套，甚至会有导致刮衣服或者磨车门边的问题。</t>
  </si>
  <si>
    <t>门槛条本身没有什么实际意义，现在的不锈钢门槛条做工太差，时间长了容易氧化变色，甚至生锈，有时加门槛条会影响关门。</t>
  </si>
  <si>
    <t>防晒喷雾可以喷脸吗</t>
  </si>
  <si>
    <t>不是所有喷雾都能直接喷在脸上，只有喷头喷出的是雾状的防晒液，细腻而且均匀，才适合直接喷在脸上，在购买时要注意问清楚，最好在试用后才决定是否购买。如果喷头喷出大颗的水滴，就只能先喷手上，再涂脸上。 如何挑选防晒品的质地？购买前需先在手背上试用，感受质地和颜色，若太油腻、太白或太厚都不理想。防晒品擦在哪道程序，防晒品应在护肤最后一道程序后涂抹，如上妆需用在粉底前，薄薄一层；如需户外活动不化妆时，则要厚一些，之后扫散粉避免油光。 防水型防晒露怎样清洁，用了防水型防晒露需要先卸妆，专门的晒后卸妆油最理想，一般洁颜油或卸妆乳也可以，随后直接冲水洗净，一般防晒霜用洗面乳清洁即能完全洗净。</t>
  </si>
  <si>
    <t>可以的, 记得要闭眼闭气，或是先喷在手上再涂抹到脸上。</t>
  </si>
  <si>
    <t>支付宝可以用信用卡支付吗</t>
  </si>
  <si>
    <t>支付宝可以绑定信用卡的。</t>
  </si>
  <si>
    <t>司法拍卖的房子能买吗</t>
  </si>
  <si>
    <t>法律上是可以买的，有太多的纠葛的，涉及人和事过多的建议不要买。</t>
  </si>
  <si>
    <t>有房贷的房子可以抵押贷款吗</t>
  </si>
  <si>
    <t>如果是在银行做过抵押的房子，在尾款未还清的情况下，也可以做房屋的二次抵押。</t>
  </si>
  <si>
    <t>房子的所有权是你的,房产证上面也是你的名子.你已经在银行做了按揭,是不可以再做其它抵押贷款的。</t>
  </si>
  <si>
    <t>可以办理抵押贷款。</t>
  </si>
  <si>
    <t>支付宝收钱码收费吗</t>
  </si>
  <si>
    <t>支付宝收钱码收费，收取0.35%的手续费。</t>
  </si>
  <si>
    <t>魔女的恋爱好看吗</t>
  </si>
  <si>
    <t>好看，挺搞笑的。</t>
  </si>
  <si>
    <t>感觉一般。</t>
  </si>
  <si>
    <t>雅漾活泉水好不好</t>
  </si>
  <si>
    <t>一点都不好，用了半个月，还是发红犯痒，脸上还很干，起皮。</t>
  </si>
  <si>
    <t>好用，皮肤的过敏症状就明显改善。</t>
  </si>
  <si>
    <t>刚开始感觉不是很明显，用的时间越长效果越好。</t>
  </si>
  <si>
    <t>防晒喷雾能上飞机吗</t>
  </si>
  <si>
    <t>社保补缴有时间限制吗</t>
  </si>
  <si>
    <t>没有补缴限制，有工作单位就行，公司帮你缴费。</t>
  </si>
  <si>
    <t>有限制，4年。</t>
  </si>
  <si>
    <t>知网表格查重吗</t>
  </si>
  <si>
    <t>部分表格可以进行比对，但大部分并不能。只能检测到表格中的数据，所以目前也是查重系统的一个缺陷。</t>
  </si>
  <si>
    <t>不查表格，而且公式也不查（前提是公式编辑器）。</t>
  </si>
  <si>
    <t>苹果一体机值得买吗</t>
  </si>
  <si>
    <t>性价比太低，品牌溢价太多，可以考虑自己购买硬件组装一台。</t>
  </si>
  <si>
    <t>苹果一体本身的系统很少人用，基本都装个双系统，毕竟window系统大家用的习惯，除非你是搞设计的。不是用于多媒体设计不建议你购买，苹果电脑一般用于广告设计、多媒体设计，就资源来说pc电脑还是占主流。</t>
  </si>
  <si>
    <t>涨停后能卖股票吗</t>
  </si>
  <si>
    <t>涨停板，跌停板都可以交易。</t>
  </si>
  <si>
    <t>涨停之后一般都会有大单封板，涨停可以卖出，但买不进来。</t>
  </si>
  <si>
    <t>薄荷可以一直水培吗</t>
  </si>
  <si>
    <t>人力资源证好考吗</t>
  </si>
  <si>
    <t>相对来说不难，要求考生单科成绩达到60分即可获得证书。</t>
  </si>
  <si>
    <t>其实人力资源管理师证书对于本专业的人来说只要上学不挂科，学的差不多，基本没有任何问题，尤其是三级证书，二级相对难一些，但是只要认真掌握教辅材料上的知识，通过率也是很高的。</t>
  </si>
  <si>
    <t>四级不太难，二、三级就挺难的。</t>
  </si>
  <si>
    <t>iphone7plus值得买吗</t>
  </si>
  <si>
    <t>这个问题是得根据个人情况来决定的，不是一两句话就能说清楚的，看自己喜不喜欢。</t>
  </si>
  <si>
    <t>还是很值得的。</t>
  </si>
  <si>
    <t>感觉没必要，iPhone7（plus）并没有什么大的改变。</t>
  </si>
  <si>
    <t>掌阅vip到期后 下载好的书还能看么</t>
  </si>
  <si>
    <t>当然可以啦，一次购买终生享用。</t>
  </si>
  <si>
    <t>能，不过只能看已经下载了的章节。</t>
  </si>
  <si>
    <t>人民的名义李达康是好人吗</t>
  </si>
  <si>
    <t>算是好人。</t>
  </si>
  <si>
    <t>洋山风景区好玩吗</t>
  </si>
  <si>
    <t>差旅费补助 是否需要缴纳个税</t>
  </si>
  <si>
    <t>出差补贴不用缴纳个人所得税。国税发（1994）089号文件规定，下列不属于工资、薪金性质的补贴、律贴或者不属于纳税人本人工资、薪金所得项目的收入，不征税：差旅费津贴、误餐补助（指按财政部门规定，个人因公在城区、郊区工作，不能在工作单位或返回就餐，确实需要在外就餐的，根据实际误餐顿数，按规定的标准发给的误餐费）。出差补贴不属于工资、薪金，所以，不用纳个人所得税。</t>
  </si>
  <si>
    <t>差旅费实报实销，不用缴纳个人所得税。差旅补助是有限额的，超出要调增企业所得税。差旅补助以工资形式发放的，超出也要交个人所得税（工资中包括各种补助）。</t>
  </si>
  <si>
    <t>唯品会上的东西是正品吗</t>
  </si>
  <si>
    <t>很多假货，很多小牌子存在严重质量问题。特被是母婴产品。</t>
  </si>
  <si>
    <t>是，基本没假货。</t>
  </si>
  <si>
    <t>看着感觉像真的，但是用起来，像假的。可能是把一些厂家的次等货给收购了，然后再倒卖给，牌子应该是真的啊，但是质量上就有那么点儿不过关了。</t>
  </si>
  <si>
    <t>微信删除该聊天 聊天记录就没了吗</t>
  </si>
  <si>
    <t>如果之前没在电脑备份过，这个是没办法恢复的，建议之后用微信先在电脑上备份，在最新版腾讯电脑管家就能备份，打开电脑管家-软件管理，微信聊天备份就行。</t>
  </si>
  <si>
    <t>在列表删除聊天记录还是在的。</t>
  </si>
  <si>
    <t>删除了，可以通过以下方法找到：　　1、查看语音聊天记录：语音聊天记录的备份和提取无需root，这些内容都备份在SD卡上。2、查看文本聊天记录：导出文本聊天记录就需要把手机进行root，只有在root后才能进行文本聊天记录的。如果手机里文件全部清理了，那就找不到了。</t>
  </si>
  <si>
    <t>江中猴姑米稀有效果吗</t>
  </si>
  <si>
    <t>江中猴姑米稀针对于不同的消费者需求，现推出了三个口味，你可以按照个人的口味，进行挑选，你喝完后，感觉胃里暖暖的，很舒服，目前我家的老人，小孩都在喝，效果不错。</t>
  </si>
  <si>
    <t>江中猴姑米稀的养胃效果还能够帮助增加食欲，增加胃粘膜组织功能。提升身体内血液细胞的周转率。提升蛋白系数含量。身体中的免疫系统得到提升，身体才会回归到正常状态。如果你存在胃功能不适等问题的话可以选择江中猴姑米稀。特别是针对女性朋友们来讲，江中猴姑米稀的养胃效果是毋庸置疑了，这种米稀中的各种营养成分都是按照黄金比例进行的，所以针对消化系统效果会更加明显。尤其对女性来讲，选择江中猴姑米稀的话不需要担心它的脂肪含量，放心大胆的喝即可。</t>
  </si>
  <si>
    <t>猴姑饼干跟一般饼干比，更健康，没有那么多的食品添加剂，含糖量也不高。江中猴姑饼干比较适合送老人家，长期吃养胃。不过如果糖尿病的话，任何东西都不适合多吃吧。</t>
  </si>
  <si>
    <t>八仙果吃多有副作用吗</t>
  </si>
  <si>
    <t>吃多了会腹泻的，建议还是少吃。</t>
  </si>
  <si>
    <t>2.5d玻璃需要贴膜吗</t>
  </si>
  <si>
    <t>不需要，屏幕小不容易刮花或者摔坏。</t>
  </si>
  <si>
    <t>红米4x是全网通吗</t>
  </si>
  <si>
    <t>比特币是有限的吗</t>
  </si>
  <si>
    <t>没有的。0.0001比特币依然是个比较大的单位。按照规则，比特币最小单位是十的八次方分之一。</t>
  </si>
  <si>
    <t>水宝宝防晒霜好用吗</t>
  </si>
  <si>
    <t>有点腻。</t>
  </si>
  <si>
    <t>太油了，不喜欢。</t>
  </si>
  <si>
    <t>韩博士重装系统好用吗</t>
  </si>
  <si>
    <t>建议还是使用大众的系统。</t>
  </si>
  <si>
    <t>建议还是使用PE会方便些。</t>
  </si>
  <si>
    <t>利息收入要交税吗</t>
  </si>
  <si>
    <t>银行的利息收入要交税。金融企业利息收入要缴纳企业所得税。工业或商业企业利息收入如果企业利润亏损，不用缴纳所得税，但就利息收入本身而言，并不能免税。</t>
  </si>
  <si>
    <t>平时不用，只是涉及企业所得税。</t>
  </si>
  <si>
    <t>个人取得非银行存款的利息收入，要交税。</t>
  </si>
  <si>
    <t>梦幻西游跑环赚钱吗</t>
  </si>
  <si>
    <t>1：跑环只对高等级来说比较赚钱170以上，109左右的话那必须得到制造书才算不亏本。2：跑环计算公式是这样的:积分+人物等级／3－130如等级170积分230，230+170/3-130=156.66666小数点可以不用计算，即百分之百得150书铁。3：当然低等级跑环也不一定亏本，主要结算花钱多少？外靠运气逆袭。因此如果时间多可以去跑环。时间少还是吃修炼果。</t>
  </si>
  <si>
    <t>跑环是不怎么赚钱的，要么就150以上可能会有150的书能值钱，一般都是亏的。</t>
  </si>
  <si>
    <t>只要运气好得到值钱点的书一般就不会赔钱，如果得刀剑书那肯定是赚钱的。</t>
  </si>
  <si>
    <t>小米换货是换全新吗</t>
  </si>
  <si>
    <t>是新机。</t>
  </si>
  <si>
    <t>换货是全新的。</t>
  </si>
  <si>
    <t>换货的机器一般都不是新机。</t>
  </si>
  <si>
    <t>脉搏和心率是一样的吗</t>
  </si>
  <si>
    <t>心律规则的情况下，心率和脉搏是一致的。如果有心律不齐的人，会测到心率和脉率不一致，脉率少于心率。</t>
  </si>
  <si>
    <t>iphone未激活的会不会是翻新机</t>
  </si>
  <si>
    <t>可能是。</t>
  </si>
  <si>
    <t>金刚狼还会有4吗</t>
  </si>
  <si>
    <t>应该不会有了，金刚狼3就是金刚狼 的收官之作了。而且狼叔也老了，他本人也表示保持身材很困难很痛苦了。</t>
  </si>
  <si>
    <t>没有了，金刚狼3系列是休·杰克曼最后一次出演金刚狼。</t>
  </si>
  <si>
    <t>2036世界末日真的假的</t>
  </si>
  <si>
    <t>2012都是假的不可能有世界末日的。</t>
  </si>
  <si>
    <t>有可能吧 。</t>
  </si>
  <si>
    <t>帧数越高越好吗</t>
  </si>
  <si>
    <t>一般电影达到24帧的话，就会感觉运动是正常合理的，而超过这速值会看到加速了的动作！但对于电脑来说，这个帧数是一个表示“性能”的数值，越高越好，但超过了24帧依旧不会觉得动作给加速了，这是因为程序本身有限制在合理的范围！</t>
  </si>
  <si>
    <t>帧数越高,效果越好,越流畅。</t>
  </si>
  <si>
    <t>晚上吃姜赛砒霜是真的吗</t>
  </si>
  <si>
    <t>中医理论中，可以用阴阳理论解释，人体的自然生理状态是早上起来阴气内敛阳气外发所以人会睡醒，晚上睡觉相反阳气内敛阳气入阴才能睡着。姜本身就是阳性的食物或着说是中药，其它药效不提，仅仅阳性或者说四气五味中的辛，温热来讲，效果就是助阳的。早上吃了能够提神，对身体有好处，晚上则影响睡眠，如果阴虚的人吃了还会加重自汗盗汗，更加影响健康。所以对于姜的服用时间，夸张点就有了早上吃姜胜参汤，晚上吃姜赛砒霜这种说法。</t>
  </si>
  <si>
    <t>过敏性紫癜能自愈吗</t>
  </si>
  <si>
    <t>难以自愈。</t>
  </si>
  <si>
    <t>融创房子质量很差吗</t>
  </si>
  <si>
    <t>其实，融创对细节的追求，是大家都有目共睹的，例如，融创的苏州桃花源，铺地的鹅卵石每颗长度都控制在8-10公分，宽度在2-3公分，香山帮“国匠”一天只能铺两个平方，正是有这样近乎苛求的态度，才成就了融创产品代言城市高度的品质。</t>
  </si>
  <si>
    <t>首先要看你问的是融创中国哪里的项目了，融创中国在全国项目很多，目前已在北京、天津、上海、重庆、杭州、苏州、无锡、常州等几个城市拥有众多处于不同发展阶段的项目，产品涵盖高端住宅、别墅、商业、写字楼等多种物业类型。其次，融创中国一直坚持区域聚焦和高端精品发展战略，以“至臻，致远”为品牌方向，所以，融创中国的房子质量应该都会很好的。</t>
  </si>
  <si>
    <t>融创地产不错，平台不错，只是下面部分合作的装修队伍很差劲，特别是装样板房的装修队，有个叫重庆恒彩装饰工程有限公司，其实自己没有适合的资质，挂靠重庆西铝装饰工程有限公司旗下，结融创品牌，招摇撞骗，骗取克扣合作商家的材料款，达到自己的目的，施工工艺相当之差，这样的确有损融创形象，样板房是融创的脸面。像恒彩装饰公司这种垃圾队伍既然能在融创装样板房，可能会影响融创销量以及声誉哈。</t>
  </si>
  <si>
    <t>银行卡补办卡号变吗</t>
  </si>
  <si>
    <t>可以保留原来的账号，但要等7个工作日才能取卡，等待的期间该账户只能进账。如果想快点进行拿到卡的话，是会变得。</t>
  </si>
  <si>
    <t>不一样的,除了卡号以外都是一样的。</t>
  </si>
  <si>
    <t>原先的银行卡号一般不会保留。多数银行是不能为储户补办银行卡时保留卡号，少数银行可以。</t>
  </si>
  <si>
    <t>淘宝的会员名可以更改吗</t>
  </si>
  <si>
    <t>一旦注册成功，不能更改。</t>
  </si>
  <si>
    <t>南京达内面试要不要去</t>
  </si>
  <si>
    <t>在南京有五家，每月有新班开班，就业信息在网站上看到，可靠。</t>
  </si>
  <si>
    <t>法老王朝 内瑟斯有特效吗</t>
  </si>
  <si>
    <t>内瑟斯所有的皮肤都是没有特效的，这有链接http://db.178.com/lol/skin-7502</t>
  </si>
  <si>
    <t>君融贷安全吗</t>
  </si>
  <si>
    <t>相对来说安全。</t>
  </si>
  <si>
    <t>支付宝流水能贷款吗</t>
  </si>
  <si>
    <t>支付宝资金流水不能作为合适凭证来申请银行贷款。借记卡的流水是不能用来申请银行贷款的，因为银行不能证明这些流水的真实性，所以，可以申请一张信用卡，并将这张信用卡与支付宝进行绑定，用快捷支付等方式网购消费，并按时还款，这对申请银行贷款有好处。</t>
  </si>
  <si>
    <t>支付宝流水可以贷款，可以在汇小贷网上提交贷款资料。</t>
  </si>
  <si>
    <t>中公协议班通过率高吗</t>
  </si>
  <si>
    <t>中公协议班是一个通过率较高的班型。</t>
  </si>
  <si>
    <t>钥匙插在门里面从外面打的开吗</t>
  </si>
  <si>
    <t>一般是打不开了。</t>
  </si>
  <si>
    <t>里面插钥匙的只要没有转动角度是可以开的。</t>
  </si>
  <si>
    <t>如果是手动锁的那就没有用了。</t>
  </si>
  <si>
    <t>孕酮低会导致胎停吗</t>
  </si>
  <si>
    <t>孕酮低会引起胎停，女人孕酮低会导致胎停流产，危害性很大。</t>
  </si>
  <si>
    <t>孕酮过低容易导致胎儿流产，如果有阴道出血、腹部疼痛、下坠的感觉，建议去医院肌注黄体酮，一周后进行复查。</t>
  </si>
  <si>
    <t>女人孕酮低会导致胎停流产，危害性很大，女人要重视孕前检查。</t>
  </si>
  <si>
    <t>祝乐高真能长高吗</t>
  </si>
  <si>
    <t>真的有效。</t>
  </si>
  <si>
    <t>王者荣耀铭文有用吗</t>
  </si>
  <si>
    <t>有与没有的区别还是蛮大的，增加属性，不同的铭文搭配可以增加不同属性能力，搭配好铭文也是游戏中增强实力的关键，不同的英雄可能需要不同的铭文搭配，等级越高的铭文属性增加的越强。</t>
  </si>
  <si>
    <t>铭文只是一种好的方案搭配，但是到底怎么搭配就看自己，自己会搭配铭文当然是用自己用得顺手的方案来，如果不会的话就尽量还是按照的来搭配，等到自己熟练了会搭配了再来也不迟。</t>
  </si>
  <si>
    <t>铭文的作用可大了，可以增加伤害。攻击武器有攻速武器、物理伤害武器、暴击伤害武器、物理吸血武器和破甲穿透武器。</t>
  </si>
  <si>
    <t>胖虎只负责千玺吗</t>
  </si>
  <si>
    <t>胖虎常驻北京，三只在北京有行程他会跟，而千玺就住在北京，所以主要跟千玺行程，几乎是千玺的个人助理了。</t>
  </si>
  <si>
    <t>玻璃酸钠是封闭针吗</t>
  </si>
  <si>
    <t>俗称封闭针，止疼功效强大。</t>
  </si>
  <si>
    <t>玻璃酸钠注射液是俗称的封闭针。</t>
  </si>
  <si>
    <t>身份证过期了可以买火车票吗</t>
  </si>
  <si>
    <t>身份证过期不能在人工窗口购买实名制火车票，但可以网上订票然后凭二代身份证到自动售票机上取票，自动售票机只录取身份证信息，如果身份证过期而且失磁不能自助取票。</t>
  </si>
  <si>
    <t>身份证过期了车站不能读取身份证信息，不能购买火车票。</t>
  </si>
  <si>
    <t>骗取运费险淘宝会抓吗</t>
  </si>
  <si>
    <t>理论上属于诈骗了，但是金额太小，规模太小，也没法定罪啊。</t>
  </si>
  <si>
    <t>看金额，金额达到一定的数量！就属于诈骗。保险公司又不傻，赔那么多钱！现在已经有好多人就抓到判刑了。</t>
  </si>
  <si>
    <t>纳味卡除甲醛管用吗</t>
  </si>
  <si>
    <t>没有太大效果，建议订购活性炭。</t>
  </si>
  <si>
    <t>纳味卡作用高效持久，针对甲醛缓慢释放的特点进行特别设计，在甲醛等气态污染物的中低浓度情况下使用效明显且作用时间可达半年以上。</t>
  </si>
  <si>
    <t>非常好用的一个去甲醛的产品，值得信赖。</t>
  </si>
  <si>
    <t>抬起唤醒费电吗</t>
  </si>
  <si>
    <t>费不费电跟抬臂频率有关。抬多了就费电。</t>
  </si>
  <si>
    <t>十分费电。</t>
  </si>
  <si>
    <t>开车撞死人要坐牢吗</t>
  </si>
  <si>
    <t>开车撞死人，是否要坐牢，关键要看是否构成交通肇事罪。构成犯罪的可能就要坐牢了。其中，发生交通事故致人死亡，是否构成交通肇事罪的关键点在于，是否违反交通运输管理法规。如果不是因违章所致，是交通事故，不构成犯罪。</t>
  </si>
  <si>
    <t>那得看是属于什么违法行为，开车撞死人一般属于行政违法。故意开车撞死人属于违宪行为。行政违法一般判拘留(几天) 罚款等。违宪行为一般判 拘役(几年) 罚金(大于5000) 管制，若是酒驾和醉驾撞死人，一定会坐牢。</t>
  </si>
  <si>
    <t>1，无过错的情况撞死了，比如你正常行驶，对方突然冲向你，撞死了人，你只需要承担百分之十的损失。只违反了道路交通安全法，没有刑事责任，不用坐牢。2，其他的有轻微过错但是没有故意的。比如不遵守通规则，撞死人，百分百承担赔钱的责任，只违反了道路交通安全法，没有违反刑法，也没有刑事责任，不用坐牢。3，有刑法规定的过错情节，撞死人的。比如酒后驾车、醉酒驾车等情况，这时候你违反的就是刑法，就需要坐牢。4，故意撞死人。不必说，枪毙都可能 。</t>
  </si>
  <si>
    <t>感冒可以喝咖啡吗</t>
  </si>
  <si>
    <t>最好不要喝。</t>
  </si>
  <si>
    <t>感冒是可以喝咖啡的。</t>
  </si>
  <si>
    <t>华为v9怎么样值得买吗</t>
  </si>
  <si>
    <t>v9是新出的，当然值得购买，屏幕采用5.7英寸，WQHD2560×1440分辨率（2K高清屏），大猩猩玻璃。摄像头是后置：1200万*2，黑白+彩色双摄像头，支持硬件导航键哦。前置：800万像素摄像头呢，支持双卡双待单通，电池是4000mA大容量电池，麒麟960八核CPU，快捷流畅。</t>
  </si>
  <si>
    <t>荣耀v9属于高端机，每一个设计都是精雕细琢的，手机质量不会让您失望，出色的性能会给您带来愉快的体验，搭载麒麟960八核处理器，4000毫安大电池，支持超级快充；后置双摄1200万*2像素彩色+黑白摄像头，以及方便实用的指纹支付，值得您购买。</t>
  </si>
  <si>
    <t>父母赠予子女房产要交税吗</t>
  </si>
  <si>
    <t>需要缴税，契税按3%缴纳，公正费用，个人所得税和营业税免征。</t>
  </si>
  <si>
    <t>契税为房管局的评估价的3%;，印花税为房管局评估价的0.5%。</t>
  </si>
  <si>
    <t>苹果6丢了关机能找回吗</t>
  </si>
  <si>
    <t>1、首先设备需要开启“查找我的iPhone服务。（在设置—定位服务—开启查找我的iPhone）；2、可以在IE或者其他浏览器登录网址：www.icloud.com，在iCloud主页输入iCloud帐号并登录。3、点击“查找我的iPhone”；4、iCloud会自动获取地理信息，然后显示在地图中。5、点击“播放铃声或者发送信息”，就可以给设备发送消息，可告知别人机主联系方式，遇到好心人也许就能寻回iPhone。这个方法也试用于知道iPhone的位置但却找不到，或许听到铃声就找到啦。6、点击“远程锁定”，可设置密码。适用于iPhone丢失或者怕隐私泄漏等情况</t>
  </si>
  <si>
    <t>1、联网状态下，可以通过远程跟踪锁定机器。运气好的话甚至可以定位到最后关机的地点，这就算是一条线索。 在此之后就需要用户报警了。其实报警的目的并不是让警方来帮助你找到设备，而是立案，以便在后续的调查中你真的找到了关于自己设备的线索后，警方也可以有所依据的协助你进行找回。2，用户可以通过在设置、，开启查找我的XXXXX，一项来启动此服务，苹果会根据GPS或WiFi网络定位来确定机器所在的位置。查询地址的地图信息可以选择标准地图或是卫星俯视图。3，开启服务后，通过苹果网站中的查找我的XXXXX，输入密码后即可查询设备所在的地点，另外还可以选择丢失模式，远程锁定自己的设备。设备在丢失模式下苹果会记录设备经过的地点，以供寻找跟踪</t>
  </si>
  <si>
    <t>1、手机关机是不可以查看iPhone手机定位的。2、iPhone手机定位是建立在手机开机连接网络，以及开启定位服务才可以的。3、点击设置——隐私——定位服务——查找我的iPhone。4、然后手机开机连接网络，就可以登陆到iCloud官方网站，使用AppleID账号登录，进入到查找我的iPhone，就可以定位手机所在的位置。5、手机关机以及关闭网络，只能定位手机最后一次使用网络所在的位置</t>
  </si>
  <si>
    <t>居间协议受法律保护吗</t>
  </si>
  <si>
    <t>受法律保护。</t>
  </si>
  <si>
    <t>qq转账能撤回吗</t>
  </si>
  <si>
    <t>qq如果是通过转账功能转账是实时到帐的，直接到对方余额里，如果要收回只能与对方沟通要回。</t>
  </si>
  <si>
    <t>不能。1、现在任何的支付系统都不支持收回款项的服务，这个是各大支付系统的一个缺陷，所有很多在网上被骗的只能接受。2、如果是不小心转账的，可以找好友协商一下，数量大的在协商无果的情况下可以选择报警。3、转账前请先确定好，如果双方不熟的交易，最好找平台中介。</t>
  </si>
  <si>
    <t>QQ转账对方不需要接收，就会自动转到对方的财付通余额或者银行卡中，不会自动退还。自动退还的原因只能是：对方的帐号不存在或者没有开通实名认证无法进行转账。</t>
  </si>
  <si>
    <t>防晒喷雾有用吗</t>
  </si>
  <si>
    <t>2u支付藏宝网是传销吗</t>
  </si>
  <si>
    <t>嘻哈精神基兰有特效吗</t>
  </si>
  <si>
    <t>杨永信被判刑了吗</t>
  </si>
  <si>
    <t>没有，有后台。</t>
  </si>
  <si>
    <t>2017梦幻西游还能玩吗</t>
  </si>
  <si>
    <t>可以玩，不过除了几个大红区，剩下的老区没什么人玩了。</t>
  </si>
  <si>
    <t>圣光审判凯尔有特效吗</t>
  </si>
  <si>
    <t>技能特效肯定是有的。</t>
  </si>
  <si>
    <t>银行卡注销必须是开户行吗</t>
  </si>
  <si>
    <t>银行卡注销必须是原开户行</t>
  </si>
  <si>
    <t>中信银行、光大银行、广东发展银行的客户须到开户行办理销户 工商银行、建设银行、农业银行、中国银行、交通银行、招商银行、华夏银行、兴业银行、上海浦东发展银行均可以“任意网点销户”，客户拿身份证和银行借记卡就可以了</t>
  </si>
  <si>
    <t>大部分银行可以异地同行柜台办理销户手续</t>
  </si>
  <si>
    <t>甘坑客家小镇要门票吗</t>
  </si>
  <si>
    <t>种植牙能用一辈子吗</t>
  </si>
  <si>
    <t>术后谨遵医嘱，维护得当，使用二三十年，甚至更久。</t>
  </si>
  <si>
    <t>在许多发达国家，经种植牙手术的患者5年使用率基本在90%以上，10年使用率基本在85%左右。种植牙使用寿命最长的已经超过四十年了，种植牙的寿命的长短是不能一概而论的。</t>
  </si>
  <si>
    <t>华为p10支持nfc吗</t>
  </si>
  <si>
    <t>华为P10支持NFC功能。</t>
  </si>
  <si>
    <t>华为P10（全网通）手机，不支持NFC功能。</t>
  </si>
  <si>
    <t>澳门转机需要通行证吗</t>
  </si>
  <si>
    <t>转机经过澳门，不需要再办港澳通行证。</t>
  </si>
  <si>
    <t>镜片折射率越高越好吗</t>
  </si>
  <si>
    <t>不一定，要看度数。</t>
  </si>
  <si>
    <t>摩拜单车能不交押金吗</t>
  </si>
  <si>
    <t>现在不管骑哪种都是要交押金的，而且都需要下载APP。</t>
  </si>
  <si>
    <t>所有的共享单车都要交押金才能骑。</t>
  </si>
  <si>
    <t>北京工作居住证好办吗</t>
  </si>
  <si>
    <t>还行吧，需要准备的资料很多。</t>
  </si>
  <si>
    <t>只要各项资料都齐全，那肯定不难的，只需找到对应的部分办理手续就可以了。</t>
  </si>
  <si>
    <t>不好办，现在办理周期拖长了，大约3个月。</t>
  </si>
  <si>
    <t>狮子座女生漂亮吗</t>
  </si>
  <si>
    <t>认识几个狮子座女生，都蛮漂亮的。</t>
  </si>
  <si>
    <t>新车要打蜡吗</t>
  </si>
  <si>
    <t>不要打蜡,当时看起来车很亮，但当时间长了，车又会发污，因为石油产品时间长了就会氧化，在车漆表面形成一层氧化层，很难除去，只能继续打蜡，但是时间一长又会氧化，这样就形成了一个恶性循环。（观点：不要）</t>
  </si>
  <si>
    <t>新车，是很必要第一时间打蜡的，打蜡的目的是为了把漆面与外界进行隔绝，使外界的污染、酸碱等腐蚀漆面的物质不能直接接触漆面。（观点：要）</t>
  </si>
  <si>
    <t>加油宝靠谱吗</t>
  </si>
  <si>
    <t>上海12345投诉有用吗</t>
  </si>
  <si>
    <t>基本没有用，打官腔。</t>
  </si>
  <si>
    <t>长沙天心区是市中心吗</t>
  </si>
  <si>
    <t>芙蓉区才是市中心。</t>
  </si>
  <si>
    <t>芙蓉区、天心区、雨花区、开福区，这些区的老城区基本上都属于中心。特别是芙蓉区和天心区。</t>
  </si>
  <si>
    <t>win8升级win10还免费吗</t>
  </si>
  <si>
    <t>根据微软规定，正版Win7/Win8.1用户均可在Win10正式版发布一年内免费升级，并且终身享受免费更新和升级。</t>
  </si>
  <si>
    <t>只要不换系统，升级后的正版win10一直免费的。</t>
  </si>
  <si>
    <t>比特币现在还能挖到吗</t>
  </si>
  <si>
    <t>现在基本上是挖不到比特币了。</t>
  </si>
  <si>
    <t>现在没有了。</t>
  </si>
  <si>
    <t>五一高速公路免费吗</t>
  </si>
  <si>
    <t>2017年五一节高速公路七座以下（含七座）小客车是不收过路费的，免费时间是从4月29日零时开始，至5月1日24时结束，共免费3天。</t>
  </si>
  <si>
    <t>2016年五一节高速公路七座以下（含七座）小客车是免费的，免费时间是从4月30日零点开始，至5月2日24点结束，共免费3天。</t>
  </si>
  <si>
    <t>2015年五一节假期七座以下（含七座）小客车走高速公路是不收过路费的，免费时间是从5月1日零时开始，至5月3日24时结束（以小客车出高速道口时间为准）共3天。</t>
  </si>
  <si>
    <t>戴眼罩睡觉好吗</t>
  </si>
  <si>
    <t>创造良好的睡眠环境，帮助防治失眠，适合于夜间睡眠、办公室午休、车船飞机上小憩时使用。可遮住光线对眼睛的照射，排除干扰，促进眼部血液循环、减缓眼球充血，防止黑眼圈、眼袋等。适宜于失眠、神经衰弱者使用，有益于增强睡眠深度，提高睡眠质量。</t>
  </si>
  <si>
    <t>坏处:液体眼罩长时间佩带会增大眼压,会造成晶状体变形影响视力。好处:短时间佩带可以防止眼睛疲劳的，带眼罩睡觉只要不是太紧在生理上是没有坏处的，但正常睡觉的时候需要的是一种放松的状态，如果长时间带眼罩的话在心理上会感觉不舒服可能产生依赖。好处应该是可以帮助睡眠。</t>
  </si>
  <si>
    <t>金健康产品合法吗</t>
  </si>
  <si>
    <t>金健康营养自助工程是国家卫生部推荐的，应该是合理的。</t>
  </si>
  <si>
    <t>枇杷核能种吗</t>
  </si>
  <si>
    <t>能种。</t>
  </si>
  <si>
    <t>世界上有龙吗</t>
  </si>
  <si>
    <t>虽然现在看不到，但还是有的，最起码曾有过。</t>
  </si>
  <si>
    <t>win10要装杀毒软件吗</t>
  </si>
  <si>
    <t>不连接网络和USB，可以不用安装杀毒软件，WIN10的Windows Defender，相当于杀毒软件功能，但是Windows Defender对于国内的病毒反应速度不够快，建议安装其他杀毒软件代替Windows Defender。</t>
  </si>
  <si>
    <t>需要装杀毒软件。</t>
  </si>
  <si>
    <t>不需要，建议用自带的windows defender。</t>
  </si>
  <si>
    <t>颧骨太高能按摩下去吗</t>
  </si>
  <si>
    <t>1、用中指按住颧骨搭配皙姿彦，以打圈方式轻轻按摩3至4分钟放松颧骨肌肉。2、用中指按摩颧骨周围放松面部所肌肉。3、右手按住颧骨同时在右手按住后脑以支撑头部，借着压力让颧骨变小，两边轮流按摩。4、双手压住颧骨外侧轻轻用力往后方，按住30秒。同样两边轮流，坚持才能够变低。</t>
  </si>
  <si>
    <t>英语冒号后面要大写吗</t>
  </si>
  <si>
    <t>没有固定得要求，要根据冒号后面的内容来决定。</t>
  </si>
  <si>
    <t>小写。</t>
  </si>
  <si>
    <t>在冒号后面，如果是一个句子，其开头首字母大写；如果不是句子则不大写。</t>
  </si>
  <si>
    <t>马眼棒能射精吗?</t>
  </si>
  <si>
    <t>温度够自然而然就射了。</t>
  </si>
  <si>
    <t>职称与退休工资挂钩吗</t>
  </si>
  <si>
    <t>有关系，没实行养老保险而是从单位领取全部退休金就与职称有直接的关系，职称越高，任职年限越高，工龄越长，退休时工资也就越高，按退休前在职时拿的全额工资来计算的退休费比例也就越高。另一种情况是从社会保险机构拿退休金的，与退休前的职称没有直接的关系，而是与每个月按工资一定比例扣缴的养老保险的多少有直接关系。再一种情况就是有的效益好的单位还在社保机构发的退休金的基础上额外再发一块企业内补贴，这种补贴根据单位收益情况每次向上浮动时，就肯定按照职称和职务来定涨多少。</t>
  </si>
  <si>
    <t>姚笛结婚了吗老公是谁</t>
  </si>
  <si>
    <t>结婚了。姚笛的老公是华汉。</t>
  </si>
  <si>
    <t>姚笛还没嫁人，没老公。</t>
  </si>
  <si>
    <t>淘宝旺旺名可以修改吗</t>
  </si>
  <si>
    <t>是唯一并永久的，一旦注册成功，就无法再更改了。</t>
  </si>
  <si>
    <t>淘宝旺旺账号是改不了，昵称/名称是可以更改的，在个人资料，编辑里面可以修改。</t>
  </si>
  <si>
    <t>车管所周末上班吗</t>
  </si>
  <si>
    <t>部分省市的车管所周末上班。</t>
  </si>
  <si>
    <t>周六周日以及法定假日车管所都是不上班的，只能在周一到周五的正常工作时间去办理落户手续。</t>
  </si>
  <si>
    <t>车管所周六、周日是没有上班的。</t>
  </si>
  <si>
    <t>孕妇能闻艾灸烟味吗</t>
  </si>
  <si>
    <t>可以，纯艾很好闻的。</t>
  </si>
  <si>
    <t>熏艾条可以净化空气，杀菌，安胎等很多作用。艾灸在临床上可以用来治疗宫寒、不孕、胎位不正等疾病。</t>
  </si>
  <si>
    <t>如果是高质量艾条，偶尔闻没问题，如果是粗艾条，质量太差，艾条烟味比较呛，可能会影响呼吸系统。</t>
  </si>
  <si>
    <t>小龙虾的虾黄能吃吗</t>
  </si>
  <si>
    <t>吃龙虾，不少人最爱的就是虾黄，但是专家提醒，小龙虾一旦遭遇到污染，头部往往更容易聚集重金属等，所以小龙虾的黄尽量少吃，最好不吃。</t>
  </si>
  <si>
    <t>能。既然吃龙虾就别想那么多，按自己的喜好来，偶尔吃几次没什么妨碍。</t>
  </si>
  <si>
    <t>不能。虾的循环系统和呼吸系统和生殖系统都集中在头胸部，腹部可以说只是运动器官。从健康的角度来说，确实不建议吃虾的头部，除了泥沙难以除净以外，还可能有寄生虫等风险，而虾腹部背面的那条黑线是它的肠子，里面当然是虾便便，烹饪前也应该去掉。</t>
  </si>
  <si>
    <t>艺术很难吗</t>
  </si>
  <si>
    <t>还可以，看个人吧。</t>
  </si>
  <si>
    <t>香瓜籽能吃吗</t>
  </si>
  <si>
    <t>香瓜籽能是能吃，还挺营养，可以美容，而且对心血管还有一定的好处，问题是它有外壳，一般人很难消化，特别是肠胃功能不好的，最好不要吃。吃了容易引起肠胃不适。</t>
  </si>
  <si>
    <t>蚕蛾有毒吗</t>
  </si>
  <si>
    <t>狗能吃樱桃吗</t>
  </si>
  <si>
    <t>吃一点行，就一点啊，狗狗不可以吃太多甜东西和酸的东西的。对发育不好，影响食欲。</t>
  </si>
  <si>
    <t>12306可以选上下铺吗</t>
  </si>
  <si>
    <t>12306上预订卧铺车票不能自选铺位，每次预订车票都是系统随机给出的铺位</t>
  </si>
  <si>
    <t>因为网上购买卧铺票都是随机分配铺位的</t>
  </si>
  <si>
    <t>没法选择上下铺的</t>
  </si>
  <si>
    <t>office2010不激活会影响使用吗</t>
  </si>
  <si>
    <t>office2010未激活只有30天的试用期，而激活后可以永久使用。如果未激活每次打开office的任何组件都会弹出激活向导窗口，以示需要付款购买密钥激活。</t>
  </si>
  <si>
    <t>有一定的影响，比如每次启动offices组建，总要提示激活。还有长时间工作，它会自动退出。</t>
  </si>
  <si>
    <t>王者荣耀至尊宝皮肤还能买到吗</t>
  </si>
  <si>
    <t>等到明年情人节。</t>
  </si>
  <si>
    <t>1元拼多多是真的假的</t>
  </si>
  <si>
    <t>是真的，但你花费1元钱是买不到的，它拼团成功后需要抽取名额，抽到的才可以1元钱购买。但付款的1元钱，买不到会退款的。</t>
  </si>
  <si>
    <t>当然是假的了，一等奖中奖率全部为0，二等奖100%，你抽一件商品就是零利息存入一元一周后给你反还，变相融资！不要以为这数目少，大家都觉得钱最终会反还不如多压几个多压几次（有活动就压），存里面的钱也不少了啊</t>
  </si>
  <si>
    <t>协鑫光伏要倒闭了吗</t>
  </si>
  <si>
    <t>不会的，不过里面裁掉好多人。</t>
  </si>
  <si>
    <t>青行灯值得培养吗</t>
  </si>
  <si>
    <t>若追求输出不必培养，打团还不错。</t>
  </si>
  <si>
    <t>值得，青灯很厉害，破势爆伤，可直接秒对方。</t>
  </si>
  <si>
    <t>钻眼 是莫言的作品吗</t>
  </si>
  <si>
    <t>的却是莫言写的，莫言的作品看过不少，还获的过奖，虽然证据都准备好了，百度说它是非法的。</t>
  </si>
  <si>
    <t>止汗露有副作用吗</t>
  </si>
  <si>
    <t>大鹏教育ps是真的吗</t>
  </si>
  <si>
    <t>糖尿病能喝牛奶吗</t>
  </si>
  <si>
    <t>糖尿病人是可以喝牛奶的。</t>
  </si>
  <si>
    <t>可以，尽量喝低脂低糖的，普通的也可以喝，只是不能多喝，低脂低糖的也不能多喝。</t>
  </si>
  <si>
    <t>糖尿病人可适量食用纯牛奶，每天半斤。因为纯牛奶含糖类少，但含脂类较高，大量食用可引起血脂升高。其他奶制品（酸乳、奶粉）均含糖较高，不适合糖尿病人食用。</t>
  </si>
  <si>
    <t>法院拍卖二手车能买吗</t>
  </si>
  <si>
    <t>能买啊。</t>
  </si>
  <si>
    <t>due to 后面能接句子吗</t>
  </si>
  <si>
    <t>按照传统语法中due to 主要引导表语，但是在现代英语中，due to 也可用来引导状语。</t>
  </si>
  <si>
    <t>due to 可以整体看作一个复合介词，后面应该跟名词性的宾语。因为除了about、on、but 和except少数几个介词外，其他介词后是不能跟that 引导的宾语从句的，due to 后只能跟名词、动名词或 wh- 式的连接词。</t>
  </si>
  <si>
    <t>微信多开宝安全吗</t>
  </si>
  <si>
    <t>微信多开宝是没没有得到微信认可的第三方软件，不推荐使用，有账号被盗和被冻的可能性。</t>
  </si>
  <si>
    <t>来历不明的软件最好不要用，可能存在木马病毒，也可能是吸费软件。</t>
  </si>
  <si>
    <t>安全，但是要钱。</t>
  </si>
  <si>
    <t>卓美网 靠谱吗</t>
  </si>
  <si>
    <t>资格复审有被刷的吗</t>
  </si>
  <si>
    <t>公务员或者事业编制的考试，审核特别严格，一点作假都不行，要求申报学科与学历专业相同或相近，如果大差大离，就说明资格复审专业不符，就会被刷掉而不能通过。所以一般送去资格复审的专业都是准确符合标准的才会往上送。</t>
  </si>
  <si>
    <t>会的，要看单位是否严格了。</t>
  </si>
  <si>
    <t>省考的资格复审对于不符合职位招考条件或者报考人员有关材料主要信息不实的，取消面试资格。</t>
  </si>
  <si>
    <t>世界上真的有龙存在吗</t>
  </si>
  <si>
    <t>当然没有。</t>
  </si>
  <si>
    <t>龙存在于这个世界的事实值得相信。</t>
  </si>
  <si>
    <t>酒吞童子6号位要暴击吗</t>
  </si>
  <si>
    <t>不可能带暴击。</t>
  </si>
  <si>
    <t>白籽西瓜是催熟的吗</t>
  </si>
  <si>
    <t>不一定，不排除催熟的可能。</t>
  </si>
  <si>
    <t>菊花玫瑰花枸杞泡茶可以天天喝吗</t>
  </si>
  <si>
    <t>可以的，不会有副作用，适当的饮用就好了。</t>
  </si>
  <si>
    <t>发财蟹能生吃吗</t>
  </si>
  <si>
    <t>不可以。螃蟹体内含有各种病源微生物。尤其是其体内的肺吸虫幼虫卵感染度很高，抵抗力很强，单用黄酒，白酒浸泡并不能杀死。吃生蟹，醉蟹，极易诱发肺吸虫病，引起咳嗽咯血，如果病毒进入脑部，还会引起瘫痪。</t>
  </si>
  <si>
    <t>不要生吃，一是生吃不利于消化；二是这类都很多寄生虫、细菌。如非得生吃，应在食用之前用一些能杀死寄生虫和细菌的方法处理，如盐腌等。</t>
  </si>
  <si>
    <t>天猫国际有假货吗</t>
  </si>
  <si>
    <t>淘宝上的东西自然也是和市场一样，真假混杂。</t>
  </si>
  <si>
    <t>天猫假货横行。</t>
  </si>
  <si>
    <t>房地产评估师难考吗</t>
  </si>
  <si>
    <t>有一定难度，如果从事相关专业相对来说要容易一些。</t>
  </si>
  <si>
    <t>这个证很难考，涉及房地产评估的知识面太广，所考内容也很全面，需要大量的理论知识与实践知识作为基础。建议先考土地估价师，这个证要好考的多，至涉及土地方面的知识。而房地产估价师涉及房产与土地两方面的知识，而且考土地估价师所涉及的土地方面的知识是考房地产估价师涉及的土地方面的知识的皮毛。</t>
  </si>
  <si>
    <t>不好考,难度很大。</t>
  </si>
  <si>
    <t>户籍证明可以代办吗</t>
  </si>
  <si>
    <t>开户籍证明需要携带身份证或户口本，去户籍所在地派出所办理。不可以代办。</t>
  </si>
  <si>
    <t>肝囊肿会癌变吗</t>
  </si>
  <si>
    <t>一般不会癌变。</t>
  </si>
  <si>
    <t>没有癌变的可能。</t>
  </si>
  <si>
    <t>ps4破解了吗</t>
  </si>
  <si>
    <t>已经破解。</t>
  </si>
  <si>
    <t>PS4并没有破解。</t>
  </si>
  <si>
    <t>中国房价会崩盘吗</t>
  </si>
  <si>
    <t>中国房地产基本不会出现崩盘的情况，当然也不会再现空前繁荣的景象,缓慢的下降是大势所趋。</t>
  </si>
  <si>
    <t>中国房产不可能破灭。</t>
  </si>
  <si>
    <t>中国房价不存在暴跌（或崩盘）的现实依据。</t>
  </si>
  <si>
    <t>49寸和50寸区别大吗</t>
  </si>
  <si>
    <t>没什么区别。</t>
  </si>
  <si>
    <t>就差3.3333333厘米。</t>
  </si>
  <si>
    <t>国汇亚洲是真实的吗</t>
  </si>
  <si>
    <t>是真的，这是国汇亚洲用来给客户做体验的，开户完成认证就可以赠送到MT4账户，完成手数、要求就能出金。</t>
  </si>
  <si>
    <t>国汇亚洲（GCMASIA)是全球知名金融投资交易商成员之一，为零售客户提供网上外汇，黄金，原油等多种产品交易服务。国汇亚洲GCMASIA严格遵从FCA所有的监管要求，提供包括外汇黄金原油等丰富交易产品，提供多种交易平台，高杠杆，低点差，个人专属客户经理优质服务，拥有行业内最先进的基础设施，每月的交易量超过200亿美元。</t>
  </si>
  <si>
    <t>郑秀文许志安结婚了吗</t>
  </si>
  <si>
    <t>2013年11月30日，郑秀文和许志安在印尼巴厘岛秘婚。许志安与郑秀文(Sammi)爱情长跑多年，去年被指在峇里秘密结婚，虽然两人一直被追问，但始终没有承认。日前郑秀文父亲举行书法展，许志安以“女婿”。身份送上花篮，还称郑秀文的爸爸为“岳父大人”，似乎将已婚一事正式公开。2014年12月8日许志安出席Yahoo颁奖礼，坦承已随郑秀文叫郑爸爸。“Daddy”，对于已婚只表示“两个人开心就好”，终首认已娶郑秀文。</t>
  </si>
  <si>
    <t>已经结婚了。郑秀文的姐姐透露郑秀文和许志安已于上月30日注册结婚，父母、姐弟和经纪人郭启华都到场观礼，两人为了保密，在巴厘岛的庆祝仪式只邀请了至亲，演艺界好友一个都没有邀请，许志安和郑秀文打算明年在港再择吉日办结婚派对，到时再请圈中好友分享他们的喜悦。</t>
  </si>
  <si>
    <t>香港媒体爆料称郑秀文许志安已于11月30日在巴厘岛秘密结婚，微博名为“HKchannel”的博主近日也爆料称，有香港媒体针对秘婚传闻向郑秀文和许志安的经纪人郭启华求证，他没有否认，只是说：“他们两个11月30日的确去巴厘岛旅行，不过暂时不可以公布，如果有好消息会和大家分享。”据悉，郑秀文与许志安此次结婚如此保密，对娱圈好友都不漏半点风声，是不想婚礼受到狗仔队的打扰。</t>
  </si>
  <si>
    <t>塞尔达传说 荒野之息武器可以维修吗</t>
  </si>
  <si>
    <t>初中毕业可以读大专吗</t>
  </si>
  <si>
    <t>初中毕业能上大专，上五年一贯制大专。</t>
  </si>
  <si>
    <t>好贷网是骗局吗</t>
  </si>
  <si>
    <t>真是真的，但是不可信。</t>
  </si>
  <si>
    <t>大多是骗子，他们需要你交保证金。</t>
  </si>
  <si>
    <t>有真有假</t>
  </si>
  <si>
    <t>齐家网装修靠谱吗</t>
  </si>
  <si>
    <t>没有更差只有最差，既没有质量保障，也没有好的服务态度，还做不出自己喜欢的，客服群里找不到负责人，问一下就会被踢，总部分部没一个靠谱的。</t>
  </si>
  <si>
    <t>是做的比较大的互联网装修平台，可信度还是有的。</t>
  </si>
  <si>
    <t>昆明到大理有高铁吗</t>
  </si>
  <si>
    <t>一带一路期间放假吗</t>
  </si>
  <si>
    <t>5月11日至5月16日调休放假，共6天。</t>
  </si>
  <si>
    <t>可能的吧！G20杭州峰会期间温州属于管控区，辖区内从事土石方、渣土运输、拆除的建设工地按期在8月26日至9月6日全部停工。</t>
  </si>
  <si>
    <t>标间住3个人违法吗</t>
  </si>
  <si>
    <t>_x0008_这不违法。让不让进要看管得严不严。大城市肯定比小城市管得严，市中心肯定比郊区管得严。按严格的管理制度来说是不允许住超过规定人数的。住太多人会有安全隐患。消防部门有规定，宾馆房间内人均需要面积在一定的数量以上，所以一般大小的旅馆一个标间只够两个人的标准。人太多，如果发生火灾会发生推挤踩踏。管理严格的区域，对于超出范围的住客，如果查到，会给予旅馆一定的惩罚。轻则500元罚款，重则按反恐法来的话最低几万罚款，这会给旅馆带来严重的麻烦。</t>
  </si>
  <si>
    <t>率土之滨电脑版和ios通用吗</t>
  </si>
  <si>
    <t>不通用。</t>
  </si>
  <si>
    <t>知悉下对上可以用吗</t>
  </si>
  <si>
    <t>iphone7plus耳机是无线的吗</t>
  </si>
  <si>
    <t>购机附赠一条Lightning插头的EARPODS有线耳机，以及一条Lightning转3.5mm的转接线，无线的AIRPODS耳机需另行付费1288元购买。</t>
  </si>
  <si>
    <t>原带都是有线的，无线需自购。</t>
  </si>
  <si>
    <t>从苹果7开始不配耳机，只配一条lighting 的转接线 。有线和蓝牙耳机需要另外购买。有线耳机需要通过转接线才能正常使用。</t>
  </si>
  <si>
    <t>朝鲜有卫星吗</t>
  </si>
  <si>
    <t>没卫星。</t>
  </si>
  <si>
    <t>电荷存在吗</t>
  </si>
  <si>
    <t>是客观存在的。</t>
  </si>
  <si>
    <t>华南理工大学考研难吗</t>
  </si>
  <si>
    <t>不好考，考研属于34所自划线院校，中国一流研究生培养院校，尤其是化学、材料学、工程学、农业科学、物理学、生物学与生物化学、计算机科学7个理工学科在全国学科评级名列前茅。</t>
  </si>
  <si>
    <t>华工学校不错，具体要看考华工哪个专业，一般热门专业都难考。</t>
  </si>
  <si>
    <t>1、华南理工的研究生难考，毕竟是985重点；2、考研难易看招商单位的名气和所处的城市，因为报考生源不同；3、关键看自己的备考基础和备考是否充分。</t>
  </si>
  <si>
    <t>过门石一定要装吗</t>
  </si>
  <si>
    <t>一般瓷砖和地板分割是要用过门。如果全铺地砖的话就没必要了，如果要是地板是铺一部分地方就要用。</t>
  </si>
  <si>
    <t>有必要的。</t>
  </si>
  <si>
    <t>根据各家需要。</t>
  </si>
  <si>
    <t>37.1度是否算低热</t>
  </si>
  <si>
    <t>不算，我国常用腋测法，正常的是36.3-37.2。</t>
  </si>
  <si>
    <t>算</t>
  </si>
  <si>
    <t>不同人体温正常值是不一样的，体温在36.3-37.3度都算正常的</t>
  </si>
  <si>
    <t>香蕉硬心能吃吗</t>
  </si>
  <si>
    <t>能吃 但是口感不好 还是放几天再吃。</t>
  </si>
  <si>
    <t>中级会计师含金量高吗</t>
  </si>
  <si>
    <t>不算太高，但是单位招聘一个会计的时候，一个会计证或者初级职称，一个中级职称，肯定会优先考虑中级。</t>
  </si>
  <si>
    <t>比较高了，虽然比注册会计师还差了不少，但是有中级职称在手里也很不错了，一般单位的财务负责人都要求具有中级会计师职称。</t>
  </si>
  <si>
    <t>37.2℃是发烧吗</t>
  </si>
  <si>
    <t>聚会的目的是不是真做</t>
  </si>
  <si>
    <t>真做。</t>
  </si>
  <si>
    <t>苦咖啡好看吗</t>
  </si>
  <si>
    <t>教师资格证面试教案算分吗</t>
  </si>
  <si>
    <t>教师资格证面试教案是有分值的。</t>
  </si>
  <si>
    <t>苹果6s有64g的吗</t>
  </si>
  <si>
    <t>bim工程师证书有用吗</t>
  </si>
  <si>
    <t>有用，BIM工程师分为BIM专业工程师和BIM技术工程师。</t>
  </si>
  <si>
    <t>此BIM证书为中国建设教育协会颁发的证书，除了证书外，如果具备BIM的从业技能，才是关键所在。</t>
  </si>
  <si>
    <t>海豚少女是真的吗</t>
  </si>
  <si>
    <t>早泄好治疗吗</t>
  </si>
  <si>
    <t>导致早泄的原因很多，最常见的是心理性因素，这部分早泄大多是不需要药物治疗的，应从发病诱因入手，仔细分析原因，消除心理紧张、压抑等，加强心理引导，会逐渐治愈的。而对于由于包皮过长、前列腺炎等因素导致的器质性早泄，则需要详细检查明确器质性病变的具体部位及程度，有针对性治疗。</t>
  </si>
  <si>
    <t>蜂蜡能吃吗</t>
  </si>
  <si>
    <t>蜂蜡可以当作药物，少量的服用。服用方法：用温开水将蜂蜡进行融化，然后内服，一次5-10g。功能主治：解毒；生肌；止痢；止血；定痛。</t>
  </si>
  <si>
    <t>可以直接食用。</t>
  </si>
  <si>
    <t>不能吃，外用，具有收涩，敛疮，生肌，止痛。</t>
  </si>
  <si>
    <t>招商银行e招贷划算吗</t>
  </si>
  <si>
    <t>申请"e招贷"成功后，不享受免息还款期待遇，从申请日开始按日计息，日利率为万分之四，按月计收复利。目前上市期间，可享每日万分之四的利率优惠！且不额外收取手续费。还是蛮好的。</t>
  </si>
  <si>
    <t>澳门可以用港币吗</t>
  </si>
  <si>
    <t>沙巴消费高吗</t>
  </si>
  <si>
    <t>个人觉得沙巴消费不高。</t>
  </si>
  <si>
    <t>毕业论文的致谢查重吗</t>
  </si>
  <si>
    <t>查。</t>
  </si>
  <si>
    <t>不用查。</t>
  </si>
  <si>
    <t>复诊需要重新挂号吗</t>
  </si>
  <si>
    <t>需要重新挂号。</t>
  </si>
  <si>
    <t>不用，用原来的就可以。</t>
  </si>
  <si>
    <t>2017年王菲怀孕了吗</t>
  </si>
  <si>
    <t>假新闻，从2015年开始，每年都要怀孕几次。</t>
  </si>
  <si>
    <t>黎明杀机刷血点封号吗</t>
  </si>
  <si>
    <t>被发现或者被举报 ，定会封号。</t>
  </si>
  <si>
    <t>卖分有风险吗</t>
  </si>
  <si>
    <t>如果是摄像头违章，是没有风险的。有些人担心罚款不交，但车不是司机的，是车主的，罚款不交，追的是车主，车主出钱买分，不会为几百元不交罚款，不交罚款，等于违章没处理，那车主买分的钱等于浪费。另外酒驾、肇事这类违章一般是现场锁定司机，买分用别人顶替是没有用的，所以黄牛收分不会是用来搞这类违章。</t>
  </si>
  <si>
    <t>买卖分数是违法的，有可能被列入黑名单、吊销驾驶证等，而且驾驶证给别人扣分存在的风险是你无法想象的，风险低的，驾驶证消分后车主不按处罚单的内容和期限缴纳罚款，事后需要被处罚人自己买单（超期还要交滞纳金），同时相应的信息被盗用、分无故被多扣等也有可能发生；风险高的，你替别人消个闯红灯的6分，事后公安机关发现车辆涉及刑事案件，那么第一嫌疑人就是消分人，就算事后有证据显示不是当事人，也因冒名顶替或包庇行为可能被刑事起诉。</t>
  </si>
  <si>
    <t>风险就是怕帮他处理了违章而他不去交罚款。</t>
  </si>
  <si>
    <t>亚特兰蒂斯真的存在吗</t>
  </si>
  <si>
    <t>亚特兰蒂斯确实存在过，大约是300年左右的时间。</t>
  </si>
  <si>
    <t>可能不存在</t>
  </si>
  <si>
    <t>玖富钱包安全吗</t>
  </si>
  <si>
    <t>是有风险的，自己做一个风险评估测试吧，看看自己是否有风险承受能力。</t>
  </si>
  <si>
    <t>不是很可靠。</t>
  </si>
  <si>
    <t>不安全。非常不安全。这是一个放贷公司。</t>
  </si>
  <si>
    <t>报到证过期了能报到吗</t>
  </si>
  <si>
    <t>报到证过期了就失效了（相当于当事人放弃了工作机会），不会有什么后果，如果要报道，是去当地的人事局（劳动部门）报道的</t>
  </si>
  <si>
    <t>过期时间不长，没有关系，你可以去报到</t>
  </si>
  <si>
    <t>到证的有效期一般是两年，在这两年时间内报到证是有效的，仍然可以使用。超过两年时间没有办理就业报到的，报到证就失效不能使用了，毕业生的身份也会随之失去，而成为社会待业人员。</t>
  </si>
  <si>
    <t>收到律师函可以不理吗</t>
  </si>
  <si>
    <t>收到律师函后如果不予理会，之后会怎么样要看具体情况和对方如何决定的：1、有可能会被对方向法院提起民事诉讼。2、如果构成犯罪（如信用卡诈骗罪等）的，对方会向公安机关报案，由公安机关予以刑事立案以追究犯罪嫌疑人的刑事责任。3、当然，也有可能对方所发的律师函与事实不符，最后不了了之，但只是极个别的情况。另外，在收到对方的律师函后，应该认真研究对方的意图，积极应对，以尽可能地保护乙方的权益。而不应该消极地一概置之不理。</t>
  </si>
  <si>
    <t>律师函只是知会已经被对方委托法律专业人事以法律途径处理矛盾，可以拒签，甚至可以不与对方律师会谈，但这可能会令到自己下一封收到的，是法院传票。法院传票也可以不理会，这样法院会以被告因无法知会到庭，或消极对抗，而直接判对方胜诉。可在15内上诉，超过15日不上诉，法院的判决会自动生效并开始执行。如果还是拒绝不执行，对方有权向法院申请强制执行令。</t>
  </si>
  <si>
    <t>可以，律师函类似于通知，可以不予理睬。</t>
  </si>
  <si>
    <t>奶茶可以隔夜喝吗</t>
  </si>
  <si>
    <t>最好别喝，隔夜冷藏存放的消毒奶只需加热煮沸即可，不要将其反复煮沸, 常温保存的牛奶隔夜一般会变质。</t>
  </si>
  <si>
    <t>奶茶都是通过临时加工后出来的饮品，最长时间只能保持24小时，越早饮用越好，长时间了会变质，口感也会不佳，建议丢掉别舍不得，喝不完下次买小杯。</t>
  </si>
  <si>
    <t>开盖后必须十二小时内喝完，几乎所有奶制品，暴露在空气中，12小时后都会变质，变酸。最好是封闭好冷藏起来，时间不太长应该还没问题。</t>
  </si>
  <si>
    <t>怀孕10周胎儿稳定了吗</t>
  </si>
  <si>
    <t>一般是12周BB成型，开始稳定，16周后就相当稳定。但是宝妈还是在生活中注意，一些不该吃的，不该喝的，不该做的，为了宝宝的健康还是先忍忍。</t>
  </si>
  <si>
    <t>没有腹痛出血就问题不大的，基本稳定了哦，注意休息，定期产检，观察着看就可以。</t>
  </si>
  <si>
    <t>早搏是心脏病吗</t>
  </si>
  <si>
    <t>心脏早搏属于心律失常中的一种类型。它只是一种症状，还不是一种独立疾病。若频发出现，不要惊慌，可先行动态心电图检查，以分清早搏的类型再决定是否要治疗。</t>
  </si>
  <si>
    <t>u型蚊帐好用吗</t>
  </si>
  <si>
    <t>三国志13还有破解版吗</t>
  </si>
  <si>
    <t>没有，需要在1.08上打上破解补丁。</t>
  </si>
  <si>
    <t>在三大妈上有。</t>
  </si>
  <si>
    <t>应该没有，只有威力加强版，可以修改数据。</t>
  </si>
  <si>
    <t>坏账准备可以税前扣除吗</t>
  </si>
  <si>
    <t>未经核定的准备金支出不得扣除，凡符合财税[2009]57号文件第四条规定的应收、预付账款，经税务机关审批后，可以作为坏账损失在税前扣除。</t>
  </si>
  <si>
    <t>照税法相关规定，应收账款计提的坏账准备不允许在税前扣除。</t>
  </si>
  <si>
    <t>企业计提的坏账准备，不可以在税前扣除。只有在实际发生坏账的时候才可以税前扣除。</t>
  </si>
  <si>
    <t>婴儿从床上摔下来会影响智力吗</t>
  </si>
  <si>
    <t>需要看下宝宝是什么部位着地的。如果是四肢趴着着地，基本没什么事，如果是头部着地，就要看是怎样着地的了，如果宝宝的精神状态不对，最好是带宝宝看下医生，排除一下会不会有颅内损伤好放心。如果没什么大碍，基本上不会对智商有什么影响。</t>
  </si>
  <si>
    <t>宝宝摔下地对智力有没有影响取决于脑组织有没有受损伤及有没有脑血现象。如果孩子精神状态好，一直没有出现异常表现，那就在家观察，通常过了七十二小时也没有异常表现就可以放心了。</t>
  </si>
  <si>
    <t>一岁多的宝宝从床上摔下后如果没有其他的不适症状是不会影响宝宝的智力的。</t>
  </si>
  <si>
    <t>以太坊是传销吗</t>
  </si>
  <si>
    <t>厨房上面可以做卧室吗</t>
  </si>
  <si>
    <t>厨房上面是不可以做房间的。中国传统的风水理念上讲，卧室的上下是不能设为厨房和卫生间的，因为在五行中，厨房是属火的，卧室在厨房上，犹如人在火上烤，对健康和运势不利，卧室在厨房的下面，犹如火势压顶，人无法出头，对人同样不好。</t>
  </si>
  <si>
    <t>有条件的，最好不要在厨房上面做房间，毕竟油烟很多。</t>
  </si>
  <si>
    <t>在传统的风水理念上，厨房是万万不能改成卧室的，阳气太盛，使人发燥，内火上升，对健康不利。</t>
  </si>
  <si>
    <t>2017年生三胎还罚款吗</t>
  </si>
  <si>
    <t>会，看当地政策</t>
  </si>
  <si>
    <t>各地都是不一样的，一般是按照当地上年度人均收入的倍数来罚的。</t>
  </si>
  <si>
    <t>目前放开的是二胎政策，三个仍是要罚款的，多胞胎除外。</t>
  </si>
  <si>
    <t>win10需要装杀毒软件吗</t>
  </si>
  <si>
    <t>在Windows 10中，已经自带了Windows Defender，且具备杀毒功能，但Windows Defender对于国内的病毒反应速度不够快，因此一般需要安装其他杀毒软件代替Windows Defender。</t>
  </si>
  <si>
    <t>不用安装杀毒软件，有内置的杀毒软件。</t>
  </si>
  <si>
    <t>口交会传染梅毒吗?</t>
  </si>
  <si>
    <t>梅毒主要通过直接接触、间接接触、血液传播、乳汁传播等，你都和他口交，当然会被感染梅毒的。奉劝你，不要为了自己的欲望，让自己染上性病，不值得</t>
  </si>
  <si>
    <t>可能会，因为梅毒可以通过体液传播，例如：口水、乳汁、血液、精液等等</t>
  </si>
  <si>
    <t>澳洲柠檬酵素效果好吗</t>
  </si>
  <si>
    <t>看个人吸收情况。</t>
  </si>
  <si>
    <t>西游伏妖篇好看吗</t>
  </si>
  <si>
    <t>好看，特效好。</t>
  </si>
  <si>
    <t>垃圾，剧情不行，演技不行，造型不行</t>
  </si>
  <si>
    <t>剧情没1好看，但是制作水平有所提高；笑点分散。有人觉得好看，有人觉得不好看。</t>
  </si>
  <si>
    <t>显卡温度80度正常吗</t>
  </si>
  <si>
    <t>视情况而定显卡一般是整个机箱里温度最高的硬件，常规下50-70℃(或更低)，运行大型3D游戏或播放高清视频的时候，温度可达到100℃左右，一般高负载下不超过110℃均视为正常范畴</t>
  </si>
  <si>
    <t>不正常，玩游戏超过80度就危险了，80度是警戒线，显卡温度高时间久会造成虚焊的损坏，所以你需要清理显卡灰尘换硅脂，在机箱上多加两个风扇帮助散热</t>
  </si>
  <si>
    <t>显卡的合理温度是50到80！玩游戏在80度还是比较正常的</t>
  </si>
  <si>
    <t>子宫肌瘤会不会癌变</t>
  </si>
  <si>
    <t>子宫肌瘤恶变率很低，仅在0。3％～1。39％，子宫肌瘤又称子宫平滑肌瘤，是女性生殖器最常见的一种良性肿瘤。多无症状，少数表现为阴道出血，腹部触及肿物以及压迫症状等。如发生蒂扭转或其他情况时可引起疼痛，一般可以选用桂枝茯苓胶囊、宫瘤消、百消丹之类的来治疗，5CM大小的肌瘤为手术指征。</t>
  </si>
  <si>
    <t>女性出现子宫肌瘤常见症状就是月经改变，而且下部有肿块和坠胀感，女性抚摸腹部有异样一定要及时去医院检查，一些女性也会出现贫血、不孕的情况，建议患者早检查和治疗。那么?希望患者朋友能及时进行治疗。 专家表示，子宫肌瘤在临床上比较常见，一般不会引起癌变。子宫腺肌瘤会癌变的概率非常小，但是拖延不治很可能导致不孕，而且还需要注意防止过度疲劳，经期尤须注意休息;多吃蔬菜、水果，少食辛辣食品;保持外阴清洁、干燥，内裤宜宽大，若白带过多，应注意随时冲洗外阴;确诊为子宫肌瘤后，应每月到医院检查;得了子宫腺肌瘤要避免再次怀孕;如果月经量过多，要多吃富含铁质的食物，以防缺铁性贫血;不要额外摄取雌激素，绝经以后尤应注意，以免子宫腺肌瘤长大。 ?子宫肌瘤癌变率低，但仍有癌变可能 子宫肌瘤癌变率低，但仍有癌变可能。在临床上约有0.5-1%的子宫腺肌瘤恶变为肉瘤，多见于年龄大，肌瘤较大且生长快者，特别是绝经后肌瘤增长迅速或绝经后再出现的肌瘤患者，肉瘤病变区域组织灰黄，质软如生鱼肉样。但是接近绝经期的患者，若发现子宫腺肌瘤开始长大或症状明显时需要药物或是手术治疗，从而避免会癌变的现象。 由此可见，子宫肌瘤患者只要做到早发现、早治疗，癌变的可能性还是很小的，大可不必忧心忡忡。女性如果发现有子宫肌瘤，只要采取正确的治疗方式，是完全可以彻底剔除肌瘤的。 ?专家提醒女性朋友，治疗子宫肌瘤，务必要到正规医院，这样才能保证患者接受比较规范的诊疗。</t>
  </si>
  <si>
    <t>虽然子宫肌瘤不是癌症，但子宫肌瘤是否会发生恶变，转换成子宫肉瘤呢？子宫肌瘤恶变也时常是肌瘤姐妹所担心的问题。因为在许多对于子宫肌瘤介绍的资料上明确表示，子宫肌瘤恶变为子宫肉瘤的恶变率为0.3％～1.39％。然而，越来越多的实践表明，这一教科书的说法并没有根据。我们都知道，通过嫁接，苹果树上可以结出梨子，但让已经长出的苹果变成梨子，那是绝对不可能的。而子宫肌瘤与子宫肉瘤的关系就好比是已经不断生长的苹果和梨子，是不可能进行转换的。关于子宫肌瘤是否会转化为癌的问题，重庆医科大学附属第一医院原妇产科主任卞度宏老师，现已经是八十三岁高龄，从医六十余年。在他的从医经历中，没有遇见过子宫肌瘤转化为恶性肿瘤的，也没有见过一例这样的医案。第三军医大学西南医院原妇产科主任史常旭将军，七十多岁了，也有从医五十多年的经历。对于这类同样的问题。他也说是教科书上有这样的说法。而99子宫网建站至今，在我们55个千人患者交流群中也从来没有出现过子宫肌瘤“恶变”为子宫肉瘤的例子。所以，通过以上例子，我们认为子宫肌瘤恶变是不存在的。所谓的恶变率更可能是误诊率——在诊断时，将肉瘤误诊为肌瘤，再次确诊的时候发现是肉瘤。</t>
  </si>
  <si>
    <t>离职证明可以造假吗</t>
  </si>
  <si>
    <t>造假的离职证明有风险的：1、即使按假的离职证明被录取了，新单位给交社保时就会发现社保截止日和离职证明日期不符。2、一般用人单位招聘比较重要的岗位都会进行背景调查，一个电话就会知道真相了。3、工作单位会对员工的诚信产生怀疑。</t>
  </si>
  <si>
    <t>新单位（雇主）与员工签订合同时，会提到如乙方学历等其他资料造假，甲方有权立即终止劳动合同，且不必支付任何赔偿。如果新的单位即使没有揭发造假行为，也将影响日后的升迁和加薪等问题。</t>
  </si>
  <si>
    <t>离职证明造建议不要造假，虽然离职证明格式是一样的，但是原单位的公章必须是真的，如果造假就有可能涉及私刻公章，是违法的。</t>
  </si>
  <si>
    <t>婴儿提篮有必要买吗</t>
  </si>
  <si>
    <t>有必要。使用婴儿提篮可以保护宝宝的头部和脊椎。像在国外，刚出生的婴儿如果父母没有准备婴儿提篮的话，医生是不会开出院证的。</t>
  </si>
  <si>
    <t>有必要，虽然使用频率不高，但是很有用，宝宝太小了，在车里抱着不安全，而且天热抱着也不舒服。我打算入手一个,近期看到是SWANDOO的还不错。</t>
  </si>
  <si>
    <t>有必要，不怕一万只怕万一，安全第一。建议直接买0-4岁那种，使用时间比较长，宝宝长得快，安全提篮使用期限短。10岁以内的孩子乘坐私家车做好都使用安全座椅。</t>
  </si>
  <si>
    <t>蚕豆病长大后会好吗</t>
  </si>
  <si>
    <t>不会好的了，目前还没有治疗方案，一旦查出，就得跟随一生的了。</t>
  </si>
  <si>
    <t>蚕豆病主要是G-6-PD酶缺乏导致的一种疾病，但是在长大后这个酶是有可能正常的。</t>
  </si>
  <si>
    <t>京东网的东西好不好</t>
  </si>
  <si>
    <t>1.京东商城也是一个类似淘宝的地方，货品齐全、品种繁多，很适合大家购物，这是一个有商家入住，自己也卖商品的网购网站，也适应了现在电商发展的趋势；2.京东打的口号就是正品，所以说在上面买品牌货，质量是很有保障的，都是有发票的，这也是京东的一大特色，但是这也是一个缺点，就是导致实际的价格就高了起来，比起实体店的价格来说并没有什么太大的优势了。3.京东的服务确实不错，各方面做的比较完善，方便、快捷，如果热衷于购物倒是可以来光顾，并且喜欢正品购物，这就是一个不错的选择了，消费者要的更多的是产品的质量和服务的是否到位。</t>
  </si>
  <si>
    <t>电子数码产品相对来说还是不错的，价格比实体店便宜，而且发票俱全，售后也还不错，我之前一直在京东购物。记住，要选京东自营的商品，第三方卖家的服务要差些。</t>
  </si>
  <si>
    <t>阴阳师苹果安卓互通吗</t>
  </si>
  <si>
    <t>互通，阴阳师双平台服务器允许ios和安卓的用户一同进行游戏，也就是您在游戏里遇到的玩家可能来自ios，也可能来自安卓。不过双平台服务器并不代表不同平台设备登陆看到的您的账号信息是相同的，也就是您用安卓设备在双平台服务器建立了角色，再用ios设备登陆这个双平台服，依旧是看不到您使用安卓设备建立的角色的。</t>
  </si>
  <si>
    <t>比亚迪f0可以上高速吗</t>
  </si>
  <si>
    <t>可以的啊。只要车子状况好。</t>
  </si>
  <si>
    <t>西瓜跟桃子可以一起吃吗</t>
  </si>
  <si>
    <t>不可以一起吃，会中毒，上次新闻都报道了。</t>
  </si>
  <si>
    <t>桃子和西瓜肯定能够一起吃的，不会产生剧毒，更不会引起丧命。</t>
  </si>
  <si>
    <t>车置宝卖车有猫腻吗</t>
  </si>
  <si>
    <t>靠谱，车置宝的服务特别到位，而且在上面卖车，从预约到成交，一分钱不用花，检测费都是免费的，卖的还特别快。</t>
  </si>
  <si>
    <t>汽车检测工程师会在规定的时间内免费上门检测或者，到店检测，然后形成专业的检测报告，专业评估师在线估价，要求做到一车一况一家，信息和交易透明公开化！全程免费，先行赔付，品牌保障！</t>
  </si>
  <si>
    <t>守望先锋收费吗</t>
  </si>
  <si>
    <t>运营方式有很多种，主流有道具收费和买断式两种方式。</t>
  </si>
  <si>
    <t>普通畅玩版198元和数字典藏328元。</t>
  </si>
  <si>
    <t>要钱的。最便宜198，还有贵的500多。</t>
  </si>
  <si>
    <t>肛交不灌肠会有粪便么?</t>
  </si>
  <si>
    <t>不灌肠有时候会有粪便出现。</t>
  </si>
  <si>
    <t>歼20真的有那么垃圾吗</t>
  </si>
  <si>
    <t>是的，发动机都做不好</t>
  </si>
  <si>
    <t>强、最终结果也得出来才知道。发动机、雷达、航电设备三大短板在中国虽然有进步，但是还不能达到美军的标准，WS10也不会有F119—PW—100的力量，就更不用说F135了。但由于战略目标并不同。所以性能上不同也就并不意外了，空战能力歼20逊色F22，对地攻击比F22强。</t>
  </si>
  <si>
    <t>歼20很好。是当今最优秀的歼击机之一。</t>
  </si>
  <si>
    <t>百合发芽了能吃吗</t>
  </si>
  <si>
    <t>可以吃的，只不过是营养价值相对降低而已。</t>
  </si>
  <si>
    <t>百合生根发芽后最好不要食用，因为营养成分多数被根芽吸收，并有少量毒数，所以不建议食用。</t>
  </si>
  <si>
    <t>水泡要不要弄破</t>
  </si>
  <si>
    <t>千万不要弄破，破了不只痛，而且不小心还会发炎。</t>
  </si>
  <si>
    <t>支付宝提现要手续费吗</t>
  </si>
  <si>
    <t>别人的支付宝转账到你的支付宝。钱在你的余额里面。这个时候是不可以直接提现到银行卡的。也不要转到余额宝里面。因为提现到余额宝，转账到银行卡都是要扣手续费的。而且还要扣额度的。有一个办法提现不用手续费，也不用扣额度。就是先把钱转到网商银行。然后再从网商银行，转到你的其他银行卡。再从这张银行卡充值到余额宝。这样子就不会有手续费。也不会减少你的额度。</t>
  </si>
  <si>
    <t>目前暂时不收费，但到了10月12日以后，当在支付宝中提现金额超过2万元的免费额度之后，开始收费，每笔提现所需收取的手续费费率为0.1%。</t>
  </si>
  <si>
    <t>支付宝提现以及转账到卡，基础免费额度为2万元，超过基础免费额度，按照每笔0.1%的比例收取提现费用，10000元提现需要的费用为10元。</t>
  </si>
  <si>
    <t>楼层越高噪音越大吗</t>
  </si>
  <si>
    <t>一般地，在城市中，高层建筑往往楼层越高，噪声会越大，1-5层噪声最小，11层中等水平，24层最大。这是因为，越高，俯瞰的范围越大，很远处马路的噪声都能传过来，相对的有效噪声源多；楼层低，很多可能直达的噪声源被其他建筑遮盖了，噪声小，往往一层最小。如果噪声主要来源只有一条马路，往往1层最小，11层最大，再高层又逐渐小了。这是因为地面反射的缘故或有对面建筑反射，往往造成高层建筑中部噪声最大，再高时由于声音的距离衰减声音会变小。离公路越近的，噪音越大。同一辆重型货车经过时，离公路10米位置的高5.5米的住宅（平面直线距离）衰减0.3分贝，30米衰减4分贝、50米衰减6分贝、100米衰减8.9分贝。离公路同一距离，普通住宅楼层越高的，噪音越大。（目前没有上限数据，不排除到达一定高度就减弱的可能，但以现在一般高层为32层来说是如此。）认为住得高点就远离噪音的想法是错的。</t>
  </si>
  <si>
    <t>“在没有突发噪音和高架桥等因素的影响，一般大楼的各个楼层的噪音差别并不是很大，根据不同的时间、位置和周围环境的变化，噪音的大小也会不同。如果噪声的主要来源仅是马路，由于地面反射或建筑反射，会造成高层建筑中间楼层噪声比底层和高层稍大。”</t>
  </si>
  <si>
    <t>楼层越高，噪音越大是没有绝对依据的。所谓特定的“噪音层”是不存在的，如果高层楼盘是在马路集中的区域，而且周边都是五六层的多层建筑，那么的确会存在“噪音层”。如果周边都是11层以上的高层建筑，由于高度相似楼层间会起到相互遮挡作用，噪音就会在反射和折射中减弱。”在没有突发噪音和高架桥等因素的影响，一般大楼的各个楼层的噪音差别并不是很大，根据不同的时间、位置和周围环境的变化，噪音的大小也会不同。如果噪声的主要来源仅是马路，由于地面反射或建筑反射，会造成高层建筑中间楼层噪声比底层和高层稍大。”</t>
  </si>
  <si>
    <t>哺乳期可以吃芒果吗</t>
  </si>
  <si>
    <t>建议孕妇最好不要吃芒果。</t>
  </si>
  <si>
    <t>康宝莱是传销吗</t>
  </si>
  <si>
    <t>是的。和以前安利都是搞传销的。</t>
  </si>
  <si>
    <t>美国的公司，很早都进入中国了，不是传销，但也不一定好，很难运作市场。</t>
  </si>
  <si>
    <t>碳酸氢钠片治痛风吗</t>
  </si>
  <si>
    <t>碳酸氢钠片用于尿酸性肾结石的预防，减少磺胺灯药物的肾毒性，及急性溶血防止血红蛋白沉积在肾小管。而且碳酸氢钠片使尿液偏碱性，那么尿酸不易结晶析出，更易随尿排出体外，这样就可减少痛风的发生。</t>
  </si>
  <si>
    <t>碳酸氢钠片不能治痛风，可以保持尿液碱性环境，有利尿酸盐排出，减少结石的产生。</t>
  </si>
  <si>
    <t>碳酸氢钠能治疗痛风疾病，是能够起到一定的缓解作用的，但是不能够治疗根本并且副作用加大。</t>
  </si>
  <si>
    <t>盘石网盟的公司可靠吗</t>
  </si>
  <si>
    <t>可靠，和新浪，人民网和新华网有合作关系了。</t>
  </si>
  <si>
    <t>pet考试含金量大吗</t>
  </si>
  <si>
    <t>含金量相对较高。</t>
  </si>
  <si>
    <t>PET社会认可度比CET大，但其实相应PETS比CET难度高。</t>
  </si>
  <si>
    <t>PETS现在不顶用，几乎销声匿迹。</t>
  </si>
  <si>
    <t>幽门螺旋杆菌能自愈吗</t>
  </si>
  <si>
    <t>幽门螺杆菌属于一种细菌感染需要药物或者食疗才能才能消灭的。</t>
  </si>
  <si>
    <t>不进行治疗是不能够自愈的。</t>
  </si>
  <si>
    <t>档案转回生源地好吗</t>
  </si>
  <si>
    <t>档案打回生源地是默认被转回生源地人事局，此种处理方法报到证为空白，即默认没有就业单位，此种处理方法或有不利于办理退休手续的影响。</t>
  </si>
  <si>
    <t>把档案转至生源地， 由所在地级市的政府人事部门接收这种方式比较适合准备在生源地范围内就业的毕业生和暂时不想就业的毕业生。其优点是在生源地就业后办理手续简单方便，而缺点则是两年内如离开生源地就业，需重新办理改派手续。</t>
  </si>
  <si>
    <t>可可狮早教可信吗</t>
  </si>
  <si>
    <t>是真的啊，12个月的宝宝有CD、绘本、玩具等等感觉内容满丰富的。</t>
  </si>
  <si>
    <t>可可狮是成套的工具，里面针对不同月龄有不同的工具，还有画册和教程，是根据他们的方案编写的，也是分月龄的，一个阶段是一个月，所以其实每个阶段的家庭早教工具都是不同的，可以买来用，比上早教班实惠多了。</t>
  </si>
  <si>
    <t>dnf时间广场出90级史诗吗</t>
  </si>
  <si>
    <t>出的，包括85－90史诗。</t>
  </si>
  <si>
    <t>出的。只是可能爆的是85比较多吧。</t>
  </si>
  <si>
    <t>出的，我的混沌。冰柱都是在这出的。</t>
  </si>
  <si>
    <t>京东退货上门取件要钱吗</t>
  </si>
  <si>
    <t>不要钱，免费的。</t>
  </si>
  <si>
    <t>如果质量问题是不收的，如果买错了或是不想要了那就要收的。</t>
  </si>
  <si>
    <t>微信公众号可以注销吗</t>
  </si>
  <si>
    <t>1、登录自己的公众平台，最新版界面，2、打开公众号设置栏，3、右上角点击功能设置，4、在隐私设置-设置-禁止用户搜索到该号码，这样实现了对外注销公众号的的，5、对腾讯系统内部数据注销，需要6个月默认时间，你不再登陆该公众号，6个月后会自动销号。</t>
  </si>
  <si>
    <t>养老保险交满15年后可以不交吗</t>
  </si>
  <si>
    <t>现在国家规定养老金至少要交满15年,退休后才有养老金,如果交完15年后,继续交,与只交15年,对退休养老金数额是有影响.因为交年数越长,"工龄"也就越长,现在每年国家都上调养老金数量,在计算方法中,包括普加部分与工工龄部分,而工龄部分就是交养老金年数.例如:甲:交养老金15年,乙交养老金30年,两人在退休时基本养老金都是1500元/月,那么如果家国上调养老金时,会公布普加金额和每年工龄加钱数量,如果普加50元,每年工龄加3元,则甲:50元+15年*3元/年=95元.乙:50元+30年*3元/年=140元那么甲在上调养老金后每月领养老金1595元,乙每月领取养老金1640元.</t>
  </si>
  <si>
    <t>社保交满15年后不交可以，可以享受养老金待遇，但是医疗保险不足年限需要补缴。养老金领取条件：参加基本养老保险的个人，达到法定退休年龄时累计缴费满15年的，就可以按月领取基本养老金。也就是说，参加养老保险的职工要领取养老金必须符合两个条件：一是达到法定退休年龄;二是累积缴纳养老保险费满15年。所谓法定退休年龄，就是指职工退出工作岗位并有资格领取养老金的年龄。按照相关规定，我国法定的企业职工退休年龄是：男年满60周岁，女工人年满50周岁，女干部年满55周岁。从事井下、高空、高温、特别繁重体力劳动或其他有害身体健康工作(以下称特殊工种)的，退休年龄为男年满55周岁、女年满45周岁;因病或非因工致残，由医院证明并经劳动鉴定委员会确认完全丧失劳动能力的，退休年龄为男年满55周岁、女年满45周岁。医保保险不足缴费年限的补缴：须填写参保人员补缴申请表，送市社保中心领导审批后，到市社保中心稽核科窗口打印缴费核定通知单，然后到相应的地税办税服务中心办理缴费手续。1、补缴超龄养老保险费的计算办法：　　调入时本市上年度职工月平均工资×12(月)×(30%+超龄年限×1%)×超龄年限。超龄年限=调入时实际年龄-规定年龄。(超龄年限中的月份数，6个月以下的按半年计算，7个月以上的按一年计算)条例第二十八条规定年龄：获得中级职称和高级职称的人员：男50周岁、女工人40周岁、女干部45周岁;获得初级职称和未获得职称的人员：男45周岁、女工人35周岁、女干部40周岁。2、补交时须提供：劳动或人事组织部门的调令原件及复印件、身份证原件和复印件、职称证书;军人配偶在异地参加养老保险且按规定将养老保险转移到军队，须提供：退出现役军人《干部调入申报户口证明信》复印件、军人配偶调入本市的调动手续原件与复印件、军人配偶本市户籍证明复印件。</t>
  </si>
  <si>
    <t>精锐教育骗局吗</t>
  </si>
  <si>
    <t>老北京足贴有效果吗</t>
  </si>
  <si>
    <t>老北京足贴使用人比较多，原因很简单，是因为有效，所以口碑才比较好。</t>
  </si>
  <si>
    <t>2017牛背山可以去吗</t>
  </si>
  <si>
    <t>中软国际是培训机构吗</t>
  </si>
  <si>
    <t>应该不是，同学就是在他们家培训的，后来就留在那里工作了。</t>
  </si>
  <si>
    <t>虚拟机ip和主机ip一样吗</t>
  </si>
  <si>
    <t>1、使用VMware虚拟机的时候可以设置共享文件都可以给虚拟机设置一个”计算机名”或“IP地址”来打开共享中的文件或者传输文件到虚拟机中；2、当在虚拟机中测试一些带有病毒或者对计算机有危害的文件时，如果虚拟机的系统被病毒感染之后，真实机是不会受任何影响。虚拟机有自己独立的防火墙，所以虚拟机和真实机是完整的两个个体。</t>
  </si>
  <si>
    <t>虚拟机和主机的本地IP地址不一样，是对于内网（局域网）而言。对于外网，虚拟机和主机的本地IP地址一样。本机的IP是真实的，虚拟机里的IP是虚拟的，它可以与真实IP不相同。虚拟机技术是为了解决主机不够使用而开发的一项新技术，它允许在一台真实PC上安装多个虚拟系统，可相互切换，方便实用，在实际应用上主要用作多用户操作或测试。它在PC机上实际上就是一个类似于GHSOT包的镜像文件。虚拟机就像桥接在电脑的另一台电脑，所以两个系统是不相关的就像是两台电脑一样。也可以把虚拟机设置成桥接模式，然后把虚拟机的系统IP改成和实际机子同一个网段就可以了，那虚拟机的操作系统就好像是局域网里面的一台机子一样提供服务。</t>
  </si>
  <si>
    <t>如果是前者，而且你使用的是宽带拨号上网又只有一个帐号的话，无实际意义，因为连接 Internet 的出口外网 IP 是你拨号时由 ISP 分配的。不管你用哪种网络配置方式，虚拟机产生的所有网络数据流都是物理网卡来处理的，它本来就没有实体的网卡，它们的出口 IP 只有一个，就是那个 ISP 分配的外网 IP。如果是后者的话，那就简单啦，直接打开它们的“本地连接”的属性，配置不同的 IP 地址就可以啦。实际上是，任何一种网络配置模式下，都可以自己手工为虚拟机配置静态 IP。NAT 和 Host-only 模式下主机和虚拟机是主从关系，默认有 DHCP 分发地址，一般不需要自己配置IP。桥接模式下一般配置成和主机同一网段的IP，但并非一定，还要看你需要怎样的网络环境（比如做VPN实验等）。</t>
  </si>
  <si>
    <t>林正英是不是真的道士</t>
  </si>
  <si>
    <t>不是，只不过是电影演员和艺人。</t>
  </si>
  <si>
    <t>只是演道士和僵尸多一点，不是真道士。</t>
  </si>
  <si>
    <t>京东网购好吗</t>
  </si>
  <si>
    <t>一点都不可靠，买了两次都不行，不是正品不说，态度还不好，货品还弄丢了，都没有赔偿。</t>
  </si>
  <si>
    <t>以京东的增长速度，口碑算非常好了，绝对无假货，限时达。</t>
  </si>
  <si>
    <t>买电器上京东。</t>
  </si>
  <si>
    <t>宝宝不爱吃饭是缺锌吗</t>
  </si>
  <si>
    <t>不爱吃饭不是缺锌。</t>
  </si>
  <si>
    <t>宝宝不爱吃饭可能到了厌食期，宝宝缺锌也可能导致不爱吃饭。</t>
  </si>
  <si>
    <t>缺锌会导致不爱吃饭。</t>
  </si>
  <si>
    <t>输卵管通而不畅中医可以治疗吗</t>
  </si>
  <si>
    <t>简单的输卵管通而不畅可采用中医疗法，中医认为输卵管堵塞主要是由于痰湿瘀滞、气虚血瘀、肾虚血瘀、湿热瘀阻、气滞血瘀、寒湿瘀滞等因素造成。 故而中医治疗要以消炎止痛、活血化瘀、益补气血为基本原则，全面调理体内循环，从而有效改善女性输卵管堵塞病症。为了更快的康复，建议采用中西医结合进行治疗。</t>
  </si>
  <si>
    <t>天猫国际直营是正品吗</t>
  </si>
  <si>
    <t>天猫没有给出这种绝对保证，只能说出现假冒的可能性很低微。</t>
  </si>
  <si>
    <t>霹雳游侠 弗拉基米尔有特效吗</t>
  </si>
  <si>
    <t>端午节期间高速免费吗</t>
  </si>
  <si>
    <t>不免费，照常收费。</t>
  </si>
  <si>
    <t>对上级能否用烦请</t>
  </si>
  <si>
    <t>不能对上级用烦请。</t>
  </si>
  <si>
    <t>迪丽热巴被潜规则过吗</t>
  </si>
  <si>
    <t>应该没有，去看看人家的微博动态，很纯洁的。</t>
  </si>
  <si>
    <t>胖迪没有什么绯闻的，完全的凭实力出名的。</t>
  </si>
  <si>
    <t>不用枕头对颈椎好吗</t>
  </si>
  <si>
    <t>根据自己的喜好，可用可不用。</t>
  </si>
  <si>
    <t>睡觉不枕枕头对颈椎病没好处；不用枕头或枕头过低，人仰卧时头部过分后仰，牵拉颈部肌肉，引起疲劳、痉挛或疼痛，容易出现落枕，甚至使已经好转的颈椎病进一步加重；对于颈短、肥胖、咽腔狭窄的人而言，头部过分后仰的睡姿易使颈前部肌肉、皮肤绷紧，压迫气管，影响正常呼吸；还容易张口呼吸，进而出现口干、咽喉疼痛和打呼噜等现象；此外，长期不用枕头或低枕时使头部处于低位，血流量便相应增加而影响睡眠，对高血压和动脉粥样硬化病人的影响则更明显；可见，长期不用枕头、枕头过低或过高，都会对颈部肌肉、韧带、脊髓、神经根等造成不利影响。</t>
  </si>
  <si>
    <t>龙猫咬人吗</t>
  </si>
  <si>
    <t>它不咬人 ，但是把它逗急了，也会攻击。</t>
  </si>
  <si>
    <t>龙猫是没有攻击性的宠物。</t>
  </si>
  <si>
    <t>龙猫是种很温顺的动物，一般情况下根本不会去主动咬人。</t>
  </si>
  <si>
    <t>失落城堡有手机版吗</t>
  </si>
  <si>
    <t>天猫超市的东西是正品吗</t>
  </si>
  <si>
    <t>说不准。好比在实体店也可能买到假货。</t>
  </si>
  <si>
    <t>不一定。买到过假货。</t>
  </si>
  <si>
    <t>红冲发票有时间限制吗</t>
  </si>
  <si>
    <t>是有时间限制的，与取得的扣税凭证需在180天内进行认证抵扣有关联。</t>
  </si>
  <si>
    <t>冲红期限由原来的90天延长至180天。</t>
  </si>
  <si>
    <t>超过180天的说法是错误的，180天只是认证期限，不代表不能开具红字发票。红字发票开具有关问题公告如下：增值税一般纳税人开具增值税专用发票(以下简称“专用发票”)后，发生销货退回、开票有误、应税服务中止等情形但不符合发票作废条件，或者因销货部分退回及发生销售折让，需要开具红字专用发票的，按以下方法处理，没有关于开具红字发票的时间限制。</t>
  </si>
  <si>
    <t>防远光灯眼镜有用吗</t>
  </si>
  <si>
    <t>效果应该是有的。因为就是偏光镜，但是建议不要用，因为夜间驾车本身光线就会比较差，带上偏光镜会阻隔一定的光线。</t>
  </si>
  <si>
    <t>没什么用。一样的也要射眼。</t>
  </si>
  <si>
    <t>肯定有点用的，但是不能抱太大希望。</t>
  </si>
  <si>
    <t>lol鼠标宏会不会封号</t>
  </si>
  <si>
    <t>看什么鼠标跟宏了，宏太强大有可能。</t>
  </si>
  <si>
    <t>这个相当于设置快捷键，不会封号。</t>
  </si>
  <si>
    <t>不会，如果把宏看作一个插件，那么这个宏又不是在LOL里的插件，只是鼠标里面自带的一个程式。</t>
  </si>
  <si>
    <t>京东上武极电脑放心吗</t>
  </si>
  <si>
    <t>店铺正规，产品靠谱。</t>
  </si>
  <si>
    <t>超级坑。</t>
  </si>
  <si>
    <t>京东的货都是真品，有质保，售后不错。</t>
  </si>
  <si>
    <t>狗瘟能治好吗</t>
  </si>
  <si>
    <t>犬瘟热是一种常见的高度接触性的病毒性传染病，主要经呼吸道感染，是病毒引起的。致死率很高， 到了病程的中后期治疗时非常困难了。现在一般的采用血清抗体治疗在病程的早期有一定的效果，一旦到了病程的中后期效果就十分差。现在打血清,还有增强抵抗力的球蛋白.然后开始吃阿莫西林消炎药每隔6小时喂一次(吃阿莫西林的时间一定要按时,不能耽搁),注意饮食,如果狗狗还不太发烧,而且饮食也正常的话就是好事.如果它能吃药的话就喂它点清开灵感冒胶囊也很好。提醒：阿莫西林是唯一一个要坚持吃的药.狗狗生病期间主人需要细心呵护，对它要有信心，多鼓励它。狗狗是通人性的，只要有一口气它都会坚持的！所以也要为它加油打气!</t>
  </si>
  <si>
    <t>狗瘟不是百分百治好！但是对于现在来说，治好的几率也是蛮高的！但是最好带去正规医院治疗，效果会更好！</t>
  </si>
  <si>
    <t>能治好，请千万别带到宠物医院，那里面简直就是坑人，它们的血清，单抗全是假的，还让给狗狗打这个针那个针。而且那里面的狗细菌，传染病各种各样。别狗狗送进去本来好好的给医院治没了。狗瘟就像人类得严重感冒热感冒一样，退烧药，还有啊莫西林，板蓝根一定得有，如果有拉稀症状一定得吃思蜜答，止泻，不然会脱水而死，拉肚子它就不愿意吃东西。粥一定得备好，不吃也灌它吃，不喝药也得灌它喝，药塞到喉咙它就自己吃下去了。不能因为它不愿意吃东西就不给它吃，迟早饿死，还有人说生病了越不吃就越难有抵抗能力，所以一定要喂粥，不要吃其它东西，只要是好消化得可以喂它，清淡的。家里得狗用器具一定勤洗，勤大太阳下晒。还有一个，狗狗要换到一个空气好的地方，得有树，花花草草得地方，它们会自己找草药，一定得散养，不要把它关在笼子里，必须给它运动，暴晒太阳，让它有自由，这个时候脏点没事，只是为了救它。还有烧酒要备好，多给它涂涂脚心，还有肚子物理降温，鼻子用盐水多擦擦，眼睛给它多滴眼药水。还有多陪它鼓励它，和它说说心里话，给它肢体按摩。</t>
  </si>
  <si>
    <t>熊猫提莫有特效吗</t>
  </si>
  <si>
    <t>阴阳师鲤鱼精值得培养吗</t>
  </si>
  <si>
    <t>说实话，不建议培养。</t>
  </si>
  <si>
    <t>练个鲤鱼可以很好的充当奶的作用，不过三技能挂自动有时候很坑爹，总体还是非常值得培养的！</t>
  </si>
  <si>
    <t>2017辽宁省考不考了吗</t>
  </si>
  <si>
    <t>不考了。</t>
  </si>
  <si>
    <t>小米note2值得买吗</t>
  </si>
  <si>
    <t>屏幕不怎么好，如果不怕颜值推荐小米5SPlus CPU也是采用骁龙821【性能版】。</t>
  </si>
  <si>
    <t>雾化对宝宝有副作用吗</t>
  </si>
  <si>
    <t>保证孩子健康，雾化吸入治疗对身体没什么影响。</t>
  </si>
  <si>
    <t>只要药物选择好,对孩子没有什么太大的问题。</t>
  </si>
  <si>
    <t>征集志愿录取机会大吗</t>
  </si>
  <si>
    <t>说实话不是很大，征集志愿高校数量少。但是参与的考生比较多，如果不是分数很有优势的话，不太好说的。</t>
  </si>
  <si>
    <t>喜茶好喝吗</t>
  </si>
  <si>
    <t>喜茶好喝。</t>
  </si>
  <si>
    <t>小乔纯白花嫁还会出吗</t>
  </si>
  <si>
    <t>情人节限定的，以后应该不会有。</t>
  </si>
  <si>
    <t>情人节应该有。</t>
  </si>
  <si>
    <t>汉兰达好不好</t>
  </si>
  <si>
    <t>口碑和销量都不错。</t>
  </si>
  <si>
    <t>steam礼物可以退款吗</t>
  </si>
  <si>
    <t>游戏时间小于两小时，并且在购买游戏两周之内，可以无条件退款，超出范围的，退款看运气。</t>
  </si>
  <si>
    <t>礼物可以退，不过前提是：礼物未激活。</t>
  </si>
  <si>
    <t>路由器辐射大吗?对人体有无影响</t>
  </si>
  <si>
    <t>至今为止没发现路由器辐射对人体有影响。</t>
  </si>
  <si>
    <t>很小。没什么影响。</t>
  </si>
  <si>
    <t>相对来说很小。不会有影响。</t>
  </si>
  <si>
    <t>动脉硬化严重吗</t>
  </si>
  <si>
    <t>是非常严重的疾病之一。</t>
  </si>
  <si>
    <t>暗黑3赛季结束后角色还在吗</t>
  </si>
  <si>
    <t>角色不会消失而是转移成非赛季英雄。</t>
  </si>
  <si>
    <t>思域10代手动挡1.0t值得购买吗?</t>
  </si>
  <si>
    <t>感觉不太合适，1.0T虽然能保证经济性，但是3缸发动机存在很多弊端，个人代步动力还行，如果真是车上坐满人，在开个空调，思域也不是很轻，动力就不好说了。</t>
  </si>
  <si>
    <t>本田思域1.0t手动挡如果图价位便宜，对本田思域情有独钟还是值得考虑，不过这车的配置和动力性一般个人认为家庭代步不是很值得。</t>
  </si>
  <si>
    <t>性价比很低。</t>
  </si>
  <si>
    <t>微信提现到银行卡要手续费吗</t>
  </si>
  <si>
    <t>微信提现的具体收费方案为：每位用户终身享受1000元免费提现额度，超出部分按银行费率收取手续费，目前费率均为0.1%，每笔最少收0.1元。微信红包、面对面收付款、AA收款等功能不受影响，免收手续费。</t>
  </si>
  <si>
    <t>网上玩时时彩会坐牢吗</t>
  </si>
  <si>
    <t>属于违法行为。</t>
  </si>
  <si>
    <t>铁三角msr7值得买吗</t>
  </si>
  <si>
    <t>并不适合出街，但确实是便于携带。</t>
  </si>
  <si>
    <t>除了女声，其他都不如同价位的索尼mdr-1a。</t>
  </si>
  <si>
    <t>瓜子网买车靠谱吗</t>
  </si>
  <si>
    <t>上面的二手车经过专业二手车检测师精心检测过的，是精选6年10万公里以内的个人二手车，保证最佳车况。在价格方面省去中间环节，无车商加价，无交易差价。更加人性化的是不满意开回来退，享受新车般超长质保，彻底后顾无忧。当然买车的时候还是要认真看清合同条款，多了解一些多些确认一下，总之瓜子网买车靠谱。</t>
  </si>
  <si>
    <t>除了车本身，平台如何不要去相信。车商冒充个人现象很多，个人没有那么多车源在上面。</t>
  </si>
  <si>
    <t>还算比较正规。</t>
  </si>
  <si>
    <t>梦幻西游退帮帮贡还在吗</t>
  </si>
  <si>
    <t>退帮后没加入过其他帮派原来帮派还没用掉的帮贡还在，退帮后加入新帮派，帮贡为0，再回去原来帮派帮贡也为0。</t>
  </si>
  <si>
    <t>还会在，离开帮派了半年后再进原来的帮派一样有贡献，在中途不能加入别的帮派，加入别的帮派就不会有了。</t>
  </si>
  <si>
    <t>离帮后帮贡不是保留是清空，但是回帮是会恢复。就是说离帮后，人物界面上的帮贡是0，但是只要没有加别的帮，再回去原来的帮，帮贡是可以恢复的。前提是没有加入别的帮派。</t>
  </si>
  <si>
    <t>gre难考吗</t>
  </si>
  <si>
    <t>如果单词背熟了，基本问题也就解决了。毕竟逻辑是可以训练的，对中国学生来说，基本没有什么大问题。但是，它的单词是非常难的，词汇量大，专业词汇多，且使用频率不高。但是，如果喜欢看美剧或者美国电影的话，会发现其中一些词还是经常在人们的生活中出现的。如果把单词背熟真题都做了，G就不难；但如果下不了决心背单词，G还是非常难的，而且考试的压力很大。</t>
  </si>
  <si>
    <t>GRE是graduate record examination是美国研究生入学考试 它是目前为止最难的英语考试，难度比托福，雅思都要难，比中国专业八级还要难 尤其对于母语非英语国家的人来说，仅仅两万多的词汇就让人觉得很无助。</t>
  </si>
  <si>
    <t>有一定难度，GRE考试是美国研究生入学考试，它不同于雅思托福，后者需要长期的积累学习就能够拿到好的成绩，而GRE还注重逻辑推理和提取信息的能力，这一点倒是可以短期突破，不过要想拿到高分，还是要进行系统的学习，找到方法最重要。其中词汇问题要特别注意</t>
  </si>
  <si>
    <t>从零开始有第二季吗</t>
  </si>
  <si>
    <t>有，原著小说还在连载，官方说第二部会在2017年播出。</t>
  </si>
  <si>
    <t>会出的可能性很高。</t>
  </si>
  <si>
    <t>中控台避光垫有用吗</t>
  </si>
  <si>
    <t>效果还是不错的。</t>
  </si>
  <si>
    <t>代持股协议是否合法</t>
  </si>
  <si>
    <t>最高法《关于适用公司法若干问题的规定（三）》第24条规定：有限责任公司的实际出资人与名义出资人订立合同，约定由实际出资人出资并享有投资权益，以名义出资人为名义股东，实际出资人与名义股东对该合同效力发生争议的，如无合同法第52条规定的情形，人民法院应当认定该合同有效。从此条可以看出代持股份是有法可依的，也就是合法的。</t>
  </si>
  <si>
    <t>如果股份代持协议的内容没有违反国家法律的规定，主要是没有以合法形式掩盖非法目的的，没有恶意串通损害他人利益等情形的，一般股份代持协议是合法的。但是，这种合法也仅限于签订协议的双方之间，对第三人没有约束力。</t>
  </si>
  <si>
    <t>快递录入员兼职靠谱吗</t>
  </si>
  <si>
    <t>快递确实需要将面单信息录入系统，但一般不会招专人，那种工资高难度低的工作基本都是骗子。</t>
  </si>
  <si>
    <t>一般假的，真的价格没这么高。</t>
  </si>
  <si>
    <t>木瓜籽能吃吗</t>
  </si>
  <si>
    <t>木瓜籽是可以吃的，不过在日常生活中都是吃肉弃籽，因为它的味道实在是不敢恭维，不过木瓜籽有它的多种用途，可以入药，并可加工成化妆品。</t>
  </si>
  <si>
    <t>云巅之上有第三季吗</t>
  </si>
  <si>
    <t>微信订阅号可以开通微信支付吗</t>
  </si>
  <si>
    <t>以前是只有服务号可以开通微信支付，目前开放了支持认证的政府与媒体类订阅号申请微信支付。个人订阅号、企业订阅号不支持微信支付申请。</t>
  </si>
  <si>
    <t>微信订阅号可以开通微信支付。步骤如下：1、打开微信订阅号，在左侧页面找到“微信支付”。2、点击后，点击开通申请确认，如果满足一系列条件，确认协议，点击确认即可。3、确认协议后，按下图填写详细资料即可。</t>
  </si>
  <si>
    <t>西班牙签证出签率高不</t>
  </si>
  <si>
    <t>拒签率不会高的。其他国家不一定知道个人被西班牙拒签啊，根本就不会用一个系统。被通缉才有可能被共享这之类的信息。个人其他记录良好就没有问题的。</t>
  </si>
  <si>
    <t>如果是ADS团签，一般没什么问题。如果不是个人旅游，对个人资产的审核不是特别关注。</t>
  </si>
  <si>
    <t>苹果手机自带的软件可以删除吗</t>
  </si>
  <si>
    <t>苹果手机中自带的软件可以删除，前提是升级IOS10才能删除自带的APP。</t>
  </si>
  <si>
    <t>自带的软件不能删，后安装的软件可以删。</t>
  </si>
  <si>
    <t>勇者大人,洗澡水温合适吗?</t>
  </si>
  <si>
    <t>挺合适的。</t>
  </si>
  <si>
    <t>加勒比海盗有6吗</t>
  </si>
  <si>
    <t>目前消息是2020年上映。</t>
  </si>
  <si>
    <t>ps4可以玩ps3的游戏吗</t>
  </si>
  <si>
    <t>能，但不是说ps4可以直接读取ps3的光盘，而是要通过索尼的云游戏服务“PlayStation Now”来游玩，不过ps now目前仅在欧美服中运营；而且对网络要求比较高。</t>
  </si>
  <si>
    <t>按照我们大陆的网速，想玩这个比较困难，网速不够。</t>
  </si>
  <si>
    <t>暂时还不行，在PS4发售时，索尼官方就已经宣布PS4将不兼容PS3的游戏，因为架构都不一样。但是索尼也说到会将一些PS3上经典的游戏通过云推送的形式，推送给PS4的玩家游玩。</t>
  </si>
  <si>
    <t>健忘村好看吗</t>
  </si>
  <si>
    <t>孕妇能用护肤品吗</t>
  </si>
  <si>
    <t>可以用孕妇专用的。</t>
  </si>
  <si>
    <t>孕妇怀孕期间是可以使用护肤品的，但最好使用孕妇专用的护肤品，也就是专为孕妇设计的。</t>
  </si>
  <si>
    <t>护理皮肤是每个女人每时每刻都应该做的事情，就算身处在孕期也不能成为懈怠护肤的理由。</t>
  </si>
  <si>
    <t>乙肝小三阳可以母乳喂养吗</t>
  </si>
  <si>
    <t>乙型肝炎病毒可经过母乳传播，但一般产后立刻给新生儿进行了免疫接种，通常情况下不会通过乳汁传染新生儿。乙肝小三阳的妈妈，病毒含量较低，新生儿又注射了乙肝疫苗和乙肝免疫球蛋白，可以哺乳喂奶。注意的是，新生儿，幼儿，一般免疫能力低下，如果身体内没有抗体，或者抗体滴度小，建议不要哺乳。</t>
  </si>
  <si>
    <t>小三阳可以的。</t>
  </si>
  <si>
    <t>物业不负责可以不交物业费吗</t>
  </si>
  <si>
    <t>孕妇可以敷面膜吗</t>
  </si>
  <si>
    <t>最好别做，毕竟有化学成分。</t>
  </si>
  <si>
    <t>孕妇专用的面膜还是可以的，像亲润的备长炭面膜就很好用。很温和安全。</t>
  </si>
  <si>
    <t>法定节假日算工资吗</t>
  </si>
  <si>
    <t>劳动法规定在节假日安排员工加班的应当支付300%的工资报酬。</t>
  </si>
  <si>
    <t>法定假日是带薪假日，劳动者法定假日休息，工资照发。</t>
  </si>
  <si>
    <t>国家单位，正规企业有工资，私企没有。</t>
  </si>
  <si>
    <t>哔哩哔哩有pc客户端吗</t>
  </si>
  <si>
    <t>没有，如果想下载其中的东西，可以在网址栏的bilibili后加jj回车。</t>
  </si>
  <si>
    <t>paperpass查重靠谱吗</t>
  </si>
  <si>
    <t>芈原是不是屈原</t>
  </si>
  <si>
    <t>是的。屈原，战国时期楚国（今湖北省宜昌市秭归县）人，芈（mǐ）姓，屈氏（与楚王同姓不同氏，楚王为芈姓熊氏，先秦时期男子称氏不称姓，所以他叫屈原，不叫芈原）。</t>
  </si>
  <si>
    <t>重度抑郁症能治好吗</t>
  </si>
  <si>
    <t>能治好的，但需要比较长的治疗时间，最好能住院治疗。</t>
  </si>
  <si>
    <t>能，而且治好很简单。只要多去人多的场合，参加一些欢快的活动。</t>
  </si>
  <si>
    <t>生蚝生吃有寄生虫吗</t>
  </si>
  <si>
    <t>生蚝体内存在寄生虫，生吃会存在被感染的风险。尽可能食用煮熟的生蚝，以避免寄生虫带来的风险。</t>
  </si>
  <si>
    <t>2030年会有世界末日吗</t>
  </si>
  <si>
    <t>视频比特率越高越好吗</t>
  </si>
  <si>
    <t>对于一些超高码率的电影，视频，看起来是绝对比普通码率的看起来要爽的。</t>
  </si>
  <si>
    <t>比特率越高，传送的数据越大，视频质量越好。</t>
  </si>
  <si>
    <t>比特率越高越清晰。</t>
  </si>
  <si>
    <t>房产证只有夫妻一人名字 可以单方卖么</t>
  </si>
  <si>
    <t>如果房产证是在婚后办理的，那么当然需要夫妻两人签字同意。</t>
  </si>
  <si>
    <t>首先这个问题涉及到两个方面，一个是婚姻一个是房产。所以先要确定房子是不是丈夫和妻子的共同财产，以及是否只是房产问题而不涉及离婚。如果仅仅是房产的问题，比如丈夫单方面出售了房子，根据法律规定：房屋出售时，权利登记仅为一人的，基于不动产的公示、公信原则，购买者有理由相信丈夫就是房屋的完全权利人，与丈夫之间签订的买卖合同，应认定为有效。除非妻子有证据证明购买人存有过错，与丈夫恶意串通，损害了她的利益。比如房价明显低于市场价，或者双方根本没有付款行为。或者买房人是熟人知道房子是属于夫妻两个人的。如果涉及到婚姻问题，例如丈夫是在离婚期间卖房的，根据法律规定：一旦夫妻关系恶化，一方有转移财产的行为，另一方可以到交易中心办理“异议登记”，阻止一方擅自签订买卖合同；同时，在异议登记15天内，要向人民法院提起诉讼，要求确认房屋产权并申请财产保全。</t>
  </si>
  <si>
    <t>一、如为夫妻的共同财产，即便房产证只有一方名字，也应为夫妻两人共同共有，房屋的处分权必然由共同共有人共同享有，任何一方均不具有擅自处分的权利。二、根据《最高人民法院关于审理买卖合同纠纷案件适用法律问题的解释》第3条规定：“当事人一方以出卖人在缔约时对标的物没有所有权或者处分权为由主张合同无效的，人民法院不予支持；出卖人因未取得所有权或者处分权致使标的物所有权不能转移，买受人要求出卖人承担违约责任或者要求解除合同并主张损害赔偿的，人民法院应予支持。”三、夫妻一方在签订房屋买卖合同时是否具有完全的处分权，只影响到房屋能否顺利办理变更登记，对于物权变动的原因（即合同的生效与否）并不产生影响。因为合同生效与否，取决于合同双方的意思表示是否真实以及是否符合法定的无效条件，合同的签订是否为合同之外的第三人的真实意思表示并不影响合同的效力。四、对善意购买第三人权益的保护：1、依照《最高人民法院关于适用〈中华人民共和国婚姻法〉若干问题的解释（一）》第17条规定，买方有理由相信出卖房屋为夫妻双方共同意思表示的，另一方不得以不同意或不知道为由对抗买方。2、根据《最高人民法院关于审理买卖合同纠纷案件适用法律问题的解释》第3条第2款关于买方请求出卖人承担违约责任或合同解除的规定行使相关权利。</t>
  </si>
  <si>
    <t>京东以旧换新靠谱吗</t>
  </si>
  <si>
    <t>京东旧换新可信的，价格略低。</t>
  </si>
  <si>
    <t>王者荣耀上黄金难吗</t>
  </si>
  <si>
    <t>黄金都上不了</t>
  </si>
  <si>
    <t>一天大便四次是肠癌吗</t>
  </si>
  <si>
    <t>不一定是，可能是吃坏了肚子或是受凉了，多喝点温开水，实在不行就就医。</t>
  </si>
  <si>
    <t>可能是肠炎吧，大便次数多。</t>
  </si>
  <si>
    <t>不能说没关系，也不一定有关系。先化验一个大便，如果有血，再考虑进一步检查。如果化验正常，那仅仅就是个消化不良。</t>
  </si>
  <si>
    <t>显卡代码43是坏了吗</t>
  </si>
  <si>
    <t>显卡驱动没装好。</t>
  </si>
  <si>
    <t>不一定是显卡硬件坏了，有可能是显卡驱动不稳定导致的。</t>
  </si>
  <si>
    <t>硬件坏了。</t>
  </si>
  <si>
    <t>新东方学2年出来有用吗</t>
  </si>
  <si>
    <t>有的。可以自己开店创业当老板，在校期间还可以拿到学历。</t>
  </si>
  <si>
    <t>郑爽杨洋恋情是真的吗</t>
  </si>
  <si>
    <t>炒绯闻。</t>
  </si>
  <si>
    <t>二人并没有恋爱，只是在工作中有接触，二人也曾表示目前都是单身。</t>
  </si>
  <si>
    <t>大三阳会传染吗</t>
  </si>
  <si>
    <t>会传染。</t>
  </si>
  <si>
    <t>星座准吗</t>
  </si>
  <si>
    <t>准，如果你是典型的某个星座的人的话，那上面说的应该与你的实际情况非常符合。</t>
  </si>
  <si>
    <t>星座是否准确，关键要看信不信，信的人就会觉得很准，不信的人就会觉得不准。而且有的人虽然是一个星座，但是可能表现出另一星座的特点，所以可见星座这个东西，关键还是要看人的。</t>
  </si>
  <si>
    <t>转机可以出机场吗</t>
  </si>
  <si>
    <t>可以的，特别是等下一程航班太久的时候，可以出去逛一下。到时跟一般旅客一样在出发大厅拿登机牌和要再次安检。要说明的是：这是中转的情况（前一程与后一程航班号不同），如果是同一航班号只是中途停站是不可以出机场的，只能根据航空公司安排到候机大厅休息一下。</t>
  </si>
  <si>
    <t>能出去，不过要提前2个小时回到机场，换登机牌。</t>
  </si>
  <si>
    <t>可以。1：如果转机时间充足的话可以出机场，2：如果时间紧张的话，尽量不要出机场，因为出机场在进的话，需要重新进行安检。</t>
  </si>
  <si>
    <t>广电计量真的很不好吗</t>
  </si>
  <si>
    <t>工作没那么糟，稳定一些，收入中等，发展空间不大，计量的科研项目不多，若是计量专业的干本专业也不错。企业是国企性质，在计量方面可以检测的项目有268项，业务范围还有产品认证、化学检测、可靠性测试、EMC测试等。重要的是看自己的定位，要靠自己。</t>
  </si>
  <si>
    <t>非法本2017能司考吗</t>
  </si>
  <si>
    <t>全日制普通高等学校非法学类本科及以上学历并获得法律硕士、法学硕士及以上学位或获得其他相应学位从事法律工作三年以上;参加国家统一法律职业资格考试并获得通过，法律法规另有规定的除外。</t>
  </si>
  <si>
    <t>017年继续可以考。</t>
  </si>
  <si>
    <t>非法本读法律硕士，或者从事法律工作三年以上可以。</t>
  </si>
  <si>
    <t>小红书福利社是正品吗</t>
  </si>
  <si>
    <t>是正品，小红书福利社是海外直接采购或和国内品牌方合作，没有个人代购开店。</t>
  </si>
  <si>
    <t>盛大网络倒闭了吗</t>
  </si>
  <si>
    <t>目前没倒闭，2年之内估计差不多，已经在卖公司不过要价太高太高估公司市值，短期内没买家接盘破产是肯定的。</t>
  </si>
  <si>
    <t>不可能。破产不是一秒钟发生的，过程起码要三个月，起初关闭个别部门，然后宣布破产，再者其它企业收购，清算账目，况且盛大各网络游戏支撑着不可能破产。</t>
  </si>
  <si>
    <t>不是要倒闭了,是已经倒闭了。</t>
  </si>
  <si>
    <t>粽子煮熟后还过凉水吗</t>
  </si>
  <si>
    <t>粽子煮熟后应继续留在锅中，锅中自有的热量会使粽子更熟透、软糯，可在锅中泡上一天，或是一宿，然后再放入冷水中。</t>
  </si>
  <si>
    <t>不要放在凉水中，让它自然凉。</t>
  </si>
  <si>
    <t>粽子煮好后先不要捞出来，在原汤里浸到自然凉再取出来，否则外层边角的米很快变硬，影响口感。</t>
  </si>
  <si>
    <t>龟背竹可以放卧室吗</t>
  </si>
  <si>
    <t>养龟背竹有一定净化空气的作用，置于室内客厅、卧室和书房都可以。</t>
  </si>
  <si>
    <t>适宜放在室内。</t>
  </si>
  <si>
    <t>有人养蛇吗</t>
  </si>
  <si>
    <t>现在想见到蛇都难。</t>
  </si>
  <si>
    <t>湖南有，湖南巨龙蛇厂。</t>
  </si>
  <si>
    <t>厦门有地铁吗</t>
  </si>
  <si>
    <t>厦门地铁1号线2013年11月13日陆续开工建设，2014年4月全面开工，2017年9月完成联调联试，10月试运行，2018年年初，实现通车运营。</t>
  </si>
  <si>
    <t>自产自用是否视同销售</t>
  </si>
  <si>
    <t>翻糖蛋糕好吃吗</t>
  </si>
  <si>
    <t>翻糖蛋糕好看但不好吃。</t>
  </si>
  <si>
    <t>互盾数据恢复软件可以免费使用一次吗</t>
  </si>
  <si>
    <t>都是付费的。</t>
  </si>
  <si>
    <t>lol灵活组排给框吗</t>
  </si>
  <si>
    <t>都会给你们框看你们定位最高的是哪个。</t>
  </si>
  <si>
    <t>有框发的。</t>
  </si>
  <si>
    <t>给的。</t>
  </si>
  <si>
    <t>丽江下雨天适合旅游吗</t>
  </si>
  <si>
    <t>丽江的雨季恰好就是避暑的最好季节，雨中的古城别有一番味道，小雨对古城游玩没有影响。</t>
  </si>
  <si>
    <t>下雨就不要去了，建议，下雨旅游最遭罪。</t>
  </si>
  <si>
    <t>土巴兔靠谱吗</t>
  </si>
  <si>
    <t>网络上平台很多，土巴兔还是可以的。如果真想要装修，又不知道去哪家装修公司，可以让土巴兔给您推荐。</t>
  </si>
  <si>
    <t>摩拜单车余额能退吗</t>
  </si>
  <si>
    <t>余额不能退。</t>
  </si>
  <si>
    <t>可以到智共享网站，里面有退款教程。</t>
  </si>
  <si>
    <t>阿罗裤属于内裤吗</t>
  </si>
  <si>
    <t>20寸行李箱可以带上飞机吗</t>
  </si>
  <si>
    <t>乞禾散吃了真有效吗</t>
  </si>
  <si>
    <t>有用，湿气特别重，喝乞禾散可以治好。</t>
  </si>
  <si>
    <t>要买盒装的乞禾散，外包是盒内包是袋那种的才是真正的，这是一种经典的祛湿配方，配料众多，作用也很好。</t>
  </si>
  <si>
    <t>乞禾散是有用的，但不是特别有用。</t>
  </si>
  <si>
    <t>深圳第二高级中学好吗</t>
  </si>
  <si>
    <t>深圳市第二高级中学成立于2007年4月6日，学校纪念日是每年的4月6日。深圳市第二高级中学（深圳市中小学艺术教育基地），是隶属于深圳市教育局的全民所有制事业单位，具有独立的事业法人地位、独立承担民事责任的全寄宿制公办三年制高级中学，也是广东省最年轻的省一级学校和国家级示范性普通高中。学校共有教职工约300人，共有60个教学班，在校学生约3000人。创办以来，学校实现了高起点、跨越式发展。获评为省德育示范学校、市首批德育、体育双特色学校，自2010年第一届毕业生至今，连续七年荣获市高考工作卓越奖，被誉为"深圳优质高中教育最大的增长点"和"深圳新建高中的样板校"。</t>
  </si>
  <si>
    <t>不是数一数二，也进前十。</t>
  </si>
  <si>
    <t>很好的学校，老师管得严，学校活动多。</t>
  </si>
  <si>
    <t>傲娇与偏见上映了吗</t>
  </si>
  <si>
    <t>2017年4月21日上映。</t>
  </si>
  <si>
    <t>人保和人寿是一家吗</t>
  </si>
  <si>
    <t>以前是一家，后来分为两家保险公司。</t>
  </si>
  <si>
    <t>不是。中国人保和中国人寿分别是两家金融保险集团。</t>
  </si>
  <si>
    <t>税号变更后 老税号发票能认证吗</t>
  </si>
  <si>
    <t>那是必须先将进项税发票认证完才能变更，否则会认证不过的。</t>
  </si>
  <si>
    <t>可以正常使用的，只是需要去税局处理。</t>
  </si>
  <si>
    <t>择天记小说完结了吗</t>
  </si>
  <si>
    <t>没有完结，不过已经一千多章了，可以慢慢看，真的很精彩。</t>
  </si>
  <si>
    <t>没有完结，还在更新。</t>
  </si>
  <si>
    <t>美乐家环保超市合法吗</t>
  </si>
  <si>
    <t>合法良心企业，国家批准。</t>
  </si>
  <si>
    <t>张丽君还活着吗</t>
  </si>
  <si>
    <t>还坚强的活着，听说刚从美国回来，还从美国带回了化疗方案。</t>
  </si>
  <si>
    <t>几个月前已经死了。</t>
  </si>
  <si>
    <t>孕妇可以喝酸奶吗</t>
  </si>
  <si>
    <t>可以喝酸奶，尤其对于喜清淡、喜酸味、食欲不强的宝妈，酸奶最适合妊娠早期的口味;孕后期和哺乳期需要大量钙质和蛋白质，多食酸奶可以提供最恰当的营养物质,酸奶是以新鲜的牛奶为原料，经过杀菌后再添加有益菌(发酵剂)，经发酵后再冷却灌装的一种牛奶制品。饭后两小时内饮用酸奶为最佳时机。酸奶不能加热喝。夏季饮用宜现买现喝，冬季可在室温条件下放置一定时间后再饮用。酸奶有很佳的改良心味的作用，对恶口的症状的宝妈很有辅助的，倡议每餐后1小时喝100g左右。</t>
  </si>
  <si>
    <t>孕妇可以喝酸奶，酸奶有许多好处，诸如补钙、减肥、益齿、去除口臭、缓解便秘等。</t>
  </si>
  <si>
    <t>孕妇最好不要吃冻的食物，既然要喝酸奶不要喝冷的酸奶就没事的。</t>
  </si>
  <si>
    <t>蜂蜜发酵了还能吃吗</t>
  </si>
  <si>
    <t>蜂蜜发酵后不建议食用。</t>
  </si>
  <si>
    <t>完美世界好看吗</t>
  </si>
  <si>
    <t>算是很不错的。</t>
  </si>
  <si>
    <t>写得挺好的。</t>
  </si>
  <si>
    <t>支江平治疗痔疮真的吗</t>
  </si>
  <si>
    <t>假的，不要上当。</t>
  </si>
  <si>
    <t>梁宏达被处理了吗</t>
  </si>
  <si>
    <t>从老梁的博客来看，是被中国之声拿下了，根本不是身体不佳，要说身体原因，也是“此身不堪大用”，即人家看不上他了。</t>
  </si>
  <si>
    <t>印度人不吃鸡肉吗</t>
  </si>
  <si>
    <t>吃啊，除非他是个教徒。</t>
  </si>
  <si>
    <t>印度有一半素食者，另一半也主要是鸡肉，羊肉。</t>
  </si>
  <si>
    <t>农村光伏发电靠谱吗</t>
  </si>
  <si>
    <t>如果寿命在10年以上那是相当靠谱，不但省钱，还能赚钱。</t>
  </si>
  <si>
    <t>靠谱。光伏发电安装完运行简单，维护少，而且还有国家的政策补助。其实最主要是要买好的品牌的光伏系统。</t>
  </si>
  <si>
    <t>肯定靠谱，国家有优惠政策，有专项补贴，只是一次性投资较大。</t>
  </si>
  <si>
    <t>女生不喜欢你还要追吗</t>
  </si>
  <si>
    <t>我坚信生命中任何机会都是靠自己去争取的，如果你相信自己能带给这位女孩幸福，而且对她真的有好感，不妨给自己一个机会去争取一次（前提是不可以去死缠烂打）或许当那位女孩真正了解你的时候就不会这么决绝的拒绝你啦。</t>
  </si>
  <si>
    <t>如果还没喜欢那可以继续追。如果是讨厌你了，那你就放弃</t>
  </si>
  <si>
    <t>多宝鱼有毒吗</t>
  </si>
  <si>
    <t>多宝鱼本无毒，养殖户为了预防多宝鱼生病，盲目大量使用消毒药物，最后使多宝鱼体内药物残留超标，变成有毒的。</t>
  </si>
  <si>
    <t>它血是有毒的。</t>
  </si>
  <si>
    <t>dnf龙之挑战会涨价吗</t>
  </si>
  <si>
    <t>应该到年底涨价。</t>
  </si>
  <si>
    <t>可能会涨。</t>
  </si>
  <si>
    <t>修丽可在中国有专柜吗</t>
  </si>
  <si>
    <t>一家在上海中山公园的龙之梦购物中心，另一家在厦门中华城一层。</t>
  </si>
  <si>
    <t>延期毕业算应届生吗</t>
  </si>
  <si>
    <t>是应届毕业生的。</t>
  </si>
  <si>
    <t>哺乳期可以吃西瓜吗</t>
  </si>
  <si>
    <t>不能，属于寒性。</t>
  </si>
  <si>
    <t>少吃点。</t>
  </si>
  <si>
    <t>仙剑奇侠传6好玩吗</t>
  </si>
  <si>
    <t>好不好玩看个人的喜好。</t>
  </si>
  <si>
    <t>每个人的看法不同，先看视频，再决定好不好玩。</t>
  </si>
  <si>
    <t>断奶一年半还能挤出奶正常吗</t>
  </si>
  <si>
    <t>这不是正常的现象，在非妊娠期和非哺乳期，挤捏乳头时有液体流出称为乳头溢液。</t>
  </si>
  <si>
    <t>正常，说明泌乳系统还没完全停止工作。</t>
  </si>
  <si>
    <t>运政可以上路查车吗</t>
  </si>
  <si>
    <t>不可以，只能定点查车，不得随意拦截正常行驶车辆，即使上路查车，也必须有上级批文才可以的。</t>
  </si>
  <si>
    <t>运管所有权上路查车，他们查车主要是以下几点：1，检查客运的车辆是否经批准的线路，也就是该车的始发地、经由地、终点地；2，检查有没有没经审批的客运车辆任意拉人载客；3，车辆是否按照规定载人，有没有超员现象；4，机车的性能是否满足载客要求，有没有没经年检的车辆载人。</t>
  </si>
  <si>
    <t>沪c可以上外环高速吗</t>
  </si>
  <si>
    <t>沪C牌照的车辆可以在外环高速（含）以外的道路行驶。</t>
  </si>
  <si>
    <t>可以上外环，在外环上开，不能进外环。</t>
  </si>
  <si>
    <t>脑力劳动消耗热量吗</t>
  </si>
  <si>
    <t>大脑为了生存，每分钟需要0.1卡路里的热量。当集中精力进行填字游戏的时候，大脑每分钟消耗的能量则是1.5卡路里。相比之下，人在行走的时候每分钟大约消耗4卡路里热量，而像跆拳道那样的激烈运动则每分钟消耗10卡路里。人脑的重量虽然只占人体重量的2％左右，但是大脑消耗的能量却占全身消耗能量的20％。</t>
  </si>
  <si>
    <t>会的只不过消耗的少</t>
  </si>
  <si>
    <t>当然消耗啦</t>
  </si>
  <si>
    <t>白狼值得培养吗</t>
  </si>
  <si>
    <t>单体攻击很不错的选择。</t>
  </si>
  <si>
    <t>前期打起来有些吃力，不稳定还较为废火，但是绝对是值得培养的一个式神。</t>
  </si>
  <si>
    <t>课程顾问好做吗</t>
  </si>
  <si>
    <t>喜欢就不会觉得辛苦的，不喜欢，就会辛苦。</t>
  </si>
  <si>
    <t>蓝领贷会给联系人打电话吗</t>
  </si>
  <si>
    <t>送葬者打死人是真的吗</t>
  </si>
  <si>
    <t>秋葵可以生吃吗</t>
  </si>
  <si>
    <t>秋葵可以生吃。</t>
  </si>
  <si>
    <t>雷贝拉唑能长期服用吗</t>
  </si>
  <si>
    <t>若没有胃部病症，不建议长期服用雷贝拉唑肠溶胶囊。</t>
  </si>
  <si>
    <t>指导意见：它属于制酸剂，长期服用会对肝肾有很大的危害，而且它也会对胃粘膜产生刺激。</t>
  </si>
  <si>
    <t>不能长期吃,雷贝拉唑主要是治疗胃溃疡和十二指肠溃疡的,活动性十二指肠溃疡和活动性良性胃溃疡患者。</t>
  </si>
  <si>
    <t>碘酊可以直接擦伤口吗</t>
  </si>
  <si>
    <t>精神分列症能冶好吗</t>
  </si>
  <si>
    <t>femfresh女性洗护液好用吗</t>
  </si>
  <si>
    <t>感觉还可以，淡淡的香味。</t>
  </si>
  <si>
    <t>很好的。</t>
  </si>
  <si>
    <t>可以的效果不错。</t>
  </si>
  <si>
    <t>针女吃效果命中吗</t>
  </si>
  <si>
    <t>不能 针女概率是自带的,不能靠其他的提高。</t>
  </si>
  <si>
    <t>并不会，因为他只存在针女本身的被动改变不了的。</t>
  </si>
  <si>
    <t>甲亢严重吗</t>
  </si>
  <si>
    <t>很常见的病。不要担心，按时吃药，不要随意停药，不是疑难杂症，会好的。</t>
  </si>
  <si>
    <t>甲亢是一种慢性疾病，早期没有症状或症状不典型，如得不到及时治疗，病情发展会出现甲亢危象和甲亢性心脏病等危及生命的险症。即使得到正规治疗仍有部分病人经过短期治疗达不到较好的疗效，由于疾病缠绵难愈，疗程长，反复发作，精神压力大，对生活和工作都有很大的影响。</t>
  </si>
  <si>
    <t>联想电脑管家可以卸载吗</t>
  </si>
  <si>
    <t>你只要找到它所在的位置，把它整个文件夹删除，如果有删除不了的你可以使用360文件粉碎机来粉碎它，处理后再用360安全卫士优化一下系统就可以了。</t>
  </si>
  <si>
    <t>淘宝的企业店铺靠谱吗</t>
  </si>
  <si>
    <t>可信度挺高的，经常搞活动，力度大，企业店财力比较壮，在活动时候买的又好又便宜。</t>
  </si>
  <si>
    <t>可以信，淘宝店中有认证的企业店铺和实地认证的中国质造，售后比较好。</t>
  </si>
  <si>
    <t>不能说完全可靠，也有奸商，整体质量会比普通店好很多。</t>
  </si>
  <si>
    <t>激战2免费了吗</t>
  </si>
  <si>
    <t>可以免费激活，激活本体加现有资料片，下个资料片付费。</t>
  </si>
  <si>
    <t>没有免费，玩国服的话至少要花88元买一个激活码，类似于CDkey，之后注册帐号激活就可以永久免费玩了。另还有两个价位的激活码，一百多的送虚拟道具，600多的是实体CD。另外注册有免费的三天试玩，游戏中道具是收费的，有的时候更新了新的史诗任务需要花钱购买，但也不是全都花钱。</t>
  </si>
  <si>
    <t>非农业户口转农业能转吗</t>
  </si>
  <si>
    <t>与一般的户籍迁出和转入不同，非农户口转成农业户口需要事先应征求当地农村的同意后方可办理入户。</t>
  </si>
  <si>
    <t>非农业户口能转为农业户口。需要提供的材料有：（一）书面申请报告（村民小组三分之二户或70%以上村民签名同意，因为户口迁回农村，就会占用很多他们的生活资源，所以说一定要得到大多数村民的同意）；（二）村小组、村委会同意接收证明；（三）《户口簿》、《身份证》（户口本必须包括户主页和本人页，身份证一定要在有效期内）；（四）大中专研究生毕业回原籍的，须提交《毕业证》和未就业证明；（五）属夫妻投靠的须提交《结婚证》、无业证明和计划生育证明；（六）投靠父母的须提供《未婚证》、无固定职业和住所证明；（七）在农村分有住宅基地并建好房屋的，要提供《土地使用证》或《房产证》。</t>
  </si>
  <si>
    <t>1、非农户口可以转农业户口。2、需要到村委会或者乡镇政府的民政等部门申请，批准，开介绍信；原户籍机关批准，找公安机关迁移户口。</t>
  </si>
  <si>
    <t>2560*1080是2k的吗</t>
  </si>
  <si>
    <t>这是21:9的超宽屏，一般意义的2K分辨率指的是2560*1440，是16:9的。</t>
  </si>
  <si>
    <t>2560*1080大于标准2K分辨率，所以2560*1080是2K分辨率。</t>
  </si>
  <si>
    <t>2560*1080q是2K分辨率的一种。</t>
  </si>
  <si>
    <t>微软雅黑可以免费商用吗</t>
  </si>
  <si>
    <t>不可以免费使用。</t>
  </si>
  <si>
    <t>衣柜700一平方贵吗</t>
  </si>
  <si>
    <t>工资700，要看衣柜的大小。</t>
  </si>
  <si>
    <t>比特币安全吗</t>
  </si>
  <si>
    <t>比特币技术包括协议和密码学有着强大的安全性记录。</t>
  </si>
  <si>
    <t>是比较安全的。</t>
  </si>
  <si>
    <t>比较安全，也很少有刷币的。</t>
  </si>
  <si>
    <t>22寸行李箱能上飞机吗</t>
  </si>
  <si>
    <t>微信支付可以绑定信用卡吗</t>
  </si>
  <si>
    <t>微信支付能用绑定的信用卡进行付款，但必须是微信支持的银行的信用卡才可以。</t>
  </si>
  <si>
    <t>防晒喷雾可以带上高铁吗</t>
  </si>
  <si>
    <t>不能带。</t>
  </si>
  <si>
    <t>只要不超过120ml。</t>
  </si>
  <si>
    <t>固安房价会过三万吗</t>
  </si>
  <si>
    <t>过了年就三万了。</t>
  </si>
  <si>
    <t>5.20红包可以随便发吗</t>
  </si>
  <si>
    <t>普通朋友最好不要发。</t>
  </si>
  <si>
    <t>肠镜胃镜能一起做吗</t>
  </si>
  <si>
    <t>不能一起做。</t>
  </si>
  <si>
    <t>中牟的汉民还怕回民吗</t>
  </si>
  <si>
    <t>汉民是回民的大哥，所以汉民爱护回民，不是害怕。</t>
  </si>
  <si>
    <t>电脑有没有苹果模拟器</t>
  </si>
  <si>
    <t>只能做到界面模拟，内核模拟不了Windows暂时做不到模拟iOS ，现阶段模拟ios只能在mac os里面xcord能模拟代码，还只是代码。</t>
  </si>
  <si>
    <t>没有，苹国系统安装必须服务器验证，所以没有模拟器玩，能买苹手机或者平板电脑。</t>
  </si>
  <si>
    <t>首先在百度搜索苹电脑模拟器，搜索结果选择点击打第二条，进行下载安装包载安装包解压缩到桌面，打开文件夹。先安装AIR，然后直接进IPAD文件夹双击打开iPadian.exe即课进入IOS系统。</t>
  </si>
  <si>
    <t>过敏性咳嗽能根治吗</t>
  </si>
  <si>
    <t>儿童过敏性咳嗽的常用治疗方法：糖皮质激素是目前最有效的可控制儿童过敏性咳嗽气道炎症的唯一药物，尽管大多数儿童过敏性咳嗽患者通常只需要吸入给药，但仍然有部分患者需长期口服用药以控制症状，即临床上的激素依赖型哮喘。还有少数儿童过敏性咳嗽患者完全对糖皮质激素治疗没有反应，即临床上的激素抵抗型哮喘。这两类患者均可称为激素抵抗型哮喘，不同的只是抵抗程度的差异。随着对过敏性疾病本质的深入了解和新的分子生物学方法的不断涌现，抗过敏免疫调节的方法有了较大的发展，任何重症哮喘和慢性儿童过敏性咳嗽患者均可从抗过敏免疫调节中收益。</t>
  </si>
  <si>
    <t>如何治疗 对于小儿过敏性咳嗽，用抗菌素和止咳药物治疗无明显效果，而给以平喘药物和抗过敏性药能够止咳。应该选择酮替酚和沙丁胺醇（舒喘灵）治疗。经药物治疗后，咳嗽一般在2~5天内消失，也有的患儿在服药后两周到一个月或更长的时间，咳嗽才完全消失。患儿长期咳嗽损伤了呼吸道的黏膜，损伤的黏膜组织的修复需要一个过程，患儿在服用解除支气管痉挛药物和抗过敏性药物后较长时间，药物才能发挥作用。 另外，按世界卫生组织制定的全球哮喘规范化治疗方案，应采用阶梯式、按症状严重程度进行分级治疗。同时提倡使用吸入激素、扩张支气管、服用抗炎、脱敏药物等进行联合治疗。具体做法包括： 1．在季节交替、气温骤变时，家长应尽量为孩子做好防寒保暖，避免着凉、感冒。 2．避免食用会引起过敏症状的食物，如海产品、冷饮、碳酸饮料等。 3．家里不要养宠物和养花，不要铺地毯，避免孩子接触花粉、尘螨、油烟、油漆等。 4．不要让孩子抱着长绒毛玩具入睡。 5．在浴室或地下室，应使用除湿机和空气过滤器，并定期更换过滤网。 6．被褥要常晾晒。 过敏性咳嗽中药方 过敏性咳嗽患儿夜间多出现阵发性、刺激性干咳，事先并无明显的上呼吸道感染和发热征象。</t>
  </si>
  <si>
    <t>宣萱结婚了吗</t>
  </si>
  <si>
    <t>宣萱没有结婚</t>
  </si>
  <si>
    <t>虞姬霸王别姬不卖了吗</t>
  </si>
  <si>
    <t>现在没有了，活动过去了。只能等下一次活动了。</t>
  </si>
  <si>
    <t>神州买卖车靠谱吗</t>
  </si>
  <si>
    <t>不用担心质量问题，质量上和在4S店买车没别的。</t>
  </si>
  <si>
    <t>千万不要买，骗子，钻合同的空子。</t>
  </si>
  <si>
    <t>对方不过户我能注销吗</t>
  </si>
  <si>
    <t>可以签署一份买卖合同，注明双方权利责任义务，就可以，注销车辆，需要你拿着车辆手续证件，带着车一起到车辆登记牌子的车管所申请办理。《侵权责任法》：第五十条　当事人之间已经以买卖等方式转让并交付机动车但未办理所有权转移登记，发生交通事故后属于该机动车一方责任的，由保险公司在机动车强制保险责任限额范围内予以赔偿，不足部分，由受让人承担赔偿责任。</t>
  </si>
  <si>
    <t>1、应该通知买主进行车辆所有权转移登记，否则对他造成的不利后果由自己承担，其实对你不会有实质的影响，车辆买卖经交付则发生法律效力。2、你所采纳的答案是错误的，如发生交通事故你不需要承担任何责任。3、这是最高院针对这种情况的答复，《关于连环购车未办理过户手续，原车主是否对机动车发生交通事故致人损害承担责任的请示》收悉，经研究认为：连环购车未办理过户手续，因车辆已交付，原车主即不能支配该车的运营，也不能从该车的运营中获得利益，故原车主不应对机动车发生交通事故致人损害承担责任。但是连环购车未办理过户手续的行为，违反有关行政管理法规的，应受其规定的调整。</t>
  </si>
  <si>
    <t>自学的java公司会要吗</t>
  </si>
  <si>
    <t>只要技术好，面试把简历好好包装下，自己完完全全做俩个项目或者别人做的项目，从头到尾自己认认真真全部吸收，面试的时候能够表达清楚，就可以了。</t>
  </si>
  <si>
    <t>老挝女孩喜欢中国人吗</t>
  </si>
  <si>
    <t>老挝的女孩很现实，喜欢有钱有车的中国人。</t>
  </si>
  <si>
    <t>除首都万象以外，其他地方的人很喜欢中国人。</t>
  </si>
  <si>
    <t>老挝的穷女孩喜欢中国人。</t>
  </si>
  <si>
    <t>甘坑客家小镇好玩吗</t>
  </si>
  <si>
    <t>总体来说很好。</t>
  </si>
  <si>
    <t>巴西柔术适合女孩子吗</t>
  </si>
  <si>
    <t>挺适合的。</t>
  </si>
  <si>
    <t>可以考虑，至少一对一的情况下防身还是有一定的实用性的。</t>
  </si>
  <si>
    <t>太平车险怎么样可靠吗</t>
  </si>
  <si>
    <t>太平不怎么样，可以选大一点的保险公司。</t>
  </si>
  <si>
    <t>中国太平保险公司作为国内几家大型保险公司之一，车险都是不错的。</t>
  </si>
  <si>
    <t>姜文死了是真的吗</t>
  </si>
  <si>
    <t>没有死，纯属谣言。</t>
  </si>
  <si>
    <t>风车理财靠谱吗</t>
  </si>
  <si>
    <t>这个平台存在一定的风险。</t>
  </si>
  <si>
    <t>该平台安全性未经确认不建议使用。</t>
  </si>
  <si>
    <t>菊花和金银花可以一起泡吗</t>
  </si>
  <si>
    <t>可以，清火的作用，但不能多喝。</t>
  </si>
  <si>
    <t>金银花有清热解毒消炎的功效，菊花可清肝火明目，上火可以一起泡，没有炎症不要放金银花，可适量喝菊花茶。</t>
  </si>
  <si>
    <t>不要同喝，两者在一起有点偏凉。</t>
  </si>
  <si>
    <t>美股分红除权吗</t>
  </si>
  <si>
    <t>美股大多数采取现金分红，不送股，一样除权，但是没有10送10股这样腰斩的除权。</t>
  </si>
  <si>
    <t>滴滴顺风车安全吗</t>
  </si>
  <si>
    <t>滴滴顺风车肯定安全且双合理合理摊合乘程消耗油、气、电高速公路通行等费用司机与乘客间互助关系都要担些问题。</t>
  </si>
  <si>
    <t>滴滴顺风车车主资料都是经过严格审核，也是真实有效的，车费也是通过平台支付，不是直接支付现金给顺风车车主，很安全。</t>
  </si>
  <si>
    <t>魔芋粉能减肥吗</t>
  </si>
  <si>
    <t>华西医科大学研究结果对这一作用进一步证实：食用魔芋精粉30天 ,体重下降率为78. 4%,下降幅度为0. 5～ 4. 7公斤。人体实验表明，举重运动员在不限制饮食及饮水的情况下服用16％魔芋食品，3天减重2.45公斤（为原体重的3.2％）。 魔芋的作用原理： 1、KM作为一种可溶性的膳食纤维，可在食物四周形成一种保护层，从而防止消化酶与食物发生作用。 2、KM在了中可吸水膨胀（80-100倍），可以抑制食欲，产生饱腹感，使进食量下降。 3、KM可以延缓，阻止胆固醇，单糖等营养物质的吸收，从而使脂及酸在体内的合成减少。 4、KM有润肠，通便的功能，可以增加排便量，因此具有肠道清洗的作用。</t>
  </si>
  <si>
    <t>无效，减肥别从吃下工夫，减肥要靠运动才是最好的。</t>
  </si>
  <si>
    <t>转机行李中间要取吗</t>
  </si>
  <si>
    <t>如果是联程机票（两个航段在同一张行程单上）行李不需要提取，在最终目的地提取。但如果是两张机票，中转时要提取行李。</t>
  </si>
  <si>
    <t>1、直接转机时不必出机场，在办理中转手续的柜台即可办理续乘航班的登机手续。如果行李是办理直运目的地，就不必将行李取出重新办理交运了。但是如果转机点需要办理入关手续的话除外，此情况需要取行李办理相关手续后转机。 2、预订的机票如果是同一家航空公司转机的话，一般不需要重新过安检和办理行李托运的。但是如果转机点需要办理入关手续的，需要取行李办理相关手续后转机。如果订的机票前一段和后一段不是同一个航空公司，则需要重新办理乘机手续和行李托运。</t>
  </si>
  <si>
    <t>具体要询问航空公司的。</t>
  </si>
  <si>
    <t>借贷宝是骗局吗</t>
  </si>
  <si>
    <t>借贷宝是利用注册绑定的时候套取输入的信息</t>
  </si>
  <si>
    <t>借贷宝是真的。步骤:百度输入“借贷宝”；推荐码 GPKYQN2。下载借贷宝APP登录软件成功后，点击页面左边“注册”选项；填入手机号码，便于接收验证码验证；设置登录密码；填入一级推荐码 GPKYQN2。点击确认注册，下一步填写手机接收到的验证码，再次确认注册，注册成功。身份证实名认证，一个身份证只能注册一个；绑定自己的银行卡，用于提现。</t>
  </si>
  <si>
    <t>借贷宝此活动是真实的，现建议要通链接二维码参加活动，容易下载到假的借贷宝，遭受经济损失。目前安全参加途径通邀请码，在正规手机的应用商店下载正规的借贷宝。</t>
  </si>
  <si>
    <t>黄金育发液是真的吗</t>
  </si>
  <si>
    <t>好用，坚持用效果还是挺明显的。</t>
  </si>
  <si>
    <t>守望先锋 好玩吗</t>
  </si>
  <si>
    <t>玩多就好玩了。</t>
  </si>
  <si>
    <t>玩了一会不喜欢的有，玩了一段时间不爱玩的也有。因为要和队友一起走，所以开黑的乐趣很大。有朋友一起很推荐这游戏。</t>
  </si>
  <si>
    <t>太卡通，不如丛林战，反恐战那么紧张。</t>
  </si>
  <si>
    <t>投资损失可以税前扣除吗</t>
  </si>
  <si>
    <t>企业在计算应纳税所得额时已经扣除的资产损失，在以后纳税年度全部或者部分收回时，其收回部分应当作为收入计入收回当期的应纳税所得额。企业境内、境外营业机构发生的资产损失应分开核算，对境外营业机构由于发生资产损失而产生的亏损，不得在计算境内应纳税所得额时扣除。</t>
  </si>
  <si>
    <t>除另有规定者外，不论企业会计账务中对投资采取何种方法核算，被投资企业会计账务上实际做利润分配处理（包括以盈余公积和未分配利润转增资本）时，投资方企业应确认投资所得的实现。企业股权投资转让所得和损失的所得税处理 ，企业因收回、转让或清算处置股权投资而发生的股权投资损失，可以在税前扣除，但每一纳税年度扣除的股权投资损失，不得超过当年实现的股权投资收益和投资转让所得，超过部分可无限期向以后纳税年度结转扣除。”</t>
  </si>
  <si>
    <t>企业的股权投资符合下列条件之一的，减除可收回金额后确认的无法收回的股权投资，可以作为股权投资损失在计算应纳税所得额时扣除：(一)被投资方依法宣告破产、关闭、解散、被撤销，或者被依法注销、吊销营业执照的;(二)被投资方财务状况严重恶化，累计发生巨额亏损，已连续停止经营3年以上，且无重新恢复经营改组计划的;(三)对被投资方不具有控制权，投资期限届满或者投资期限已超过10年，且被投资单位因连续3年经营亏损导致资不抵债的;(四)被投资方财务状况严重恶化，累计发生巨额亏损，已完成清算或清算期超过3年以上的;(五)国务院财政、税务主管部门规定的其他条件。”</t>
  </si>
  <si>
    <t>老兵王琪回印度了吗</t>
  </si>
  <si>
    <t>回了，因为他已经是印度人了。</t>
  </si>
  <si>
    <t>赵本山真的病逝了吗</t>
  </si>
  <si>
    <t>不是，赵本山的手术已经很成功，现在已经在康复之中了，不过医生建议赵本山本人一年之内不能坐飞机。</t>
  </si>
  <si>
    <t>假的，谣言。</t>
  </si>
  <si>
    <t>微信上卖烟的是真的吗</t>
  </si>
  <si>
    <t>不要信，从正规渠道买。</t>
  </si>
  <si>
    <t>不是真的，微信上卖烟的人是不具备烟草专卖许可证的。</t>
  </si>
  <si>
    <t>比特币有实物吗</t>
  </si>
  <si>
    <t>比特币没有实体。</t>
  </si>
  <si>
    <t>趣彩网安全吗</t>
  </si>
  <si>
    <t>不安全，后台都能操控。</t>
  </si>
  <si>
    <t>北京限号五环可以走吗</t>
  </si>
  <si>
    <t>可以走五环双向主路，五环外辅路。不可以走五环内辅路。</t>
  </si>
  <si>
    <t>限行范围为五环路以内，不包括五环路主路。</t>
  </si>
  <si>
    <t>低压100高压150严重吗</t>
  </si>
  <si>
    <t>比较严重了，已经处于高血压了，需要药物辅助。</t>
  </si>
  <si>
    <t>有点偏高，建议去医院检查一下。</t>
  </si>
  <si>
    <t>高了，年轻人算高血压了。</t>
  </si>
  <si>
    <t>成人教育文凭有用吗</t>
  </si>
  <si>
    <t>成交文凭是有用的。</t>
  </si>
  <si>
    <t>程序员真的会短命吗</t>
  </si>
  <si>
    <t>程序员工作强度大，可能经常会有报道说各种猝死之类的，但是各行各业都有这样的情况。只是程序员的报道出来了。程序员经常加班是真的，因为工作强度大，所以工资都比较高。</t>
  </si>
  <si>
    <t>没那么严重，主要是自己身体不好。</t>
  </si>
  <si>
    <t>悉尼大学回国有优势吗</t>
  </si>
  <si>
    <t>1、找工作还是主要看自己的能力；2、如果英语能力强还是有优势的；3、可以找一些澳大利亚在中国的外资企业。</t>
  </si>
  <si>
    <t>咳嗽能吃芒果吗</t>
  </si>
  <si>
    <t>感冒发烧喉咙痛严重是不可以的吃芒果，吃芒果会加重病情的。</t>
  </si>
  <si>
    <t>纹眉疼吗朱蕊无痛绣眉</t>
  </si>
  <si>
    <t>不痛，会上局部麻药。</t>
  </si>
  <si>
    <t>佳兆业的房子还能买吗</t>
  </si>
  <si>
    <t>破产重组一事，已经解决了，暂时不会重组了。违约还款一事，汇丰等银行已经开始追债了。慎重买他家的房子。</t>
  </si>
  <si>
    <t>翔殷路隧道外牌限行吗</t>
  </si>
  <si>
    <t>没限行。</t>
  </si>
  <si>
    <t>vivo跟oppo是一家吗</t>
  </si>
  <si>
    <t>都是步步高集团子公司。</t>
  </si>
  <si>
    <t>这是两个独立公司。</t>
  </si>
  <si>
    <t>好享贷可以取现吗</t>
  </si>
  <si>
    <t>三七粉能长期吃吗</t>
  </si>
  <si>
    <t>一般不建议长期服，三七粉主要是活血化瘀的作用，有外伤和脑血管病的人可以服一段时间。</t>
  </si>
  <si>
    <t>客观讲，三七粉属于比较安全中药，遵医嘱，科学定量地吃，一般不会有副作用。</t>
  </si>
  <si>
    <t>不能，会发热。</t>
  </si>
  <si>
    <t>快递资料整理员是真的吗</t>
  </si>
  <si>
    <t>真的，不过赚不到钱，太麻烦了。</t>
  </si>
  <si>
    <t>三证合一后发票章需要重新刻吗</t>
  </si>
  <si>
    <t>三证合一新政策实施后，纳税人要开具发票，需要重刻“发票专用章”。</t>
  </si>
  <si>
    <t>三证合一后，纳税人识别号会换成统一信用代码，所以需要重新刻制发票专用章。</t>
  </si>
  <si>
    <t>有没有很污看湿的小说</t>
  </si>
  <si>
    <t>第一部爱是摧城拔寨，第二部爱是纠缠到死 ;檀香美人谋；青梅竹马有时尽；盛开；白驴公子；穿越成抵挡妓女；套流氓；欲成欢，娘子合欢；上错电梯进错房；情深浅浅，一上到底。</t>
  </si>
  <si>
    <t>《极品富二代》，《我的26岁女房客》，《我的美女俏老婆》。</t>
  </si>
  <si>
    <t>社会保障卡可以取钱吗</t>
  </si>
  <si>
    <t>可以取钱。</t>
  </si>
  <si>
    <t>社保卡是不能取现的。</t>
  </si>
  <si>
    <t>社保卡有两个功能，第一是金融功能，可以当普通卡存钱取钱用，不过只能使用自己的钱。第二是社保功能，社保的钱只能药店消费，看病用，不能取现。</t>
  </si>
  <si>
    <t>鹿晗的真实身高有170吗</t>
  </si>
  <si>
    <t>鹿晗身高178，达到了170。</t>
  </si>
  <si>
    <t>官方的说是178，大概就是175左右。</t>
  </si>
  <si>
    <t>菜鸟驿站赚钱吗</t>
  </si>
  <si>
    <t>帮别人寄快件事收费高两三块钱，就可以，如果跟快递公司合作，他们收件会更低。</t>
  </si>
  <si>
    <t>平鑫涛和琼瑶有'孩子吗</t>
  </si>
  <si>
    <t>没有，琼瑶的儿子是前夫的。</t>
  </si>
  <si>
    <t>6s 32g 够用吗</t>
  </si>
  <si>
    <t>一般情况下够用。</t>
  </si>
  <si>
    <t>如果只是装载一些日常所有的app，然后拍点照片，不进行大量的视频拍摄、照片拍摄和大文件存在32G基足够了，但是如果用手机经常上传大型视频、拍照、游戏的话把手机当电脑用的话，那么32肯定是不够。</t>
  </si>
  <si>
    <t>如果喜欢看电影、拍照，那绝对不够用。</t>
  </si>
  <si>
    <t>老挝旅游安全吗</t>
  </si>
  <si>
    <t>比较安全的。</t>
  </si>
  <si>
    <t>来月经可以吃蕨麻吗</t>
  </si>
  <si>
    <t>可以，蕨麻洗干净后和大米混在一起熬稀饭。煮熟后拌上白砂糖，拿勺子舀着吃也不错。</t>
  </si>
  <si>
    <t>罪恶之城3上映了吗</t>
  </si>
  <si>
    <t>上映了。</t>
  </si>
  <si>
    <t>成都天台山开放了吗</t>
  </si>
  <si>
    <t>全天开放。</t>
  </si>
  <si>
    <t>邛崃天台山，现在不对外开放，在改造。</t>
  </si>
  <si>
    <t>2006年5月1日邛崃天台山，开始封山，工期为1年，到2017年5月份开门。</t>
  </si>
  <si>
    <t>凤凰金融理财可靠吗</t>
  </si>
  <si>
    <t>任何私人理财都没银行可靠，所有私人金融理财靠的是私人或公司或集体的财力撑着，是一种市场行为，管理者经营的好投资人才有利可图，要是经营不善可就阿弥陀佛了。要是国家政策有个风吹草动它就得动摇。而这些政策的始作俑者便是银行，国家是银行的靠山，谁更可靠？当然了，如果只是出于短期效益考虑的话，私人理财的收益还是会比银行来的高些，快些。任何投资都有风险，但这个风险的大小就要看管理者如何使手段规避了，不能圆满的说哪一家金融理财公司可不可靠，再小的蚂蚁成堆起来力量还是蛮大的，而大象也时不时的会倒下，关键是自己的眼光运气和明智的决定。</t>
  </si>
  <si>
    <t>相比较而言，凤凰金融算是比较规范和安全的。这个平台的背景也是安全的保证，也是本人比较看好的平台之一，除了抢标外。背景：凤凰金融理财是凤凰卫视孵化出独立子公司，凤凰金融的活动都是不愠不火的感觉，看了一下，最近有个5.18理财节，单笔投资满1万，期限在6个月以上才返现80，每日50个名额，投资满8万返500，每日20个名额，规则中有一条“同一用户投资多笔，且在活动规定的每日前85笔内，可得多份奖励”。</t>
  </si>
  <si>
    <t>左转红灯可以掉头吗</t>
  </si>
  <si>
    <t>1不可压双黄线掉头，除非靠近自己一侧是虚线。如果左转前车等候信号灯，应当在后排队，等行驶到路口双黄线虚线区域或驶离实线区域掉头,根椐《道路交通标志和标线》19.2.c 中心黄色实线。表示不准车辆跨线超车或压线行驶。2红灯亮时，不影响其他被放行的车辆和行人的情况下，可以掉头。《道路交通安全法实施条例》第四十九条第二款“机动车在没有禁止掉头或者没有禁止左转弯标志、标线的地点可以掉头，但不得妨碍正常行驶的其他车辆和行人的通行。3如果双黄线是实线，并且紧邻人行横道，应当开过人行横道后3-5米再掉头，因为人行横道区域禁止掉头《道路交通安全法实施条例》第四十九条第一款机动车在有禁止掉头或者禁止左转弯标志、标线的地点以及在铁路道口人行横道、桥梁、急弯、陡坡、隧道或者容易发生危险的路段，不得掉头。4实际道路如果比较窄，可能一把掉不过来，不能紧贴左侧，需要提前先向右甩车头。</t>
  </si>
  <si>
    <t>红灯的时候是不允许调头的。左转绿灯亮时才可以。《交安法实施条例》第四十九条机动车在有禁止掉头或者禁止左转弯标志、标线的地点以及在铁路道口、人行横道、桥梁、急弯、陡坡、隧道或者容易发生危险的路段，不得掉头。机动车在没有禁止掉头或者没有禁止左转弯标志、标线的地点可以掉头，但不得妨碍正常行驶的其他车辆和行人的通行。如果路口信号灯是方向灯，直行车通行，左转车应进入左转待转区等待。</t>
  </si>
  <si>
    <t>有调头标志，是说明可以调头，如果不越停止线前中央隔离带有缺口可以直接调，没有缺口，需要等左转绿灯（如果有标志提示直行红灯亮时可以调头除外），否则会被拍，没有禁止调头标志时，左转绿灯亮可以调头，调头是左转的延续，如果没有单独的左转箭头灯只有一圆形红灯可以在不妨碍其他车辆通行的情况下调头，交规有规定箭头灯是车道灯，红色箭头灯亮时禁止该车道车辆通行，否则拍你没商量，有交规支持。还应注意要越过人行横道再调头，不要在人行横道上调。</t>
  </si>
  <si>
    <t>苹果8会不会双卡双待</t>
  </si>
  <si>
    <t>估计不久会双卡双待，为了适应国内的需求。</t>
  </si>
  <si>
    <t>假冒品牌退款能同意吗</t>
  </si>
  <si>
    <t>可以同意，但要改说法。</t>
  </si>
  <si>
    <t>按照淘宝相关规定只能同意。</t>
  </si>
  <si>
    <t>狂犬疫苗必须打满5针吗</t>
  </si>
  <si>
    <t>应该注射完全。</t>
  </si>
  <si>
    <t>北京有没有治疗白癜风的医院</t>
  </si>
  <si>
    <t>北京466医院，治疗白癜风很权威。</t>
  </si>
  <si>
    <t>北京二院。</t>
  </si>
  <si>
    <t>苏州有机场吗</t>
  </si>
  <si>
    <t>苏州没有机场，就近的有南京机场和上海机场。</t>
  </si>
  <si>
    <t>目前苏州暂时没有客运飞机场，一般坐飞机，要去无锡的硕放机场，或上海的虹桥机场或浦东机场。</t>
  </si>
  <si>
    <t>苏州市没有机场，旁边的上海和无锡都有机场。</t>
  </si>
  <si>
    <t>补水仪真能补水吗</t>
  </si>
  <si>
    <t>能给皮肤补水。</t>
  </si>
  <si>
    <t>武汉太医堂好不好</t>
  </si>
  <si>
    <t>看皮肤问题有很多年的历史了，深受当地市民的喜爱。地理位置也很方便。</t>
  </si>
  <si>
    <t>太医堂，在当地一直很有名气，毕竟有很多年的历史，去看病的人也很多。</t>
  </si>
  <si>
    <t>之前我就是在那儿瞧好的，很好的一个地方。</t>
  </si>
  <si>
    <t>咳嗽可以喝咖啡吗</t>
  </si>
  <si>
    <t>咳嗽不可以喝咖啡。</t>
  </si>
  <si>
    <t>咖啡对治疗咳嗽没有影响，可以喝</t>
  </si>
  <si>
    <t>航天信息是国企吗</t>
  </si>
  <si>
    <t>是国有企业改制的，就可以说以前是，现在不是了。</t>
  </si>
  <si>
    <t>肺结核能否治愈</t>
  </si>
  <si>
    <t>肺结核是完全可以治好，但是因为这是一种慢性病，所以治疗时间较长。早期、规律、适量、联合、全程的原则，要持之以恒，不可自行停药或换药，那样不仅不易治愈，还容易形成耐药，增加治愈的难度。另外在生活中，请注意适量的补充营养，健康饮食。因为肺结核是一种慢性的消耗性疾病，所以应该多吃些富含热量、蛋白质和维生素的食物。保证休息，要有充足的睡眠。平时可以适当的运动，比如做做户外锻炼，注意避免剧烈的运动和劳累、受寒、感冒等不利因素的影响。</t>
  </si>
  <si>
    <t>能的，别太担心，一定要坚持吃药，不能擅自停药，少吃刺激性的食物，多吃高蛋白的食物，注意保暖，放轻松。</t>
  </si>
  <si>
    <t>能治愈，现在它又不是绝症，在中国现在将有两亿人体内有结核菌，这并不代表他们就得了结核，只要把身体锻炼好，就能把这种病抵过去，没什么事，治愈后有可能会复发，营养达到，经常锻炼身体，没什么事，不要有心理障碍。</t>
  </si>
  <si>
    <t>摩尔龙贷款安全吗</t>
  </si>
  <si>
    <t>绝地求生要挂vpn吗</t>
  </si>
  <si>
    <t>不挂可以玩，但可能延迟高点。</t>
  </si>
  <si>
    <t>太平洋电话车险可靠吗</t>
  </si>
  <si>
    <t>狗狗真菌皮肤病自愈吗</t>
  </si>
  <si>
    <t>不能。皮肤病是要进行治疗的，真菌性的可以用真维宁。皮肤病的周期很长、而且容易复发，坏境和气候等原因都是容易导致皮肤病的发生，建议坚持用药，痊愈后再用药15天作为巩固。狗窝或垫子在有太阳的时候经常拿外面晒晒，室内经常的消毒</t>
  </si>
  <si>
    <t>花生发芽能吃吗</t>
  </si>
  <si>
    <t>尽管发芽的花生是可以使用的，但在使用发芽花生时一定要注意观察它有无霉变现象。</t>
  </si>
  <si>
    <t>宋小宝去世了吗</t>
  </si>
  <si>
    <t>宋小宝没有去世。</t>
  </si>
  <si>
    <t>dnf打团制裁了会退票吗</t>
  </si>
  <si>
    <t>不会，制裁了游戏就进不去了，票在开团的时候就消耗掉了，不可能退票。</t>
  </si>
  <si>
    <t>买房团购费是违法的吗</t>
  </si>
  <si>
    <t>如果加进购房合同上，并且由开房商开具了对应发票，后期抵扣了对应金额的房价，就是合法，否则就是属于违法，这是开发商勾结一些代理商联合欺骗购房者额外出的一笔费用</t>
  </si>
  <si>
    <t>团购费用是第三方品台收取的组织费用，和卖方没关系的，是合法的。</t>
  </si>
  <si>
    <t>不合法。团购都是开发商迫不及待的，还收费用</t>
  </si>
  <si>
    <t>重庆市产假顺延吗</t>
  </si>
  <si>
    <t>女职工生育享受98天产假，其中产前可以休假15天；难产的，增加产假15天；生育多胞胎的，每多生育1个婴儿，增加产假15天。晚婚的职工，增加婚假十个工作日；晚育的妇女，增加产假二十个工作日</t>
  </si>
  <si>
    <t>伴郎服装是自己买吗</t>
  </si>
  <si>
    <t>不是，新郎负责。</t>
  </si>
  <si>
    <t>一般自备服装，新郎也可提供。</t>
  </si>
  <si>
    <t>薄荷叶能泡茶喝吗</t>
  </si>
  <si>
    <t>英雄联盟有mac版吗</t>
  </si>
  <si>
    <t>有mac版，不过只能玩美服，国服不支持。</t>
  </si>
  <si>
    <t>mac无法玩lol。</t>
  </si>
  <si>
    <t>dnf荣誉祝福白金徽章值钱吗</t>
  </si>
  <si>
    <t>不值钱</t>
  </si>
  <si>
    <t>还算值钱</t>
  </si>
  <si>
    <t>身份证丢了要登报吗</t>
  </si>
  <si>
    <t>spss软件有免费的吗</t>
  </si>
  <si>
    <t>有破解版的。</t>
  </si>
  <si>
    <t>王宝强儿女是亲生的吗</t>
  </si>
  <si>
    <t>应该是亲生的。</t>
  </si>
  <si>
    <t>不是王宝强亲生的。</t>
  </si>
  <si>
    <t>女儿应该是亲生的。</t>
  </si>
  <si>
    <t>胃痛一定要做胃镜吗</t>
  </si>
  <si>
    <t>只要想进一步了解病情那么必须得做。</t>
  </si>
  <si>
    <t>如果是急性胃痛发作，不用做胃镜的，但是如果长期胃痛、消化道出血必须要做胃镜的。</t>
  </si>
  <si>
    <t>cips证书含金量大吗</t>
  </si>
  <si>
    <t>cips证书在国际上是通用的，含金量比其他证书要高很多。</t>
  </si>
  <si>
    <t>cips证书是采购与供应管理从业人员最权威的认证。</t>
  </si>
  <si>
    <t>太平保险怎么样可靠吗</t>
  </si>
  <si>
    <t>每家保险公司都是可靠的，因为每家保险公司成立都要经过央行批准，保监会注册，全方位接受保监会及有关部门监管。</t>
  </si>
  <si>
    <t>栀子花能吃吗</t>
  </si>
  <si>
    <t>栀子花本身可以食用，但路边栀子花遭污染严重，不宜食用。</t>
  </si>
  <si>
    <t>可以泡茶喝，适度地喝，对身体有好处，不过胃肠不好不要吃，恐伤脾胃，建议还是少食用。</t>
  </si>
  <si>
    <t>可以，不仅可食用，而且可药用。</t>
  </si>
  <si>
    <t>支付宝转账要收手续费吗</t>
  </si>
  <si>
    <t>神秘海域合集值得买吗</t>
  </si>
  <si>
    <t>不算特别值得购买。</t>
  </si>
  <si>
    <t>紫外线消毒柜好不好</t>
  </si>
  <si>
    <t>是安全的，是最正确的消毒方式。</t>
  </si>
  <si>
    <t>用起来不错。</t>
  </si>
  <si>
    <t>多肉可以吃吗</t>
  </si>
  <si>
    <t>最为熟知的两种可以吃的多肉植物：1、芦荟。2、仙人掌。</t>
  </si>
  <si>
    <t>闪电侠会有第四季吗</t>
  </si>
  <si>
    <t>《闪电侠第四季》网络版暂无，但是有《闪电侠第四季》枪版的。</t>
  </si>
  <si>
    <t>DC公司确定《闪电侠第四季》回归时间为2017年10月10日</t>
  </si>
  <si>
    <t>邝美云有孩子吗</t>
  </si>
  <si>
    <t>应该没有</t>
  </si>
  <si>
    <t>罗非鱼是不是很脏</t>
  </si>
  <si>
    <t>要看养鱼的水质</t>
  </si>
  <si>
    <t>鱼肉都没有问题</t>
  </si>
  <si>
    <t>嗯，最好不要吃</t>
  </si>
  <si>
    <t>树妖对惠比寿有用吗</t>
  </si>
  <si>
    <t>孟非的小面好吃吗</t>
  </si>
  <si>
    <t>吃过，吃个名气而已，人均三五十，吃不到什么。</t>
  </si>
  <si>
    <t>顶跃的房子好不好</t>
  </si>
  <si>
    <t>顶楼的私密性好，一般都有露台或阁楼顶可以送，楼顶有些还可以自己做花园，而且视野与采光是最好的，舒适度比楼下要好，这是楼顶跃层为什么贵的一般原因。</t>
  </si>
  <si>
    <t>猫骨折能自愈吗</t>
  </si>
  <si>
    <t>不能自愈肯定要治疗才好，骨折一定要可靠的固定骨折。</t>
  </si>
  <si>
    <t>浪漫满屋加盟费靠谱吗</t>
  </si>
  <si>
    <t>红馆开演唱会很厉害吗</t>
  </si>
  <si>
    <t>香港体育馆（亦称红磡体育馆，简称红馆）是香港的综合室内多用途表演场馆，位于九龙油尖旺区红磡畅运道9号、港铁红磡站平台上，1983年4月27日开幕，现时由康乐及文化事务署管理。香港体育馆外形上阔下窄像一颗钻石或倒转的金字塔，全馆设有空气调节，内里设有12,500个座位，场内并无任何支柱。 香港体育馆虽以“体育馆”命名，实际上只有很少数体育活动在这里举行，却经常有不少歌星举行演唱会，因其座位之多在香港称得上数一数二，更是少数可以开设四面台的场地，故香港大部分歌手都以在体育馆举行个人演唱会为荣。</t>
  </si>
  <si>
    <t>吃恩替卡韦要终生吃吗</t>
  </si>
  <si>
    <t>不需要吃一辈子，通常服用3-5年可以考虑停药，但是如果是年龄偏大，并且没有生育要求的患者，经济条件也挺好的情况下，可以考虑终身服用。</t>
  </si>
  <si>
    <t>降到1000以下可以停药，最好问问医生。</t>
  </si>
  <si>
    <t>恩替卡韦片是新一代的抗病毒药物，在使用抗病毒药物治疗乙肝的时候可以终生服用。抗病毒药物停药前必须征求医生的同意，不能自行停药。</t>
  </si>
  <si>
    <t>没有身份证可以坐高铁吗</t>
  </si>
  <si>
    <t>没有带身份证可以坐高铁，有其它有效证件也可以坐高铁的，如居民户口簿、居民居住证(带照片)、居民暂住证(带照片)、过期居民身份证、驾驶证、学生证等。</t>
  </si>
  <si>
    <t>pet一ct医保能报销吗</t>
  </si>
  <si>
    <t>目前PET-CT检查暂未纳入医保范围。能不能报销部分的费用，要看具体的医院而定。</t>
  </si>
  <si>
    <t>现在检查前注射的显象剂是医保的，Pet/cT的检查费是自费的，通常医开二张发票，一张注射显像剂发票可以报销，一张检查费不能医保报销。</t>
  </si>
  <si>
    <t>pet-ct目前还不能报销医保费用，有些医院把pet-ct费用和显像剂费用开成两张单子，所以pet-ct可以说是部分报销的。</t>
  </si>
  <si>
    <t>柯迪亚克好不好</t>
  </si>
  <si>
    <t>柯迪亚克的颜值、功能性和动力都不错。外形上，柯迪亚克前脸三维型面直瀑式进气格栅和细条形大灯结合显得宽厚强壮，发动机盖中央粗壮的凸起，也很有力量感。花瓣式19寸时尚精车轮毂、铝合金行李架、大尺寸滑动全景天窗等元素都使这辆SUV流动着时尚新潮的气息。</t>
  </si>
  <si>
    <t>布丁淘客软件偷单吗</t>
  </si>
  <si>
    <t>不偷单。</t>
  </si>
  <si>
    <t>芭步仕199秒杀是真的吗</t>
  </si>
  <si>
    <t>京东自营都是正品真货，私营的不确定，不过会比某宝质量好一些。</t>
  </si>
  <si>
    <t>保险是骗局吗</t>
  </si>
  <si>
    <t>保险是不骗人的,只有骗保险的人,没有骗人的保险。</t>
  </si>
  <si>
    <t>具体的保险产品如同泰山不会跳一样，是不会骗人的，骗人的只有保险营销员。</t>
  </si>
  <si>
    <t>保险到底不是骗人的。保险，本意是稳妥可靠；日前所提起保险，是一种保障机制，是用来规划人生财务所必须的工具。保险有保险合同，保险合同的有效订立，即意味着订立的保险合同对双方当事人产生法律约束力，当事人必须严格履行保险合同，否则除法定例外以外，必须承担违约责任。保险合同是法律合同，受到法律保护；保险合同是最大诚信合同，在双方诚信、如实告知的基础上，签署保险合同。</t>
  </si>
  <si>
    <t>两年免息的车贷划算吗</t>
  </si>
  <si>
    <t>如果要购买的车型是免息同时又免手续费，那么算是比较实惠的。</t>
  </si>
  <si>
    <t>综合考虑其附带的条件所支付的资金，是否超过了一般的贷款方式，从而才能知道免息贷款是否划算。</t>
  </si>
  <si>
    <t>虽然不收利息，但是多收了服务费跟手续费。</t>
  </si>
  <si>
    <t>ps4国行能玩港版游戏吗</t>
  </si>
  <si>
    <t>国行ps4是可以运行港版游戏光盘的。</t>
  </si>
  <si>
    <t>亚马逊的东西是正品吗</t>
  </si>
  <si>
    <t>亚马逊的自营商品是100%正品有保证的。</t>
  </si>
  <si>
    <t>品质还是有保障的，都是正品，假货的概率微乎其微。</t>
  </si>
  <si>
    <t>会有假货，高仿货。</t>
  </si>
  <si>
    <t>ipad2升级ios9.3.5卡吗</t>
  </si>
  <si>
    <t>我建议更新。更新后不卡，现在最新的系统是iOS10,更新到iOS10更好；更新和不更新的区别在与系统安全上会有修复，更安全，更新后新系统会有一些新的更新，体验一些新的内容；并且更新到iOS10还可以删除一些系统自带的一些软件图标，让iPad2界面看起来更简洁好看。</t>
  </si>
  <si>
    <t>知网致谢查重吗</t>
  </si>
  <si>
    <t>可以不放，因为知网及gocheck论文检测系统都不会把致谢及声明放入重复率中；按道理，论文中的致谢与声明是应该不算重复率中的，但是现在又有论文系统的竞争太大，有部分论文检测系统会把标题、致谢、声明等算入重复率中，以提高系统检测的重复率，以这种方式的提高对论文查重并没有任何提高，导致论文作者花更多的钱一遍一遍的检测；甚至为了检测率就不顾论文质量胡编乱凑！所以建议论文作者谨慎选择论文查重系统。</t>
  </si>
  <si>
    <t>如果论文格式排版正确，知网自动过滤封面，目录、脚注、和文献。这些都不算重复率的。</t>
  </si>
  <si>
    <t>论文查重范围是只需要查重论文正文、参考文献。图片、表格、公式是需要提交检测的。PaperRater论文查重检测跟知网检测结果是一样的 能够通过学校查重。</t>
  </si>
  <si>
    <t>聚丙烯有毒吗</t>
  </si>
  <si>
    <t>聚丙烯酰胺本身基本无毒，因为它在进入人体后，绝大部分在短期内排出体外，很少被消化道吸收入。多数商品也不刺激皮肤，只有某些水解体可能有残余碱，当反复、长期接触时会有刺激性。</t>
  </si>
  <si>
    <t>聚丙烯酰胺本身基本无毒。</t>
  </si>
  <si>
    <t>贴片电容有正负极吗</t>
  </si>
  <si>
    <t>不分，陶瓷的贴片电容。作用滤除高频干扰。</t>
  </si>
  <si>
    <t>要看电容的种类，钽电容和铝电解电容有正负极之分，一般在上面有标示。瓷介电容没有正负极之分，两边没有任何区别的。</t>
  </si>
  <si>
    <t>如果贴片电容有极性一般会有明显的标示，大多用一横条表示正极。</t>
  </si>
  <si>
    <t>狗能吃芒果吗</t>
  </si>
  <si>
    <t>还是别吃了，很多狗吃完这个有不良反应，水果类的都建议少吃。</t>
  </si>
  <si>
    <t>少量的，偶尔吃点没有问题，如果没事就没事。</t>
  </si>
  <si>
    <t>这得看看狗对芒果是否过敏。</t>
  </si>
  <si>
    <t>冠心病能彻底治好吗</t>
  </si>
  <si>
    <t>冠心病的症状是极其容易反复的，即便已然痊愈，也会存在复发的可能。</t>
  </si>
  <si>
    <t>冠心病全称叫做冠状动脉粥样硬化性心脏病，它是由于冠状动脉粥样硬化，导致冠状动脉血管的狭窄，从而引起心肌缺血，而产生的症状，这种疾病不能彻底根治。</t>
  </si>
  <si>
    <t>冠心病是可以治好的。</t>
  </si>
  <si>
    <t>您们好 这个词正确吗</t>
  </si>
  <si>
    <t>按照读音来说,应该没有这样的表达。</t>
  </si>
  <si>
    <t>吉他难学吗</t>
  </si>
  <si>
    <t>吉他并不难学，主要靠毅力，如果把吉他当成一种爱好，持之以恒是会学好的，当然，刚开始练，手指容易磨起茧子，电吉他比木吉他要简单一些。</t>
  </si>
  <si>
    <t>学点东西不难，学好很难。</t>
  </si>
  <si>
    <t>曹清华药效果是真的吗</t>
  </si>
  <si>
    <t>虾和西红柿能一起吃吗</t>
  </si>
  <si>
    <t>一次这样吃，是没有什么问题的。不能经常吃，长期食用，会导致人体中毒，免疫力下降。</t>
  </si>
  <si>
    <t>红酒可以带上高铁吗</t>
  </si>
  <si>
    <t>在铁路部门对携带物品的规定中，没有明确限制酒水的携带，但不能直接携带超过100毫升的酒精。并且在数量上也限制了只能携带20瓶酒。</t>
  </si>
  <si>
    <t>高铁上是允许带酒的，就是你所带的酒是符合规定的范围内。</t>
  </si>
  <si>
    <t>微信网页版能语音吗</t>
  </si>
  <si>
    <t>不能语音的。</t>
  </si>
  <si>
    <t>微信网页版可以进行语音聊天，语音聊天的步骤如下：1.电脑打开微信网页版。2.选择话筒按钮就可以进行语音聊天了</t>
  </si>
  <si>
    <t>1、首先打开微信界面差不多是这样。比较简洁干净！2、接下来点击你想要发消息的对象，如下图，直接点击“发消息”会出现会话框。3、点击小麦克风的图标即可进行语音通话功能，只要对方接受了语音通话，继续开心的聊天啦。当然，像微信那样自己按住发语音在网页版上面暂时还没有。</t>
  </si>
  <si>
    <t>拔火罐能治颈椎病</t>
  </si>
  <si>
    <t>拔罐是无法彻底治愈颈椎病的，仅仅能够起到缓解颈椎病症状的作用。</t>
  </si>
  <si>
    <t>拔罐对治疗颈椎病是起不到多大作用的，只能是盲目的调理，不只起不到治疗的作用，还会延误治疗时机，导致病情加重。</t>
  </si>
  <si>
    <t>颈椎病不可以拔火罐治疗，越拔火罐越造成颈椎错位。</t>
  </si>
  <si>
    <t>全国征兵网必须登记吗</t>
  </si>
  <si>
    <t>兵役登记是国家对18岁以上公民的登记，不是实际的兵役应征。当然如果有应征倾向的可以到相关部门进一步完善手续就可以了。</t>
  </si>
  <si>
    <t>如果你不去登记，依法由县级人民政府责令限期改正；逾期不改的，由县级人民政府强制其履行兵役义务，并可以处以罚款。</t>
  </si>
  <si>
    <t>有做过一年百家利的吗</t>
  </si>
  <si>
    <t>做了快一年，正常分红。</t>
  </si>
  <si>
    <t>李宇春有没有男朋友</t>
  </si>
  <si>
    <t>维他柠檬茶喝多了有害</t>
  </si>
  <si>
    <t>直接的害处没有，毕竟是碳酸饮料，含糖量较多，最好不要经常喝，对健康没好处。</t>
  </si>
  <si>
    <t>狗瘟会传染人吗</t>
  </si>
  <si>
    <t>对人是没有影响的。</t>
  </si>
  <si>
    <t>苹果手机会中毒吗</t>
  </si>
  <si>
    <t>导医网挂号靠谱吗</t>
  </si>
  <si>
    <t>就是骗子</t>
  </si>
  <si>
    <t>如果对此有疑问，建议拨打医院电话，询问是否有合作，如果是和医院合作的，是没有问题的。</t>
  </si>
  <si>
    <t>支付宝转账能撤回吗</t>
  </si>
  <si>
    <t>转账到支付宝账户是即时到账，一旦转账成功，无法取消；转账到银行卡提交成功后，银行已经在处理中的也是无法取消的。</t>
  </si>
  <si>
    <t>如果已付款，无法申请退回资金。如果由于银行卡信息填写错误导致无法入账，金额会退回到支付宝账户余额中，或退回到付款的银行卡中。</t>
  </si>
  <si>
    <t>本乡奏多有女友吗</t>
  </si>
  <si>
    <t>有绯闻女友。</t>
  </si>
  <si>
    <t>美莱医院是不是正规的</t>
  </si>
  <si>
    <t>是的，这里是这个行业内的领头羊，是许多爱美之士的首选之地。</t>
  </si>
  <si>
    <t>是的，在当地很有名，很多外地人都慕名而来。</t>
  </si>
  <si>
    <t>这种整形医院没有所谓的是否正规之说，没有三甲，三乙之类的认证。</t>
  </si>
  <si>
    <t>中原地产上班好不好</t>
  </si>
  <si>
    <t>现在中原没落了，别家的地产公司都涨底薪了，中原没涨。</t>
  </si>
  <si>
    <t>dnf用钱买来的信赖任务能不用给钱吗</t>
  </si>
  <si>
    <t>不行的。</t>
  </si>
  <si>
    <t>可以用升级卷或者其他方式达到70级开启时空之门的主线任务来跳过该任务。</t>
  </si>
  <si>
    <t>必须要给，完成后会给你个道具，可以丢商店有100W。</t>
  </si>
  <si>
    <t>桃与西瓜不能一起吃吗</t>
  </si>
  <si>
    <t>桃子是温性水果，多吃易上火。西瓜名寒瓜，性寒质滑。最好不要同时吃，一起吃会造成腹泻，消耗元气，引起胃肠不适。西瓜和桃子都是甜度极大的水果，一起吃味道不好，过于甜腻。</t>
  </si>
  <si>
    <t>不能，会中毒。</t>
  </si>
  <si>
    <t>友信贷款是高利贷吗</t>
  </si>
  <si>
    <t>属于高利贷</t>
  </si>
  <si>
    <t>手足口疫苗有必要打吗</t>
  </si>
  <si>
    <t>到目前为止，还没有手足口病的疫苗。其实平时做好预防，增强抵抗力，孩子也会少得病。另外，对孩子的病情要早发现、早治疗。家长平时多留意观察孩子的健康状况，培养孩子养成良好的卫生习惯，饭前便后洗手，外出回来后用肥皂或者洗液洗手，不要喝生水，不吃生冷的食物；居室要常通风，勤晒被褥，如果出现发热、皮疹等症状要及时就医。</t>
  </si>
  <si>
    <t>最好打一下咯，小孩子的健康最重要。</t>
  </si>
  <si>
    <t>会员宝pos正规吗</t>
  </si>
  <si>
    <t>那要看是一清还是二清，二清的机子有一定风险。</t>
  </si>
  <si>
    <t>会员宝手刷产品系《和融通》支付旗下产品。相关资质可以工商网查询，央行网站查询备案。</t>
  </si>
  <si>
    <t>38.5度算发烧吗</t>
  </si>
  <si>
    <t>38.5度算发烧了，要及时吃药和就医。</t>
  </si>
  <si>
    <t>一般成人的正常体温是36.0-37.0摄氏度之间。发热一般考虑是感染引起的，多是细菌、病毒等引起的。指导意见：体温38.5度应首先医院就诊，查查发热的原因，检查血常规、看看咽喉部； 多喝水、饮食易消化，禁忌刺激性食物； 物理降温，可以加用退热药物，如布洛芬缓释混悬液</t>
  </si>
  <si>
    <t>正常人口腔温度为36.5～37.2℃，腋窝温度较口腔温度低.0.3～0.6℃，直肠温度（也称肛温）较口腔温度高0.3～0.5℃。女子体温一般比男子约高0.3℃，体温38度以下一般认为是低热，38度以上认为是高烧。</t>
  </si>
  <si>
    <t>支付宝的来分期靠谱吗</t>
  </si>
  <si>
    <t>来分期建议大家不要用，借了2600分三期，借了不到一个月提前还款成2822了，他妈的比高利贷还利息还高，真他妈坑人。</t>
  </si>
  <si>
    <t>基本还可以，是要自己用还是干啥，自己用的话，可以买除了手机，等其它的东西，变现的话，都是手机了，而且它里面卖的也比别的地方贵几百，考虑好就行。</t>
  </si>
  <si>
    <t>靠谱，不过利息有点高。</t>
  </si>
  <si>
    <t>婴儿出国需要护照吗</t>
  </si>
  <si>
    <t>需要护照，签证和大人一样，但是孩子必须由监护人陪同前往目的国。</t>
  </si>
  <si>
    <t>做直肠镜检查难受吗</t>
  </si>
  <si>
    <t>现在的肠镜都是软镜子，还会使用麻醉药物，因此疼痛是很轻的。</t>
  </si>
  <si>
    <t>直肠镜检查主要是经肛门进入，会有肛门胀痛的感觉，所以有疼痛的感觉，但是大部分都是可以耐受的，对于年老、体弱的人群，可以做无痛肠镜检查，检查前注射麻醉药，检查的时候就没有什么感觉。</t>
  </si>
  <si>
    <t>直肠镜其实一点都不痛苦</t>
  </si>
  <si>
    <t>读秒钱包上征信吗</t>
  </si>
  <si>
    <t>中国功夫到底能不能打</t>
  </si>
  <si>
    <t>能打。</t>
  </si>
  <si>
    <t>股票分红对股民有用吗</t>
  </si>
  <si>
    <t>分红本来就是个数字游戏，一点意义也没，股价不涨就净亏税的钱了，所以老股民都没兴趣参与</t>
  </si>
  <si>
    <t>宫外孕能做人流吗</t>
  </si>
  <si>
    <t>宫外孕，一般情况下是不能接受人流手术的，因为人流手术是在子宫内进行，而宫外孕是输卵管异位妊娠。</t>
  </si>
  <si>
    <t>宫外孕是指在子宫腔外，多见与输卵管，人流手术的器械是无法达到的，所以是不能做人流的。</t>
  </si>
  <si>
    <t>人流只适合宫内孕女性，宫外孕是不能做人流的。</t>
  </si>
  <si>
    <t>木瓜是转基因水果吗</t>
  </si>
  <si>
    <t>木瓜是转基因水果。</t>
  </si>
  <si>
    <t>红米note4x是双卡双待吗</t>
  </si>
  <si>
    <t>红米Note4X为双卡双待手机。</t>
  </si>
  <si>
    <t>斗鱼直播放电影赚钱吗</t>
  </si>
  <si>
    <t>那得看有没有人给你刷礼物了。</t>
  </si>
  <si>
    <t>看你的粉丝量，粉丝量多了可以赚钱。</t>
  </si>
  <si>
    <t>张一山是韩红的侄子吗</t>
  </si>
  <si>
    <t>不是，好像是表姑。</t>
  </si>
  <si>
    <t>自流平地面家居合适吗</t>
  </si>
  <si>
    <t>适合家庭装修。</t>
  </si>
  <si>
    <t>自流平不适宜做家居的地表面。</t>
  </si>
  <si>
    <t>这个要看施工方的技术能力，如果决定就找个靠谱点的。 装修吗，要边装边改边决定，事先不要决定太死，不然会被屡屡出现的小问题烦死。</t>
  </si>
  <si>
    <t>注册会计师好考吗</t>
  </si>
  <si>
    <t>不好考，最快需要2-3年左右正因为其不好考，所以含金量比较好 ，通过率是所有考试中最低的</t>
  </si>
  <si>
    <t>不好考，是目前含金量最高的考试之一，六门课五年内考完，每年考题都比较难，通过率不高，</t>
  </si>
  <si>
    <t>注册会计师（CPA）考试实际上是一项执业资格考试，主要的工作是“审计”而非单单的会计。把审计简单的理解为“审查会计的人”，所以要求比普通会计更高。考试合格采用百分制，一般情况下60分为合格分数线，不设数量和比率的限制。 注册会计师确实是很有分量的一个认证，之所以有分量就是因为它难考……因为CPA是中国国内会计最高的资质，考试成立至今18年，全国仅有15余万注册会计师。考试的特点是：起点较高，要求大专以上学历才能报考；门数较多，目前共有6个科目的考试；难度较大，单科及格率约为15%(新制度下单科及格率约为25%)</t>
  </si>
  <si>
    <t>泳池派对蒙多是限定吗</t>
  </si>
  <si>
    <t>这个不是的，限定皮肤上面都会写限定两字的。</t>
  </si>
  <si>
    <t>发芽的山药能吃吗</t>
  </si>
  <si>
    <t>山药发芽是没有毒的，也不会影响食用。</t>
  </si>
  <si>
    <t>发芽期间，营养物质也会有所改变，可能会对身体产生不良的后果，所有还是尽量避免使用发芽的山药，如果一定要食用的话，应该深度切除发芽的部位再去食用。</t>
  </si>
  <si>
    <t>发芽的山药是不会象土豆那样产生毒素的 ，目前并无任何因为食用发芽山药中毒的报道。如果山药发芽了，把芽剔除掉，仍然可以食用。</t>
  </si>
  <si>
    <t>lol封三年的号有办法解封吗</t>
  </si>
  <si>
    <t>英雄联盟客户端左下角有个在线客服，登录QQ后，点击在线客服,QQ会弹出窗口，在右下角有期限减免。</t>
  </si>
  <si>
    <t>如果要解封只能向腾讯客服申诉，申诉失败就不能解封，一经封号的一般不会再解封。</t>
  </si>
  <si>
    <t>首先被封号的话能解封的可能性很小，可以联系客服申诉。或者按以下步骤操作：第一，去官网查询封号的网页查询封号记录；第二，点击减少封号时间那个选项；第三，不同意所给出的解封减少时间，然后填写原因，就说没有违规。这些做完后有一定几率解封。注意不要相信收费解封。</t>
  </si>
  <si>
    <t>景甜的双眼皮是割的吗</t>
  </si>
  <si>
    <t>天生的。</t>
  </si>
  <si>
    <t>整的。</t>
  </si>
  <si>
    <t>栀子花有毒吗</t>
  </si>
  <si>
    <t>栀子花没有毒。</t>
  </si>
  <si>
    <t>新生儿上户口有时间限制吗</t>
  </si>
  <si>
    <t>根据户口登记条例，新生儿上户口是要求在出生一个月内办理入户的。</t>
  </si>
  <si>
    <t>给新生儿办理上户籍的事,一般国家给有三个月的时间。</t>
  </si>
  <si>
    <t>一般是没有限制的，但是最好在一个月以内上户口。</t>
  </si>
  <si>
    <t>吉利博越可以购买了吗</t>
  </si>
  <si>
    <t>在4S店里很难定。</t>
  </si>
  <si>
    <t>最快也要六月才能买到。</t>
  </si>
  <si>
    <t>泰国羽翼粉饼好用吗</t>
  </si>
  <si>
    <t>好用，平价，超级薄透。</t>
  </si>
  <si>
    <t>没有不适感，粉很细腻，上妆均匀，可以尝试一下。</t>
  </si>
  <si>
    <t>sasa香港官网有假货吗</t>
  </si>
  <si>
    <t>莎莎是上市公司,肯定是不会卖假货的。</t>
  </si>
  <si>
    <t>假货一定没有，但莎莎试过卖过期货（把原本的过期日的标签改了）。</t>
  </si>
  <si>
    <t>官方网站买的都是真货。</t>
  </si>
  <si>
    <t>支付宝转账有手续费吗</t>
  </si>
  <si>
    <t>一、支付宝转支付宝帐号免费，但有额度限制，淘宝卖家有2万的额度，普通用户原来是有1万额度现已取消，超出额度费要收费0.1%，商家帐号则收费0.5%，通过手机支付则是免费的。二、支付宝转银行卡通过电脑操作是要收费的，但是通过手机是免费的，额度不受上限。</t>
  </si>
  <si>
    <t>1、支付宝账号之间的转账是不收取手续费的，这点和微信好友之间转账相同。2、转账到银行卡自2016年10月12日起转账到卡（包含本人及他人卡）收费规则如下：①同一身份证下的多个支付宝实名账户终身共享2万元基础免费额度（包含转账到银行卡、账户余额体现），超额度后按照0.1%收取服务费，最低0.1元/笔②非实名账户目前无基础免费额度，转账到卡按0.1%收取服务费，最低0.1元/笔。需要注意的是：余额宝体现到个人银行卡免手续费。以上仅手机端操作适应。</t>
  </si>
  <si>
    <t>1：从2016年10月12日起，支付宝将对个人用户超出免费额度的提现收取一定比例的服务费。个人用户每人累计享有人民币20000元的基础免费提现额度;2：超出基础免费额度务后，按提现金额的0.1%收取手续费，单笔服务费少于0.1元的，按0.1元收取。就是提现、转1000收1块钱。3：余额宝的资金转出，包括转出到本人银行卡及转出到支付宝余额将继续免费，使用支付宝进行消费、理财、买保险、手机充值、水电煤缴费、挂号、缴纳交通罚款，使用手机支付宝转账到支付宝账户、还款等服务也继续免费。同时，使用前述大部分服务还可以获得蚂蚁积分的回馈。</t>
  </si>
  <si>
    <t>美国会打朝鲜吗</t>
  </si>
  <si>
    <t>近一段时间美朝之间，始终在战争的临界点上，如果朝鲜继续进行无理的挑衅，金家王朝灭亡，只是几天的事，这是事实。</t>
  </si>
  <si>
    <t>全返通是诈骗吗</t>
  </si>
  <si>
    <t>全返通有工商营业执照及正规的资质，平台在国家工信部备案，是合法经营的电商交易平台。全返通平台是为商家和消费者提供服务，是为客户谋利，平台返利是作为商家促销的一种手段，产生的价值都是公开并由双方分享。同时没有超出三级以上的盈利机制，不涉及传销。因为平台只有直推和间推，没有第三级，所以这个还是可以放心做的。</t>
  </si>
  <si>
    <t>当然是是真的，在云联惠买过东西的都知道这个消费全返是真的，这个在国内是第一次实现的，大都可以试一下。</t>
  </si>
  <si>
    <t>杏子皮可以吃吗</t>
  </si>
  <si>
    <t>从中医养生观点认为，杏和李子均不可多吃。</t>
  </si>
  <si>
    <t>杏皮吃且吃清热解读功效。</t>
  </si>
  <si>
    <t>离散数学自学有可能吗</t>
  </si>
  <si>
    <t>里面的内容大概都可以懂的。有高中的集合的基础和排列组合的基础的话，看这本书是没有问题的。</t>
  </si>
  <si>
    <t>应该可以。</t>
  </si>
  <si>
    <t>定额发票能查询真伪吗</t>
  </si>
  <si>
    <t>可以，登录税务局网站查询，拨打电话查询，到当地税务局部门查询。</t>
  </si>
  <si>
    <t>可以，拨打所在地区国税或者地税的12366纳税服务热线要求税务部门工作人员帮助查询。</t>
  </si>
  <si>
    <t>空调水有毒吗</t>
  </si>
  <si>
    <t>一般没有毒，不过含有对人体有害的细菌、尘埃等。</t>
  </si>
  <si>
    <t>空调水是有毒的。空调水是空调在正常运作的时候所产生水，其产生过程类似于蒸馏水的产生过程，都是冷凝产生的（水蒸气-水），空调内部温度低，外部温度高，这样的温差，导致外部的空气中水蒸气接触到空调内部冷空气，进而冷凝为液态水。一般情况下空调水是干净水，但是由于空调内部的细菌等其他物质的存在，使得空调水不能饮用，否则会发生肺炎及呼吸道感染等现象。</t>
  </si>
  <si>
    <t>空调排出的冷凝水刚产生时当然是干净的，它来源于空气中的水蒸汽。虽然没有毒，但是当你拿来饮用时，它绝对是不干净的。</t>
  </si>
  <si>
    <t>维生素e可以丰胸</t>
  </si>
  <si>
    <t>吃维生素E不可以丰胸的。</t>
  </si>
  <si>
    <t>女生三支一扶有前途吗</t>
  </si>
  <si>
    <t>不难，比地方公务员简单。去了一般从基层开始，要有一直奋斗的目标，不会安于现状，那么去考，未来的镇长、县长都有机会。</t>
  </si>
  <si>
    <t>如果有转正的话，还是可以的。</t>
  </si>
  <si>
    <t>佳仕美新能源可信吗</t>
  </si>
  <si>
    <t>绝对是骗人的。</t>
  </si>
  <si>
    <t>熊猫金库是骗局吗</t>
  </si>
  <si>
    <t>涉嫌非法集资，这种模式是国家不允许的。</t>
  </si>
  <si>
    <t>阴阳师骨女值得培养吗</t>
  </si>
  <si>
    <t>骨女在新手玩家手上还是相当不错的输出式神，如果暂时还得不到一线输出式神的情况下，小伙伴们可以一直带着</t>
  </si>
  <si>
    <t>一级建造师注销后还能注册吗</t>
  </si>
  <si>
    <t>一级建造师注销以后可以申请重新注册，对其并无影响。</t>
  </si>
  <si>
    <t>横店群众演员有红的吗</t>
  </si>
  <si>
    <t>历史上貌似没有一个演员在横店当群众演员上位后红的。</t>
  </si>
  <si>
    <t>有，王宝强。</t>
  </si>
  <si>
    <t>有，很多。</t>
  </si>
  <si>
    <t>京东爱回收靠谱吗</t>
  </si>
  <si>
    <t>爱回收还可以，京东的爱回收送的是京东的优惠券。</t>
  </si>
  <si>
    <t>可以的，但是价格比回收市价要低些。</t>
  </si>
  <si>
    <t>不怎么靠谱，主要是价格有点低。</t>
  </si>
  <si>
    <t>花间提壶方大厨好看吗</t>
  </si>
  <si>
    <t>对得起豆瓣的评分，确实是好看！</t>
  </si>
  <si>
    <t>乌克兰转机需要签证吗</t>
  </si>
  <si>
    <t>如果要出机场，要办理过境签。</t>
  </si>
  <si>
    <t>乌克兰转机不需要过境签证 ，机场会有专门的转机通道，在机场的特定区域内不属于入境，所以就不需要签证。</t>
  </si>
  <si>
    <t>猎天使魔女好玩吗</t>
  </si>
  <si>
    <t>好玩，极其优秀的动作游戏作品，与鬼泣旗鼓相当。</t>
  </si>
  <si>
    <t>猎天使魔女2，觉得一般，画面不是很好，有顿挫感，操作略low。</t>
  </si>
  <si>
    <t>总体来说还是可以的，画面的质感不错，值得推荐一下。</t>
  </si>
  <si>
    <t>普通人可以买红旗车吗</t>
  </si>
  <si>
    <t>有些型号可以买，但有些是政府的专用车。</t>
  </si>
  <si>
    <t>步步惊心在韩国很火吗</t>
  </si>
  <si>
    <t>不火。</t>
  </si>
  <si>
    <t>qb能转给别人</t>
  </si>
  <si>
    <t>单休的工作能接受吗</t>
  </si>
  <si>
    <t>这怎么不能接受呢？现在很多单位上都是单休的，也有双休的，关键还是要你工作的开不开心跟休不休息是另外一码事情。</t>
  </si>
  <si>
    <t>现在单休的人到处都是，若自己喜欢这份工作，就不要过多的在乎其余的，在该辛苦的年纪不去辛苦，到了以后这一课会补上的，人生就是一个守恒定律。</t>
  </si>
  <si>
    <t>坚持双休，单休说真的除非销售岗位，否则其他的死工资岗位宁愿双休。</t>
  </si>
  <si>
    <t>牙粉有用吗</t>
  </si>
  <si>
    <t>应该就是摩擦剂，对于附着在牙齿表面的烟渍会有一定的效果。如果牙齿是本身发黄，不是外在因素的话，效果就不大了。</t>
  </si>
  <si>
    <t>有用吧。</t>
  </si>
  <si>
    <t>骁龙625玩王者荣耀卡吗</t>
  </si>
  <si>
    <t>游戏刚开始时，八个核心就像打了鸡血一样，八个核心的主频都达到1.8GHz（但其中四个调用率不高），游戏画面同样保持30 FPS帧左右，比较流畅。经过30分钟的游戏时间，手机发热量虽然增加，但处理器并没有出现降频的情况，八颗核心仍然保持在1.8GHz频率的运行状态，画面依然十分流畅。</t>
  </si>
  <si>
    <t>圣罗兰气垫好用吗</t>
  </si>
  <si>
    <t>这个也是因人而异的，还是要看你的肤质。整体来说这个品牌在行业里还是可以的。</t>
  </si>
  <si>
    <t>阿里健康买药是正品吗</t>
  </si>
  <si>
    <t>阿里健康品牌大，好听；药比较小公司产品，好用。</t>
  </si>
  <si>
    <t>中兴f660是千兆的吗</t>
  </si>
  <si>
    <t>F660有多个版本，目前最新版本是V6.0 但这些已知的版本都没有千兆的。</t>
  </si>
  <si>
    <t>发动机清洗有必要吗</t>
  </si>
  <si>
    <t>发动机分外部清洗和内部清洗，一般情况下，外部清洗尽可能用高压空气去去除灰尘，在4S店保养的时候，可以建议维修师傅帮你去做。如果要用高压水枪洗的话，应该在发动机冷却的时候去冲洗，但尽量不要用水清洗，因为用水冲洗的话会给发动机带来各种故障。内部清洗一般在车子保养的时候进行，大约20000公里清洗一次，可去除内部的油腻，减少零部件的磨损和损坏，延长发动机的寿命，建议定期清洗一下。</t>
  </si>
  <si>
    <t>没有问题的一直不用清洗，机油润滑有机油滤芯过滤，定期更换机油机滤就可以了，即便做了清洗，最好跑上1、2千公里再更换一次机油机滤，以免清洗剂残留影响机油性能；发动机的节气门，自动挡的大概间隔2、3万拆洗一次，手动挡的感觉不明显，时间长一点问题不大；至于喷油嘴油路，基本上也没有特别要求，汽油滤芯按期更换是关键。</t>
  </si>
  <si>
    <t>所以车辆养护除了定期更换机油、机滤、在机油内注入添加剂外，必须进行引擎内各循环系统的清洗，内部清洗又分三个方面：一、燃油系统的清洗保养，提高发动机工作效率；二、润滑系统的清洗保养，增强发动机动力；三、冷却系统的清洗保养，延长发动机的使用寿命。在进行心脏的清洗时，务必交托给值得信赖的专业店(修理厂)进行，虽然是不复杂的工艺技术，但稍有不慎，则会伤害到整个核心系统。</t>
  </si>
  <si>
    <t>毕业清考老师会挂人吗</t>
  </si>
  <si>
    <t>清考也会挂，挂了就得等下一次清考了。但是一般很容易的，看看书就可以了。如果实在通过不了，就要延期毕业了。</t>
  </si>
  <si>
    <t>不会的，一般清考都会给过的，不会为难，实在不行就去找辅导员问怎么办。</t>
  </si>
  <si>
    <t>痛风可以喝咖啡吗</t>
  </si>
  <si>
    <t>痛风不可以喝咖啡。患了痛风病是不能喝咖啡的，因为咖啡有一定的刺激性，容易让痛风病发作。同时痛风患者饮食要注意不吃本酸性的食物，不吃腌制的食品，不吃发物不吃刺激性的东西。同时也不宜喝酒和茶。痛风病人应该吃多低嘌呤的食物，少吃中嘌呤的食物，不吃高嘌呤的食物，还要注意不要喝酒。</t>
  </si>
  <si>
    <t>咖啡含嘌呤比较少，偶尔喝一次是没问题的，毕竟咖啡含有咖啡因等令人兴奋的物质，喝多了没好处。</t>
  </si>
  <si>
    <t>咖啡可以利尿,帮助排尿酸。但是太浓的咖啡会加重肾的负担,欧美有研究说喝咖啡可以降低得痛风的概率。我的看法是咖啡可以喝,但不要喝太浓,喝了咖啡之后还要多喝水。</t>
  </si>
  <si>
    <t>端午节限行吗</t>
  </si>
  <si>
    <t>不用的银行卡要不要注销</t>
  </si>
  <si>
    <t>如果是信用卡不用了，一定要及时注销，以免造成逾期或欠款问题，影响你的信用记录，也就随之影响你以后贷款问题。如果是银行借记卡不用了，如果自己嫌麻烦是可以不用去注销的。</t>
  </si>
  <si>
    <t>天猫官方旗舰店可信吗</t>
  </si>
  <si>
    <t>专营店不好说，品牌旗舰店一般都是正品，不存在假货。</t>
  </si>
  <si>
    <t>天猫的官方旗舰店是经过天猫认证的，只有相关的经营产地，营业执照，才可以注册这类官方旗舰店。没有这类证明天猫是不会给注册这类店名的，一般旗舰店就是产品的生产商，是不可能有假货。有假货的情况就是分销店在天猫处注册的专营店，就有可能出现假货，专营店就和品牌加盟商是一个意思。</t>
  </si>
  <si>
    <t>还是比较可信的，最起码跟淘宝集市店铺相比，多了天猫官方的层层把关，注册的是也是公司性质的，不是个人的，有问题了，最起码可以能找到商家。另外的话，产品的话很多是有通过权威机构的质检，所以相对品质会好一点的。而且天猫存活的秘诀还是需要靠一些非常实惠的产品来带动整个店铺的销售，所以很多产品的是有非常好的性价比而且品质不敢搞差的。</t>
  </si>
  <si>
    <t>店宝宝官网是正规的吗</t>
  </si>
  <si>
    <t>现在win10还能免费升级吗</t>
  </si>
  <si>
    <t>1、现在已经无法免费升级win10了。2、只能下载系统镜像重做系统了。</t>
  </si>
  <si>
    <t>csgo收费吗</t>
  </si>
  <si>
    <t>收费</t>
  </si>
  <si>
    <t>买微信号安全吗</t>
  </si>
  <si>
    <t>买来的微信号是不安全的。</t>
  </si>
  <si>
    <t>看运气，卖家良心就可以。</t>
  </si>
  <si>
    <t>拿铁是咖啡吗</t>
  </si>
  <si>
    <t>拿铁是咖啡的一种，用意大利Expresso咖啡，加牛奶和奶泡制成。</t>
  </si>
  <si>
    <t>小鹿叮叮超薄好吗?</t>
  </si>
  <si>
    <t>小鹿叮叮纸尿裤，男女宝宝都可以穿，腰身有莱卡弹力，且用的是美国3M魔术贴，可以反复、多次调整，宝宝蹦蹦跳跳也不会串位、侧漏，还有超大全尺寸导流层，吸收尿液速度快、及时，能防止尿液回渗，保持表面干爽、舒服。</t>
  </si>
  <si>
    <t>小鹿纸尿裤是国产纸尿裤的新秀品牌，一直以来坚持做的是良心纸尿裤。用的是进口的材质，一流的生产线，值得信赖的品牌。不仅透气不闷热、干爽不回渗，而且超强的弹力以及拥抱式腰围，让宝宝穿着舒适，可以随心所欲的动。品质优越，价格很实惠。</t>
  </si>
  <si>
    <t>大唐电信是国企吗</t>
  </si>
  <si>
    <t>大唐电信科技股份限公司是大唐电信科技产业集团控股子公司，大唐电信科技产业集团是中央所属企业。央企是国企的一种。</t>
  </si>
  <si>
    <t>国资委控股企业。</t>
  </si>
  <si>
    <t>是央企的小企业。</t>
  </si>
  <si>
    <t>ipad可以插手机卡吗</t>
  </si>
  <si>
    <t>ipad的机身背部如果有黑色的或白色的条带状设计，就可以插入SIM卡。</t>
  </si>
  <si>
    <t>ipad  4g版本可以插卡，但由于没有通话模块，不可以直接打电话，可以利用4G网络上网。</t>
  </si>
  <si>
    <t>甲硝唑治疗牙周炎</t>
  </si>
  <si>
    <t>有牙周炎的话，可以服用甲硝唑的话，但是不要长期使用。</t>
  </si>
  <si>
    <t>电动牙刷可以托运吗</t>
  </si>
  <si>
    <t>可以的，托运对这个没有要求。</t>
  </si>
  <si>
    <t>捡了一个苹果7能解锁吗</t>
  </si>
  <si>
    <t>不能，苹果机都有ID锁，只有机主原先的那个ID才能解除，别无他法。</t>
  </si>
  <si>
    <t>可以。花钱找人破解就OK。</t>
  </si>
  <si>
    <t>可以，解锁方法一：刷机重新，输入ROM。可以让设置的密码锁消除。解锁方法二：双wipe，从刷机爱好者的专业角度理解可以认为是一 种对手机数据擦除的操作。</t>
  </si>
  <si>
    <t>dnf百分比职业锻造有用吗</t>
  </si>
  <si>
    <t>越高越好，现在改版了不单单是加独立，现在锻造也加异常伤害。</t>
  </si>
  <si>
    <t>战神3有pc版吗</t>
  </si>
  <si>
    <t>滑石粉对皮肤有伤害吗</t>
  </si>
  <si>
    <t>滑石粉性柔软,触感滑腻,化学性质稳定,对皮肤不但无任何刺激作用,还能吸收汗液、滑爽肌肤。如果皮肤有创口则禁用。</t>
  </si>
  <si>
    <t>会伤害皮肤。</t>
  </si>
  <si>
    <t>滑石粉对皮肤没有多大影响的。滑石粉还常用于药品制剂当中的。</t>
  </si>
  <si>
    <t>浙江台州富裕吗</t>
  </si>
  <si>
    <t>富裕。</t>
  </si>
  <si>
    <t>还不错的，在浙江是水平是居中的，不过在全国排100强以内。</t>
  </si>
  <si>
    <t>旺旺名字可以改吗</t>
  </si>
  <si>
    <t>1、打开阿里旺旺软件，并登录账号；2、点击阿里旺旺面板上的头像，跳转到个人资料界面；3、然后点击右上角的“编辑”；4、在姓名那一栏输入自己喜欢的个性名称，输入完成后点击“保存”，即可完成昵称的修改。</t>
  </si>
  <si>
    <t>虽然淘宝旺旺的会员名不能更改，但个性名称是可以更改的，点击旺旺头像，出现个人资料修改的页面，点击个性，在姓名框里面输入中文名字。</t>
  </si>
  <si>
    <t>如果是卖家，不能修改。如果是买家，按最新规则，淘气值达到2000，可以修改淘宝账户名称，也就是修改旺旺名。</t>
  </si>
  <si>
    <t>借呗利息高吗</t>
  </si>
  <si>
    <t>算蛮高的。</t>
  </si>
  <si>
    <t>很高。</t>
  </si>
  <si>
    <t>车展上买车比4s店便宜吗</t>
  </si>
  <si>
    <t>车展，是为了消耗车辆库存以及完成厂家任务得返点而存。 在的在车展上，成交量非常大。 结果就是，车展究竟便宜不便宜，就看这个4s店的库存量，年度、季度任务完成的怎么样而定的。</t>
  </si>
  <si>
    <t>车展买车一般要便宜些的，厂家都会出台相应的车展政策，或是给4S一定的必须完成的销售任务，所以优惠幅度比较大。</t>
  </si>
  <si>
    <t>消费者到车展上买车最根本的因素无非就是图个便宜，但事实上，有心的消费者发现同一汽车经销商在不同车展上给出的价格几乎完全雷同。参加车展首先要有好的心态，不要指望参加一次车展就能拿到最低的价格。在汽车淡季参加车展买车是比较划算的，年底参加车展则风险较大，因为大多数经销商已经完成了今年的销量考核，没有动力去降价促销，而且中国人喜欢买新车过年，买的人多了，价格自然就越坚挺，而且还可能提不到现车。</t>
  </si>
  <si>
    <t>凤凰传奇解散是真的吗</t>
  </si>
  <si>
    <t>凤凰传奇解散是假的。</t>
  </si>
  <si>
    <t>小马激活工具有毒吗</t>
  </si>
  <si>
    <t>一般系统激活工具都是带有木马病毒的，建议不要使用这种不安全的系统激活工具，以免导致电脑中毒。</t>
  </si>
  <si>
    <t>1、激活工具是没毒的，但是杀毒软件会判定是恶意程序，因为它会修改系统核心设置，因为要激活系统，所以要激活系统过程中要关闭杀毒软件。2、激活工具本身没毒，但是不排除有些人恶意传播病毒，比如在压缩包中添加病毒文件，下载文件要到正规的网站下载，下载后先查毒，如果发现压缩包里的文件很多，要注意区分，不要乱点击。</t>
  </si>
  <si>
    <t>原版的windows8小马激活工具是安全无毒的,用它可以软激活win8系统。但不表示网络上所有名为“小马激活工具”的工具都是安全的。</t>
  </si>
  <si>
    <t>肉松是棉花做的吗</t>
  </si>
  <si>
    <t>肉松用猪的瘦肉或鱼肉、鸡肉除去水分后而制成的，一般的肉松都是磨成了末状物。</t>
  </si>
  <si>
    <t>原料：瘦猪腿肉300克、红糟75克、黄酒75克、白糖45克、清汤700克。做法：1、将猪腿肉去皮去筋，切成小块，放入开水里川一下，拔去血水后取出放好； 2、将红糟、酒、糖放入热猪油锅略炒，然后将肉块放下一同炒透后，加上清汤，用温火慢慢地烧；待肉烧成浆糊状后(越烂越好)，再用极小的温火边烧边炒，直至汤汁完全收干，肉料泡起发松，取出。</t>
  </si>
  <si>
    <t>康师傅是日货</t>
  </si>
  <si>
    <t>准确的来说，不是日货，发家于台湾，本来应该是台湾的，后来康师傅出卖了很大一部分股份给日本人，所以现在是合资企业。</t>
  </si>
  <si>
    <t>中国的康师傅是日本企业。</t>
  </si>
  <si>
    <t>天龙八部手游烧钱吗</t>
  </si>
  <si>
    <t>金钱需求量大，想玩好就必须充钱。如果不充钱，只是娱乐，也能玩的快快乐乐。</t>
  </si>
  <si>
    <t>时间多的话，也可以不花钱。</t>
  </si>
  <si>
    <t>很烧钱。</t>
  </si>
  <si>
    <t>皮耶罗退役了吗</t>
  </si>
  <si>
    <t>没有，还在踢。</t>
  </si>
  <si>
    <t>跳绳能减肥吗</t>
  </si>
  <si>
    <t>跳绳一种很适合减肥的有氧运动。每天跳绳30分钟可以消耗44 0千卡的热量，以减掉1公斤的脂肪要消耗7200千卡热量来计算，跳绳不到5个小时就可以减掉1斤肥肉。因此，想要减肥的MM可以考虑跳绳，但是一定要坚持下去哦。跳绳结束后，建议按摩揉捏小腿，让紧张的小腿得到放松，防止小腿变成肌肉腿。</t>
  </si>
  <si>
    <t>跳绳是可以减肥的.而且是一项相当好的减肥运动.</t>
  </si>
  <si>
    <t>跳绳是一种最佳的减肥瘦身操，有测试显示，跳5分钟，每分钟跳140次的运动效果就相当于慢跑半小时。跳绳是一种最佳的减肥瘦身操，是可以达到很好的瘦身效果的。</t>
  </si>
  <si>
    <t>芋头发芽了还能吃吗</t>
  </si>
  <si>
    <t>芋头发芽了是可以吃的，芋头其实从田里拔出来的时候，早都发过芽，只是农民一般会把芋头的茎跟叶与芋头分开来，所以很多人都不知道，如果从芋头上面也应该可以看到原本长出叶子的地方。</t>
  </si>
  <si>
    <t>香港可以用微信支付吗</t>
  </si>
  <si>
    <t>云奇付qb提现可靠吗</t>
  </si>
  <si>
    <t>除了收一些手续费，还是很快就到账的，而且折扣还比较优惠。</t>
  </si>
  <si>
    <t>用Q币兑换成现金，就是折扣也太低了，才7折左右，10个Q币可以提现7元左右</t>
  </si>
  <si>
    <t>真的，但是提现到微信不会收手续费。</t>
  </si>
  <si>
    <t>尖锐湿疣能完全治痊愈吗</t>
  </si>
  <si>
    <t>患有尖锐湿疣可以采取激光或者液氮冷冻治疗去除疣体，术后对症口服消炎药预防感染，伤口痊愈后干扰素局部封闭或者口服转移因子等免疫调节剂或者外用干扰素软膏，以降低复发机会。</t>
  </si>
  <si>
    <t>尖锐湿疣病毒存在于局部皮肤黏膜下，单纯去掉皮肤表面的疣体是治标不治本的。中药具有清热解毒，软坚散结，活血化瘀的作用，能彻底清除病毒，提高免疫力，因此反复复发建议用中药辩证施治，能达到治愈的目的。</t>
  </si>
  <si>
    <t>海底捞生日当天有优惠吗</t>
  </si>
  <si>
    <t>优惠是没有，送一根拉面，当面给你做，或还有一个鸡蛋以及小礼物等等，服务员当面给你唱生日歌，餐厅也会放生日歌。</t>
  </si>
  <si>
    <t>郑州的海底捞生日当天打8折。</t>
  </si>
  <si>
    <t>女生当总经理助理好吗</t>
  </si>
  <si>
    <t>从工作角度好，但容易惹上是非，或者造成绯闻。</t>
  </si>
  <si>
    <t>要看是什么样的公司和什么样的老板，总经理助理是个不错的机会，可以先尝试去做。</t>
  </si>
  <si>
    <t>很多公司总经理助理还是一个挺高级的职位的，大公司都是可以相当于副总经理了，所以很多时候这个职位都是很难做到的，比较适合女生。</t>
  </si>
  <si>
    <t>三国志13好玩吗</t>
  </si>
  <si>
    <t>比10多些东西，感觉游戏性还是10好。非加强版很好玩。</t>
  </si>
  <si>
    <t>拔牙后不镶牙可以吗</t>
  </si>
  <si>
    <t>一般成人拔牙后，均需安装假牙，大约拔除3个月可去医院安装假牙，如果不做牙齿，将来两边的牙齿会往缺失侧倾斜面，上面的牙齿也会王下长，如果时间更久一点的话会导致一组牙向缺失侧移位。</t>
  </si>
  <si>
    <t>凤求凰皮肤还会上架吗</t>
  </si>
  <si>
    <t>王者荣耀将会在新年推出李白的新皮肤凤求凰，这个凤求凰皮肤真的是很漂亮。</t>
  </si>
  <si>
    <t>除夕售卖。</t>
  </si>
  <si>
    <t>是春节的时候限时出售的，过了这个时间就得不到了。</t>
  </si>
  <si>
    <t>闯黄灯算违章吗</t>
  </si>
  <si>
    <t>开车闯黄灯算违章。</t>
  </si>
  <si>
    <t>交警部门表示，《中华人民共和国道路交通安全法实施条例》规定，路口黄灯闪烁时，已经越过停止线的车辆可以继续通行。如果黄灯已经亮起，还继续抢行通过，那么这样被拍也算闯红灯。</t>
  </si>
  <si>
    <t>闯黄灯是一种较危险的驾驶行为，但目前暂不处罚。</t>
  </si>
  <si>
    <t>狐臭会传染吗</t>
  </si>
  <si>
    <t>不会的，但是会遗传的。</t>
  </si>
  <si>
    <t>狐臭不会传染，但狐臭跟个人生活习惯有关，要预防狐臭最重要是要注意个人卫生和饮食。</t>
  </si>
  <si>
    <t>狐臭是不传染的 主要是取决个人大汗腺的排泌是否正常</t>
  </si>
  <si>
    <t>侯勇和张丰毅长得像吗</t>
  </si>
  <si>
    <t>差多了，张丰毅长得像枭雄，侯勇长得像军官。</t>
  </si>
  <si>
    <t>有一点，脸型像。</t>
  </si>
  <si>
    <t>法院查封的房子能买吗</t>
  </si>
  <si>
    <t>购买被法院查封的房地产存在很大的风险，如果一旦出现纠纷，不仅仅无法顺利获得房地产产权，连已经缴纳的房款都很难追回，不过特定情况下的查封房地产是可以购买的。</t>
  </si>
  <si>
    <t>如果是在房产查封之后买给买家的，那么房屋买卖合同是无效的，可以主张解除合同.不动产是以产权证为准的,因此,此房屋尚不属于买家,如果被执行的话,可以要回房款。</t>
  </si>
  <si>
    <t>买起来比较麻烦,需要法院解封或者走拍卖程序,最主要一定要查清楚这个房子会不会有遗留的问题,</t>
  </si>
  <si>
    <t>大唐天下购车可靠吗</t>
  </si>
  <si>
    <t>是真的。1、只要注册成为大唐天下会员；2、从大唐天下联盟商铺购买就会返给对等的消费积分。消费积分每天以万分之五的速率转换成糖宝返还到账户，直到消费金额返完为止。糖宝可以在唐人街商城二次消费也可以提现到个人账户。</t>
  </si>
  <si>
    <t>资金盘，金融诈骗。鉴定完毕。</t>
  </si>
  <si>
    <t>王者荣耀安卓和苹果能一起玩吗</t>
  </si>
  <si>
    <t>可以的，是按QQ和微信分的。</t>
  </si>
  <si>
    <t>可以通过邀请一起玩， 安卓和苹果系统玩家不可以有金钱类交易，不能参加同一战队，通过邀请就可以组队了。</t>
  </si>
  <si>
    <t>mate9防水吗</t>
  </si>
  <si>
    <t>老戴和墨丹文绝交了吗</t>
  </si>
  <si>
    <t>fruit可数吗</t>
  </si>
  <si>
    <t>用来指水果的种类或类别时,就是可数了</t>
  </si>
  <si>
    <t>指不同种类的水果时是可数名词</t>
  </si>
  <si>
    <t>体检宝的测试准确吗</t>
  </si>
  <si>
    <t>我在用，挺准。</t>
  </si>
  <si>
    <t>还是比较准确。</t>
  </si>
  <si>
    <t>登山杖可以带上飞机吗</t>
  </si>
  <si>
    <t>超过大小限制只能托运。</t>
  </si>
  <si>
    <t>无锡虹桥医院靠谱吗</t>
  </si>
  <si>
    <t>总体还不错。医生护士态度都不错，价格也不是特别贵，看病能报销。</t>
  </si>
  <si>
    <t>还行，贵不贵看个人感觉，跟其他医院看病费用差不多，能刷医保。</t>
  </si>
  <si>
    <t>孕妇可以喝奶茶吗</t>
  </si>
  <si>
    <t>适量，可以的。</t>
  </si>
  <si>
    <t>尽量少喝。</t>
  </si>
  <si>
    <t>孕妇可以吃韭菜吗</t>
  </si>
  <si>
    <t>孕妇可以吃韭菜，但不能吃太多。因为韭菜有加强子宫收缩的作用，孕妇吃太多可能会增加流产风险。另外韭菜不易消化，所以孕妇最好是少吃韭菜，最好都要结合其它食物一同食用。</t>
  </si>
  <si>
    <t>自来水管道清洗赚钱吗</t>
  </si>
  <si>
    <t>作为一种职业，可能会挣些钱。作为事业，没有发展前途。</t>
  </si>
  <si>
    <t>小孩体温37.5度算发烧吗</t>
  </si>
  <si>
    <t>小孩子温度应该略高于成人，但到37.5度已经算低烧了。</t>
  </si>
  <si>
    <t>体温37.5℃～38℃为低热，38℃～39℃为中热，39℃以上为高热，超过41℃为超高热。发热是身体对病毒或细菌入侵所产生的一种反应，这种反应有利于歼灭入侵的病毒和细菌，从而有利于小儿的正常成长发育。38.5℃以下可以不用吃药。</t>
  </si>
  <si>
    <t>正常小儿的基础体温为36.9℃~37.5℃。一般当体温超过基础体温1℃以上时，可认为发热。其中，低热是指体温波动于38℃左右，高热时体温在39℃以上。连续发热两个星期以上称为长期发热。</t>
  </si>
  <si>
    <t>i5 3320m在16年过时不</t>
  </si>
  <si>
    <t>微信号能注销吗</t>
  </si>
  <si>
    <t>不允许直接注销。</t>
  </si>
  <si>
    <t>英国是申根国家吗</t>
  </si>
  <si>
    <t>英国不是申根国。</t>
  </si>
  <si>
    <t>英国不想加入申根国。</t>
  </si>
  <si>
    <t>现在比特币还能挖矿吗</t>
  </si>
  <si>
    <t>只要有店有网，任何时候都可以进行比特币挖矿。</t>
  </si>
  <si>
    <t>现在买电脑挖矿基本上是挖不到比特币，更别谈挣钱了。</t>
  </si>
  <si>
    <t>可以啊，现在已经挖到了1200万个了，全球加起来的比特币一共应该是有2100万个。但是，挖一个的时间越来越长，600GH每秒的挖矿机还得10天左右才能挖到一个。</t>
  </si>
  <si>
    <t>孕晚期体重不增加正常吗</t>
  </si>
  <si>
    <t>这可能是营养不良引起的，建议可以加强营养的，慢慢可以恢复的。</t>
  </si>
  <si>
    <t>体重不会对宝宝造成什么影响的，只要保证营养均衡，充足即可。一般来讲，孕20周左右的孕妇，体重开始慢慢增加，每周体重增加在350克左右属于正常范围。从这时候起，您应注意补钙，服用鱼肝油，还要补充维生素D以促进钙的吸收。还要多吃动物内脏，包括肾，肝，心，肚等，它们不仅含有丰富的优质蛋白质，而且还含有丰富的维生素和矿物质。</t>
  </si>
  <si>
    <t>只要宝宝健康，检查没有问题就不要担心。妈妈焦虑才会影响宝宝呢。宝宝的大小和体重的增长、肚子的大小没有太大关系的。</t>
  </si>
  <si>
    <t>爱剪辑可以不要片头吗</t>
  </si>
  <si>
    <t>用爱剪辑软件输出是肯定会有的，因为本身软件就是免费的。如果确实不需要爱剪辑自带的片头的话，建议可以使用格式工厂等剪切软件进行剪切。</t>
  </si>
  <si>
    <t>当然可以，还能无损分割！这个视频无损分割软件的名字叫QQ影音！</t>
  </si>
  <si>
    <t>格式工厂，狸窝都可以，把片头片尾裁掉</t>
  </si>
  <si>
    <t>手机内存3g和4g的区别大吗</t>
  </si>
  <si>
    <t>区别就在于内存大了1G，手机运行程序会更流畅一点。当然，还有位数的区别。4G的内存的机型是64位的。1、手机的运行内存，通常是越大越流畅。2、刚出厂的状态下，4GB的内存，运行的流畅度一定比3GB的好。但这个要看是不是会管理。如果不管理后台自启，无限制的安装各种软件，4GB的也会被占满。在占满的时候，4GB和3GB是没区别的。3、另外，4GB的手机是64位的，因为达到4GB的容量必须要64位，32位识别不了这么多内存的。不过，目前来讲，64位的手机系统和32位没什么区别，主要还是内存的容量的支持不同。</t>
  </si>
  <si>
    <t>看同时运行的应用多少，如果少的话，3G内存用不完，那么没有任何区别；如果应用开的多，超过3G，那么切换应用时就有速度的差别。</t>
  </si>
  <si>
    <t>手机运行内存3G和4G的区别其实不大,但随着软件装的越来越多,4G运行内存相对比较轻松,大容量程序卡顿会减少。</t>
  </si>
  <si>
    <t>雅漾大喷是矿泉水吗</t>
  </si>
  <si>
    <t>不是的，是补水喷雾。</t>
  </si>
  <si>
    <t>脖子上有淋巴结正常吗</t>
  </si>
  <si>
    <t>没事的，淋巴结肿大大部分应该是炎性为主的，可能有慢性咽喉炎或者扁桃体炎什么的，没有关系的。多锻炼身体，增强体质，可能自然会消退的。如果淋巴结有压痛，可能是有活动性炎症，那时可以考虑吃点消炎药如头孢类，不需要太久，吃三五天一般就好了！</t>
  </si>
  <si>
    <t>这是正常现象，不要紧的。正常人的脖子上都会有米粒到黄豆大小的淋巴结存在，不用担心，也不要用手摸。</t>
  </si>
  <si>
    <t>人脖子里有淋巴很正常，关健是淋巴有没有恶化。一般人脖子里都会有淋巴，不要太在意，要是怕就去看医生，听听医生怎么说，尊医服药。</t>
  </si>
  <si>
    <t>宋小宝生病是真的吗</t>
  </si>
  <si>
    <t>宋小宝其实患了严重肝硬化，再严重就是肝癌。</t>
  </si>
  <si>
    <t>癌症晚期，演的一个小品。</t>
  </si>
  <si>
    <t>宋小宝没有患肝硬化，只是略有胃病，一切无大碍。</t>
  </si>
  <si>
    <t>冰雪游神巴德是限定吗</t>
  </si>
  <si>
    <t>是的，冰雪节限定 。</t>
  </si>
  <si>
    <t>巴德冰雪游神是限定皮肤，只是没显示限定2个字，但是他还是划分在限定皮肤里面。</t>
  </si>
  <si>
    <t>刚拿到驾照能租车吗</t>
  </si>
  <si>
    <t>刚取得驾照，能去租车公司租到车。</t>
  </si>
  <si>
    <t>可以，不单独上高速就可以。</t>
  </si>
  <si>
    <t>可以租车，但不能单独驾车上高速，否则罚款200元，还得要求就近下高速。</t>
  </si>
  <si>
    <t>全球速卖通有中文版吗</t>
  </si>
  <si>
    <t>商家后台是有中文的，客户访问的主页是没有的。</t>
  </si>
  <si>
    <t>有中文管理和学习页面，但店铺展示是针对海外的，纯英文。</t>
  </si>
  <si>
    <t>韩雅乐睡大美是真的吗</t>
  </si>
  <si>
    <t>韩雅乐睡的是一个叫大美的，但绝对不是黑暗萝莉大美。</t>
  </si>
  <si>
    <t>谢娜和张杰分手了吗</t>
  </si>
  <si>
    <t>应该没有。</t>
  </si>
  <si>
    <t>歌诗图停产了吗</t>
  </si>
  <si>
    <t>短期内应该不会停产。毕竟在这个小领域内它做的还可以。</t>
  </si>
  <si>
    <t>蚂蚁借呗能提前还款吗</t>
  </si>
  <si>
    <t>天生是优我出道成功了吗</t>
  </si>
  <si>
    <t>没出道。</t>
  </si>
  <si>
    <t>sky云世纪是合法盘吗</t>
  </si>
  <si>
    <t>明显就是传销啊，就是拉下线。</t>
  </si>
  <si>
    <t>浙江树人大学很垃圾吗</t>
  </si>
  <si>
    <t>还好，差点的三本里还算不错的。</t>
  </si>
  <si>
    <t>大唐天下购车是真的吗</t>
  </si>
  <si>
    <t>排卵期一定会怀上吗</t>
  </si>
  <si>
    <t>荣威rx5怎么样毛病多不</t>
  </si>
  <si>
    <t>质量一般般，价格偏贵。</t>
  </si>
  <si>
    <t>还可以，车身挺重的。</t>
  </si>
  <si>
    <t>荣威RX5自主品牌SUV里是不错的。外形设计总体性价比口碑方面都比较让人放心的自主品牌。</t>
  </si>
  <si>
    <t>法国女仆 奈德丽有特效吗</t>
  </si>
  <si>
    <t>陪产假可以分开休吗</t>
  </si>
  <si>
    <t>法律没有明文规定，可以与单位协商解决，单位同意即可。</t>
  </si>
  <si>
    <t>产假是法定假日，不可以分开休。</t>
  </si>
  <si>
    <t>能分开休。</t>
  </si>
  <si>
    <t>羞辱2好玩吗</t>
  </si>
  <si>
    <t>游戏总体来说还是好玩的。</t>
  </si>
  <si>
    <t>云集微店假货多不多</t>
  </si>
  <si>
    <t>没有假货，只是商品少。</t>
  </si>
  <si>
    <t>云集的产品不会有假货，全部是直接和生产商签约，不经过中间商。</t>
  </si>
  <si>
    <t>钉钉pc版能打卡吗</t>
  </si>
  <si>
    <t>需要在签到或者考勤打卡的界面里设置一下，可以随意更改位置。</t>
  </si>
  <si>
    <t>进入管理页面有提示。</t>
  </si>
  <si>
    <t>冯小刚与许晴是真插吗</t>
  </si>
  <si>
    <t>假的，借位拍摄。</t>
  </si>
  <si>
    <t>防晒喷雾可以带上飞机吗</t>
  </si>
  <si>
    <t>根据民航局的要求和一般的国际惯例：1、旅客应将携带的液态物品（液体、凝胶、气溶胶）盛放在容积不超过 100 毫升（ml）的容器内携带。对于容积超过 100 毫升（ml）的容器，即使该容器未装满液体，亦不允许随身携带，应办理交运； 2、盛放液态物品的容器应宽松地放置于最大容积不超过 1 升（L）、可重新封口的透明塑料袋中，塑料袋应完全封好。每名旅客每次只允许携带一个透明塑料袋。超出部分应办理交运； 3、盛装液态物品的塑料袋应在安检点单独接受安全检查；携带的婴儿奶粉/牛奶/母乳（需有婴儿随行）、糖尿病患者或者其他患者携带必需的液态药品，应经过安检，并向安检人员出示证明。自行购买的液态药品，应装在100ml 容器内，装在透明塑料袋中；4、在候机隔离区内购买的液态物品可以带上飞机。</t>
  </si>
  <si>
    <t>1. 那得看你的防晒是多大容量，你还有没有其他化妆护肤品。2. 化妆品总量不超过100ml的可以带上飞机，但其实正常的水，乳液，防晒总量肯定会超的。3. 注意：安检看的是你瓶子的容量，而不是瓶子里剩了多少护肤品。又一次我的护肤品瓶子是300ml的，但其实快用完了，里面剩的量也就50ml，被翻出来了，不让带！不过去的较早，有时间办托运，就没扔。要不然就地就被扔垃圾桶了。</t>
  </si>
  <si>
    <t>nina这个英文名好吗</t>
  </si>
  <si>
    <t>Nina，妮娜 (西班牙)"女孩"之意，大部份人心目中的nina是娇小美丽的金发女孩，优雅，具异国风味，文静,冷默且独立，有些人则认为nina是迷人随和的女孩。</t>
  </si>
  <si>
    <t>清明节女儿能上坟吗</t>
  </si>
  <si>
    <t>首先，女人不能上坟是某些地方的风俗习性，其次，外姓媳妇不可以上坟祭拜祖宗，以及女性不可以赶往祖宗埋葬之地祭拜，（可以在十字路口或者路边祭拜）属封建迷信之习俗。媳妇以及女儿孙女等后辈女性其实是可以祭拜祖宗的，没有说妇女不能上坟一说。</t>
  </si>
  <si>
    <t>每个地方的风俗不一样，只要儿女有孝心，谁都可以去。</t>
  </si>
  <si>
    <t>我们这女子是不能上坟的，每年的三十下午上坟都是家族中的长着带着去，女子是不能去的，小女孩也不行。</t>
  </si>
  <si>
    <t>上海交大医学院难考么</t>
  </si>
  <si>
    <t>只要准备工作做得好，就不难考。</t>
  </si>
  <si>
    <t>相对交大而言难考。</t>
  </si>
  <si>
    <t>没有快递单号可以查快递到哪了吗</t>
  </si>
  <si>
    <t>查不了的。</t>
  </si>
  <si>
    <t>联系商品卖家，确认购卖什么商品，糸统有信息记录的，商家可以提供快递单号，就可以查得到的了。</t>
  </si>
  <si>
    <t>打所用快递的统一客服电话，人工查询，顺丰的可以告诉发件人和收件人电话 ，姓名，详细联系地址就能查询。小点的中通，圆通什么的没单号不给查，态度强硬一点，吼两句就给查了。</t>
  </si>
  <si>
    <t>肝腹水有救吗</t>
  </si>
  <si>
    <t>具体看到了那个程度。分初期、中期、晚期三个时期。如果到晚期末端，基本上就顺其自然，不做无谓的治疗，维持病人正常的状态即可。如果是初期，保养得当，10年以上的好日子是有的。</t>
  </si>
  <si>
    <t>积极治疗，是可以好转的，可试试基质细胞，这种方法是肝移植以外治疗肝硬化最理想的方法了。</t>
  </si>
  <si>
    <t>阿尔法罗密欧算高档吗</t>
  </si>
  <si>
    <t>算。阿尔法罗密欧是世界著名品牌，外形独特很有个性，有标志性的进气格栅，动力性不错但操控性一般，总的来说还是不错的，但价钱不菲，性价比不是很高。</t>
  </si>
  <si>
    <t>利川在湖北算穷的吗</t>
  </si>
  <si>
    <t>不是很穷。</t>
  </si>
  <si>
    <t>营养土可以直接种花吗</t>
  </si>
  <si>
    <t>正常是得看这种土针对的是什么花。直接种也是可以的。</t>
  </si>
  <si>
    <t>一般的纯营养土不是太湿就是太干很不好。泥炭土+珍珠岩+蛭石按照3：2：1比例混合是较好的，也可以加一些园土或塘泥。发得的泥炭直接用也比较好用，一般的泥炭新土不如旧土好排水和吸收营养，要养一段时间才好用。</t>
  </si>
  <si>
    <t>兔宝宝菲兹有特效吗</t>
  </si>
  <si>
    <t>没特效</t>
  </si>
  <si>
    <t>tara解散了吗</t>
  </si>
  <si>
    <t>tara没有解散。</t>
  </si>
  <si>
    <t>论文查重附录算吗</t>
  </si>
  <si>
    <t>算，连前面的原创声明都算的。</t>
  </si>
  <si>
    <t>一般专业的检测系统都只查 目录和参考文献之间的内容，像gocheck这种专做检测的也是。</t>
  </si>
  <si>
    <t>是算的，可以用PaperRight论文查重网站系统去查重的，这个查重的精准度是比知网那个查重的还要高的。</t>
  </si>
  <si>
    <t>3g运行内存够用吗</t>
  </si>
  <si>
    <t>不是大游戏，2G就足够了，3G的话，用三五年都没压力。</t>
  </si>
  <si>
    <t>只要不玩史诗级超大游戏（CPU够也可以玩），绝对足够，正常大型游戏只要CPU够玩的很6，运行普通软件0压力。</t>
  </si>
  <si>
    <t>3g够用了，安卓手机本身寿命就不长，内存太大也是浪费，基本上也就用一年。</t>
  </si>
  <si>
    <t>流量掌厅短信是真是假</t>
  </si>
  <si>
    <t>如果是运营商官方的，那就是真的。</t>
  </si>
  <si>
    <t>多商网的货源可靠吗</t>
  </si>
  <si>
    <t>多商网是广州趋势信息技术有限公司旗下的电子商务分销平台，集合珠三角地区五百多家服装服饰生产加工实体工厂，主要为客户提供网络分销、线下小额批发和线上经销等服务。目前，多商网分销平台产品涵盖男装、女装、鞋帽、箱包配饰等近500多个品类，所有厂家直供货源均经过品牌、产品质量、企业资质等一系列严格审查认证，保证平台产品在价格、品质、款式具有超高性价比。未来，多商网将依托趋势动力公司构建的电子商务服务体系，精心打造珠三角独具特色的服装服饰分销平台，形成一套以网络分销为主，结合实体批发的全新分销服务体系。</t>
  </si>
  <si>
    <t>个人了解还是可以的，多商网有提供较多类目的货源，而且入住也是不需要什么要求的，是个靠谱的平台。</t>
  </si>
  <si>
    <t>有虎牙的人好不好</t>
  </si>
  <si>
    <t>女人长虎牙与命运无关，男人都喜欢，不会克夫。女人长虎牙好不好，虎牙是牙齿的一种类型，很多爱美人士都长着虎牙，而对于一些爱美女士们来说，她们大都希望自己的牙齿整整齐齐的，不希望虎牙影响了自己的美观。所以女人长虎牙没什么不好，只要不影响美观那就好了。如果觉得虎牙不好，可以进行牙齿整形的</t>
  </si>
  <si>
    <t>女生不回微信还要追吗</t>
  </si>
  <si>
    <t>她有可能不玩微信或只想与你保持普通朋友关系。</t>
  </si>
  <si>
    <t>一直发只会让觉得烦，可以试着用别的方式联系一下，如果还不行，那就可以考虑一下是不是该放弃了。</t>
  </si>
  <si>
    <t>隔山有眼3出来了吗</t>
  </si>
  <si>
    <t>美国血腥电影《隔山有眼3》已经在2014年3月10日上映。</t>
  </si>
  <si>
    <t>尖锐湿疣传染吗</t>
  </si>
  <si>
    <t>尖锐湿疣具有传染性。</t>
  </si>
  <si>
    <t>百度学术查重靠谱吗</t>
  </si>
  <si>
    <t>请以知网检测为准，其他各种小众的论文检测系统与知网检测系统的结果会有20%的误差，换言之，就是根本不准确。</t>
  </si>
  <si>
    <t>我觉得你最好用其他的查。</t>
  </si>
  <si>
    <t>是所有查重里面最差的了。</t>
  </si>
  <si>
    <t>标书副本要盖红章吗</t>
  </si>
  <si>
    <t>标准施工招标文件投标人须知中对副本的定义是副本是正本的复印件，若招标文件没有做出特别要求，副本单独签字和盖章可能会因没有响应招标文件格式号召而被废标。</t>
  </si>
  <si>
    <t>关键看客户招标书中的相关要求了。</t>
  </si>
  <si>
    <t>蛇草莓能吃吗</t>
  </si>
  <si>
    <t>好象有毒。</t>
  </si>
  <si>
    <t>行尸走肉会有第八季吗</t>
  </si>
  <si>
    <t>第八季10月份出。</t>
  </si>
  <si>
    <t>好象还没有更新到第八季。</t>
  </si>
  <si>
    <t>爬虫爬数据库犯法吗</t>
  </si>
  <si>
    <t>看你爬的什么数据，会不会涉及用户隐私</t>
  </si>
  <si>
    <t>一等功有活着的人拿吗</t>
  </si>
  <si>
    <t>有的。不过一等功本来就少，在和平时期就更少了。</t>
  </si>
  <si>
    <t>一等功貌似还不少吧。参加过重大演习，还有像飞行员把受损战机飞回来都有可能。</t>
  </si>
  <si>
    <t>细菌屋可以直接放鱼缸里吗</t>
  </si>
  <si>
    <t>最好不要直接放在鱼缸中。</t>
  </si>
  <si>
    <t>一般放在过滤槽里。</t>
  </si>
  <si>
    <t>细菌屋要洗干净。</t>
  </si>
  <si>
    <t>户口本可以买火车票吗</t>
  </si>
  <si>
    <t>户口本可以在服务台与相关工作人员申请购票临时身份证明一份购买车票。</t>
  </si>
  <si>
    <t>不行，必须需要身份证。</t>
  </si>
  <si>
    <t>坐月子可以开空调吗</t>
  </si>
  <si>
    <t>坐月子的女人可以享受空调。</t>
  </si>
  <si>
    <t>159能量餐是骗局吗</t>
  </si>
  <si>
    <t>不是骗局，159能量餐导师保证。</t>
  </si>
  <si>
    <t>159素食全餐不是骗局是正规的公司。</t>
  </si>
  <si>
    <t>公司正规，产品优质！</t>
  </si>
  <si>
    <t>支付宝可以注销吗</t>
  </si>
  <si>
    <t>注销账户需要在注册时间已经超过7天并成功激活的状态下，如需注销可以在电脑端登录支付宝网站，点击右上角帮助中心—自助服务—注销账户，申请注销。</t>
  </si>
  <si>
    <t>可以注销，但是需要系统的判定通过才行。</t>
  </si>
  <si>
    <t>是的，注销支付宝账户需要满足一定的条件。</t>
  </si>
  <si>
    <t>滴滴打车能赚钱吗</t>
  </si>
  <si>
    <t>一个月有个5000左右，这是一份多劳多得的工作，和干出租的基本一样。</t>
  </si>
  <si>
    <t>赚钱，现在不收管理费了，自己多努力点，多跑点单就赚钱。</t>
  </si>
  <si>
    <t>政法干警7年不能升官吗</t>
  </si>
  <si>
    <t>政法干警在服务期内能升职。1政法干警在服务期内能升职，但是不能离开派出所，就是服务期内不能离开你的定向服务单位。2在基层工作服务期间能升副科或者副所。</t>
  </si>
  <si>
    <t>政法干警被录用以后可以升职和调动这些都可以交流，录用以后都属于单位内部进行协调，没有太大的约束，一般情况下只要在这期间离职都可以进行交流和协调，请放心。</t>
  </si>
  <si>
    <t>朝鲜会发生战争吗2017</t>
  </si>
  <si>
    <t>不能排除这个可能，美国找口借口对朝鲜动武。</t>
  </si>
  <si>
    <t>市直机关工委权力大吗</t>
  </si>
  <si>
    <t>市直机关工委权力不大，主要是抓些机关党员的管理工作和务虚学习。</t>
  </si>
  <si>
    <t>微信位置共享可以改变自己的位置吗</t>
  </si>
  <si>
    <t>这个得看是哪种定位法：1、发送位置的话可以在地图里输入你自己想定位的地址进行截图，就可以显示想定位的位置。2、共享实时位置，这个就需要用到一些辅助工具，一般正常情况下是无法实现的。</t>
  </si>
  <si>
    <t>1.进入所在位置后先不要急着选择微信搜到的位置信息，直接 点击上边的搜索。2.可以尝试输入一个微信搜不到的名称3.点击完成后会显示搜不到该位置， 接下来点击创建你的位置 4.在创建位置栏的位置名称里输入想输入的名称点击发送即可。</t>
  </si>
  <si>
    <t>生活家装饰公司好不好</t>
  </si>
  <si>
    <t>这是很出名的装饰装修公司，提供的是设计、施工、主材为一体的整体家装，在整体家装这块可以说是行业里面最好的。</t>
  </si>
  <si>
    <t>他们在家居行业是名副其实的领导品牌，有着专业的设计师团队以及施工团队的，所以找他们做家居装饰装修的话，肯定是非常的有保障的。</t>
  </si>
  <si>
    <t>晚上喝水好吗</t>
  </si>
  <si>
    <t>百合花粉在衣服上可以洗掉吗</t>
  </si>
  <si>
    <t>衣服沾花粉，用下面的方法去除： 1、首先衣物残余花粉抖掉或衣服背面轻轻弹掉；如果污渍还在，将衣物在冷水中浸泡，使污渍淡化；2、衣服干的时候，用蓝月亮手洗或深层洁净洗衣液原液涂抹污渍处，完全覆盖污渍，静置5钟（轻轻搓洗）加入蓝月亮洗衣液规洗涤。</t>
  </si>
  <si>
    <t>1、用少许牙膏拌上洗衣粉混合搓洗衣服，顽固污渍可去除。2、取少许面粉，调成糊状，涂在衣服上，然后放入3％的盐水里浸几分钟，再用清水漂洗，顽固污渍可去除。3、用残茶叶在衣服上搓几搓，用洗衣液浸泡10分钟再清洗，顽固污渍可去除。4、把衣服放入洗米水中浸泡一夜后，轻轻的搓一搓，顽固污渍可去除。5、用适量的醋加适量的盐把衣服浸泡15分钟，再慢慢的搓洗衣服，顽固污渍可去除。6、选择去污力强和天然的洗涤产品。用洗衣皂液将衣服先浸泡10分钟，再做常规清洗，这样顽固污渍很容易就可以去除了。</t>
  </si>
  <si>
    <t>微信添加通讯录好友有限制吗</t>
  </si>
  <si>
    <t>从通讯录里导入好友没有数量限制。</t>
  </si>
  <si>
    <t>六道木值钱吗</t>
  </si>
  <si>
    <t>很便宜。</t>
  </si>
  <si>
    <t>不贵，几十块钱。</t>
  </si>
  <si>
    <t>斤的单位是g吗</t>
  </si>
  <si>
    <t>玻璃胶有毒吗</t>
  </si>
  <si>
    <t>含有害气体。</t>
  </si>
  <si>
    <t>一，玻璃胶有毒，但根据质量优劣毒性也有所区别。二，好的玻璃胶一般没有刺鼻的气味，毒性较小，劣质的玻璃胶气味比较大，人体吸入会有很大的伤害。</t>
  </si>
  <si>
    <t>有中性和酸性两种，现在都是环保的，只要你不吃它就没事 。</t>
  </si>
  <si>
    <t>夏天汗蒸好吗</t>
  </si>
  <si>
    <t>别蒸了，在太阳地里晒会就有这效果，而且汗乃心之液，汗出太多，身体会虚的。</t>
  </si>
  <si>
    <t>夏天汗蒸好处多多：深层排汗、调节阴阳、排毒养颜、美容祛斑、以热除热等。</t>
  </si>
  <si>
    <t>温商贷靠谱吗</t>
  </si>
  <si>
    <t>温商贷一点都不可靠千万别投钱投进去了，转不出来。</t>
  </si>
  <si>
    <t>比较安全，而且操作起来简单。</t>
  </si>
  <si>
    <t>半年来没出什么问题。</t>
  </si>
  <si>
    <t>电大论文答辩好过吗</t>
  </si>
  <si>
    <t>好好准备熟悉论文，这样对于老师提问的问题就有把握通过了。论文答辩就是个过程，比较容易通过。</t>
  </si>
  <si>
    <t>其实有点形式。</t>
  </si>
  <si>
    <t>正规本科毕业论文都很好过，电大就更不会难为谁了。</t>
  </si>
  <si>
    <t>ofo充值必须20元吗</t>
  </si>
  <si>
    <t>最低充值20元。</t>
  </si>
  <si>
    <t>行尸走肉第八季出了吗</t>
  </si>
  <si>
    <t>出了。</t>
  </si>
  <si>
    <t>没出。</t>
  </si>
  <si>
    <t>医保卡异地能用吗</t>
  </si>
  <si>
    <t>现在的政策，医保卡在外地是无法使用。</t>
  </si>
  <si>
    <t>1、一般不能跨地区使用。</t>
  </si>
  <si>
    <t>对于医保卡的异地使用很多情况下是需要提前向当地社保局提出申请的，虽然目前政策上已经允许医保卡异地转移了，但是在医保卡的使用上，还是存在地域差距的，医保卡异地使用上还是受到了一定的限制。</t>
  </si>
  <si>
    <t>微信退群有提示吗</t>
  </si>
  <si>
    <t>只有群主可以看到提示。</t>
  </si>
  <si>
    <t>微信退群不显示，原因是微信上线的新功能，退群将不再显示某某已退出群聊的字样。</t>
  </si>
  <si>
    <t>同城约会是真的吗</t>
  </si>
  <si>
    <t>基本上是骗人的，可以忽略了。</t>
  </si>
  <si>
    <t>有真也有假，不过骗的多。</t>
  </si>
  <si>
    <t>大多都是真的，偶尔会有骗子。</t>
  </si>
  <si>
    <t>c4d好学吗</t>
  </si>
  <si>
    <t>普通电脑能挖比特币吗</t>
  </si>
  <si>
    <t>建议放弃，挖毕比特币主要靠GPU也就是显卡上的处理芯片，家用电脑集成显卡的根本不能挖，独立显卡的如果是英伟达芯片那也基本没戏因为算力最多也就160M/S，而ATI芯片的显卡7970这样的高端卡算力也就是600M/S最高，而现在矿池计算难度是9亿多，按照收益比计算机器算力在8G/S（8192M/S)以下连电费都不够，用家用电脑挖一个月收入撑死十几块，所以没意义。</t>
  </si>
  <si>
    <t>现在用计算机cpu已经不能挖出比特币了。</t>
  </si>
  <si>
    <t>现在没人用电脑挖了，都是用矿机去挖的，电脑挖估计也挖不到。</t>
  </si>
  <si>
    <t>physx系统软件 有必要安装吗</t>
  </si>
  <si>
    <t>这是英伟达的物理加速辅助功能，在能用的游戏里打开对你没坏处</t>
  </si>
  <si>
    <t>梁山好汉是真实历史吗</t>
  </si>
  <si>
    <t>存在</t>
  </si>
  <si>
    <t>梁山好汉确实是历史存在，八百里梁山泊在古代也有。真实的梁山人马规模远远没有小说描写的那么大，而且朝廷也没有特别去招安。</t>
  </si>
  <si>
    <t>有 但不是108将貌似真名实姓的只有天罡星中的27人，宋史中有明确的记载。</t>
  </si>
  <si>
    <t>帮宝适拉拉裤有毒吗</t>
  </si>
  <si>
    <t>拉拉裤应该没事，帮宝适中国迅速在官方微博发布声明：“中国帮宝适产品为本土生产或日本进口，严格符合国家法律法规。报道中涉及的产品在中国没有销售。”并同时指出，“法国检测结果中所显示的在纸尿裤产品中的（二恶英）含量远远低于在牛奶、水果、食品等被欧盟法规许可并对人体健康安全无害的产品中的含量。”</t>
  </si>
  <si>
    <t>不会啊</t>
  </si>
  <si>
    <t>无害的，放心</t>
  </si>
  <si>
    <t>代缴社保合法吗</t>
  </si>
  <si>
    <t>职工必须签订劳动合同，跟用人单位存在劳动关系，才能通过单位缴纳社会保险，如果双方没有建立劳动合同关系，而是通过挂靠代理公司办理社保，是不合法的，也是政策不允许的。</t>
  </si>
  <si>
    <t>挂靠缴纳社保并没有被我国法律明令禁止。</t>
  </si>
  <si>
    <t>是不合法的。</t>
  </si>
  <si>
    <t>北川景子演过的av吗?</t>
  </si>
  <si>
    <t>不要以为漂亮的女人就一定拍过AV，人家是模特来的，就有可能只拍过写真。</t>
  </si>
  <si>
    <t>北川景子不是AV女郎，她的电影、电视剧以及各种综艺节目本人都有。</t>
  </si>
  <si>
    <t>韩国是发达国家吗</t>
  </si>
  <si>
    <t>韩国已经达发达到国家水准，所以自然归入发达国家行列。</t>
  </si>
  <si>
    <t>团车网靠谱吗</t>
  </si>
  <si>
    <t>还行，能比消费者自己砍价，便宜一些，有限，能送小礼品。但是，作为消费者，有耐心、有恒心，多去几次，能买到比团购更便宜的车。</t>
  </si>
  <si>
    <t>千万别上这个网站,留了一个手机号后被这个网站轮番骚扰,短信几十条,电话也有几个,明明已经拒绝了照样发短信，短信里说退订回复TD，回了十几个得有了，照发不误</t>
  </si>
  <si>
    <t>肯定比自己去店里买便宜，而且都是正规4s店，参加过一次北京的，一汽大众团购，团长会有一段不算很短的发言，普及一些知识，介绍一下情况，最后公布完团购价格就解散，自己去找销售，买不买完全自愿。觉得靠谱。</t>
  </si>
  <si>
    <t>鸡蛋和豆浆可以一起吃吗</t>
  </si>
  <si>
    <t>不可以，因为鸡蛋和豆浆一起就会产生一种物质，不利于人体消化，所以不要一起吃．</t>
  </si>
  <si>
    <t>豆浆是一种乳白色液体,是由大豆经过研磨后再与水混合而成的饮品。豆浆是人们喜爱的豆浆是一种乳白色液体,是由大豆经过研磨后再与水混合而成的饮品。豆浆是人们喜爱的一种饮品，又是一种老少皆宜的营养食品，在欧美享有“植物奶”的美誉。一杯豆浆加一个鸡蛋，是许多人的早餐内容。但是，鸡蛋与豆浆等食品同吃会造成营养的很大损失，更严重的会引起腹泻。</t>
  </si>
  <si>
    <t>dnf五一套值得买吗</t>
  </si>
  <si>
    <t>划算。</t>
  </si>
  <si>
    <t>光棍树有毒吗</t>
  </si>
  <si>
    <t>理财范靠谱吗</t>
  </si>
  <si>
    <t>理财范做的还是比较久的，绝对不是那种上来捞一笔就跑路的，理财的话无论什么都有一定风险，想要安全性高点，那就关注一些做垂直互金的平台，像银行票据理财这一类就安全性很高，我现在就有投这一类的平台抓钱猫，项目到期都是直接由银行打款过来，不用提现，也没有各种费用。</t>
  </si>
  <si>
    <t>做的还算靠谱，不是那种直接想跑路的，但项目信息披露的不够充分，很多项目都看不到具体的项目文件，里面的道道可能比较多，像我现在投的一家专门做银行票据的抓钱猫，每个项目的原文件都可以看到，心里会更踏实些，而且项目到期都是直接由银行打款到银行卡里。</t>
  </si>
  <si>
    <t>派学车靠谱吗</t>
  </si>
  <si>
    <t>派学车收费透明、覆盖全城15大练车基地、专属学习顾问全程跟踪服务。作为一家全国连锁的互联网驾培企业，派学车口碑优越、服务贴心。学车收费透明，绝无隐形费用。覆盖全市主要练车场地，有自营的车队和教练团队。而且派学车在创业之初就将服务精神作为公司核心的企业文化，且有一整套的服务质量管理体系。截止到目前，学员的服务体验一直维持在高水准，获得了优秀的口碑，派学车不断被主流媒体作为互联网驾培领域标杆企业而争相报道。</t>
  </si>
  <si>
    <t>还不错，都是全部自己的教练和车，培训和服务都自己来管。</t>
  </si>
  <si>
    <t>阴囊瘙痒用达克宁行吗</t>
  </si>
  <si>
    <t>治标不治本。</t>
  </si>
  <si>
    <t>不要用这些激素类的药。</t>
  </si>
  <si>
    <t>药不对症。</t>
  </si>
  <si>
    <t>苹果耳机安卓手机能用吗</t>
  </si>
  <si>
    <t>可以，但是无法用到在iphone上使用时的线控功能。</t>
  </si>
  <si>
    <t>不能用。苹果耳机上面有3条杠，而安卓手机通配的是3.5mm的耳机，上面一般来说是两条黑杠。这样以来，自然就不相配了。</t>
  </si>
  <si>
    <t>hdmi转vga效果会变差吗</t>
  </si>
  <si>
    <t>HDMI转成VGA，信号从数字变成了模拟，显示效果很下降，有影响。</t>
  </si>
  <si>
    <t>需要根据转换器的质量来确定的，因为HDMI转VGA必须要经过转换器的芯片进行处理器，转换器质量好，转换效果好，画质影响较小，甚至无影响，转换器质量差，转换效果差，画质影响较大。</t>
  </si>
  <si>
    <t>HDMI转VGA必须要经过芯片处理。画质会影响，影响大不大这个要看转换器质量，质量好，画质就会好。</t>
  </si>
  <si>
    <t>白内障可以治愈吗</t>
  </si>
  <si>
    <t>白内障通过手术是可以治愈的。</t>
  </si>
  <si>
    <t>探探靠谱吗</t>
  </si>
  <si>
    <t>可能靠谱。</t>
  </si>
  <si>
    <t>不靠谱的。</t>
  </si>
  <si>
    <t>小孩吃玉屏风颗粒好吗</t>
  </si>
  <si>
    <t>是药三分毒，特别对于儿童，不宜长期使用某种药物。</t>
  </si>
  <si>
    <t>百颐年真的可以减肥吗</t>
  </si>
  <si>
    <t>不要乱用。</t>
  </si>
  <si>
    <t>2017五一高速免费吗</t>
  </si>
  <si>
    <t>高速公路七座（含七座）客车免收过路费，免费时间4月29零时开始至5月1日24时结束，共免费3天。</t>
  </si>
  <si>
    <t>味全每日c是纯果汁吗</t>
  </si>
  <si>
    <t>味全每日C是纯果汁。</t>
  </si>
  <si>
    <t>多少都有点添加剂的。</t>
  </si>
  <si>
    <t>不是，和一般的果汁饮料一样。</t>
  </si>
  <si>
    <t>承兑汇票贴现违法吗</t>
  </si>
  <si>
    <t>银行承兑汇票贴现合法，不违法。</t>
  </si>
  <si>
    <t>只有金融机构才可以开展此业务，经营范围理有的业务度是合法的。</t>
  </si>
  <si>
    <t>私人做承兑汇票贴现是违法的。</t>
  </si>
  <si>
    <t>ttm体检靠谱吗</t>
  </si>
  <si>
    <t>是安全的、科学的、准确的。</t>
  </si>
  <si>
    <t>葵花籽油有转基因的吗</t>
  </si>
  <si>
    <t>中国人在以色列安全吗</t>
  </si>
  <si>
    <t>到处有危险。</t>
  </si>
  <si>
    <t>栀子花可以吃吗</t>
  </si>
  <si>
    <t>可以吃。桅子花具有清热凉血，化痰止咳，宽肠通便之功效。</t>
  </si>
  <si>
    <t>可以吃的，栀子花根、叶、果实均可入药有泻火除烦消炎祛热、清热利尿凉血解毒之功效。</t>
  </si>
  <si>
    <t>何炅是大冰写的希有吗</t>
  </si>
  <si>
    <t>是何老师，希有（稀）禾老失。</t>
  </si>
  <si>
    <t>计算机软考有用吗</t>
  </si>
  <si>
    <t>对工作有用，这个证书是计算机职业资格认证，如果在一般公司里就是公司需要的资质，没有这个证书不行；在企业单位，这个是评定职称的前提，以考代评。</t>
  </si>
  <si>
    <t>计算机系建议不要考，没任何作用，实力IT企业看重的是一个人真正的动手能力和专业技能，根本不看证书，即使证书对找工作也没任何帮助，好的公司也不会因为有证书另眼相看。</t>
  </si>
  <si>
    <t>支付宝转账可以撤回吗</t>
  </si>
  <si>
    <t>1、支付宝转账有转账到账户和转账银行卡两种；2、转账到支付宝账户是即时到账，一旦转账成功，无法取消；3、转账到银行卡有2小时快速到账和次日到账两种；4、转账到银行卡提交成功后，银行已经在处理中的也是无法取消的。</t>
  </si>
  <si>
    <t>转账一旦确认付款是不能取消的，只能等到账或自动退回。</t>
  </si>
  <si>
    <t>输错的账户未激活，可以点击“撤销交易”；若收款方账户已激活，交易成功后的款项已经进入了对方支付宝账户，无法撤消。</t>
  </si>
  <si>
    <t>邮政快递包裹快吗</t>
  </si>
  <si>
    <t>超级慢。</t>
  </si>
  <si>
    <t>上师大第二外国语好么</t>
  </si>
  <si>
    <t>上师大第二外国语学校是一个非常不错的市重点学校，教学质量非常好，是私立学校。</t>
  </si>
  <si>
    <t>上师大第二外国语学校有档次，是高干白领子女的摇篮好学校。</t>
  </si>
  <si>
    <t>没有产权证的房子可以买卖吗</t>
  </si>
  <si>
    <t>没有产权证的房产是不允许交易的。</t>
  </si>
  <si>
    <t>无产权证不能进行买卖。</t>
  </si>
  <si>
    <t>苹果6s有没有32g的</t>
  </si>
  <si>
    <t>苹果6s是没有32G的版本的。</t>
  </si>
  <si>
    <t>微信小程序需要服务器吗</t>
  </si>
  <si>
    <t>要看用领域需要让通互联网使用需要让用户载安装使用需要借助其平台服务器厂商（睿、戴尔等）网找找相关技术文档参考快清楚。</t>
  </si>
  <si>
    <t>qq音乐手机下载的歌曲可以传到电脑上么</t>
  </si>
  <si>
    <t>可以在手机QQ音乐登陆自己QQ 然后把喜欢的歌加到我喜欢或者其他分组里， 电脑上登陆自己QQ也就显示这些分组里的歌了。</t>
  </si>
  <si>
    <t>在手机上的QQ音乐里把你喜欢的歌曲都点收藏，然后在电脑上下载QQ音乐，打开默认列表时就可以把那些歌曲从新下载到电脑上。</t>
  </si>
  <si>
    <t>不能传到电脑上的。</t>
  </si>
  <si>
    <t>为了孩子不离婚对吗</t>
  </si>
  <si>
    <t>这个时候，建议开始认真考虑下。如果家庭中没有爱，甚至充满怀疑，暴力，那孩子在这样的环境中成长，比提早离婚要可怕无数倍。所谓的为了维持家庭的完整，其实就是在坑害自己的孩子。</t>
  </si>
  <si>
    <t>大人离婚也许解脱了，可带给孩子的伤害是无法衡量的。为了孩子不离婚，假如不离婚，可夫妻仍旧吵闹，这是为了孩子吗，这和离婚有什么区别，所以，不要轻易说离婚，一个孩子的父母离异，可能会被同伴笑话歧视不合群，愿意让自己的女儿受这样的罪吗，毕竟孩子是无辜的。不离婚归根结底是为了给孩子一个温暖完整的家，给孩子安全感。</t>
  </si>
  <si>
    <t>其实离婚对孩子的伤害是肯定有的，只不过是程度的问题。但是要很明白的是：如果双方天天不和睦就是对孩子有益吗？肯定不是。孩子的成长需要一个良好的环境。没有这个环境，虽然还是在成长，但是已经是不好的成长。所以离不离婚更多的是考虑两个人之间的事情，不是那孩子的事情。刚才说得很明白：当和爱人很难相处了，孩子还是没有一个良好的成长环境，何不给他一个良好的环境。</t>
  </si>
  <si>
    <t>茶叶能美白吗</t>
  </si>
  <si>
    <t>研究表明：茶叶中的儿茶素具有美容祛斑作用</t>
  </si>
  <si>
    <t>绿茶美白的说法非常牵强，可以用绿茶水当爽肤水用，对痘痘很有效果。绿茶本身作为保健品来说，没有任何对健康的伤害，在绿茶中起护肤美容功效的，主要是其中一种称为茶多酚的物质，这种物质具有抗氧化效果，与维生素B、E等配合，能起到补充水分紧实肌肤等作用。也就是说单纯的绿茶对美容的效果是不大的。</t>
  </si>
  <si>
    <t>党小组是必须设立的吗</t>
  </si>
  <si>
    <t>如果党支部党员人数较多，或者工作场所、工作时间不方便集中开会，可以成立党小组。</t>
  </si>
  <si>
    <t>感冒可以吃薄荷吗</t>
  </si>
  <si>
    <t>用于风热感冒，风寒感冒吃会加重病情，除非是开中药剂，把薄荷做后煮药，只用其发散之功效，用来出汗。单味薄荷风寒是不能用的。</t>
  </si>
  <si>
    <t>单方事故离开现场还能理赔么</t>
  </si>
  <si>
    <t>发生交通事故后，只要事故车辆投保，并且在保险期间内，离开现场同样可以要求保险公司赔偿。</t>
  </si>
  <si>
    <t>单方事故，没有了现场，可以理赔，但是理赔会少些。</t>
  </si>
  <si>
    <t>只要事件属实就可以理赔。</t>
  </si>
  <si>
    <t>foxtable是免费的吗</t>
  </si>
  <si>
    <t>试用版的是免费的。</t>
  </si>
  <si>
    <t>直接下载是免费的，不过有功能限制。</t>
  </si>
  <si>
    <t>银行理财产品可靠吗</t>
  </si>
  <si>
    <t>如果资金量超过100万了，全部放进理财产品太危险。</t>
  </si>
  <si>
    <t>从安全性来看，银行代销的理财产品比较安全。</t>
  </si>
  <si>
    <t>英短折耳猫真不能养吗</t>
  </si>
  <si>
    <t>别养最好。如果买了那就细心照顾。</t>
  </si>
  <si>
    <t>这猫体弱，有遗传病。如果想养长，得预备好花大价钱看病的心理和财力。</t>
  </si>
  <si>
    <t>苹果手机删除的照片还能找回来吗</t>
  </si>
  <si>
    <t>在iTunes里面有iPhone的备份数据，也就是说你iPhone里面的照片需要有做过备份到iTunes。用户打开iTunes，依次点击【编辑】、【偏好设置】、【设备】，在里面会有设备备份的各个时间点。从这里就可以恢复到该时间点里面的所有数据了，这些数据包含的内容是照片、通讯录、备忘录等原始的数据等。不过需要提醒大家注意的是：iPhone需要连接原先备份的那台电脑才能将照片恢复，而且恢复的数据仅仅限于当时备份的数据，之后的数据会丢失。在恢复之前烦请三思而后行，并且每做一部工作之前都做好备份工作。方法：按住键盘上的Shift按键然后点击iTunes上的【恢复】接着选择恢复数据的时间点，剩下的操作系统会自动完成。</t>
  </si>
  <si>
    <t>该方法需要iPhone升级到iOS，5.0以上的系统版本，并且需要在iCloud的设置中把【我的照片流】选项打开，另外还需要在【设置】、【照片与相机】里面把【我的照片流】打开。如果设置完毕后，无需再做其他选择，iPhone便会自动将拍摄的照片备份到iCloud。即便在iPhone内删除了照片，你也可重新登录iCloud账户，然后从照片流里面把之前删除的照片保持到【相机胶卷】。提示：iCloud中的照片流会有时间和数量的限制，最多只能保持最近的1000张图片，并且iCloud保存新照片的期限为30天。</t>
  </si>
  <si>
    <t>1、通过数据线将 iPhone 设备连接电脑，电脑下载最新版本 iTunes。2、点击右上角的 iPhone 设备。3、点击“恢复备份”按钮恢复备份的数据。4、随后在恢复备份窗口中，选择想要恢复的备份，可以点击下拉列表选择想要恢复的备份。5、等待 iTunes 恢复备份。</t>
  </si>
  <si>
    <t>小霸王倒闭了吗</t>
  </si>
  <si>
    <t>还没有倒闭，在垂死挣扎。</t>
  </si>
  <si>
    <t>应该没有，官网还能上，还能看见相关的产品。</t>
  </si>
  <si>
    <t>迪丽热巴是穆斯林吗</t>
  </si>
  <si>
    <t>这个问题不好说，一个人的信仰是自由的。这种问题她本人也很难回答，无论是否都影响自己的生活。他不会公开宣布信仰伊斯兰教，也不会公开否认。</t>
  </si>
  <si>
    <t>帕金森能治愈吗</t>
  </si>
  <si>
    <t>帕金森病是一种中老年退行性疾病，主要表现为肢体抖动，僵硬，无力，平衡障碍，姿势异常等，目前无法根治，只能去控制症状，提高病人的生活质量。</t>
  </si>
  <si>
    <t>帕金森病的治疗方法主要有药物治疗、中医治疗、干细胞移植、手术治疗，手术治疗又分为开颅手术和立体定向微创手术。药物、中医治疗帕金森病治标不治本，只能暂时缓解帕金森病症状，不能从根源上治疗帕金森病。</t>
  </si>
  <si>
    <t>单一的帕金森症状可以治愈，比较小碎步，手足抖，头抖的情况。但是后期形成帕金森综合征就不行了，这个目前医学上无法治愈 。所以帕金森症状治疗一定要趁早，针对性的治疗才行。</t>
  </si>
  <si>
    <t>电视购物可信吗</t>
  </si>
  <si>
    <t>一、电视购物不可信，十个电视购物九个是假的，省下的一个也是不划算的。要证明电视购物是假的或不划算的很容易，现在的电视里，稍留心就能找到一个电视购物节目，看看里面卖的是什么，然后以下面几方面去查：1、电视购物里卖的这个东西的品牌是否存在，是否全国联保。一般电视购物里卖的东西的品牌都是小厂品牌甚至杂牌，没牌的厂品，更不要说联保了。不要想着出了故障再打这个电视购物的电话，只要节目停播，这个号码就会作废，再也找不到他们。2、电视购物一般卖的都是“不科学”的东西，什么纳米工艺、美国专利、太空技术，请不要相信这些夸大之词，如果对它的某宣传感兴趣，请百度查核一下这些说法的可能性。3、去网上找找别人用过这个商品后的效果与评价，当然，请非常注意，网上的枪手是很多的，需要自个分析别人的说法。</t>
  </si>
  <si>
    <t>有一些是骗人的，比如有一些电视台，经常播的那种夸张的广告，原价好几千，现价就几百块钱，这种一看广告就知道是假的了。但是有一些，比如一些电视台的，有自己的固定频道，是国家发牌照的，确实是真的，比如快乐购，是湖南卫视的，家有购物，是贵州卫视的，同样还有宜家购物，爱家购物，有购物，央广购物等等这些都有自己的频道，这些不是骗人的。只是价格也实际上并不便宜，这些频道的电视购物基本上都是代销的产品，即代替厂商卖，而从中抽取提成。物品是实实在在的产品，品牌也是实在的品牌。不过价格并不便宜多少。</t>
  </si>
  <si>
    <t>mate9玩王者荣耀卡吗</t>
  </si>
  <si>
    <t>新手机都不卡，手机用久了自然会一卡一卡的。</t>
  </si>
  <si>
    <t>mate8玩起来都不卡，mate9肯定不会卡的。</t>
  </si>
  <si>
    <t>发烧可以吃西瓜吗</t>
  </si>
  <si>
    <t>发热的病人是可以吃西瓜的，除了急性胃肠炎引起的发热不宜吃西瓜外，一般的感染性发热是可以吃西瓜的，西瓜中的营养成分比较丰富，尤其是水分和维生素c都比较多，有助于退热。</t>
  </si>
  <si>
    <t>感冒初期不要吃西瓜，否则会使感冒加重或延长治愈的时间。无论是风寒感冒还是风热感冒，其初期都属于表症，应采用使病邪从表而解的发散办法来治疗。</t>
  </si>
  <si>
    <t>西瓜味甘性寒，不宜多吃，特别是体虚胃寒、便溏、消化不良者和小儿更不能多吃。贪食过多，易伤脾胃，引起腹痛、腹泻、食欲下降等症。 发烧确实不宜吃西瓜等寒性水果。</t>
  </si>
  <si>
    <t>绅士科加斯有特效吗</t>
  </si>
  <si>
    <t>皮肤无特效。只外表有点不同。</t>
  </si>
  <si>
    <t>Qe有特效不如侏罗纪，便宜而且6层的骨头多霸气。</t>
  </si>
  <si>
    <t>崩坏3八重樱厉害吗</t>
  </si>
  <si>
    <t>是打不死的。</t>
  </si>
  <si>
    <t>智齿横长必须拔出吗</t>
  </si>
  <si>
    <t>长横了就叫做水平阻生齿。必须要拔的。</t>
  </si>
  <si>
    <t>电热水龙头好用吗</t>
  </si>
  <si>
    <t>即热即用，不用保温，实际损耗不大。</t>
  </si>
  <si>
    <t>即热式电热水龙头热水是有，冬天热水出水量非常小，最主要是普遍存在漏电和烫伤的安全隐患，且使用寿命没有保障。</t>
  </si>
  <si>
    <t>洗碗粉 安全吗</t>
  </si>
  <si>
    <t>任何的洗涤剂对人体都有害，只是程度不同。洗碗机中的洗碗粉的作用是去除油腻，属于化学制剂，对人体肯定是有害的，但只要最后碗用清水冲洗干净，就不会有害了。</t>
  </si>
  <si>
    <t>当然有害。</t>
  </si>
  <si>
    <t>ryzen 7 1700打得过7700k吗?</t>
  </si>
  <si>
    <t>直接秒杀。</t>
  </si>
  <si>
    <t>多任务处理、视频编辑等工作，绝对是Ryzen7 1700；若只是以游戏为主，还是i7 7700合适。</t>
  </si>
  <si>
    <t>孕妇可以喝加多宝吗</t>
  </si>
  <si>
    <t>绝对不能的。</t>
  </si>
  <si>
    <t>可以喝，但不能常喝。</t>
  </si>
  <si>
    <t>少喝。</t>
  </si>
  <si>
    <t>lazada出单容易吗</t>
  </si>
  <si>
    <t>容易的，只要找对路子方法，就可以很快出单，跟买也可以啊批量上传复制lazada可以用工具lazada001。</t>
  </si>
  <si>
    <t>微信共享位置可以造假吗</t>
  </si>
  <si>
    <t>人防车位可以出售吗</t>
  </si>
  <si>
    <t>可以出售，但是出售的是使用权，不是产权。</t>
  </si>
  <si>
    <t>按相关的人防规定是不可以出售的。</t>
  </si>
  <si>
    <t>通常不可以的，具体看是否有产权，如果有产权就可以买卖，如果没有产权就不可以买卖的。</t>
  </si>
  <si>
    <t>经适房可以买卖吗</t>
  </si>
  <si>
    <t>登记满5年，方可上市交易。</t>
  </si>
  <si>
    <t>网上短信群发平台是不是真的?</t>
  </si>
  <si>
    <t>可以明确告诉你，让交保证金，会员费，培训费，说白了只要收费都是假的，就算有小额支付，把钱交了，也很难赚的，赚够交的钱。</t>
  </si>
  <si>
    <t>智齿没长出来可以拔吗</t>
  </si>
  <si>
    <t>没长出来的智齿可以拔。</t>
  </si>
  <si>
    <t>需要拍张片子，如果看到智齿就在牙龈下方不远的话，也是可以拔的。</t>
  </si>
  <si>
    <t>红豆绿豆可以一起吃吗</t>
  </si>
  <si>
    <t>建议还是不要一起喝，因为他们性味是不同的，分着会营养更好。</t>
  </si>
  <si>
    <t>红豆和绿豆功效相近，一起煮炎夏消暑更加强其作用，加百合、薏苡、大米、枣更有滋味。</t>
  </si>
  <si>
    <t>可以一起煮，两者一起吃能排毒，补血，利水，瘦腿效果也非常好。绿豆有解毒性，可以解百毒。</t>
  </si>
  <si>
    <t>电蚊拍会电死人吗</t>
  </si>
  <si>
    <t>虽然电压高，但电流只有10MA。所以一般来说都是没事的。电死人的原因不是电压，而是电流，当心脏流过电流过大时，才会致命。</t>
  </si>
  <si>
    <t>一般来说电蚊拍的输出电压还是很高的，可以电死蚊子、蟑螂、苍蝇等害虫。但输出内阻太大，能量太小，一旦电人电压就下来了，所以对人没有伤害。</t>
  </si>
  <si>
    <t>电蚊拍电压不行，电死人的最低电压是36V。</t>
  </si>
  <si>
    <t>芒果烂了一部分还能吃</t>
  </si>
  <si>
    <t>幻视厉害吗</t>
  </si>
  <si>
    <t>不强，漫画中也就是中等，远不如绿胖、骑士、奇异之辈，电影中秒奥创更是笑话,初期奥创都能单手打Thor。</t>
  </si>
  <si>
    <t>手机app试玩兼职是真的吗</t>
  </si>
  <si>
    <t>是真的，要添加公众号，里面下载了试玩就行，很坏手机，一半靠发展下线才能赚到钱。</t>
  </si>
  <si>
    <t>苹果32g够用吗</t>
  </si>
  <si>
    <t>软件下载比较少的情况下够用，视频不能存太多，另外需要经常清内存，否则被占的太多，建议128g走起，无后顾之忧。价格差800。</t>
  </si>
  <si>
    <t>只要不玩游戏，不存视频，只是日常应用的话，勉强够了。如果存视频肯定不够。</t>
  </si>
  <si>
    <t>这个要看你怎么用，如果喜欢玩游戏，日常使用没有习惯清理内存的话，应该是不够的。</t>
  </si>
  <si>
    <t>中国武术有实战能力吗</t>
  </si>
  <si>
    <t>传统武术的确是有实战能力的，像很多的内家拳练习者，他们的拳打在身上的感觉，用泰拳，空手道之类格斗术那样靠肌肉的抗击打能力是扛不住的。</t>
  </si>
  <si>
    <t>公共英语三级难不难</t>
  </si>
  <si>
    <t>考试难度不是很大，没有英语四级难。</t>
  </si>
  <si>
    <t>公共英语很简单，相当于初中的水平。</t>
  </si>
  <si>
    <t>南京邮电大学是211吗</t>
  </si>
  <si>
    <t>票牛靠谱吗</t>
  </si>
  <si>
    <t>不会假，票不会有问题的。</t>
  </si>
  <si>
    <t>iphone信号变数字损害手机吗</t>
  </si>
  <si>
    <t>不会有伤害，只是显示方法不同而已。</t>
  </si>
  <si>
    <t>只是更直观的看到信号强度，没什么影响。</t>
  </si>
  <si>
    <t>被自己家狗爪子抓破了用打狂犬疫苗吗</t>
  </si>
  <si>
    <t>用的。只要留口了破了就要打疫苗的。</t>
  </si>
  <si>
    <t>出血了，就要打，不出血，酒精消毒</t>
  </si>
  <si>
    <t>属于轻度三级暴露，只打疫苗就可以了。</t>
  </si>
  <si>
    <t>iphone6 32g是真的吗</t>
  </si>
  <si>
    <t>守望先锋不花钱能玩吗</t>
  </si>
  <si>
    <t>一般来说要买了游戏才能玩，有的时候暴雪会出免费周末。</t>
  </si>
  <si>
    <t>好象有免费试玩的、不过想永久玩打排位之类、就得需要一个有权限的战网号、自己注册一个战网号再去官网买权限最低198。</t>
  </si>
  <si>
    <t>可以借号玩，不花钱是不行了。</t>
  </si>
  <si>
    <t>information可数吗</t>
  </si>
  <si>
    <t>乳胶沙发好吗</t>
  </si>
  <si>
    <t>海绵回弹力的10倍；不会塌陷，经年累月都不会变形，给予您经久耐用的支撑；超静音：天然乳胶垫能吸收因休息翻动，所造成的震动，使休息中不受干扰，不会影 响其他人，并能有效减少翻身次数，让您休息更安稳；抗静电：乳胶垫采用非金属部件，从而有效地阻止磁场的形成，做到完全绝缘和抗静   电；防螨防菌透气抗菌，分布平均，确保宝宝的肌肤健康并防止皮肤过敏及上呼吸道感染；　具通气效果，能使空气自动流通，迅速散发热气，具备冬暖夏凉的特性；100%防霉抗菌，　环保，无甲醛；</t>
  </si>
  <si>
    <t>乳胶是天然的橡胶汁液，极其珍贵。选用橡胶树所产的天然胶乳提炼成的乳胶绝无掺杂任何人工泡棉成份。属100%纯天然乳胶制品。因为乳胶本身就有易氧化、成型慢的缺点，成本比较的高，在市面上的价格也会比较高；据统计，一百个人里面至少会有八个人因为乳胶过敏，所以在购买之前要注意这些问题。</t>
  </si>
  <si>
    <t>现在乳胶都是市场上很畅销的沙发之一，因为它环保、坐着舒服，不易变型。</t>
  </si>
  <si>
    <t>软组织损伤能自愈吗</t>
  </si>
  <si>
    <t>损伤肌肉的，采取休息、冰敷、加压包扎、抬高患肢的原则一般十天半月就痊愈了，不好就是韧带损伤或骨伤,要抓紧时间敷骨伤药治疗，预防后遗症的发生。</t>
  </si>
  <si>
    <t>一般的考虑是软组织损伤引起的症状，及时的自我调理，可以改善症状的。 意见建议:首先需要注意个人的调理，及时的休息，不可以过度的劳累，口服热敷按摩的方法调理，口服舒筋活络丸、独活寄生丸水蜜丸之类的药物。</t>
  </si>
  <si>
    <t>京东白条买手机靠谱吗</t>
  </si>
  <si>
    <t>靠谱，产品都是一样的，只不过支付方式不一样而已。</t>
  </si>
  <si>
    <t>爱乐之城好看吗</t>
  </si>
  <si>
    <t>值得一看</t>
  </si>
  <si>
    <t>大便隐血阳性是癌症吗</t>
  </si>
  <si>
    <t>大便隐血阳性，仅能说明大便带血而已，只是辅助诊治手段。大小便和血清检查，都是常规的实验室诊治手段。只有在影像学（B超、CT、X光、核磁等）和病理学（大小病理切片）的基础上，才能做出准确判断。</t>
  </si>
  <si>
    <t>癌症的可能性很小，上消化道疾病的可能大，需要进一步检查，确诊。</t>
  </si>
  <si>
    <t>如果出现粪隐血阳性提示可能有：1.消化道癌症早期,有20％的患者可出现潜血试验阳性,晚期病人的潜血阳性率可达到90％以上,并且可呈持续性阳性,因此粪便潜血检查可作为消化道肿瘤筛选的首选指标。2.消化道出血,消化道溃疡病人粪便潜血试验多为阳性,或呈现间断性阳性。 3.可导致粪便中出现较多红细胞的疾病,如痢疾,直肠息肉,痔疮出血等也会导致潜血试验阳性反应。</t>
  </si>
  <si>
    <t>二建水利水电好考吗</t>
  </si>
  <si>
    <t>二建考试相对容易一点，做好复习，没有问题的。</t>
  </si>
  <si>
    <t>在二建里面算是比较不好考的专业。</t>
  </si>
  <si>
    <t>世界上真的有美人鱼吗</t>
  </si>
  <si>
    <t>栀子花能放在卧室吗</t>
  </si>
  <si>
    <t>不可以，栀子花的花对人体没有好处。</t>
  </si>
  <si>
    <t>栀子花是木本植物，适于在室外养植，否则容易死亡。如在卧室养，在晚上会与人争夺氧气，闻久了容易产生头晕，头疼，胸闷等反应，不要放在室内，放在窗户边或客厅为宜。栀子花开时太香，不利身体健康特别对是睡眠状态下的健康不好。</t>
  </si>
  <si>
    <t>可以，放室内明亮处比较好，干透及时浇水，喜湿润，喜肥水浇水时加点全元素营养液，可促进植物开花。</t>
  </si>
  <si>
    <t>纹眉毛好吗</t>
  </si>
  <si>
    <t>一般正常情况下基本都是建议画眉而不是纹眉，首先纹眉有风险，万一失败了后果不堪设想，其次万一纹的不好看，是后悔一辈子的。</t>
  </si>
  <si>
    <t>没有什么不好的，现在纹眉是一种时尚。</t>
  </si>
  <si>
    <t>喝中药放屁是在排毒吗</t>
  </si>
  <si>
    <t>放屁是在排毒。</t>
  </si>
  <si>
    <t>孕妇能开车吗</t>
  </si>
  <si>
    <t>第一种观点：认为孕妇在前7个月能经常开车，只要系上安全带，倍加小心，车速慢一点就没有问题，后3个月不能开车。第二种观点：认为孕妇最好还是不要开车，但如果距离很近，开车时间很短，在前7个月偶尔开开车也还是可以的，后3个月不能开车。第三种观点：认为只要确定自己是准妈妈了就坚决不可以开车。</t>
  </si>
  <si>
    <t>驾技熟练，怀孕前期可以开车，后期肚子大了就不要开了。孕妇开车有注意事项：一定要系安全带，安全带的肩带应置于肩胛骨的地方，而非紧贴脖子，安全带的肩带部分以穿过胸部中央为宜，不要压迫到隆起的肚子。</t>
  </si>
  <si>
    <t>怀孕三个月不宜开车，怀孕超过六个月最好就不要开车了。</t>
  </si>
  <si>
    <t>desktop.ini可以删除吗</t>
  </si>
  <si>
    <t>母乳是血变成的吗</t>
  </si>
  <si>
    <t>不会变成血</t>
  </si>
  <si>
    <t>乳汁不是血,但跟血液有密切的关系,母体摄入的营养成分经胃肠吸收进入血液,通过乳汁分泌和哺乳,婴幼儿获得营养成分</t>
  </si>
  <si>
    <t>母乳只是高蛋白的物质</t>
  </si>
  <si>
    <t>鹿晗不坐飞机吗</t>
  </si>
  <si>
    <t>可以坐。</t>
  </si>
  <si>
    <t>玻璃单独破碎险有必要买吗</t>
  </si>
  <si>
    <t>投保玻璃险还是很有必要的。</t>
  </si>
  <si>
    <t>要看个人情况，如果有以下三种情况建议购买玻璃单独破碎险，1新车，2经跑高速或者经山区道路行驶，3户外露停放或治安环境。</t>
  </si>
  <si>
    <t>如果你平时停车的地方很安全，就没有必要买 ，不太安全 随便停路边的那种 就要买了。</t>
  </si>
  <si>
    <t>婚姻登记处周六上班吗</t>
  </si>
  <si>
    <t>吸血姬要不要暴击</t>
  </si>
  <si>
    <t>看暴击高不高了，暴击太低叠爆伤收益不高。</t>
  </si>
  <si>
    <t>淘宝举报卖家 能看到谁举报的吗</t>
  </si>
  <si>
    <t>举报的话，举报是没办知道谁的，因为举报是匿名的</t>
  </si>
  <si>
    <t>淘宝卖家被举报是无法查到举报人信息的。淘宝对举报都是隐私保护的，无法查到具体举报人的ID信息。</t>
  </si>
  <si>
    <t>本杰明巴顿是真的吗</t>
  </si>
  <si>
    <t>明显是假的。</t>
  </si>
  <si>
    <t>虚构。</t>
  </si>
  <si>
    <t>不是，出自于斯科特·菲茨杰拉德的同名小说。</t>
  </si>
  <si>
    <t>电脑版微信能加好友吗</t>
  </si>
  <si>
    <t>微信网页版暂不支持添加微信好友。</t>
  </si>
  <si>
    <t>目前电脑版添加好友局限在群内好友的添加，暂不支持通过微信号或者ID进行添加。</t>
  </si>
  <si>
    <t>淘宝官换机靠谱吗</t>
  </si>
  <si>
    <t>宁愿买二手翻新机也不买官换机。翻新机复制刷新代码一样可以怎么查都是未激活0充电。可是淘宝多少卖官换机的？所谓官换机就是故障机去苹果维修，而苹果专卖通常不维修而是换新机。而苹果生产十台才出一台备机。如果淘宝官换机都是真的，那么岂不是亚洲地区所有的官换机都在淘宝卖家手里？你想可能吗？如果不可能。那么为什么淘宝买的机器查询都是未激活呢？那只有一个解释就是所谓的验证序列也是可刷可复制的。查的可能仅仅是卖家手里那一两台真手机拓下来的号码而已。所以宁愿买翻新机。</t>
  </si>
  <si>
    <t>请慎重购买，自己要有辨别的能力才不会上当。未激活的官换，通过IEMI来查询，激活的不买。N型号开头，M开通是全新机，F开头是官翻机查询GXS（可以查到手机前世今生）官换机是很值得购买的，请仔细辨别真假。</t>
  </si>
  <si>
    <t>马云投资维卡币真的吗</t>
  </si>
  <si>
    <t>豫草本衡通仪是骗局吗</t>
  </si>
  <si>
    <t>住宿费可以抵扣吗</t>
  </si>
  <si>
    <t>不可以抵扣。</t>
  </si>
  <si>
    <t>城投公司员工有编制吗</t>
  </si>
  <si>
    <t>公司是企业，没有编制。</t>
  </si>
  <si>
    <t>奢分期是真的吗</t>
  </si>
  <si>
    <t>在售商品大部分出自授权品牌方，部分由海外代理商直发商品。奢分期还是值得肯定的。</t>
  </si>
  <si>
    <t>个人可以注册商标吗</t>
  </si>
  <si>
    <t>个人可以注册商标，需要有个体工商营业执照。</t>
  </si>
  <si>
    <t>个人可以注册商标。</t>
  </si>
  <si>
    <t>宋慧乔宋仲基在恋爱吗</t>
  </si>
  <si>
    <t>香港理工大学是名校吗</t>
  </si>
  <si>
    <t>香港理工大学属于香港“八大”名校之一，相当于内地的重点大学。</t>
  </si>
  <si>
    <t>香港理工大学是香港八校之一，是香港最著名的高校之一，也是亚洲很出名的大学。可以说香港理工大学和内地的浙江大学、南京大学、复旦大学、上海交大等名校是一个档次的。</t>
  </si>
  <si>
    <t>公积金能取出来吗</t>
  </si>
  <si>
    <t>符合下列情形之一，并能按规定提供合法、有效证明的职工，可申请提取个人住房公积金账户内的存储余额： （一）购买、建造、翻建、大修自住住房的； （二）达到国家法定离退休年龄，或已正式办理了离退休手续的； （三）完全丧失劳动能力，并与所在单位终止劳动关系的； （四）出境定居的； （五）偿还购买自住住房贷款本息的； （六）支付自住房屋房租超出家庭月工资收入15%以上部分的； （七）正在享受城镇居民最低生活保障待遇的； （八）本人、配偶及其直系亲属因重大疾病造成家庭生活严重困难的； （九）遇到突发事件，造成家庭生活严重困难的； （十）连续失业两年以上，家庭人均月收入低于本地区最低工资收入，家庭生活严重困难的； （十一）职工在职去世，有继承人或受遗赠人领取的； （十二）职工为农业户口或非本市户口并与所在单位终止劳动关系的。</t>
  </si>
  <si>
    <t>拼多多可靠吗</t>
  </si>
  <si>
    <t>骗人的，通过这个骗取联系方式而已。</t>
  </si>
  <si>
    <t>不可信，有一次报道过说以骗信息为目的。</t>
  </si>
  <si>
    <t>质量非常差，没售后。</t>
  </si>
  <si>
    <t>dnf锻造会碎吗</t>
  </si>
  <si>
    <t>如果锻造失败的话，不会降级也不会碎武器，但是消耗掉的材料会消失。</t>
  </si>
  <si>
    <t>不会碎的。</t>
  </si>
  <si>
    <t>武器锻造不会碎，也不会掉，就是成功率很低，锻造失败材料会消失。</t>
  </si>
  <si>
    <t>无夜之国好玩吗</t>
  </si>
  <si>
    <t>个人感觉游戏挺无聊的，打击感不好，如果喜欢人设， 喜欢百合剧情倒是无所谓。</t>
  </si>
  <si>
    <t>癫痫病可以治好吗</t>
  </si>
  <si>
    <t>可以的，治愈后也要注意养成好的生活习惯。就不会复发了。ROS神经元激融技术可以治愈癫痫病的。</t>
  </si>
  <si>
    <t>经过国内外癫痫工作者几十年的努力，目前大部分癫痫病人可以用药物控制发做，但仍有近20%的癫痫病人虽然经积极的正规的药物治疗，发作仍不能得到很好的控制。这些病例有些需要外科手术治疗。  不同的病因、不同类型的癫痫，不同的手术方式，治疗结果也不同。</t>
  </si>
  <si>
    <t>很难根治的，现在一般只用药物控制</t>
  </si>
  <si>
    <t>卡巴斯基还有人用吗</t>
  </si>
  <si>
    <t>汽车贷款要押车吗</t>
  </si>
  <si>
    <t>不押车也是可以的。</t>
  </si>
  <si>
    <t>浦发万用金上征信吗</t>
  </si>
  <si>
    <t>上海浦东发展银行的万用金逾期会上征信记录的，按时还款避免因为逾期影响信用记录。</t>
  </si>
  <si>
    <t>征信没这一项，但会体现在信用卡里。</t>
  </si>
  <si>
    <t>挖财宝安全吗</t>
  </si>
  <si>
    <t>就挖财宝本身而言，个人认为是安全的。</t>
  </si>
  <si>
    <t>新西兰签证好办吗</t>
  </si>
  <si>
    <t>新西兰旅游签证办起来难度不大。</t>
  </si>
  <si>
    <t>2017梦幻五开还赚钱吗</t>
  </si>
  <si>
    <t>赚的少，不如去找个工作。</t>
  </si>
  <si>
    <t>还赚的，关键看人。</t>
  </si>
  <si>
    <t>赚得比较少。</t>
  </si>
  <si>
    <t>立顿茶包到底能不能喝</t>
  </si>
  <si>
    <t>茶还是可以的。主要是每个人的体质问题，如果不对应本身的身体因素喝茶，就有害。有胃溃疡，本身就不宜喝茶。</t>
  </si>
  <si>
    <t>不能喝，质量差。</t>
  </si>
  <si>
    <t>发财树需要修剪吗</t>
  </si>
  <si>
    <t>需要修剪。</t>
  </si>
  <si>
    <t>不要留太多叶子，要不然就显得树干细了。</t>
  </si>
  <si>
    <t>最好别剪。</t>
  </si>
  <si>
    <t>小米mix值得买吗</t>
  </si>
  <si>
    <t>原价买挺值，不适合喜欢拍照的人。</t>
  </si>
  <si>
    <t>小米MIX配置不错，外观也很好看，屏幕占比高达90%，这么漂亮的手机也是很少见，而且价格才3000，很良心的。能买得到还想买当然要买。</t>
  </si>
  <si>
    <t>黑巧克力能减肥吗</t>
  </si>
  <si>
    <t>吃黑巧是减肥的 ；黑巧克力即纯巧克力和牛奶巧克力口味不同。两者的区别是，黑巧克力的脂肪要低于牛奶巧克力（黑巧克力每100克含24克脂肪，而牛奶巧克力含33克），而且黑巧克力所含的盐分少（12微克对84微克）、糖分多（64克对55克）。真正会吃巧克力的人都只喜欢黑巧克力。有些巧克力美食家还定期聚会以专门品尝各种名巧克力。就像名葡萄酒和好咖啡一样，根据可可豆产地的不同和研制方法的差异，黑巧克力也有很多很出名的品种。</t>
  </si>
  <si>
    <t>巧克力减肥方法是利用了黑巧克力含有咖啡因具有抑制食欲的功效，而真正含有的可可豆脂肪含量并不高，异黄酮成分还能预防水分在体内堆积而浮肿，这些都是利于减肥的，不过要采用巧克力减肥方法，首先要明白巧克力指的是70%以上的黑巧克力，而且还要方法正确；想利用巧克力减肥方法达到减肥的目的，就需要采用含可可量在70%以上的黑巧克力，这样才能吸收过多的热量；另外黑巧克力要每天吃50克，这样才能达到抑制食欲的作用，而且要尽量饭前吃，巧克力的量不能超呦，否则也会热量过高导致减肥失败的，如果不想一次吃那么多的量，可以分多次食用，当作零食嘴谗时吃，也是可以减少热量，还能缓解便秘，达到减肥，美容的功效。</t>
  </si>
  <si>
    <t>paperfree论文查重靠谱吗</t>
  </si>
  <si>
    <t>Paperfree查重基本是靠谱的，查重结果一般比学校严格一些。</t>
  </si>
  <si>
    <t>dnf招深渊打手的是不是真的</t>
  </si>
  <si>
    <t>这不能排除，按老司机的经验，有些人会免费带，有些人会要收费用，有人就是收了费用他就远走高飞的，现在应该还存在！</t>
  </si>
  <si>
    <t>全是骗子，首先让加群，然后就要交押金的，等交完押金，就被T出群。</t>
  </si>
  <si>
    <t>假的，骗押金的。</t>
  </si>
  <si>
    <t>腾讯大王卡微信视频免流量吗</t>
  </si>
  <si>
    <t>所有腾讯软件都是免费的。</t>
  </si>
  <si>
    <t>巧克力娃娃吃虾吗</t>
  </si>
  <si>
    <t>没有看到有啄虾的情况，基本是毫无兴趣的路过。</t>
  </si>
  <si>
    <t>巧克力娃娃就是河豚类，就是专门吃小虾小螺的！</t>
  </si>
  <si>
    <t>会吃的，而且很喜欢吃。</t>
  </si>
  <si>
    <t>权健麦芽精是传销吗</t>
  </si>
  <si>
    <t>不是，是老牌直销公司。</t>
  </si>
  <si>
    <t>三星750evo寿命很短吗</t>
  </si>
  <si>
    <t>三星标称的70TB，TLC颗粒的写入寿命是500PE左右，所以这盘理论写入寿命为500×250G=125TB，再算上写入放大等因素，所以厂家定为70TB，而实际使用寿命一般都要高于标称的指标，现在的固态硬盘基本看不到正常使用把寿命用完的（除非那种服务器回写用或单纯测试写入寿命时连续不停写入），所以固态硬盘的写入寿命根本不是普通用户使用中要担心的问题，而需要担心的固态硬盘使用中异常挂掉（例如异常断电后SSD变砖无法识别），所以售后和稳定性才是需要注意的。三星750EVO是三星SSD中性能较低的产品，速度偏低一些。</t>
  </si>
  <si>
    <t>乐视pro3有那么垃圾吗</t>
  </si>
  <si>
    <t>不差呀，配置高，质量也好。</t>
  </si>
  <si>
    <t>性能还不错。</t>
  </si>
  <si>
    <t>apple软件备份文件可以删除吗</t>
  </si>
  <si>
    <t>猫会游泳吗</t>
  </si>
  <si>
    <t>榴莲的核能吃吗</t>
  </si>
  <si>
    <t>可以炒着吃，生吃也可以，那东西对身体不错，核有点板栗的味道。 其实榴莲核也有一定的药用价值和食用价值，在南方的民间很早榴莲核熬汤的方法。</t>
  </si>
  <si>
    <t>榴莲核有一定的药用价值，有用榴莲核煲汤的做法。相对榴莲果肉，榴莲的核质较温和，晒干煮汤有补肾、健脾的作用。</t>
  </si>
  <si>
    <t>用榴莲的皮加点瘦肉一起煲汤，不但超美味，而且很清热。果核可煮和烤着吃，味道象煮得半熟的甜薯，煮榴莲的水能治疗皮肤敏感性的疮痒。榴莲壳与其他化学物可合成肥皂，还能用作皮肤病药材。1. 榴莲核:温补肾 榴莲营养十分丰富,广东人称:一只榴莲三只鸡。其果肉中含有多种维生素,能壮阳助火,2.能吃,榴莲的核质较温和,晒干煮汤有补肾、健脾的作用。榴莲核有一定的药用价值,有用榴莲核煲汤的做法。相对榴莲果肉,榴莲的核质较温和,晒干煮汤有补肾、健脾的。</t>
  </si>
  <si>
    <t>2017年宝鸡房价会涨吗</t>
  </si>
  <si>
    <t>房价是永远不会跌的。</t>
  </si>
  <si>
    <t>永康智能降度镜可靠吗</t>
  </si>
  <si>
    <t>这个眼镜很神奇，一个礼拜裸眼视力提升了2行，度数降了50度。</t>
  </si>
  <si>
    <t>骗人的，戴了两个多月，一点也不舒服。两只眼睛近视度数都涨了，太坑人了。</t>
  </si>
  <si>
    <t>台北转机需要入台证吗</t>
  </si>
  <si>
    <t>如果在台湾转机不出机场的话不需要入台证的，出机场的话必须得有入台证。</t>
  </si>
  <si>
    <t>不出台湾机场的话就不用用办理入台证。</t>
  </si>
  <si>
    <t>大陆出发，台北中环的话需要大通证，入台证。</t>
  </si>
  <si>
    <t>海宁通地铁 房价会涨吗</t>
  </si>
  <si>
    <t>海宁目前房价只会增涨，甚至会限购。</t>
  </si>
  <si>
    <t>会。国家说在调控，可政府卖地越来越贵，开发商拿地也越来越不容易，主要是地的问题。</t>
  </si>
  <si>
    <t>涨，长三角带动的。目前海宁房价还没到顶峰。</t>
  </si>
  <si>
    <t>同济大学研究生好考吗</t>
  </si>
  <si>
    <t>同济的土木很难，结构力学和材料力学比别的学校都难。</t>
  </si>
  <si>
    <t>分专业，以下10个必须要非常非常努力：土木工程 、城乡规划学、风景园林学、建筑学、交通运输工程、环境科学与工程、海洋科学、测绘科学与技术、地球物理学、设计学</t>
  </si>
  <si>
    <t>没有难不难，只在于肯不肯努力。</t>
  </si>
  <si>
    <t>魏大勋李沁在一起了吗</t>
  </si>
  <si>
    <t>他们只是在排节目</t>
  </si>
  <si>
    <t>只是为了娱乐效果。他们私下只是好朋友。</t>
  </si>
  <si>
    <t>没有，那是二人参加的一档真人秀节目，《我们相爱吧》第二季。</t>
  </si>
  <si>
    <t>云集卖的素野是正品吗</t>
  </si>
  <si>
    <t>爱否商城买手机可靠吗</t>
  </si>
  <si>
    <t>爱否商城买手机不可靠。</t>
  </si>
  <si>
    <t>爱否商城寄售手机当然可信。</t>
  </si>
  <si>
    <t>steam共享游戏能同时玩吗</t>
  </si>
  <si>
    <t>同一个游戏不能同时玩。</t>
  </si>
  <si>
    <t>大号给小号共享游戏，两号不能同时玩一个游戏，游戏成就数据归大号，两个电脑两个号不能同时一起玩同一个游戏。</t>
  </si>
  <si>
    <t>海军航空实验班靠谱吗</t>
  </si>
  <si>
    <t>海军航空实验班是我国海军为了提前培养海军舰载机飞行员（通俗说就是航母上开飞机的飞行员）而在高中阶段设立的“预科班”，海军舰载机飞行员相比于其他飞行员技术上要求更高。</t>
  </si>
  <si>
    <t>王者荣耀不同系统能不能一起玩</t>
  </si>
  <si>
    <t>已经实现了安卓和苹果数据互通的功能，不同系统的玩家也可以加好友一起对战了。</t>
  </si>
  <si>
    <t>可以一起玩，但是不能互动，比如说送金币聊天。</t>
  </si>
  <si>
    <t>加了好友的才可以，比如用微信登录，微信好友之间，不同设备可以一起玩。</t>
  </si>
  <si>
    <t>奶昔俱乐部是传销吗</t>
  </si>
  <si>
    <t>家用胎心仪对宝宝有影响吗</t>
  </si>
  <si>
    <t>选用正规的胎心仪应该是不存在这种问题的，推荐康铂或者康泰的胎心仪。</t>
  </si>
  <si>
    <t>北部湾传销国家默许吗</t>
  </si>
  <si>
    <t>北部湾传销国家默许是骗人的鬼话。</t>
  </si>
  <si>
    <t>身份证过期了能买火车票吗</t>
  </si>
  <si>
    <t>身份证过期好像是可以网购车票的吧， 网购车票后需要到起始站的自助取票机取票，取票可以选择刷身份证取票，和订单取票（密码取票） 身份证过期不能用就选择订单（密码）取票啊，不就可以把车票取出来了上车又不会检查身份证的。</t>
  </si>
  <si>
    <t>可以的。网上买火车票只需要身份证号码和姓名即可，取票和乘车时是需要身份证原件的。那么可以现在网上把火车票买下，然后带着过期的身份证去火车站，在火车站有专门的制作临时身份证明的窗口，办一个临时身份证明，拿着这个临时身份证明就可以去取票了，拿着这个临时证明也可以上车了，不过，这个临时证明只管买火车票及上火车，所以，建议，有时间的话，到派出所把过期身份证换了。</t>
  </si>
  <si>
    <t>小苏打刷牙有害吗</t>
  </si>
  <si>
    <t>会有影响的。1、会对口腔粘膜产生刺激性损伤。2、口腔属于一个弱酸环境，这样会改变口腔的固有环境。3、建议可以在刷牙时，给牙膏上适当放点盐，这样有助于口腔卫生，还可以变白牙齿。</t>
  </si>
  <si>
    <t>小苏打刷牙只是清洁的作用，不能使牙齿变白。</t>
  </si>
  <si>
    <t>没有危害。不必担心。</t>
  </si>
  <si>
    <t>孕妇能吃燕麦吗</t>
  </si>
  <si>
    <t>燕麦有催产，滑肠的功效，所以在孕期这个特殊时期里，孕妇最好不要吃燕麦。</t>
  </si>
  <si>
    <t>中国紧急救援是真的吗</t>
  </si>
  <si>
    <t>这个是真的，目前我国已经组织了专业的紧急救助队伍，同时也配备了专业的设备，目前各项制度已经健全，近几年来我国在全球也开展了多次紧急救助任务，获得了全世界的好评，将来还会做的越来越好。</t>
  </si>
  <si>
    <t>新疆妹子会很骚吗</t>
  </si>
  <si>
    <t>有骚的有不骚的。</t>
  </si>
  <si>
    <t>肝衰竭能治好吗</t>
  </si>
  <si>
    <t>已经没有治疗的价值了，这个情况的话已经是肝癌或者是肝硬化后期了，只能根据患者的实际情况维持治疗了。没有特别大的治疗价值了。</t>
  </si>
  <si>
    <t>很遗憾，不能治好的。但是也别失落，不能治好，但是可以控制，至少减慢其恶化。</t>
  </si>
  <si>
    <t>肝衰竭已经是肝病的晚期了，光靠药物是不能够治愈的，只能够用药物来维持治疗，延缓病情的发展。要想治愈此病,唯一的办法就是进行肝移植，但是肝移植是需要花费很多钱的，并且也是有很大的风险的。</t>
  </si>
  <si>
    <t>阴茎歪了正常吗</t>
  </si>
  <si>
    <t>是可以的，不会有影响的，很多情况有这情况，不要紧张，在疲软时向右侧偏的比较明显。</t>
  </si>
  <si>
    <t>很多的男性生殖器在勃起之后都会有一些偏曲，多数是向左偏，只要偏曲的尺度不超过45°，那就不影响以后的使用，也不需紧张。</t>
  </si>
  <si>
    <t>属于正常的，反正勃起向哪偏都正常。</t>
  </si>
  <si>
    <t>珍爱网的男士是真的吗</t>
  </si>
  <si>
    <t>不是的，珍网红娘比较好的。</t>
  </si>
  <si>
    <t>有真有假，假的是网站的托，真的网站宣传吸引单纯的人。</t>
  </si>
  <si>
    <t>皮沙发有味道是甲醛吗</t>
  </si>
  <si>
    <t>不是甲醛，是处理真皮所用的化学物质。</t>
  </si>
  <si>
    <t>都会有甲醛散发出来的。</t>
  </si>
  <si>
    <t>真皮的皮革是没有甲醛的，在真皮皮革的加工过程中会添加一些除臭剂，防腐剂， 所以真皮的皮革闻起来会带一些"异味"，而这些异味并非是甲醛的味道。但是真皮沙发里面如果有黏贴内衬的材质，所使用的粘合剂就有可能会带有甲醛。另外也有可能买到的为人造皮与真皮混混用的沙发而带有比较重的塑料味或甲醛味。</t>
  </si>
  <si>
    <t>开合跳能减肥吗</t>
  </si>
  <si>
    <t>能，不过要每天都坚持，每次最少20分钟。</t>
  </si>
  <si>
    <t>能，是全身运动，脂肪燃烧，还能锻炼肺部呼吸。</t>
  </si>
  <si>
    <t>坚持的话有点效果。</t>
  </si>
  <si>
    <t>瑞倪维儿到底有激素吗</t>
  </si>
  <si>
    <t>没有激素的也不会产生依赖。</t>
  </si>
  <si>
    <t>通常这类护肤品是含有激素的。</t>
  </si>
  <si>
    <t>自书遗嘱需要按手印吗</t>
  </si>
  <si>
    <t>自书遗嘱”要按手印。是要按在签名上面。</t>
  </si>
  <si>
    <t>自书遗嘱，即立遗嘱人亲笔书写，并签名，注明年、月、日，不需按手印</t>
  </si>
  <si>
    <t>微信上的理财通安全吗</t>
  </si>
  <si>
    <t>热血班长有特效吗</t>
  </si>
  <si>
    <t>热血高校系列都没有特效的。</t>
  </si>
  <si>
    <t>软件设计师证书有用吗</t>
  </si>
  <si>
    <t>没什么含金量，但是能证明你有点变成的底子。</t>
  </si>
  <si>
    <t>从事国家事业单位或者一些正规的大型企业可能有用处，小型企业没什么用。</t>
  </si>
  <si>
    <t>固态硬盘坏了数据能恢复吗</t>
  </si>
  <si>
    <t>这样的情况是有很大的几率恢复的，只要不再次写入数据就没什么大问题还是能把文件恢复出来的。如果没有重要的文件可以用ESAYRECOVER来操作恢复，但是这样的恢复软件是不太完善的，有时候文件不一定能恢复全面。建议还是在飞尔数据恢复中心这种专业机构进行检测下载进行恢复。</t>
  </si>
  <si>
    <t>硬件故障需要开盘。如果不是硬件故障，自己用恢复软件扫描看看，推荐用安易数ju恢复软件。</t>
  </si>
  <si>
    <t>PE系统下看看能否认得出。能够的话，就可以拷贝里面的数据到u盘。无法读取的话，数据的恢复需要送专业数据恢复中心，但收费很高。</t>
  </si>
  <si>
    <t>本科论文致谢查重吗</t>
  </si>
  <si>
    <t>论文的每个部份都会查重的</t>
  </si>
  <si>
    <t>一般论文检测系统查重的范围是目录和参考文献之间的部分，如果致谢在参考文献后面，就不查</t>
  </si>
  <si>
    <t>一般不查重，要看学校的要求</t>
  </si>
  <si>
    <t>吃中华鲟犯法吗</t>
  </si>
  <si>
    <t>依现行的法律规定，中华鲟为国家一级保护动物，有鱼类“活化石”之称，合法经营的，必须持有《水生野生动物经营利用许可证》，且食材来源合法。只能售卖人工养殖的子二代和无繁育能力的残体。</t>
  </si>
  <si>
    <t>吃野生的犯法，不过吃人工饲养的不犯法。</t>
  </si>
  <si>
    <t>因为中华鲟是国家一级保护动物所以不能吃。</t>
  </si>
  <si>
    <t>云奇付q币提现靠谱吗</t>
  </si>
  <si>
    <t>真的，提现到微信不会收手续费。</t>
  </si>
  <si>
    <t>真的。提现到支付宝上会收手续费。</t>
  </si>
  <si>
    <t>是真的，但收手续费，到账很快，折扣比较优惠。</t>
  </si>
  <si>
    <t>dnf对敌人的伤害和增加伤害冲突吗</t>
  </si>
  <si>
    <t>均属于黄字伤害，冲突。</t>
  </si>
  <si>
    <t>坐月子可以玩手机吗</t>
  </si>
  <si>
    <t>产后3天之内不要看手机，之后可以适当看。</t>
  </si>
  <si>
    <t>手机还是可以使用的。</t>
  </si>
  <si>
    <t>印象笔记支持markdown吗</t>
  </si>
  <si>
    <t>按道理应该是可以的。先下载安装看看。如果不行的话。就可能是系统的问题了。</t>
  </si>
  <si>
    <t>is语音兼职是真的吗</t>
  </si>
  <si>
    <t>假的，是诈骗。</t>
  </si>
  <si>
    <t>手机银行转账要手续费吗</t>
  </si>
  <si>
    <t>手机网上银行转账要手续费。</t>
  </si>
  <si>
    <t>目前没有收费的说法。</t>
  </si>
  <si>
    <t>手机网银转账需要收取一定的手续费。</t>
  </si>
  <si>
    <t>陈长生是不是圣后的儿子</t>
  </si>
  <si>
    <t>一种说法陈长生是圣后的儿子。还有一种说法是陈玄霸和周独夫生了陈长生。</t>
  </si>
  <si>
    <t>牙齿拔掉后不补要紧么</t>
  </si>
  <si>
    <t>时间长了牙齿缺失的牙槽骨位置会随着年龄的增长出现不同程度的牙槽骨吸收。邻近健康的牙齿容易出现松动。</t>
  </si>
  <si>
    <t>影响很大的，还是及时补上吧。 具体影响如下: （1）咀嚼功能减退或丧失 在正常情况下，食物进入口腔后，被牙齿逐渐嚼碎，食物被咀嚼的同时也对口腔起到刺激作用，引起神经反射，一方面促进肠胃液的分泌，帮助消化；另一方面也促进了胃肠蠕动，加快营养成分的吸收。当个别牙齿缺失或牙列缺失后，咀嚼效率随之降低或丧失，唾液分泌减少，胃肠系统的负担随之加重，从而导致胃肠功能紊乱，影响人体对营养成分的吸收，严重者机体可出现消化系统的疾病。 （2）影响面型美观 当我们缺一颗前牙，甚至前牙缺一个角儿都会影响面型，牙齿全部缺失对面型的影响就更为严重。 牙齿全部缺失后，由于上、下颌骨间失去了牙齿的支持，造成面部高度变短，而且牙槽骨或整个咬合系统因缺乏正常咀嚼力量的刺激将会逐渐退变、吸收，面颊部和周围肌肉出现松弛塌陷，口角下垂，面部变形及皱纹增多，整个人看起来就会比同龄人显得苍老。 （3）对剩余牙有不利影响 牙齿承受的咀嚼力是有一定限度的，当个别牙齿缺失后，咀嚼力就会全部加在余留牙上，当咀嚼力超过了余留牙的最大承载限度，就会对余留牙齿造成创伤，而产生牙周膜水肿、牙龈萎缩、牙槽骨吸收、牙齿松动等牙周疾病。 如果长时间没有镶镶牙能导致其相邻真牙向缺牙空隙内倾斜、移位缺牙空隙相应牙齿抗力量逐渐伸咬合关系牙齿排列现错乱致使剩余牙齿失邻接关系造食物嵌塞亦导致牙周病病，另外牙齿缺失影响准确发音、造颞颌关节紊乱等疾病甚至造痛、眩晕、张口受限。</t>
  </si>
  <si>
    <t>除了智齿之外，其他牙齿在拔除后，需要让牙龈自然恢复平整后进行修复，也就是需要做义齿。因为，牙齿长时间缺失，会导致对位牙齿凸出生长及临位牙齿的横向移位。</t>
  </si>
  <si>
    <t>小说择天记完结了吗</t>
  </si>
  <si>
    <t>天猫国际官方认证过的海外旗舰店靠谱吗</t>
  </si>
  <si>
    <t>假货，刚买的，上当了，不是新西兰产的，保证上面的日期竟然是年月日，而且保证底部还有汉字。</t>
  </si>
  <si>
    <t>天猫的出现，或多或少加速了品牌的建立。很多没有建立品牌的商家，申请天猫后，自己的店名就叫某某旗舰店，这样可以增加公信力。当然，想加入天猫，商品的质量上还是要有一定要求才能申请通过的。</t>
  </si>
  <si>
    <t>店宝宝可信吗</t>
  </si>
  <si>
    <t>斐讯k2有后门吗</t>
  </si>
  <si>
    <t>有，一般是拿到后刷的华硕的固件。</t>
  </si>
  <si>
    <t>片仔癀祛斑有效果吗</t>
  </si>
  <si>
    <t>不怎样。</t>
  </si>
  <si>
    <t>外地摩托车牌照能在上海用吗</t>
  </si>
  <si>
    <t>不过听说抓到一次200。外地牌照除了黄牌小心点，黄拍外地好象也不可以，当心点为好，外地摩托车在上海是不能骑的，不怕抓的那就骑上海摩托车可以办蓝牌沪C、D、E但只能郊区开，不能过内外线(中山路)，对来说沪C、D、E上下班没问题了，松江一般管理不是很严格的，随便骑的。高峰时期避开老警就ok了，规定是不可以的，如果走谷阳北路是有一个桥洞上面会写着不让进，但是进了也无所谓。小心点好，松江城区是禁止行使摩托车的，进城区的路口都有禁行标志。</t>
  </si>
  <si>
    <t>1.外地摩托车不能上路。2.上海市交管部门对于外地摩托车的限行规定：悬挂外省市号牌的摩托车（含轻便摩托车、两轮摩托车、三轮摩托车、边三轮摩托车、三轮轻便摩托车）禁止在以下区域内的道路上通行：沿沪太公路、宝钱公路、沪宜公路、外青松公路、沪青平公路、朱枫公路、亭枫公路、S19新卫高速公路、新卫公路、卫六路、沪杭公路以及本市与浙江、江苏省交界线所围合的区域（不含上述道路）。沿外青松公路、沪青平公路、复兴路、淀山湖大道、港周路、盈朱路、青赵公路、北青公路所围合的区域（不含上述道路）。</t>
  </si>
  <si>
    <t>不能，交警会找麻烦的。</t>
  </si>
  <si>
    <t>盗版win10能用商店吗</t>
  </si>
  <si>
    <t>激活一下就能用了。</t>
  </si>
  <si>
    <t>一、重新登录Win10商店　　1、打开商店后，点击你的头像。2、点击你的账户名称，进入账户页面。3、点击你的账户名，然后点击“注销”4、再次点击头像图标，然后点击“登录”5、点击你的账户（一般第一个就是）进行登录。</t>
  </si>
  <si>
    <t>只要用微软账户登录应用商店后，就可以购买。与正版与否无关，只要激活了就行。</t>
  </si>
  <si>
    <t>学习java有前途吗</t>
  </si>
  <si>
    <t>这个要看你认不认真学了,不认真干毛都没前途,北京黑马的那些平均工资就7 8 千,大内酱肉狗出来很多都没人要，因人而异的；话所java这种入门门槛很低,我同学大专毕业培训半年就去工作了,只要有技术就好混,不想其他很多行业要么靠关系,而且能直接到就业水平的学习成本也相对少；不过要是走这个路,就要靠本事吃饭,想打酱油混是没什么钱的；等做几年能管项目了或者走讲师的路,钱更多啊；java在中国发展才小20年,大有前途的说；总之这个行业是你努力多少立马就回报多少。</t>
  </si>
  <si>
    <t>随着IT产业的发展，许多企业中的计算机应用程序也在随之转型，企业中所应用的计算机模式逐渐向客户端较小、服务器随之增大、数据库的容量也在相应增加的方向转变；此外，加上Java语言独有的特点，根据其在各项服务器中应用程序的开发所占有的优势，企业版的J2SE为企业环境中计算机模式的应用提供了良好的平台。</t>
  </si>
  <si>
    <t>一个JAVA工程师在网站、插件编辑、游戏、媒体等许多方面都能发挥作用，不论你做软件程序设计还是信息系统分析师甚至电影的美化制作都要用到一些JAVA语言知识；一般的公司需要JAVA语言熟练，能独立读懂程序并能够编写各种语句的编程师；JAVA语言是一种高级语言中的高级语言，有很高的集成度，这方便了编程人员编写更复杂的商用程序；除了JAVA之外，PHP编程、嵌入式编程都可以学习下，这些可是发展主流，尤其是嵌入式编程前景广阔。一般的JAVA工程师刚入行即可在公司有着3000+的待遇，而资深的JAVA程序师则收入翻倍都有可能。</t>
  </si>
  <si>
    <t>小苏打是碱吗</t>
  </si>
  <si>
    <t>小苏打不是食用碱。</t>
  </si>
  <si>
    <t>不是，食用纯碱是碳酸钠，小苏打是碳酸氢钠。</t>
  </si>
  <si>
    <t>一样。</t>
  </si>
  <si>
    <t>阿里健康大药房可靠吗</t>
  </si>
  <si>
    <t>一个朋友用了阿里健康大药房的药，马上上吐下泻。阿里健康大药房说是批次问题，都说了批次，那不就是质量问题，也说正常范围内敏感，不退钱。问药时，阿里健康大药房的客服回答无凭无据，不准。</t>
  </si>
  <si>
    <t>食管炎的症状能自愈吗</t>
  </si>
  <si>
    <t>注意恰当的生活方式保养也可以自然痊愈。</t>
  </si>
  <si>
    <t>指纹支付安全吗</t>
  </si>
  <si>
    <t>2017年psv还出游戏吗</t>
  </si>
  <si>
    <t>出是肯定会出的。</t>
  </si>
  <si>
    <t>不去健身房能练出肌肉吗</t>
  </si>
  <si>
    <t>完全可以的 。  坚持坚持再坚持！如果在家的话：（1）可以坚持做俯卧撑锻炼上肢力量（2）可以采用深蹲锻炼下肢力量 。</t>
  </si>
  <si>
    <t>国际通用英语是英式吗</t>
  </si>
  <si>
    <t>英式英语！ 因为国际上都是以英式英语的发音和语法来交流。美式英语偏重口语化。</t>
  </si>
  <si>
    <t>重大会议场合，比如中国的新闻发布会，会见各国首脑时的翻译都是英式英语。</t>
  </si>
  <si>
    <t>里美尤利娅是变性人吗</t>
  </si>
  <si>
    <t>是女的</t>
  </si>
  <si>
    <t>dnf黄金卡牌免费翻是一个号10次吗</t>
  </si>
  <si>
    <t>一天能免费翻10次黄金卡牌</t>
  </si>
  <si>
    <t>肯定是啦</t>
  </si>
  <si>
    <t>一部手机可以上两个微信吗</t>
  </si>
  <si>
    <t>做五行熏蒸出汗多好吗</t>
  </si>
  <si>
    <t>当然好，就是要排汗。</t>
  </si>
  <si>
    <t>茶叶梗能去甲醛吗</t>
  </si>
  <si>
    <t>可以。做法如下：原料：茶叶梗、不用的小纸盒子、大纸箱。方法：1、首先准备好茶叶梗，一般去茶叶店都能免费要的到。2、准备好一些不用的小纸盒和大纸箱。3、将茶叶梗散落到小纸盒和大纸箱里。4、然后将装满茶叶梗的小纸盒放到家具的抽屉里和收纳间里，将铺满茶叶梗的大纸箱放置床底下，以便于茶叶梗更好的吸收甲醛。5、条件允许的情况下，最好十天半个月换一次茶叶梗，这样去除甲醛的效果会更好一些。</t>
  </si>
  <si>
    <t>1.完全去除甲醛是不可能的，如果一定使用茶叶梗的话建议放时间久一点。2.茶叶梗确实有清新空气，去除的异味的作用，但是完全去除甲醛是不可能的。3.另外茶叶梗建议使用铁观音的茶叶梗，效果更好。</t>
  </si>
  <si>
    <t>激光祛斑有效吗</t>
  </si>
  <si>
    <t>激光去色素斑治疗时间比较短，最多不过十几分钟左右。每次治疗结束以后，都要给皮肤一个新陈代谢过程，为此，激光去色素斑治疗的间隔时间多数为3个月。根据色素及血管病变的大小、数量及深度，有的治疗一两次就能达到预期的效果，一般则需4到6次才能彻底解决问题。</t>
  </si>
  <si>
    <t>作为祛斑最有效的方法激光祛斑，激光祛斑的效果是非常理想的，它可以去掉颜色较深的色素斑，色斑能吸收这类激光并被分解。当色素渐渐被身体吸收时，颜色也随之变淡。可以全方位解决各种斑斑点点问题，同时还能解决毛孔粗大，面色晦暗，血管病变，皮肤松弛，细小皱纹，脱毛等皮肤问题。</t>
  </si>
  <si>
    <t>激光祛斑会有针刺一样的感觉，不需要使用麻醉药物，激光疗法针对性强，祛斑效果明显，立竿见影，副作用很小，只是容易留下痕迹。激光去色素斑的原理是由于不同类型的激光产生光线颜色不同，某一特定波长的激光只被相应颜色的色素吸收。因此医疗机构利用激光仪产生强度大的光束，使色素消退，以达到去除色素斑的目的。并且，只有病变的细胞才吸收特定的激光，而正常的皮肤组织是不会受到损伤的。</t>
  </si>
  <si>
    <t>滴滴巴士取消了吗</t>
  </si>
  <si>
    <t>滴滴没有接到要停运滴滴巴士的通知，请放心使用。</t>
  </si>
  <si>
    <t>友邦保险靠谱吗</t>
  </si>
  <si>
    <t>上市大公司，很靠谱啊。</t>
  </si>
  <si>
    <t>友邦保险实力雄厚值信赖。</t>
  </si>
  <si>
    <t>微信不绑定银行卡可以转账吗</t>
  </si>
  <si>
    <t>未添加过银行卡的用户转账付款单笔单日限额200元，收款单笔单日限额3000元。超过限额后若想继续使用，需要添加一张银行卡，验证身份信息。</t>
  </si>
  <si>
    <t>微信转帐，不仅转帐方要绑定银行卡，接收方也要绑定银行卡才行。</t>
  </si>
  <si>
    <t>康师傅倒闭了吗</t>
  </si>
  <si>
    <t>台湾康师傅倒闭，内地不受影响。未来几年不会有倒闭的危险。</t>
  </si>
  <si>
    <t>假的，康师傅退出了台湾市场。</t>
  </si>
  <si>
    <t>酸奶和香蕉能一起吃吗</t>
  </si>
  <si>
    <t>能一起吃。</t>
  </si>
  <si>
    <t>最好分开吃，肠胃不好的人很容易拉肚子。</t>
  </si>
  <si>
    <t>封印者好玩吗</t>
  </si>
  <si>
    <t>封印者可以的，操作比较的简单。</t>
  </si>
  <si>
    <t>不好玩。</t>
  </si>
  <si>
    <t>专科可以考公务员吗</t>
  </si>
  <si>
    <t>买人防车位能用70年吗</t>
  </si>
  <si>
    <t>公益性岗位是终身的吗</t>
  </si>
  <si>
    <t>没有时间限制</t>
  </si>
  <si>
    <t>公益性的岗位并不是终身制的，他是双方进行选择的，你愿意做对方也需要你，才能长久的做下去。</t>
  </si>
  <si>
    <t>公益性岗位一般属于社会性组织，是临时的。机构撤消了，岗位就没有了。</t>
  </si>
  <si>
    <t>360借条上征信吗</t>
  </si>
  <si>
    <t>360借条会根据用户授权，进行人行征信查询。</t>
  </si>
  <si>
    <t>360借条有额度不申请提现是上征信的。</t>
  </si>
  <si>
    <t>没有贷款是不会上征信的。</t>
  </si>
  <si>
    <t>团委书记必须是党员吗</t>
  </si>
  <si>
    <t>1、团干是否必须是党员？不一定。有很多28岁以下的团干不是党员。2、团的干部分两种：团员——28岁以下，党员——可以放宽到35岁。如果在28岁以前没有入党，那么28岁自动退团，也就不再担任团干部了。如果领导还要28岁后继续做团的事物，那就要求把身份变为党员，否则于理不合。</t>
  </si>
  <si>
    <t>如果现在是团干部，即使已经到了甚至过了退团的年龄，也还是团员，当然前提是还没有入党，党员照样可以当团干部。</t>
  </si>
  <si>
    <t>既不是团员、又不是党员，是不能当团委书记的。</t>
  </si>
  <si>
    <t>脑梗可以治愈吗</t>
  </si>
  <si>
    <t>不能完全治愈。通俗来说：脑梗塞以后，梗塞的脑组织中间叫做梗死带，梗死带周围是有一层水肿带。水肿带的组织以后能慢慢不再水肿了，能恢复正常。中间的梗死带是绝对不可能恢复的。梗死带以后会慢慢变成脑脊液（差不多就是变成水的意思）。然后该梗死带负责的功能就会丧失，例如：吞咽、说话、听理解、手脚活动、身体感觉等。假如这个时间给予适当的康复训练，加强训练，可以把这些功能重新学回来。其实就是把这个功能转移到大脑的其他部位负责。逐渐的，又恢复这个功能了，但似乎总不可避免的较以前差一些。现代医学证明，人脑大部分区域都是不起作用的，或者说我们不知道它起什么作用。所以，为功能的转移提供了空间。</t>
  </si>
  <si>
    <t>专家表示：轻微脑梗塞的主要病理变化是在脑动脉硬化的基础上，血管内形成血栓，阻塞了血流，造成脑组织的缺血、缺氧和坏死，使病人出现偏瘫、失语、偏侧肢体麻木、走路不稳、大小便失禁、精神错乱、痴呆、甚至成为植物人，部分脑干血栓和大面积脑梗塞可致命。对于轻微脑梗塞病人来讲，无论病灶部位及病灶大小情况如何，早期治疗、早期干预都可以在某种程序上改善病人预后，减轻和减少致残。也有大量临床资料表明，发病后6小时内通过有效的溶栓治疗，可以使血栓溶解血管再通、使脑梗塞痊愈率达到70%至80%，个别资料报道可达近90%，不留有任何后遗症，遗憾的是，多数患者不能掌握这个最佳救治时期，甚至拖延治疗，使病症愈加严重，严重影响生命质量。 综上所述，轻微脑梗塞是可以治好的，但是需要及早的进行治疗，越早治疗效果越好。 轻微脑梗塞怎么治疗好? 1、康复应与治疗并进：轻微脑梗塞患者的康复性锻炼非常的重要，但同时脑梗塞患者还要进行常规的治疗，轻微脑梗塞的治疗方案需要根据每一个患者的具体病症情况进行针对性的治疗，可以通过个体化的方案，循序渐进，同时可以使用药物不断地治疗轻微脑梗塞疾病。 2、康复治疗的过程：脑梗塞患者要进行康复的过程强调过程的循序渐进，而且对脑梗塞患者的观察要严密，对患者有无抑郁、焦虑等情绪的观察也很重要。 3、调动患者积极性：禁止或减少烟酒。必须坚持语言，肢体功能锻炼。强调脑供血不足及腔隙性梗塞症状，并应引起重视。保持大便通畅，严禁便秘发生。对病人一定要有耐心，做长期护理的精神准备。 轻微脑梗塞的最佳治疗方法——三针系列疗法 三针系列疗法是目前治疗轻微脑梗塞最为有效的方法之一，治疗项目包括：三针法、理疗法、康复疗法、热奄包疗法、按摩推拿疗法、高氧活脑法、中药内外治法、卡压松解法、支具矫正疗法及三针辅助疗法，通过多科室、多疗法共同配合，形成系统完善的治疗体系，促使休眠状态的神经细胞觉醒，残存的神经功能复活，在降低脑梗塞的发病率、死亡率和致残率的同时，提高脑梗塞患者的生活自理能力及幸福指数。 通过上面的介绍，相信您已经有一定的了解了。专家提醒：轻微脑梗塞患者需要及早的进行治疗，以免轻微脑梗塞病情加重而增加治疗难度，及时治疗预防轻微脑梗塞后遗症发生。轻微脑梗塞康复锻炼的强度要由小到大，循序渐进。这样才能加快疾病的康复速度。</t>
  </si>
  <si>
    <t>妊娠纹能消掉吗</t>
  </si>
  <si>
    <t>妊娠纹是没有办法自己消退的。</t>
  </si>
  <si>
    <t>可以通过饮食，按摩，身体锻炼来减淡妊娠纹。目前彻底去除妊娠纹还比较困难。</t>
  </si>
  <si>
    <t>妊娠纹其实是可以去除的。</t>
  </si>
  <si>
    <t>volte通话收费吗</t>
  </si>
  <si>
    <t>收费。</t>
  </si>
  <si>
    <t>喝酸奶会发胖吗</t>
  </si>
  <si>
    <t>不会，反而有利用消除痘痘，美容等。</t>
  </si>
  <si>
    <t>喝酸奶不会发胖，酸奶可以调节肠道内的菌类，促进吸收，具有减肥的效果。</t>
  </si>
  <si>
    <t>经常喝酸奶不会发胖。</t>
  </si>
  <si>
    <t>小米笔记本能加内存吗</t>
  </si>
  <si>
    <t>支持内存扩充。</t>
  </si>
  <si>
    <t>小米笔记本不可以自己升内存。</t>
  </si>
  <si>
    <t>可以，但是它只有一个内存卡槽，所以要换的话，需要把原来的内存条拿掉（预装的内存是8G，日常使用够用了）</t>
  </si>
  <si>
    <t>杨幂刘恺威离婚是真的吗 杨幂不雅照全集</t>
  </si>
  <si>
    <t>请问315葵力果是真的吗</t>
  </si>
  <si>
    <t>葵力果是经过315认证的纯蓝帽药品。</t>
  </si>
  <si>
    <t>未满十八岁可以办银行卡么</t>
  </si>
  <si>
    <t>未满18周岁的未成年人可以办理银行卡。</t>
  </si>
  <si>
    <t>办理银行卡如已年满16周岁，可以自己携带证件前去银行办理，如未满16周岁需要需要监护人陪同，携带监护人身份证及户口本。</t>
  </si>
  <si>
    <t>不带胸罩对胸好吗</t>
  </si>
  <si>
    <t>不带胸罩对乳房发育不好。</t>
  </si>
  <si>
    <t>睡觉时候不戴比较好。</t>
  </si>
  <si>
    <t>广州有白癜风医院吗</t>
  </si>
  <si>
    <t>广州新世纪。</t>
  </si>
  <si>
    <t>广西北海发展前景好吗</t>
  </si>
  <si>
    <t>创业前景广阔。</t>
  </si>
  <si>
    <t>豆浆和白薯能一起吃吗</t>
  </si>
  <si>
    <t>太子参小孩可以吃吗</t>
  </si>
  <si>
    <t>太子参药性平和，对小儿体虚多汗、消瘦无力较为适合，家长可在医生指导下，根据孩子的具体情况辨证施治。</t>
  </si>
  <si>
    <t>太子参虽然对婴幼儿很好，但是父母们一定要注意用量，不要盲目服药。</t>
  </si>
  <si>
    <t>海航是国企吗</t>
  </si>
  <si>
    <t>海航既不是国企也不是民营，是混合所有制企业。</t>
  </si>
  <si>
    <t>海南航空是国内第一家中外合资航空公司，属于民营，大新华航空有限公司持有海南航空股份有限公司的48.62%的股份，成为其控股股东。</t>
  </si>
  <si>
    <t>海航只是海南省政府控股的企业，广义的角度来说是国企，有外资成分。</t>
  </si>
  <si>
    <t>有外星人吗</t>
  </si>
  <si>
    <t>有的，地球都有人，还有那么多星球，而且，对于别的外星人来说，我们就是外星人。</t>
  </si>
  <si>
    <t>有啊，罗纳尔多。真正的那个，肥的那个。</t>
  </si>
  <si>
    <t>理论上有。</t>
  </si>
  <si>
    <t>微信会被监控吗</t>
  </si>
  <si>
    <t>所有的网络信息都是可以被监控的。</t>
  </si>
  <si>
    <t>空调自清洁有用吗</t>
  </si>
  <si>
    <t>有的空调带有自清洁功能，不过只能让空调干净点，时间常了还是要自己清洗滤网的。</t>
  </si>
  <si>
    <t>因为空调自带的“自动清洁”功能，虽然可以实现一定程度的自我清洁，但并不彻底；比较可靠的办法是定期对空调进行人工彻底的清洁，包括回风过滤网、出风口等等部位。</t>
  </si>
  <si>
    <t>海尔自清洁有专利技术，主要是空调内部采用了冷膨胀技术，能让换热器下的冷凝水结冰结霜，每克水结冰时产生960kg/cm2的膨胀力，强力剥离换热器上的污垢。</t>
  </si>
  <si>
    <t>苏宁的苹果手机是正品吗</t>
  </si>
  <si>
    <t>苏宁销售的苹果手机都是正品。</t>
  </si>
  <si>
    <t>不会是。</t>
  </si>
  <si>
    <t>盆腔积液可以怀孕吗</t>
  </si>
  <si>
    <t>若是患有该病后长时间没有得到及时有效地治疗，可能就会导致盆腔粘连或者是输卵管粘连、堵塞，进而就影响了精子和卵子的正常结合受孕，因此女性盆腔积液的危害可能会导致患者习惯性的流产、滑胎或者是不孕等后果。盆腔积液里面会携带很多病菌，当这些积液病菌侵蚀子宫后，子宫的正常环境和正常功能都会受到影响，这就会影响到育龄期女性的正常生育，受精卵没有办法在子宫着床，也无法正常的在子宫腔生长发育，或者胎儿发育到一定程度，出现流产或胎停等现象。盆腔方面炎症的病菌主要是链球菌、葡萄球菌和大肠杆菌等，需要针对性的杀菌消炎消积液同时进行来治，可以口服&lt;武汉李中医专利药&gt;来治，消除盆腔炎症，同时深入修复受损的盆腔组织，避免炎症问题总是复发。</t>
  </si>
  <si>
    <t>可能影响的,盆腔积液与盆腔的炎症有关。盆腔积液就是盆腔存在炎性渗出物，可发生在子宫内膜发炎后，内膜组织肿胀的细胞中渗出的略黏稠的液体，被周围组织包裹所渐渐形成的囊性包块。如果不加以治疗的话，可以慢慢长大。太大了，药物就不能消除了，需要手术切掉。盆腔积液可以彻底治愈，但必须在查清致病菌的基础上，才能够有效治疗。除了女性因生理特点有正常的盆腔积液外，病理性的盆腔积液多是盆腔炎或子宫内膜异位症。盆腔炎的原因多与患者不良卫生习惯有关，如经期、产后一月内有性生活，妇科手术后一月内洗盆浴等。人工流产、引产消毒不严引起的医源性感染，也可引起盆腔积液。因盆腔炎症引起的积液最好作后穹隆穿刺检查，鉴定一下液体性质。如有慢性感染病灶，可能是妇科系统如卵巢、输卵管的炎症，也可能由结核或者肿瘤引起。盆腔炎要早治，拖久了会影响生育。要确定盆腔炎的致病菌，应通过特殊的化验检查，然后对症用药。如果怀疑是结核性的，应抗痨治疗。抽取积液是检查或对症治疗手段，不应常作。因为单纯抽积液不但不会治好盆腔积液，还会使积液增多。 注意休息，注意饮食，少食辛辣油腻，多饮水，多吃蔬菜水果。</t>
  </si>
  <si>
    <t>国税定额发票还能用吗</t>
  </si>
  <si>
    <t>过期了不能用。</t>
  </si>
  <si>
    <t>营改增后，国税局定额发票还可以使用。《国家税务总局关于全面推开营业税改征增值税试点有关税收征收管理事项的公告》(国家税务总局公告2016 年第23号)已经明确，营改增纳税人可以使用的发票种类有：增值税专用发票、增值税普通发票、机动车销售统一发票、增值税电子普通发票、门票、过路(过桥)费发票、定额发票、客运发票、二手车销售统一发票以及国税机关发放的卷式普通发票。</t>
  </si>
  <si>
    <t>如果国税给你单位定的定额发票有，还可以购买。</t>
  </si>
  <si>
    <t>紫外线灭蚊灯对人体有危害吗</t>
  </si>
  <si>
    <t>最大的影响就是把皮肤照黑，如果长时间暴露的话还可能造成皮肤老化等效果。</t>
  </si>
  <si>
    <t>灭蚊灯光线是包含紫外线的，但是功率很小，对人体的伤害可以忽略不计，且灯一般放在离人体较远的地方，所以这个是安全的，除非本身对紫外线过敏。</t>
  </si>
  <si>
    <t>灭蚊灯一般对人体无害。灭蚊灯灭蚊子，一般利用的是物理原理。灭蚊利用蚊虫对特定波长趋光的特性，通过独特的光波和颜色，吸引有害昆虫，吸入储蚊装置风干而死。</t>
  </si>
  <si>
    <t>试用期辞退员工需要补偿吗</t>
  </si>
  <si>
    <t>试用期内，如果证实员工不符合录用条件的，是不用支付经济补偿金的。</t>
  </si>
  <si>
    <t>1、在试用期中，公司也不能随意解除合同，除非有《劳动合同法》第三十九条、第四十条第（一）（二）项规定之情形。公司让辞职可能是个“陷阱”，如果向公司提出辞职申请，将拿不到任何补偿；因此，无论如何也不能主动提出解除合同或辞职，或者与公司协商好补偿金后，再辞职。</t>
  </si>
  <si>
    <t>在试用期里，用人单位除按劳动合同法第三十九条规定的情形无需支付经济补偿金外，其它情况根据解除的原因不同，赔偿的方式是不一样的。</t>
  </si>
  <si>
    <t>红薯发芽可以吃吗</t>
  </si>
  <si>
    <t>红薯发芽了还能吃，但长芽后的红薯营养流失，而且口感也不好。</t>
  </si>
  <si>
    <t>大家的说法不一致：有说能吃的，也有说不能吃的。</t>
  </si>
  <si>
    <t>可以食用。红薯长芽后由于营养和水分的大量流失，吃起来不仅口感不好，而且还会失去食用价值。至于说吃发芽红薯会中毒的说法，是没有任何依据的，也是不科学的，纯属生活中的误区。</t>
  </si>
  <si>
    <t>白醋可以去掉脸上的痣</t>
  </si>
  <si>
    <t>首先白醋是不能祛痣的。痣是局限性皮肤色素异常，可以出生就有，亦可后天发生。健康人皮肤上通常可找到15～20颗痣，这些痣绝大多数是良性的，毋须治疗。</t>
  </si>
  <si>
    <t>其实醋的主要作用是去除脸上的角质，有些人角质层比较厚，当去除角质后，自然就会看起来白一些。但建议不要经常用醋擦脸，会让角质层越来越薄，形成敏感肌肤哦。</t>
  </si>
  <si>
    <t>2017端午高速免费吗</t>
  </si>
  <si>
    <t>免费。2017年的节假日高速免费通行时间将与往年一致。即春节、清明节、劳动节和国庆节假期可免费通行，共免费通行21天。由于2017年中秋节与国庆节共休，因此今年中秋节也免通行费，总免费天数较往年多1天。</t>
  </si>
  <si>
    <t>神话永恒手游好玩吗</t>
  </si>
  <si>
    <t>穿越火线手游游戏商城中，打击者的价格是7天98钻，永久980钻，玩那么多次也腻了啊，玩界面简洁写实，动作连招好的游戏王'L牌对决，但整体色明丽且不扎眼，视觉上较为舒适。为玩家省下了不少精力去做任务练级，很适合平时时间不多的人。游戏轻松之余又有趣玩法，热情不减喜欢的朋友赶快去试试。</t>
  </si>
  <si>
    <t>挺好玩的，这个手游拥有六大文明阵营，数十名史诗英雄，上百章战役剧情。无数神话背后的秘辛与冲突，配以前所未有的战斗感官冲击，给予玩家“扮演并代入”的深度交互感受，并且在游戏中体验势力社交，参与多文明领地争夺和野外激爽PK。</t>
  </si>
  <si>
    <t>人人贷可靠吗</t>
  </si>
  <si>
    <t>不太安全。</t>
  </si>
  <si>
    <t>王子文有一米五吗</t>
  </si>
  <si>
    <t>王子文身高162cm。</t>
  </si>
  <si>
    <t>京天华盛的电脑靠谱吗</t>
  </si>
  <si>
    <t>靠谱</t>
  </si>
  <si>
    <t>手机银行可以对公转账吗</t>
  </si>
  <si>
    <t>个人储蓄卡网银是可以给对公账户转账的。没有任何问题，跨行和同行都可以，就是要注明款项用途。</t>
  </si>
  <si>
    <t>手机银行可以向境内的对公账户转账（仅支持人民币）。</t>
  </si>
  <si>
    <t>伤口感染化脓能自愈吗</t>
  </si>
  <si>
    <t>小伤口的，又吃了消炎药，它可以通过药物的消炎抗菌作用和你身体的抵抗力可以得到痊愈，感染部位慢慢地变小并向中间浓缩成一个较粘稠或偏硬的脓状物而脱落，就像青春痘一样。时间一个星期到十天左右。如果伤口较大，吃消炎药是的同时，局部还要进行清创上药，如切开排脓、清洗脓性分泌物，可用过氧化氢溶液（双氧水）清洗，最后涂抹鱼石脂软膏促进排脓。如果不再感染，时间十天左右。</t>
  </si>
  <si>
    <t>里面有脏东西也可以自愈只是好了以后会有一个像痣的黑点，自愈的时候也有点慢，最好是去医院消毒清洗一下。</t>
  </si>
  <si>
    <t>结扎可以恢复吗</t>
  </si>
  <si>
    <t>应该可以的。</t>
  </si>
  <si>
    <t>不能够，一定不能。</t>
  </si>
  <si>
    <t>全境封锁好玩吗</t>
  </si>
  <si>
    <t>全境封锁肯定是好玩。</t>
  </si>
  <si>
    <t>游戏的本身确实不错，第三人称射击，自由度高。画质也可以。</t>
  </si>
  <si>
    <t>mac能玩守望先锋吗</t>
  </si>
  <si>
    <t>pro实测，win7闪退，玩不了。</t>
  </si>
  <si>
    <t>不能，除非用双系统或者刷windows才能玩。</t>
  </si>
  <si>
    <t>益母草治疗闭经吗</t>
  </si>
  <si>
    <t>益母草能治疗闭经。</t>
  </si>
  <si>
    <t>要想治好闭经，首先要明确你的闭经是什么原因引起的，找到了原因才能正确的治疗，单纯依靠益母草治疗是不合适的。</t>
  </si>
  <si>
    <t>车载空气净化器有用吗</t>
  </si>
  <si>
    <t>空气净化器具备一定的净化效果。</t>
  </si>
  <si>
    <t>没用，现在有防雾霾的空调替芯了。</t>
  </si>
  <si>
    <t>现在污染那么厉害，空气净化器还是有用的。</t>
  </si>
  <si>
    <t>根管后带不带牙套纠结</t>
  </si>
  <si>
    <t>这个不一定的，根管治疗主要是针对那些龋齿比较大，牙齿损伤较多的牙，通常是将根管封闭后再考虑是使用牙套还是直接修补。部分牙齿做完根管治疗后比较脆，所以可能需要使用牙套，但有些只要进行普通修补即可，具体可以就医后选择。</t>
  </si>
  <si>
    <t>这个情况是因人而异的，可以根据个人情况选择治疗的方法为好的，同时也是要注意保持口腔卫生，遵医嘱为好的。</t>
  </si>
  <si>
    <t>金刚狼真的死了吗</t>
  </si>
  <si>
    <t>漫画里面，金刚狼被一种液态合金导致窒息而死。电影里面则是另外一种结局，但最终还是死了。</t>
  </si>
  <si>
    <t>真的死了。</t>
  </si>
  <si>
    <t>重伤而死。</t>
  </si>
  <si>
    <t>腾讯手游助手可以玩ios吗</t>
  </si>
  <si>
    <t>不可以！电脑上没有IOS模拟器。</t>
  </si>
  <si>
    <t>没有的，腾讯超级不好用。</t>
  </si>
  <si>
    <t>嘉善房价能涨到2万吗</t>
  </si>
  <si>
    <t>目前来看，不可能，时间长了不排除这个可能。</t>
  </si>
  <si>
    <t>如果政策平稳，不是没有可能。</t>
  </si>
  <si>
    <t>新四板挂牌是不是骗局</t>
  </si>
  <si>
    <t>新松机器人是国企吗</t>
  </si>
  <si>
    <t>国有企业。</t>
  </si>
  <si>
    <t>国企。</t>
  </si>
  <si>
    <t>隶属中国科学院。</t>
  </si>
  <si>
    <t>空调外机需要清洗吗</t>
  </si>
  <si>
    <t>建议一个月最好洗一次。</t>
  </si>
  <si>
    <t>无线扩展器好用吗</t>
  </si>
  <si>
    <t>效果还是很好的，可以使用TP-LINK电力猫，通常是一对，效果非常显著，尤其是在墙比较多的环境下。</t>
  </si>
  <si>
    <t>即插即用、无需配置、精巧便携，商旅家用办公室均适用，关键是方便。  ·良好兼容智能手机、平板电脑、笔记本/上网本等设备。支持AP（无线接入点）、Client（无线客户端）、Repeater（无线中继）、Bridge（无线桥接）、Router（无线路由）五种工作模式。提供1个LAN/WAN有线接口，无线路由模式下可自动切换为WAN口。</t>
  </si>
  <si>
    <t>没什么卵用啊。</t>
  </si>
  <si>
    <t>qq彩票金豆能换钱吗</t>
  </si>
  <si>
    <t>不能换钱。</t>
  </si>
  <si>
    <t>2k显示器有必要吗</t>
  </si>
  <si>
    <t>如果只是20几寸，那么就没有必要追求2K,字体太小了，会导致看不清楚。</t>
  </si>
  <si>
    <t>2k显示器没必要，大型游戏如果显卡不好会非常吃力，27寸的比24寸的大很多，推荐1080P显示够用了。</t>
  </si>
  <si>
    <t>可以根据日常需求，2k的分辨率可以提升工作效率，在同样的大屏幕上显示的内容会比低分辨率的要多，如果经常使用word，excel等，升级2k比较好。</t>
  </si>
  <si>
    <t>慢性扁桃体炎能自愈吗</t>
  </si>
  <si>
    <t>扁桃体发炎不会自愈。扁桃体炎一般治疗是增强体质和免疫力，急性扁桃体炎要充分治疗。用慢严舒柠颗粒治疗扁桃体炎效果不错，在加上阿莫西林等。平时多喝板蓝根水，能起到预防作用。对于扁桃体反复发炎的，最好的治疗方法就是做扁桃体切除手术，术后就不会再发。</t>
  </si>
  <si>
    <t>兔子能喝水吗</t>
  </si>
  <si>
    <t>兔子一定要饮用水(凉开水就可)，且要24小时提供，每天都要更换新鲜的。</t>
  </si>
  <si>
    <t>不是能不能喝，是必须要喝，而且对水质要求还很高。吃青料的兔子少喝，吃干料的兔子要多喝。</t>
  </si>
  <si>
    <t>善心汇要身份证安全吗</t>
  </si>
  <si>
    <t>当然不安全，尤其是含有手持身份证正面反面照等重要信息。</t>
  </si>
  <si>
    <t>有一定的危险性。</t>
  </si>
  <si>
    <t>贵阳夏天热不热</t>
  </si>
  <si>
    <t>不怎么热。</t>
  </si>
  <si>
    <t>白天稍热，最高不过30度，晚上凉风习习，非常舒服。</t>
  </si>
  <si>
    <t>交易猫靠谱吗</t>
  </si>
  <si>
    <t>这网站交易要等好几天呢，客服可以1天不理睬。有这耐心就交易吧，骗子，奉劝别入坑。</t>
  </si>
  <si>
    <t>肯定靠谱啦，人家交易猫平台是跟九游和支付宝合作的，放心的买吧。</t>
  </si>
  <si>
    <t>用了交易猫两年多了，到现在也没出过问题，可以去尝试一下呗，如果是骗人的话，也不会做的这么大啦。</t>
  </si>
  <si>
    <t>贷款利息可以抵扣进项税吗</t>
  </si>
  <si>
    <t>根据营改增试点办法的文件规定， 银行贷款利息是不能抵扣进项的。</t>
  </si>
  <si>
    <t>不能，根据营改增政策规定，“购进的贷款服务”不得从销项税额中抵扣，并同时规定，纳税人接受贷款服务向贷款方支付的与该笔贷款直接相关的投融资顾问费、手续费、咨询费等费用，其进项税额不得从销项税额中抵扣。这意味着，企业所支付的利息费用及直接相关的其他费用在营改增之后需要缴纳6%的增值税，且这部分的税额无法做进项抵扣。</t>
  </si>
  <si>
    <t>航天钞银行回收吗</t>
  </si>
  <si>
    <t>银行不回收。因为回收买卖人民币是违法行为！就像普通100元人民币银行也不回收是一个道理。人民币只能流通！</t>
  </si>
  <si>
    <t>中国航天普通纪念币，中国航天纪念钞和人民币等值流通，是流通货币，是可以当钱用的，各大银行按照要求需要无条件兑换人民币，如果不想要纪念币了可以去银行按面值换回流通 人民币。</t>
  </si>
  <si>
    <t>买卖人民币是违法行为！银行当然不回收！就像普通100元银行也不会回收的。也没法回收，所以人民币只能存取或者流通。</t>
  </si>
  <si>
    <t>跑步能减肥吗</t>
  </si>
  <si>
    <t>当然有效果，只要是有氧运动都有减脂肪的效果。</t>
  </si>
  <si>
    <t>跑步可以减肥，但是一定每次要慢跑30—40分钟。</t>
  </si>
  <si>
    <t>只要坚持跑步是可以减肥的。</t>
  </si>
  <si>
    <t>jypc职业资格证书 国家是否认可</t>
  </si>
  <si>
    <t>承认的。</t>
  </si>
  <si>
    <t>不被认可。</t>
  </si>
  <si>
    <t>空气净化器有效果吗</t>
  </si>
  <si>
    <t>是有效果的。</t>
  </si>
  <si>
    <t>酵素减肥真的靠谱吗</t>
  </si>
  <si>
    <t>酵素可以减肥，但是不是所有的酵素产品都可以。</t>
  </si>
  <si>
    <t>iphone7可以越狱吗</t>
  </si>
  <si>
    <t>可以越狱，但是越狱后的iPhone手机系统没有未越狱的时候安全。如果没有特殊要求必须越狱，建议不要越狱。</t>
  </si>
  <si>
    <t>可以越狱了啦！前几个月了吧！很多工具都可以越狱的，不过大抵是用盘古工具，楼主不懂就用同步越狱助手咯。</t>
  </si>
  <si>
    <t>ios7测试版早已出来了，相必各位果粉们都很期待ios7什么时候可以完美越狱吧，以下是小编从网上找来的ios7完美越狱最新消息，大家可以从中得到答案哦。iOS6最新版的完美越狱工具迟迟未发布，并不代表黑客们没法越狱iOS6的最新版。iOS6.1.3封堵了此前Evasi0n越狱工具所需的漏洞，而  evad3rs团队随后表示，不会再去研究iOS6的完美越狱，毕竟苹果要推出小补丁填补越狱漏洞太过容易，不值得将心血花费在iOS6  上，evad3rs团队已经将目标转移到了iOS7。现在，从另外一拨黑客那里又传来了一些好消息。</t>
  </si>
  <si>
    <t>中国是不是要打战了</t>
  </si>
  <si>
    <t>不是要打仗，只是为以防万一而做准备，不见得一定要打。</t>
  </si>
  <si>
    <t>到目前为止，战争依然是小概率事件。</t>
  </si>
  <si>
    <t>不是，打不起来的。</t>
  </si>
  <si>
    <t>如果追求装备强满，紫色心法，金色砭石和时装的话应该挺烧钱的，如果平民级的话那就不烧钱。</t>
  </si>
  <si>
    <t>如果你时间很多的话，不充钱也是可以有很高的功力的，最好有个固定队。如果时间不是很多的话，不充钱的话会很快落后其他玩家。</t>
  </si>
  <si>
    <t>还好吧，算得上是腾讯的良心之作。不用充钱也能够买到需要qb买的装备，用游戏币就可以买到，游戏币需要你花时间去挣出来，就看你舍不舍得花那个精力去玩。这个游戏不充钱也可以玩得很好，像商城里的大多数道具都能通过游戏币买到，而且玩家和玩家之间可以自由交易，可以把游戏币或其他未绑定的道具送给别人，不像其他游戏需要在用qb购买的时候送给好友才行。反正玩游戏要么花钱，要么花时间。</t>
  </si>
  <si>
    <t>路边白色实线能停车吗</t>
  </si>
  <si>
    <t>可以。路边白色实线框内停车是收费的。</t>
  </si>
  <si>
    <t>一洗白有用吗</t>
  </si>
  <si>
    <t>用的时间长了，皮肤就会变的很薄，很容易过敏的！而且还不能断的！反弹很严重！</t>
  </si>
  <si>
    <t>能白一点点。</t>
  </si>
  <si>
    <t>有人亲身经历过蛊术吗</t>
  </si>
  <si>
    <t>有，苗族的蛊婆（草鬼婆），一般在还未汉化的老苗寨里有，很少见，但中蛊却非常容易，尤其在湖南贵州一带，别轻易得罪苗子。</t>
  </si>
  <si>
    <t>亲眼看到种蛊者，吐出蛇。肚子大大的，不过后来被解毒了。在广西这很多人会的一点都不稀奇。</t>
  </si>
  <si>
    <t>投资比特币可靠吗</t>
  </si>
  <si>
    <t>比特币具有货币的性质，便产生了理财业务。目前Bitbank的比特币理财有以下几种形式：1、定期活期储蓄理财。纯利息收入，一般按日发息，利息较低；2、P2P理财。也就是定向投资理财，这种主要是把币贷给借币人，约定期限后还复本息，此种理财利息较高；3、挖矿理财。此种形式主要存在于矿池，一般和购买矿机绑定，双方约定直到用户挖矿回本后，再进行双方的利润分成（常见的有5五五分、四六分），这种理财利润较高，但要承担一定风险。</t>
  </si>
  <si>
    <t>这种虚拟货币没有实物支撑，就是个概念、泡沫，是合法的在忽悠人，建议不要参与。</t>
  </si>
  <si>
    <t>惠尔康饮料可以喝吗</t>
  </si>
  <si>
    <t>可以喝，跟糖水一样。运动后或体力消耗流汗多，喝这个可以补充点葡萄糖。</t>
  </si>
  <si>
    <t>桃子和西瓜能一起吃吗</t>
  </si>
  <si>
    <t>尽量不要一起吃，容易导致拉肚子，最近看到有人将桃子和西瓜一起吃中毒了。</t>
  </si>
  <si>
    <t>运动磁场的鞋是正品吗</t>
  </si>
  <si>
    <t>运动磁场还是信得过的，毕竟那么大的牌子。</t>
  </si>
  <si>
    <t>北京运动磁场所卖的鞋子都是正品行货。</t>
  </si>
  <si>
    <t>是正品没问题的。</t>
  </si>
  <si>
    <t>面包蟹好吃吗</t>
  </si>
  <si>
    <t>好吃。</t>
  </si>
  <si>
    <t>lol违规昵称改名免费吗</t>
  </si>
  <si>
    <t>改名需自行购买。</t>
  </si>
  <si>
    <t>不免费。改名卡，49元一张。</t>
  </si>
  <si>
    <t>万科城市之光会升值吗</t>
  </si>
  <si>
    <t>升值空间有，因为路段不错，旁边是地铁站，周边的配套设施也不错，也属于学区房。</t>
  </si>
  <si>
    <t>面试等电话有成功的吗</t>
  </si>
  <si>
    <t>这个要具体情况看，如果是直接“感谢你的到来”那就是没希望，但是，如果是让等通知，那么只要等一个星期就可以啦，一般一个星期内没有通知就是没过，如果一个星期内有通知就是过了，因为hr都是以一个星期为维度的，一个星期内挑选能力好，薪资低的人，除非能力非常好，那么hr会通知隔天来上班的。</t>
  </si>
  <si>
    <t>这个很难说，让回去等通知是通常的做法，无论是否是录用都是这样，就算不要，也极少直接说公司不要的。等多两天吧，如果急着招人就肯定行了。</t>
  </si>
  <si>
    <t>微信转账能撤回吗</t>
  </si>
  <si>
    <t>不能撤回。</t>
  </si>
  <si>
    <t>离婚了户口必须迁出吗</t>
  </si>
  <si>
    <t>离婚后不迁户口可以，但属于同居关系，同居期间形成的共同财产，双方应当平均分割。</t>
  </si>
  <si>
    <t>夫妻离婚后，分属不同家庭，可以申请办理分户手续，不需要迁移户籍走人，可以由当事人凭身份证，户口本，离婚证，离婚协议，到户籍派出所说明情况，申请办理分户手续，办理只有女方一人名字户口本。</t>
  </si>
  <si>
    <t>离婚后户口可以不迁。</t>
  </si>
  <si>
    <t>卡牛办信用卡靠得住吗</t>
  </si>
  <si>
    <t>一般来说靠得住。</t>
  </si>
  <si>
    <t>绝对可靠的。</t>
  </si>
  <si>
    <t>女生第一次都很难进?</t>
  </si>
  <si>
    <t>第一次阴道一般来说比较紧。</t>
  </si>
  <si>
    <t>阴道窄，而且还有处女摸阻挡，另外女孩比较紧张，阴道收缩很厉害，那肯定难哦。</t>
  </si>
  <si>
    <t>一方面因为之前没有被进入，会显得很拥挤，再加上刚开始做的时候，经验不足，里面显得干燥，再加上处女膜吧。</t>
  </si>
  <si>
    <t>艾玛好色好看吗</t>
  </si>
  <si>
    <t>超级好看的小清新电影呀。</t>
  </si>
  <si>
    <t>天天狼人杀女巫能自救吗</t>
  </si>
  <si>
    <t>在第一天女巫被杀的时候可以自救，过了第一天之后，女巫不可以自己救自己。</t>
  </si>
  <si>
    <t>有些地方是女巫第一晚可以自救，有些地方是第一晚也不能自救。</t>
  </si>
  <si>
    <t>女巫是不能自救的。</t>
  </si>
  <si>
    <t>百香果种子能吃吗</t>
  </si>
  <si>
    <t>百香果的种子可以吃。</t>
  </si>
  <si>
    <t>不能吃的。</t>
  </si>
  <si>
    <t>吊扇灯好用吗</t>
  </si>
  <si>
    <t>优点：1。装饰性强，风格和造型很多选择，起飞扇、隐形扇、造型扇等。2。舒适节能。一台空调相当于20台吊扇的用电量，在温度不超过30度时用吊扇即可。吊扇灯配合空调使用可以减少空调的负载，舒适度好。3. 实用。照明、正反转，正转降温，反转调节空气流通。安静无噪音。4. 安全。扇叶材质（木质、树脂等）更柔和，两根以上膨胀螺丝固定在实木或水泥天花上，更牢固。5. 多功能。液晶遥控，手机APP控制，可带高品质内置蓝牙音箱、可带内置负离子空气净化器等。缺点：不能取代空调，可以作为辅助空调的一种电器，更适合老人小孩等不宜吹空调的人群。行业内产品质量参差不齐，仿冒伪劣产品较多，需要消费者甄别。吊扇灯必须选择正规厂家生产的有3C认证的产品，不能贪图便宜。</t>
  </si>
  <si>
    <t>说实话就们这里吊扇灯还是比较少见的，觉得吊扇灯适合比较复古的装修风格，它结合了灯和风扇的实用性，两全其美，挺不错的。那么吊扇灯好不好用呢？档次较高的吊扇灯装饰性较强，同时也可作为空调伴侣提供流动空气。但是个人见过的吊扇灯的照明效果都不理想，仅靠一个吊扇灯照明整个客厅是乏力的，配合其他光源更好些，很多人都是愿意在餐厅装一个吊扇灯的，至于安装在其他地方还是觉得有些不妥的。</t>
  </si>
  <si>
    <t>强开微粒贷是真的吗</t>
  </si>
  <si>
    <t>些说能强开的，都是骗子。</t>
  </si>
  <si>
    <t>据了解，微粒贷没有所谓的强开技术。</t>
  </si>
  <si>
    <t>pc材质是塑料吗</t>
  </si>
  <si>
    <t>聚碳酸酯( PC )性质为：非结晶性热塑性塑料。</t>
  </si>
  <si>
    <t>牛魔王票务靠谱吗</t>
  </si>
  <si>
    <t>三角梅泡水中能生根吗</t>
  </si>
  <si>
    <t>三角梅能水培生根。但是不建议三角梅水培法生根，最好还是用土培法。</t>
  </si>
  <si>
    <t>微信可以转账到银行卡吗</t>
  </si>
  <si>
    <t>转账款项是到对方的微信【钱包】里面的【我的零钱】，需要进行提现操作，才能将钱转到银行卡里。</t>
  </si>
  <si>
    <t>1、微信钱包已经成功绑定了网银，进入微信的“ 我”，再进入钱包-点击零钱-提现。2、选择金额-下一步-输入支付密码确定。3、提示提现申请已提交等待到账就行了。</t>
  </si>
  <si>
    <t>绑定银行卡，可以转账。</t>
  </si>
  <si>
    <t>公积金不转移有影响吗</t>
  </si>
  <si>
    <t>同一城市公积金需要做合并的，不合并，有多个账户的，到时提取或者公积金贷款都不能办理的。</t>
  </si>
  <si>
    <t>如果需要申请住房公积金贷款，就会有一定的影响。因为住房公积金贷款的额度是与个人账户余额有关系的。建议方便的时候还是办理个人账户转移最好。</t>
  </si>
  <si>
    <t>湿疹会不会传染</t>
  </si>
  <si>
    <t>这个是不会传染的。</t>
  </si>
  <si>
    <t>微信可以用信用卡支付吗</t>
  </si>
  <si>
    <t>不是所有的信用卡都可以，必须是微信支持的银行的信用卡，具体名单为:招商银行、中国建设银行、中国工商银行、中国银行、光大银行、中信银行、中国农业银行、交通银行、广发银行、平安银行、兴业银行、民生银行。</t>
  </si>
  <si>
    <t>只有购物才能用信用卡，平时发个红包转账之类的不能用信用卡支付。</t>
  </si>
  <si>
    <t>车胎没气了还能开吗</t>
  </si>
  <si>
    <t>轮胎没气不建议在行驶了，如果继续行驶危险性增大，而且轮胎侧壁是要磨损的，导致轮胎报废，建议更换备胎或救援了。</t>
  </si>
  <si>
    <t>玉女丰胸茶有效果吗</t>
  </si>
  <si>
    <t>超过20周岁没有用。</t>
  </si>
  <si>
    <t>苹果6有32g吗</t>
  </si>
  <si>
    <t>iphone6没有32G的。iphone6有三个内存版本，分别是16G、64G和128G，以前的iphone是有32G的，iphone6没有的。</t>
  </si>
  <si>
    <t>微信公众号注销后是否可以在申请</t>
  </si>
  <si>
    <t>可以的，身份证手机都同注册5公众号。</t>
  </si>
  <si>
    <t>淋巴结核能治好吗</t>
  </si>
  <si>
    <t>采取正确的治疗方法,是完全可以治愈的。</t>
  </si>
  <si>
    <t>淋巴结核比较难治,但积极治疗一般是可以痊愈的,应积极应用抗结核药物治疗。</t>
  </si>
  <si>
    <t>治疗上确实是存在一定的困难，但是还是可以治愈的。</t>
  </si>
  <si>
    <t>叮当贷上征信吗</t>
  </si>
  <si>
    <t>这个应该还没有和全国的征信系统链接到一起；但是应该是加入了企业的全国征信系统。</t>
  </si>
  <si>
    <t>玖富叮当根本就是高利贷。不可能进入征信系统。</t>
  </si>
  <si>
    <t>肺动脉高压好治吗</t>
  </si>
  <si>
    <t>肺动脉高压患者75％病人死于诊断后的5年内，症状出现后平均生存期为1.9年；有右心衰表现者，平均生存时间小于1年。随着治疗手段的进步，患者生存时间在逐年增加。及时早期诊断治疗可使20％病人的病情稳定，甚至痊愈。目前肺动脉高压没有特效治愈方法。治疗目标是延迟或者阻止病程进展，如果可能则诱导疾病逆转。这是一种治疗费用极为昂贵的疾病，患者急需帮助几乎所有肺动脉高压患者都会产生疑惑：倾家荡产换5年生命，值吗？一些临床医生也认为该病治疗价值不大。这种疾病治疗费用非常昂贵。在西方，患者每月的药物费用约为3000美元，但一些国家这些费用通常由社会福利部门建立的罕见病基金承担。在中国，估计每位患者每月需要2万元药物费用。</t>
  </si>
  <si>
    <t>如果能有效地控制器发展，是可以长时间存活的，主要是控制心衰，呼吸道感染及呼吸衰竭，可以适量用一些扩管药，如硝苯地平。</t>
  </si>
  <si>
    <t>水虎鱼吃猪肉吗</t>
  </si>
  <si>
    <t>吃，但是过滤如果不够强大，抽不掉肉屑分解不了油脂会死鱼的。</t>
  </si>
  <si>
    <t>小鱼、肉类的,它都吃。主要以肉类为主。</t>
  </si>
  <si>
    <t>买车位划算吗</t>
  </si>
  <si>
    <t>可以租，就不要去买。</t>
  </si>
  <si>
    <t>买车库比租更划算。</t>
  </si>
  <si>
    <t>京东白条上征信吗</t>
  </si>
  <si>
    <t>花旗银行信用卡好批吗</t>
  </si>
  <si>
    <t>花旗银行信用卡申请并不是很容易，除开基本的要达到18周岁外，还有一些隐性条件。</t>
  </si>
  <si>
    <t>朝鲜和美国会开战吗</t>
  </si>
  <si>
    <t>地奥司明片是激素药吗</t>
  </si>
  <si>
    <t>地奥司明片是治疗急性痔发作有关的各种症状。不属于激素药。</t>
  </si>
  <si>
    <t>王者荣耀艾琳还会出吗</t>
  </si>
  <si>
    <t>已经绝版，属于内侧专属英雄。</t>
  </si>
  <si>
    <t>google earth能用吗</t>
  </si>
  <si>
    <t>这些服务在包括一些国家和中国大陆地区的无法使用。</t>
  </si>
  <si>
    <t>你先去下载一个乐游加速器使用，就能用来上谷歌的。</t>
  </si>
  <si>
    <t>想用必须连接vpn。</t>
  </si>
  <si>
    <t>win10可以ghost备份吗</t>
  </si>
  <si>
    <t>当然可以   只不过最好是用windows10自带的那个备份。</t>
  </si>
  <si>
    <t>当win10安装时,如果采用了GPT分区硬盘格式(现在大多数新电脑都支持这个格式,并默认是这种方式),或者是由win10自动分区安装,均分产生一个额外的引导分区,容量比较少,一般100到几百M.这时候,如果用GHOST备份比如说C盘,是无法把那个额外的引导分区备分到的.再次恢复时,有可能会造成无法引导,必须得通过第三工具比如进入PE里去修复或者用win10安装盘来修复,这对一般人来说,可能难度比较大；如果安装win10时,采用了MBR硬盘格式,并且是先手工对硬盘进行了分区,再为win10选择安装位置的话,用GHOST备份是完全可以恢复的。</t>
  </si>
  <si>
    <t>勒索病毒重装系统可以吗</t>
  </si>
  <si>
    <t>1、如果中毒后只是设置个密码，那么重做系统就可以了。2、如果中毒后是给文件加密了，那么重做系统很多软件也无法使用了。</t>
  </si>
  <si>
    <t>1、一般而言，如果仅仅是中毒的话，不必要去重装系统。2、可以按下开机键后，不停按F8进入带网络连接的安全模式。3、然后到腾讯电脑管家官网下载一个电脑管家。4、打开电脑管家——杀毒——全盘查杀，电脑管家拥有管家系统修复引擎，可以在查杀掉木马病毒后，智能修复因木马病毒导致的系统异常。</t>
  </si>
  <si>
    <t>如果是再生蠕虫病毒，它会自动生成，除非你能将病毒源完全杀掉，否则极有可能会再生。建议不紧要重装系统，最好能重新分区一次，这样清毒会比较干净。 重装系统对电脑来说不会有什么影响的。</t>
  </si>
  <si>
    <t>微信群退出后会不会在群里显示</t>
  </si>
  <si>
    <t>加入微信群删除并退出该群，在群里会显示已经退出该群的提示，但你的微信号是不会出现在该群了的，你也接收不到该群的任何信息。</t>
  </si>
  <si>
    <t>子女买房可以提取父母的公积金吗</t>
  </si>
  <si>
    <t>子女提取父母的住房公积金，需要出具未婚证明、首套房证明，并提供本人身份证原件和户口簿原件。</t>
  </si>
  <si>
    <t>子女买房如果条件符合，权益人同意，经审批通过可以提取公积金。</t>
  </si>
  <si>
    <t>档案放在人才市场不提走就会一直放着吗</t>
  </si>
  <si>
    <t>放人才市场不交钱可以，但只要有需要去查看的，就要把以前所欠的费用全部补上，才能查。</t>
  </si>
  <si>
    <t>人才交流中心的集体户口是属于临时户口，有两年的限期，毕业超过两年就不能继续托管了，会变成“死档”。一定要记得去处理。可以自己申请打回原籍，以免档案丢失。</t>
  </si>
  <si>
    <t>唐小僧理财可靠吗</t>
  </si>
  <si>
    <t>安全，是个不错的理财产品。</t>
  </si>
  <si>
    <t>还不错，提现速度快。</t>
  </si>
  <si>
    <t>磁铁对手机有没有影响</t>
  </si>
  <si>
    <t>系统临时文件可以清理吗</t>
  </si>
  <si>
    <t>经常清理临时文件，不但可以节省电脑磁盘空间，还能优化电脑速度，所以应该定期使用清理工具对临时文件进行清理。Windows或应用程序在运行时通常都会产生临时文件，虽然部分临时文件在Windows或应用程序正常退出时会被自动删除，但由于系统的不稳定、程序功能的不完善，经常会有临时文件留下来。随着时间的推移，临时文件逐渐堆积， 占据了C盘空间，还会产生大量的碎片，影响系统的运行速度。</t>
  </si>
  <si>
    <t>恩，没问题的。</t>
  </si>
  <si>
    <t>能绝对能</t>
  </si>
  <si>
    <t>试驾车能买吗</t>
  </si>
  <si>
    <t>如果4S有熟人，把质保时间延长点，比如保购买后3年6万公里，可以考虑，并且要求把大保养做了。</t>
  </si>
  <si>
    <t>试驾车如果价格合理可以买，作为二手车买，但是价格要相对同年份的个人用的二手车价格还要低一些才行。</t>
  </si>
  <si>
    <t>最好店内有人认识，看下此车有没有出过什么大的问题，了解情况后，是可以买的。</t>
  </si>
  <si>
    <t>pos是可以支付吗</t>
  </si>
  <si>
    <t>POS可以支付。</t>
  </si>
  <si>
    <t>红酒可以放冰箱吗</t>
  </si>
  <si>
    <t>红酒储藏讲究恒温、恒湿、避光、防震、防噪音等，红酒的储藏温度以12°左右为宜，切忌冷热变化；而冰箱的工作原理是间歇式的，先制冷，制冷到设定温度后停止，等升温到一定温度时又继续制冷。这样反复的温度变化对红酒的品质破坏很大，甚至于温度过低，红酒里出现冻出冰渣，那这瓶酒基本只剩下最基础的酒味了。所以红酒储藏，尤其是自己买的或者朋友送的昂贵红酒，最好放在酒窖、专业酒柜等恒温恒湿的地方，如果没有，则放在床底、地窖等阴凉处也行，不要放在冰箱里。</t>
  </si>
  <si>
    <t>可短暂放冰箱里。最好的储存办法是分小瓶装，不留空气密封；或者用可以抽空气的瓶塞塞住。这两种方法处理后放在阴凉处为宜，且在一周内喝，基本能保持大部分红酒原味。如果以上条件都达不到，只能放冰箱里，则最好再两三天时间喝完；不要和肉类、调味料食物放太近，以免其他食物味道串进红酒里。</t>
  </si>
  <si>
    <t>可以将葡萄酒放入冰箱冷藏几个小时，但不宜将冰箱作为葡萄酒的长期存放场所。否则软木塞会与酒瓶粘在存放的冰柜，恒温恒湿，适合少量葡萄酒的储存。</t>
  </si>
  <si>
    <t>低电量模式伤害电池吗</t>
  </si>
  <si>
    <t>不会有危害，只会有好处。</t>
  </si>
  <si>
    <t>卡卡贷提前还款后能再借吗</t>
  </si>
  <si>
    <t>这个是可以的。</t>
  </si>
  <si>
    <t>挂香港车牌装饰违法吗</t>
  </si>
  <si>
    <t>只要不影响到车牌的位置一般都是可以的。</t>
  </si>
  <si>
    <t>律兜 靠谱吗</t>
  </si>
  <si>
    <t>律兜法律咨询是真实的。</t>
  </si>
  <si>
    <t>咸鱼上卖东西会不会被骗</t>
  </si>
  <si>
    <t>太极拳有实战作用吗</t>
  </si>
  <si>
    <t>太极拳的理论很好，但实战，很遗憾现在根本找不出一个纯练太极实战很牛的人。</t>
  </si>
  <si>
    <t>其实太极拳是一种很厉害的武技，一般的套路都是健身用的，打得多可以体会到太极的柔力。</t>
  </si>
  <si>
    <t>北海1040有成功的吗</t>
  </si>
  <si>
    <t>从头到尾就是个骗局。</t>
  </si>
  <si>
    <t>一般成功的都在监狱里面。</t>
  </si>
  <si>
    <t>在外面能找到一个成功的就是牛人。</t>
  </si>
  <si>
    <t>在美国买的iphone7在中国能用吗</t>
  </si>
  <si>
    <t>在美国买的无锁版在中国可以用。</t>
  </si>
  <si>
    <t>牙齿矫正痛不痛</t>
  </si>
  <si>
    <t>刚刚戴上去前几天是痛苦的，后面就好了。</t>
  </si>
  <si>
    <t>不痛苦，就刚开始有点紧绷绷的。</t>
  </si>
  <si>
    <t>如果是10~14岁左右矫正的话不会有多少疼痛的，如果超过了那个年纪的话，可能开始会有些疼痛不适应。</t>
  </si>
  <si>
    <t>月经期间能吃芒果吗?</t>
  </si>
  <si>
    <t>经期是可以适当食用一些芒果的，并不会造成闭经或者子宫肌瘤。经期期间，女性的身体比平常要虚弱，身体免疫力也会下降。而芒果中含有丰富的纤维、钾、维生素A和C、钙、镁，它对于某些癌症具有一定的抵抗作用，对肾脏和清洁血液非常有益，由此可见，在月经期是可以适量食用芒果的。</t>
  </si>
  <si>
    <t>月经期不可以吃芒果。因为芒果是寒性或凉性的的水果，这样容易引起身体的不适，严重者甚至还会出现腹痛甚至腹泻。所以月经期不可以吃芒果。</t>
  </si>
  <si>
    <t>航意险和延误险有必要买吗</t>
  </si>
  <si>
    <t>对于怕麻烦的人，以及航班比较准时的（延误一般不超过4小时）的区域，延误险，其实是没必要的。</t>
  </si>
  <si>
    <t>如果经常坐飞机可以买航空延误险。</t>
  </si>
  <si>
    <t>上海的社保可以转到外地吗</t>
  </si>
  <si>
    <t>小黄车要押金吗</t>
  </si>
  <si>
    <t>非学生需要交99元押金，押金和余额随时可退。</t>
  </si>
  <si>
    <t>支付宝里面可以免交押金。</t>
  </si>
  <si>
    <t>洗面奶能带上飞机吗</t>
  </si>
  <si>
    <t>洗面奶容器体积不超过100毫升可以。一，乘坐国内航班的旅客一律禁止随身携带液态物品，但可办理交运，其包装应符合民航运输有关规定；二，旅客携带少量旅行自用的化妆品，每种化妆品限带一件，其容器容积不得超过100毫升，并应置于独立袋内，接受开瓶检查；三，来自境外需在中国境内机场转乘国内航班的旅客，其携带入境的免税液态物品应置于袋体完好无损且封口的透明塑料袋内，并需出示购物凭证，经安全检查确认无疑后方可携带；四是有婴儿随行的旅客，购票时可向航空公司申请，由航空公司在机上免费提供液态乳制品；糖尿病患者或其他患者携带必需的液态药品，经安全检查确认无疑后，交由机组保管。</t>
  </si>
  <si>
    <t>乘飞机可以随身携带小于100ml的洗面奶。如果大于100ml可以托运。坐飞机禁带物品：枪支(含各种仿真玩具枪、枪型打火机胶其它各种类型的带有攻击型的武器)弹药、军械、警械、管制刀具(任何刀具)、爆炸物品、易燃易爆物品、剧毒物品、放射性物品、腐蚀性物品、危险溶液及国家规定的其它禁运物品。手术刀、屠刀、雕刻刀等专业刀具，文艺单位表演用的刀、矛、剑、戟等，以及斧、凿、锤、锥、加重或有尖钉的手杖、铁头登山杖可作为行李托运。2001年10月1日起，民航部门允许旅客可以随身携带的生活用刀刃长不超过4厘米，水果刀、剪刀、男士的剃须刀片等生活用刀都必需放在托运行李中，或者交机场安检部门暂存。</t>
  </si>
  <si>
    <t>洗面奶只要不超过100ml一瓶就可以随身携带，超出的就需要托运。乘坐飞机除了不能携带枪械、管制刀具、警械、易燃易爆物品、腐蚀性物品、剧毒物品以及其他危险品等物品外，要特别注意火种和液态物品的携带。按民航规定：任何火机、火柴等点火装置均禁止旅客随身携带或办理托运。对于液态物品，旅客一律禁止随身携带但可办理托运；对于容积不得超过100毫升的化妆品，旅客经开瓶检查后可限带一件。旅客出行时要注意检查，避免因携带禁带物品而无法顺利通过机场的安全检查，造成误机甚至取消乘机资格的情况发生。按民航规定，乘坐国内航班的每位旅客可随身携带总重量不超过5公斤、每件体积不超过20×40×55厘米（根据各航空公司要求不同可能有所不同）的手提行李。持成人或儿童客票的头等舱旅客可免费托运40公斤的行李，公务舱旅客为30公斤，经济舱旅客为20公斤，超过的重量就要支付较高的逾重行李费了。为节省出行成本，旅客要注意携带和托运行李的重量。</t>
  </si>
  <si>
    <t>小苏打美白牙齿吗</t>
  </si>
  <si>
    <t>小苏打是有轻微磨蚀作用的清洁剂。加一点小苏打在牙膏里，可以中和异味，还可以充当增白剂，美白牙齿，但是有副作用，小苏打遇到水后会水解为碱性物质，对牙齿没有好处。小苏打会伤牙龈，长期使用可能会导致过敏。</t>
  </si>
  <si>
    <t>小苏打可以美白牙齿。小苏打有轻微的腐蚀作用（比食醋的腐蚀作用要小），所以使用时不要过量，也不宜长期使用。</t>
  </si>
  <si>
    <t>可以。早晚二次刷牙时在牙膏上放些小苏打，并且保持不少于每次3分钟的刷牙，15天左右就能够改变状况，使牙齿逐步的变白。</t>
  </si>
  <si>
    <t>罪恶之夜有第二季吗</t>
  </si>
  <si>
    <t>目前应该还没有被砍的消息出来，英剧原版有2季，本剧收视率逐步上升，各大网站好评，主创没排除第二季的可能性。</t>
  </si>
  <si>
    <t>刘若英和陈升睡过吗</t>
  </si>
  <si>
    <t>没有，这两个典范是很难得的精神恋爱。 陈升貌似曾经说过“你一个女人，永远不要对别人和盘托出。因为你将来是要嫁人的。如果都交出去了，那么等结婚的时候，还拿什么留给你丈夫呢？” 相爱虽易，互重不易，且行且珍惜</t>
  </si>
  <si>
    <t>玻璃险有必要买吗</t>
  </si>
  <si>
    <t>对于普通车主来说，投保玻璃险还是很有必要的。</t>
  </si>
  <si>
    <t>买不买玻璃险，看你的停车环境。如果很好，则没必要买。如果停车后，没有安全保证，那你非常有必要买这个险。</t>
  </si>
  <si>
    <t>指定专修险有必要买吗</t>
  </si>
  <si>
    <t>每个保险公司基本上都有这个险种，其实没有什么用，因为现在很多保险公司都基本上遵循车主的意见只要不是很过分的要求都是可以的，在车辆发生事故事，在购买车损险的情况下保险公司是提供免费拖车的服务，一般都是就近原则，把车拖到就近的维修厂进行维修。这个险种一般购买率在千分之一，很少有人买的。</t>
  </si>
  <si>
    <t>指定专修是保险条款里商业险的附加条款,是搭配着商业险销售的,可以买可以不买,买指定专修的好处是出险后,保险公司会询问你去哪修,选择4S的话他会给你定4S的价格,如果没有保着就只能给你市场价。有的保险公司是买商业赠指定专修,这个你可以多咨询一下规模大一点的保险公司。</t>
  </si>
  <si>
    <t>尚研国际是真的吗</t>
  </si>
  <si>
    <t>电脑翻墙后共享wifi 手机可以用吗</t>
  </si>
  <si>
    <t>hotfix是什么能删除吗</t>
  </si>
  <si>
    <t>Hotfix是针对某一个具体的系统漏洞或安全问题而发布的专门解决该漏洞或安全问题的小程序，通常称为修补程序。觉得碍事，就删除了，不过经常重装系统的朋友就建议留着。</t>
  </si>
  <si>
    <t>梅毒能彻底治愈</t>
  </si>
  <si>
    <t>完达山奶粉出过问题吗</t>
  </si>
  <si>
    <t>没有什么负面的报道。</t>
  </si>
  <si>
    <t>在完达山乳业工业园烟台市牟平区发现生产早产奶，即生产了几天的牛奶被贴上出售当天的生产日期，这些早产奶的种类包括完达山巴氏鲜牛奶、完达山巴氏高钙奶、酸牛奶等。</t>
  </si>
  <si>
    <t>挖矿挂机赚钱是真的吗</t>
  </si>
  <si>
    <t>所有的挖矿都是旁氏骗局的骗子。</t>
  </si>
  <si>
    <t>挖矿挂机是真的，不过市面上挂机的鱼龙混杂，不要乱挂。</t>
  </si>
  <si>
    <t>双色球网上可以买吗</t>
  </si>
  <si>
    <t>2015年开始全国所有网络彩票都被叫停了，现在如还在销售的都是非法的。</t>
  </si>
  <si>
    <t>应主管部门要求，当前各彩票网站均暂停售彩，已售出彩票兑奖不受影响。购买彩票建议您查询附近的实体网点。</t>
  </si>
  <si>
    <t>2015上半年国家有关部门联合发布通告，自通告发布之日起禁止在互联网上销售彩票。再买彩票须到当地福彩实体店购买。</t>
  </si>
  <si>
    <t>美女与野兽2017好看吗</t>
  </si>
  <si>
    <t>医保存折里的钱能取出来吗</t>
  </si>
  <si>
    <t>存折就有点卡的意思，钱是可以取出来的。</t>
  </si>
  <si>
    <t>医保卡里的钱是不能取现的。只能放在里面作为医疗费用。不过，每年都有固定的使用额度和所报销的药品范围，具体的可以到社保局咨询。</t>
  </si>
  <si>
    <t>可以取钱的，第一次取钱必须去柜台办理，需要身份证，激活之后会设置取款密码，之后可以在北京银行的取医保卡钱的ATM机上取钱，如果忘记密码只能去柜台办理密码更改手续。</t>
  </si>
  <si>
    <t>腾讯微博还有人用吗</t>
  </si>
  <si>
    <t>现在应该快没人用了吧。</t>
  </si>
  <si>
    <t>肯定是有的，好几亿人有QQ，哪怕一半人玩一下，依然是好多。</t>
  </si>
  <si>
    <t>挖比特币违法吗</t>
  </si>
  <si>
    <t>不违法，比特币挖矿在国内是合法存在的。</t>
  </si>
  <si>
    <t>霍建华喜欢过林韦君吗</t>
  </si>
  <si>
    <t>朋友关系。</t>
  </si>
  <si>
    <t>钢之逆鳞 希瓦娜有特效吗</t>
  </si>
  <si>
    <t>王绪前膏方是真的吗</t>
  </si>
  <si>
    <t>王者荣耀自己的皮肤可以送人吗</t>
  </si>
  <si>
    <t>自己拥有的皮肤是不能赠送给好友的</t>
  </si>
  <si>
    <t>大童保险是坑人的吗</t>
  </si>
  <si>
    <t>大童保代，不是骗人的，业内口碑还不错。与百余家保险产品供应商合作。</t>
  </si>
  <si>
    <t>amd的cpu可以配n卡吗</t>
  </si>
  <si>
    <t>AMD处理器可以使用NVIDIA显卡。</t>
  </si>
  <si>
    <t>莲雾好吃吗</t>
  </si>
  <si>
    <t>要看个人口味。</t>
  </si>
  <si>
    <t>工伤十级私了5万行吗</t>
  </si>
  <si>
    <t>差不多吧，最好一次付清，能要再涨点更好。</t>
  </si>
  <si>
    <t>十级工伤，直接解除劳动合同，三项费用总和大概要带五万，不过既然是私了，只要双方同意，赔多少钱都不是问题。</t>
  </si>
  <si>
    <t>粽子可以微波炉加热吗</t>
  </si>
  <si>
    <t>笔杆论文检测准确吗</t>
  </si>
  <si>
    <t>笔杆论文检测挺不错的，已经顺利通过学校，便宜实用。</t>
  </si>
  <si>
    <t>经常吃巧克力好不</t>
  </si>
  <si>
    <t>多吃巧克力的好处：1、巧克力含有类黄碱素，这种物质有助于保持心脏健康、促进血液循环，防止血管阻塞而导致冠心病或中风。科学家认为，血小板活化是造成血管阻塞的主要原因，研究发现进食巧克力的志愿者体内的血小板活动量较低，进食面包的志愿者的血小板活动量则保持不变。2、麻省理工学院的研究人员指出，巧克力可提高脑内血清素（Serotonin）的浓度，而血清素愈多，就愈快乐。3、巧克力的热量密度很高，每公克巧克力约可提供五大卡的热量，对于登山者或极需热量补充的人来说，是很好热量来源。此外，它浓郁的香味及柔滑的口感，可以抚慰忧郁及沮丧的情绪，让人们感到满足。巧克力亦含有与绿茶相似的各种抗氧化物如多酚类等，具有抗癌及抗老化的能力。多吃巧克力的坏处：1、一次大量吃巧克力，可能会因巧克力中的大量单糖进入体内，刺激胰岛素大量分泌，使血糖骤降。2、巧克力的高热量是导致肥胖的隐忧。此外，巧克力中的可可脂为饱和脂肪酸，吃多易提高血胆固醇，影响心脏血管的健康，所以有心脏血管疾病的人还是必须减少食用。注意事项：由于巧克力的热量主要来自脂肪及糖类，所以如果多吃了巧克力，其它饮食上应该减少烹调用油及糖类的摄取，以免总油脂摄取过量，造成身体热量的负担。</t>
  </si>
  <si>
    <t>每天吃其实有好处也有坏处，不能吃多，巧克力有很多功效的，稍微吃点就正好利用好了巧克力。</t>
  </si>
  <si>
    <t>王后雄押题班可靠吗</t>
  </si>
  <si>
    <t>押题不现实。</t>
  </si>
  <si>
    <t>没有什么用。</t>
  </si>
  <si>
    <t>榴莲籽能吃吗</t>
  </si>
  <si>
    <t>早孕腰酸正常吗</t>
  </si>
  <si>
    <t>轻微的腰痛是正常的。疼痛剧烈并影响到其它部位的腰痛，就需要就医治疗了。</t>
  </si>
  <si>
    <t>是正常现象，不要担心。</t>
  </si>
  <si>
    <t>高利贷违法吗</t>
  </si>
  <si>
    <t>放高利贷属于违法行为。</t>
  </si>
  <si>
    <t>不充钱你会变得更强吗</t>
  </si>
  <si>
    <t>会啊，反向极端的人生可是比充钱来的更惊心动魄呢。</t>
  </si>
  <si>
    <t>蚂蚁保险服务靠谱吗</t>
  </si>
  <si>
    <t>1、可靠的，这个支付宝挂靠的肯定比较稳定和方便，也比较可以信任；2、毕竟支付宝那么大的公司不会随意卷款走的，而且现在支付宝的业务也是越做越大，放心购买好了。</t>
  </si>
  <si>
    <t>真是真的，但个人建议还是找一个保险代理人比较好。</t>
  </si>
  <si>
    <t>还是可以的，毕竟和支付宝有关系。</t>
  </si>
  <si>
    <t>大圣旗舰商城合法吗</t>
  </si>
  <si>
    <t>大圣有工商局注册的营业执照，具体经营是否合法，需要经侦和工商核实</t>
  </si>
  <si>
    <t>放心吧，这个是正规的 ，选东西当然可靠啦</t>
  </si>
  <si>
    <t>是侵权，如果被起诉要处罚、赔偿。但是大圣归来剧务组很少会追责。</t>
  </si>
  <si>
    <t>宠物能上高铁吗</t>
  </si>
  <si>
    <t>《铁路旅客运输规程》规定，动物不得带入车内。</t>
  </si>
  <si>
    <t>葵花宝典女人能练吗</t>
  </si>
  <si>
    <t>不能。因为女人体质较弱，属于阴性。笑傲江湖里面交代过，葵花宝典是练气的，功起热生，热从身起，身燃而生。由下窜上，燥乱不定。即便热止，身伤不止。可见葵花宝典起练应该属阳性，比男人体抗还强，所以自宫以后，真气自生。汇入丹田，无有制碍。这些都交代过。就金庸没有着重写明女人能不能练的问题。</t>
  </si>
  <si>
    <t>可以啊，但是练不全。因为《葵花宝典》本来就是由一男一女合著。男方名字中有一“葵”字，而女方名字中有一“花”字，故名《葵花宝典》。这对男女原为恩爱夫妻，其后因事反目，各自创出的半部宝典更是互相克制。《葵花宝典》亦因此分为两半，一为乾部，一为坤部，江湖中亦有人将之称为“天书、地书”、“阴录、阳录”。</t>
  </si>
  <si>
    <t>葵花宝典应该是和降龙十八掌一样的至阳类武功，只是不是练内力而是练速度，所以时间久了就欲火旺盛，这类武功不适合女人练，女人阴气太重，练不好。</t>
  </si>
  <si>
    <t>二维火收银系统好用吗</t>
  </si>
  <si>
    <t>二维码收银系统稳定性还是很差，网络不好影响太大。扫码说是提高翻桌率，但是体验比较差，根本不实用。</t>
  </si>
  <si>
    <t>挺好用的，只要上网用微信的扫一扫，扫桌位码就可以打开菜单点菜，也可以直接结账，也可以呼叫服务员，留言等，顾客手机点完菜，提交后收银台就能收到信息，可以审核确认直接厨房打印出菜品工后厨配菜出菜。</t>
  </si>
  <si>
    <t>315投诉有用吗</t>
  </si>
  <si>
    <t>要看具体什么问题了。</t>
  </si>
  <si>
    <t>12315是工商行政部门设置的消费者维权电话，当消费者在消费过程中受到权利侵犯，可以拨打该电话进行投诉。工商行政部门在调查后，如果发现商家有违法行为，工商行政部门要予以行政处罚，对于商家犯法经营或者侵权造成消费者的损失，可以由消费者协会进行调解。调解不成，可以建议双方进入司法程序解决争议。</t>
  </si>
  <si>
    <t>要看你的投诉事件大小。</t>
  </si>
  <si>
    <t>孕妇能吃苋菜吗</t>
  </si>
  <si>
    <t>传说是不能，最好别吃。</t>
  </si>
  <si>
    <t>无锡闯红灯扣分吗</t>
  </si>
  <si>
    <t>扣分，机动车闯红灯罚款200元，扣6分。</t>
  </si>
  <si>
    <t>无锡目前电子警察拍到只罚款不扣分，闯黄灯不算闯红灯的，如果确定只是黄灯。</t>
  </si>
  <si>
    <t>电子警察抓拍目前无锡是不扣分的，只是罚款200元。</t>
  </si>
  <si>
    <t>这个世界上真的有鬼魂吗</t>
  </si>
  <si>
    <t>世界上并没有鬼和超自然现象，但他们并不是人们凭空想象出来的，而是环境造成的。</t>
  </si>
  <si>
    <t>有。疑心生暗鬼，魂不守舍。</t>
  </si>
  <si>
    <t>夏天去泰国热吗</t>
  </si>
  <si>
    <t>其实是很热的，闷热闷热的，泰国从六月份开始的温度就开始很高了。</t>
  </si>
  <si>
    <t>当然了，东南亚夏天都很热。</t>
  </si>
  <si>
    <t>吃药打胎安全吗</t>
  </si>
  <si>
    <t>吃药打胎并不安全，如果流产不全，还要清宫，做无痛人流吧。</t>
  </si>
  <si>
    <t>一般是比较安全的， 建议你在妇科医生的指导下服药， 一般是用米菲片和米索片。</t>
  </si>
  <si>
    <t>药物流产适用于怀孕8周以内的孕妇，应用方便，可在家服药，不做手术，痛苦小，效果可靠，可避免一些人工流产所引起的并发症。但是，药物流产也有一些弊端，如：大约有20％药物流产的患者，流产后出血时间较长，最长可达1—2个月，最后还得刮宫(称清宫术)，而且增加感染机会，其他不良反应还有一过性的下腹痛、恶心、腹泻等。</t>
  </si>
  <si>
    <t>邮件可以撤回吗</t>
  </si>
  <si>
    <t>1、这里以QQ邮箱为例，首先打开QQ邮箱网页版。2、然后打开已发送文件夹找到需要撤回的邮件。3、在邮件顶端，找到“查询发送状态”选项并点击打开。4、在打开的页面中选择需要撤回的邮件选择撤回即可完成撤回。5、对于发往不是和自己同一个邮箱服务器的域外和对方已读的邮件都不支持撤回。</t>
  </si>
  <si>
    <t>1、撤回邮件一般需要几秒种到一分钟的时间完成，可以在上面的窗口中等待撤回的结果，也可以关闭窗口，之后查看系统邮件发来的撤回结果通知；2、如果撤回成功，对于被撤回者而言，看到的邮件将变为某某主题的邮件已被撤回的提示，原先的内容和附件将被清除；3、撤回仅限于发往QQ邮箱的邮件，不支持撤回发往如网易、Gmail等其它邮箱的邮件，也不支持撤回发送的群邮件；4、如果对方已经阅读，将不予撤回（提示因为此原因撤回失败）；5、对于已发出了超过15天的邮件，不提供撤回服务；6、如果将已发送中的邮件删除了，可以在QQ邮箱首页=》自助查询=》发信查询中查看发信记录，若有发信记录则也可以撤回；7、若对方主动拦截了邮件，便无法撤回；8、对方过滤器拦截的邮件可以在已发送中查看；9、手机邮箱客户端发送的邮件无法在手机端直接撤回，您可以在电脑登录QQ邮箱后进行撤回的操作。</t>
  </si>
  <si>
    <t>定时发送的邮件要撤回，不同的邮箱撤回的步骤可能不一样，以qq邮箱为例，具体撤回分以下三种情况：（一）定时邮件未发送若是定时发送的邮件还没有到设置好的时间，邮件还没有发送过去，把邮件直接删除即可，步骤如下：在电脑上登录qq，点击主界面上方的QQ邮箱；进入QQ邮箱，点击“草稿箱”；在草稿箱界面上，点击勾选定时发送的邮件之后，再点击“删除草稿”，在弹出来的窗口上点击“确定”即可。（二）定时邮件已发送，对方未阅读若是设置了定时发送的邮件已经发送到对方的邮箱，但是对方还没有阅读该邮件的，撤回的步骤如下：在QQ邮箱界面上点击“已发送”；打开已发送的邮件列表，找到特定的邮件，点击打开它；在邮件详情界面上方点击“撤回”的按钮，在弹出来的窗口上点击“确定”；在对方还没有阅读邮件的前提下，邮件撤回成功，点击“完成”即可。</t>
  </si>
  <si>
    <t>债权车不能过户可以买吗</t>
  </si>
  <si>
    <t>抵押车是不能过户的，但是购买者可以正常使用并且年检等，风险肯定是存在的，但是抵押车购买的价格是非常低的，这也是抵押车的优势所在。</t>
  </si>
  <si>
    <t>没有过户车辆购买了以后过户比较困难，风险比较大。</t>
  </si>
  <si>
    <t>排阻的各电阻值一样吗</t>
  </si>
  <si>
    <t>一样</t>
  </si>
  <si>
    <t>急性荨麻疹可以自愈吗</t>
  </si>
  <si>
    <t>一般急性荨麻疹的来的快去的也快，只要注意避开敏源，配合治疗，日常护理做到位，能够很快的拜托困扰。慢性荨麻疹一般是交替状发展，时好时坏，反复发作的很多，容易给患者带来假象，产生迷惑。很多患者不清楚情况，停止治疗或是放松警惕，给荨麻疹治疗带来阻碍。意见建议：荨麻疹的自愈也是有的，但是一般都还是会采取日常护理和药物结合的方法来治疗荨麻疹。</t>
  </si>
  <si>
    <t>一般会，要看是怎么原因引起的，去除病因后，就会好转。</t>
  </si>
  <si>
    <t>要治疗荨麻疹应三个方面同时进行：1、要彻底清除人体血液中的毒素，降低血液的血热血燥。2、要进行抗敏脱敏治疗，彻底改变过敏体质。3、消除人体器官和组织中炎症，阻止不断产生的过多毒素，恢复正常代谢功能；三个方面缺一不可。注意生活习惯，避免不良刺激。有患过荨麻疹的患者，这点要特别注意，平时注意保持室内外清洁卫生等工作，猫狗等宠物要避免饲养。房间内有花，尤其是有传播花粉的花时，应拿出卧室和平日经常行走的房间。喝酒、受寒受冷，情绪激动等都会加速皮肤血管的扩张，激发、加重荨麻疹。劣质塑料产品、食物添加剂、肥皂、化纤衣物，对于过敏体质的人和荨麻疹患者都可能造成不良刺激，都应注意。</t>
  </si>
  <si>
    <t>6s有32g吗</t>
  </si>
  <si>
    <t>新版的6s取消了16G和64G，现在只有32G和128G。</t>
  </si>
  <si>
    <t>苹果官方目前6s32G已经在国内下架，但是天猫京东上面还是有卖的。</t>
  </si>
  <si>
    <t>之前确实是只有16、64、128。iPhone7发布后跟iPhone7看齐了。现在官网只出售32 128 256。不过价格没有增加。</t>
  </si>
  <si>
    <t>输卵管炎症会怀孕吗</t>
  </si>
  <si>
    <t>正常治愈后可以怀孕的。</t>
  </si>
  <si>
    <t>病程拖延太久就算到时候管道能疏通，若是不能行驶蠕动、拾卵功能，也是没有办法受孕的。</t>
  </si>
  <si>
    <t>输卵管炎是由于病原体感染引起，可行输卵管造影检查明确一下，可能会导致不孕。</t>
  </si>
  <si>
    <t>卖家发错货对店铺有影响吗</t>
  </si>
  <si>
    <t>退款率增加了。</t>
  </si>
  <si>
    <t>影响店铺信用，影响店铺申报活动和店铺流量。</t>
  </si>
  <si>
    <t>没什么影响。</t>
  </si>
  <si>
    <t>鼻炎能治吗</t>
  </si>
  <si>
    <t>鼻炎可以治愈。</t>
  </si>
  <si>
    <t>是不可能治愈的。</t>
  </si>
  <si>
    <t>鼻炎很难治疗目前也是难题。如果是单纯的鼻炎，连手术都无法治疗，只能控制。</t>
  </si>
  <si>
    <t>精子能吃吗</t>
  </si>
  <si>
    <t>莱特币是骗局吗</t>
  </si>
  <si>
    <t>莱特币是全球公认的仅次于比特币的第二大虚拟数字货币，有很好的投资价值。</t>
  </si>
  <si>
    <t>是的，已经关网了，跑路了。</t>
  </si>
  <si>
    <t>莱特币自身不是骗局，但是有很多人打着莱特币的幌子进行传销诈骗活动。莱特币目前的知名度和认可度仅次于比特币，在国内认可度更高。除莱特币以外还有瑞泰币、活力币、狗狗币、以太币等优秀的币种。</t>
  </si>
  <si>
    <t>查重后论文还能大改吗</t>
  </si>
  <si>
    <t>论文查重后论文可以改，不过改后的论文依然要通过查重。</t>
  </si>
  <si>
    <t>如果是自己检测的，是可以改的。本来论文检测的目的就是为了能更好的修改论文。如果是把论文提交到学校检测，那就要看学校的规定，不同学校规定也不一样。</t>
  </si>
  <si>
    <t>绝地求生需要vpn吗</t>
  </si>
  <si>
    <t>自考专升本国家承认吗sohu</t>
  </si>
  <si>
    <t>自考学历是国家承认的学历，自考专升本毕业以后的最高学历就变成本科学历。符合一定条件的话还可以申请学士学位，自考学历是成人学历认可度最高的。</t>
  </si>
  <si>
    <t>红枣和白薯可以一起吃么</t>
  </si>
  <si>
    <t>可以，红枣每天都吃一些,对身体好,红枣有补血作用，红薯不可以多吃。</t>
  </si>
  <si>
    <t>可以配合在一起。</t>
  </si>
  <si>
    <t>挖财宝新人宝12%可靠吗</t>
  </si>
  <si>
    <t>港澳通行证能异地办理吗</t>
  </si>
  <si>
    <t>好像可以网上申报。</t>
  </si>
  <si>
    <t>符合条件的前提下，当事人可以在异地申请领取港澳通行证，异地申请港澳通行证的条件，可以参照如下：自2012年1月1日起，河北、内蒙古等20多个省先后实行本省居民可以凭户口簿、身份证以及居住满一年的证明在省内其他地就近申请出入境证件；自2012年1月1日起，非上海户籍的引进人才及其配偶和不满16周岁的子女可以在上海异地申请出入境证件；自2012年9月1日起，北京、天津、上海、重庆、广州、深圳等六市允许非本市户籍就业、就学人员异地申请出入境证件；自2013年7月1日起，在六城市异地办证政策的基础上，进一步扩大惠及城市和人群的范围，将城市扩大到长春、青岛等43个城市，人群扩大至就业、就学人员的配偶、未成年子女以及60岁以上老人。</t>
  </si>
  <si>
    <t>现在全国有43个城市允许满足条件的非本市户籍人士办理，这43个城市分别是：北京、天津、石家庄、太原、呼和浩特、沈阳、大连、长春、哈尔滨、上海、南京、杭州、宁波、合肥、福州、厦门、南昌、济南、青岛、郑州、武汉、长沙、广州、深圳、南宁、海口、重庆、成都、贵阳、昆明、西安 、无锡、常州、苏州、温州、嘉兴、舟山、泉州、株洲、湘潭、珠海、东莞、佛山首先确定本人是否在这些城市之内，否则只能回户籍所在地办理。</t>
  </si>
  <si>
    <t>经期能喝咖啡吗</t>
  </si>
  <si>
    <t>咖啡是中性偏热的食物，不偏寒，月经期间饮用不会造成生冷的刺激。</t>
  </si>
  <si>
    <t>经期不宜喝咖啡。咖啡会导致女性体内雌性激素增加，有某些妇科疾病的，就有可能因此而加重病情，比如子宫内膜异位症、乳房胀痛等，严重的还是导致不孕。经期喝咖啡会导致雌激素含量上升，影响卵巢内卵子的数量，促使卵巢衰老，也会促进其他一些机能的老化。而且其中含有大量的咖啡因，对神经和心血管都会产生刺激，导致出现痛经、经期延长以及月经过多的情况，所以月经期最好不要喝咖啡。</t>
  </si>
  <si>
    <t>养森瘦瘦塑身是真的吗</t>
  </si>
  <si>
    <t>真的效果很好。</t>
  </si>
  <si>
    <t>是真的，以前的美容院推荐用的，这个真心很好的，主要是比较健康的。</t>
  </si>
  <si>
    <t>醋精可以治灰指甲吗</t>
  </si>
  <si>
    <t>醋精不能治疗灰指甲。</t>
  </si>
  <si>
    <t>用醋精1瓶，大头蒜约半斤，蒜头最好用刀背敲烂捣碎，放在醋精里浸泡，最好是能够放入手或脚的器皿，每晚将患灰指甲的手或脚放入装有大蒜的醋精中浸泡约十五钟左右，大约半个月可见效</t>
  </si>
  <si>
    <t>可以稀释后浸泡以下灰指甲，但是效果也不是很好。</t>
  </si>
  <si>
    <t>信用卡逾期能贷款吗</t>
  </si>
  <si>
    <t>① 如果是近期的逾期记录，那么基本无法通过贷款审核；② 如果是两年前的逾期记录，且最近信用记录良好，信用卡按时还款，那么贷款审批通过的概率很大。</t>
  </si>
  <si>
    <t>通情况累计逾期达到6或连续逾期达到3次，银行都不会发放贷款。</t>
  </si>
  <si>
    <t>滞纳金属于罚没支出吗</t>
  </si>
  <si>
    <t>滞纳金属于罚款支出。</t>
  </si>
  <si>
    <t>百度云盘收费吗</t>
  </si>
  <si>
    <t>百度网盘可以免费使用最高达2T的空间，同时百度网盘还有收费服务项目。</t>
  </si>
  <si>
    <t>使用百度云注册即可使用内存5G，可以通过手机下载百度云盘APP登陆可以扩空间到2055G，都是免费的，如果再扩大就要花钱。</t>
  </si>
  <si>
    <t>兴蜀大宗cmt是骗局吗</t>
  </si>
  <si>
    <t>兴蜀大宗是诈骗公司。</t>
  </si>
  <si>
    <t>是平台不是骗局。</t>
  </si>
  <si>
    <t>彩票网上可以买了吗</t>
  </si>
  <si>
    <t>根据主管部门要求，当前各彩票网站均暂停售彩，只能到实体网点购买。</t>
  </si>
  <si>
    <t>可以，要看哪个平台。最新出了政策，腾讯、淘宝等平台都无法在购买。而网易平台是可以的。</t>
  </si>
  <si>
    <t>阿根廷是发达国家吗</t>
  </si>
  <si>
    <t>曾经是，现在不是。</t>
  </si>
  <si>
    <t>阿根廷是比较强的发展中国家。</t>
  </si>
  <si>
    <t>陆金所安全吗</t>
  </si>
  <si>
    <t>P2P理财一般都不说安全，建议谨慎投资。但是这家是个例外，搞金融的人都知道，他是平安旗下的，资本实力非常雄厚，全性较高。</t>
  </si>
  <si>
    <t>肾囊肿会癌变吗</t>
  </si>
  <si>
    <t>恶变机会很小。</t>
  </si>
  <si>
    <t>有些囊肿可以发生感染,甚至癌变。</t>
  </si>
  <si>
    <t>商贷可以转公积金贷款吗</t>
  </si>
  <si>
    <t>符合条件的可以。</t>
  </si>
  <si>
    <t>咳嗽能吃鱼吗</t>
  </si>
  <si>
    <t>咳嗽，海鲜类都不能吃。</t>
  </si>
  <si>
    <t>可以吃，但最好吃请淡的。</t>
  </si>
  <si>
    <t>世上有鬼吗,会伤害人吗</t>
  </si>
  <si>
    <t>果界醇露真的能减肥吗</t>
  </si>
  <si>
    <t>这个东西作用不大。</t>
  </si>
  <si>
    <t>这个是减不了肥的，减肥需要选择正确的方法。</t>
  </si>
  <si>
    <t>是真的，但是减的多，减得少，是要看个人体质。</t>
  </si>
  <si>
    <t>gtx1060算高端显卡吗</t>
  </si>
  <si>
    <t>GTX1060中高端性能级独显，GTX高性能的意思。</t>
  </si>
  <si>
    <t>鳄鱼肉好吃吗</t>
  </si>
  <si>
    <t>一般，没有牛羊肉好吃。</t>
  </si>
  <si>
    <t>腾讯游戏平台不能玩手游了吗</t>
  </si>
  <si>
    <t>可以玩手游的是内侧版本，可以下一个内侧版TGP客户端。</t>
  </si>
  <si>
    <t>144hz显示器有必要吗</t>
  </si>
  <si>
    <t>不是专业电竞没必要。</t>
  </si>
  <si>
    <t>肯定有的，存在就有存在的价值，对于普通玩家不是很重要，但是对于职业玩家是很重要的。</t>
  </si>
  <si>
    <t>小产权房可以买吗</t>
  </si>
  <si>
    <t>小产权房子从法律上来说是不允许交易的，在购买后如果出了问题而调解不成是得不到法律保障的。所以，不建议购买。</t>
  </si>
  <si>
    <t>如果打算自住的话，是可以买的。 但是风险也有，没有房子的最终产权，随时都有无法预知的后果。 出租当然可以。 但是想过几年转手卖是没可能的，小产权房手续不全，正式来说就是非法的交易。</t>
  </si>
  <si>
    <t>小产权房有乡政府发的产权证书。购买的时候一定要买规模大的，在政府限定日期之前卖的。其实小产大产都一样可以交易，小产交易还比较方便。</t>
  </si>
  <si>
    <t>金稻补水仪的效果好吗</t>
  </si>
  <si>
    <t>如果肌肤特别好，不缺水，效果就超级好。</t>
  </si>
  <si>
    <t>用过dayshow的小型喷雾仪器，除了水箱小了，喷雾时间短，没别的缺点。 现在也正在打算购蒸脸器，俩个牌子在犹豫，感觉金稻是明星炒出来的，张馨予是金稻代言么，网上就说张馨予同款，个人比较倾向于dayshow3975。</t>
  </si>
  <si>
    <t>无痛胃镜麻醉有危害吗</t>
  </si>
  <si>
    <t>只要不对麻药过敏，没有多少危害。</t>
  </si>
  <si>
    <t>编辑能查出一稿多投吗</t>
  </si>
  <si>
    <t>不能一稿多投，特别是像你这样的篇幅较长的，要十分注意这方面的问题。著权法明确规定不允许一稿多投。法律规定15天之内不得投其他杂志社，如果杂志社有自己的规定，一旦你向他们投稿，就相当于你同意了这个条款。比如说，他们规定半年内不准投共创刊物，而你投了，如果出现版权纠纷，就是你的责任。</t>
  </si>
  <si>
    <t>口腔溃疡可以吃海带吗</t>
  </si>
  <si>
    <t>如果你对海带不过敏的情况下，口腔溃疡是可以吃海带的。</t>
  </si>
  <si>
    <t>巴布亚新几内亚安全吗</t>
  </si>
  <si>
    <t>土匪猖獗，出门要大裤衩,不能一分不带,要带点零钱,几十个kina；走路遇见土匪就让他抢吧,不要还手,如果他让你拿什么东西不要动作太快也别太慢,不然有枪的就会开枪的；开车路上如果有人冲出来拿枪指着你,千万别停,别害怕,一脚油门撞过去,没听说过被撞死的土匪,他们看你不减速一定会跑开，如果你害怕了停下那你就完蛋了，摇下车窗等着被抢吧,别反抗...不然一顿打是免不了的；海边鱼市是要少去的...里面小偷多，downtown是要少去的....每个月一次早上7点开始的小集是可以去的..里面还是很安全；保安公司有一半是土匪，找白人的保安公司比较靠谱。</t>
  </si>
  <si>
    <t>党校学历国家承认吗</t>
  </si>
  <si>
    <t>国家不承认。一般来讲党校文凭都是针对那些在国家机关事业单位的领导干部去混文凭的地方，这种文凭属于“地方粮票”只在这些领导干部所在的单位认可，一旦换单位，人家根本不认，拿党校的文凭也不能去报考司法、教师、公务员等资格考试。</t>
  </si>
  <si>
    <t>党校的普通学历是国家不承认的，但是党校的研究生的学历是国家承认的。</t>
  </si>
  <si>
    <t>水蛭会钻入人体吗</t>
  </si>
  <si>
    <t>12厘米算不算牙签男</t>
  </si>
  <si>
    <t>这个是正常范围的，很好。</t>
  </si>
  <si>
    <t>还算正常，不能再短了，11的人很多，通常在14左右最多。</t>
  </si>
  <si>
    <t>金刚狼不是不会老吗</t>
  </si>
  <si>
    <t>金刚狼是不老的，他的细胞可以完全修复身体的损伤，也包括衰老的细胞。</t>
  </si>
  <si>
    <t>会变老，只是速度比平常人的慢而已。</t>
  </si>
  <si>
    <t>家里的蜘蛛有毒吗</t>
  </si>
  <si>
    <t>如果体型不大的话那就是跳蛛是无毒的小蜘蛛，如果稍大一点的蜘蛛都是有一定的毒素的，但是不会主动攻击人类。</t>
  </si>
  <si>
    <t>世界每个蜘蛛都是有毒的，只是看毒性大小，家里的蜘蛛，它们的毒性只能杀死点虫子之类的，咬了就怕感染。家里有蜘蛛说明家环境不好，需要清理周围环境，一般来说蜘蛛毒液不能完全伤害人类。</t>
  </si>
  <si>
    <t>蜘蛛都有毒，但蜘蛛是益虫。</t>
  </si>
  <si>
    <t>美丽说的东西是正品吗</t>
  </si>
  <si>
    <t>这个是不一定的，同个平台上也可能出现正品和假货。</t>
  </si>
  <si>
    <t>包皮过长一定要切除吗?</t>
  </si>
  <si>
    <t>这个不一定，在于自己的选择，如果嫌麻烦，可以考虑切除。不过大多数人都没切除，实在有问题，到时候再切也不迟，反正也没什么影响。</t>
  </si>
  <si>
    <t>包皮过长使分泌物不易排出而形成包皮垢，容易使细菌繁殖，而诱发反复发作的包皮、龟头感染。而且有部分包皮过长者还会因些而影响性生活质量。所以从预防感染和提高性生活质量的角度讲应该及早手术。</t>
  </si>
  <si>
    <t>可以翻过来就可以不用了，多多做清洁就好了。</t>
  </si>
  <si>
    <t>艾玛沃特森结婚了吗</t>
  </si>
  <si>
    <t>没有结婚。</t>
  </si>
  <si>
    <t>晚上喝牛奶好吗</t>
  </si>
  <si>
    <t>芦笋要削皮吗</t>
  </si>
  <si>
    <t>中国同性恋合法吗?</t>
  </si>
  <si>
    <t>同性恋合法。</t>
  </si>
  <si>
    <t>澳门赌场合法吗</t>
  </si>
  <si>
    <t>赌场合法的，根据澳门特区政府最新公布，法桉规范进入赌场最低年龄由十八岁提高至廿一岁，未满法定年龄进入娱乐场者可被罚款一千至一万元。</t>
  </si>
  <si>
    <t>会计中级职称难不难</t>
  </si>
  <si>
    <t>难度是相对的，中级会计师师相比初级会计师来说，难很多，因为水平考试，中级是中级水平，初级是初级水平，另外中级考三门，难度大很多。</t>
  </si>
  <si>
    <t>相对于社会来讲，中级的考试难度低太多了。</t>
  </si>
  <si>
    <t>这个都是仁者见仁，智者见智的，中级相对于初级肯定是有一定难度的，但是只要用心，付出一定努力就一定可以成功。</t>
  </si>
  <si>
    <t>装机之家买电脑靠谱吗</t>
  </si>
  <si>
    <t>应该靠谱。</t>
  </si>
  <si>
    <t>1、得看它用的是什么牌子的配件，有的甚至用工包的配件，肯定便宜。2、不可否认，批发价和零售价肯定不一样，但是绝对不会差的那么悬殊。一个配件最多差个20-30块钱，再多了，就得考虑，是不是用工包产品贴品牌标。3、一分钱一分货。切忌别贪小便宜。</t>
  </si>
  <si>
    <t>顺丰寄手机需要保价吗</t>
  </si>
  <si>
    <t>顺丰快递还是比较给力的，放心！</t>
  </si>
  <si>
    <t>如果包装得好不怕在运输过程中损坏的话可以不用保价的，不放心的话就保价吧，反正也就几块钱而已，就算快递丢了还能照价赔偿你，不保价的情况如果快递被弄丢了也就赔偿快递费的几倍钱给你，保价卖个放心，如果是很贵重或者很贵的手机建议还是保价吧，不要介意那几块钱！</t>
  </si>
  <si>
    <t>不用保价，顺丰值得信赖，不过一定要用气泡纸包好避免碰撞影响手机使用。</t>
  </si>
  <si>
    <t>披萨是上火的吗</t>
  </si>
  <si>
    <t>吃披萨是会上火哦，煎烤油炸的食品都容易上火。</t>
  </si>
  <si>
    <t>会</t>
  </si>
  <si>
    <t>有点</t>
  </si>
  <si>
    <t>红旗渠现在还在用吗</t>
  </si>
  <si>
    <t>灌溉还用，但随着知名度增高，近年旅游者也显著增多。</t>
  </si>
  <si>
    <t>千年活骨膏是骗局吗</t>
  </si>
  <si>
    <t>不是，效果很好。</t>
  </si>
  <si>
    <t>支付宝红包不领取会退回吗</t>
  </si>
  <si>
    <t>群红包有效期是24小时，其他红包有效期是72小时，如果有效期内未被领取，含领取了未在红包有效期内绑定手机，红包对应的资金将退回，余额宝支付的资金退回发行者的余额宝，其他方式支付的退回发行者的支付宝账户余额。</t>
  </si>
  <si>
    <t>72小时没人领取的话会自动退回你的账户。</t>
  </si>
  <si>
    <t>据支付宝客户服务规定，一般情况下，春节期间淘宝用户通过支付宝发送给朋友的红包，如果在72小时内不领取的话，钱会退回到原来发放红包的账户中。发放红包的用户应及时关注自己支付宝账户的资金来往情况，并提醒朋友及时领取红包。</t>
  </si>
  <si>
    <t>acca考试是全英文的吗</t>
  </si>
  <si>
    <t>鹿晗喜欢迪丽热巴吗</t>
  </si>
  <si>
    <t>鹿晗对其没有那种男女之间的情谊，只是单纯的合作伙伴而已。</t>
  </si>
  <si>
    <t>应该不喜欢吧，baby不在，郑凯年龄比较大又不合适，所以只能跟年龄比较小的鹿晗组CP。</t>
  </si>
  <si>
    <t>瓷砖美缝好不好</t>
  </si>
  <si>
    <t>第一用美缝剂可以是地板看起来美观； 第二可以避免小东西掉进缝隙不好清理； 第三可以减少细菌的滋生。</t>
  </si>
  <si>
    <t>用美缝剂做完瓷砖美缝，凝固后表面光滑如瓷，强度高、耐磨、不沾脏污、有优异的自洁性，易清洁、一擦就净，可以和瓷砖一起擦洗；不易藏污纳垢，避免缝隙孳生霉菌危害人体健康。</t>
  </si>
  <si>
    <t>租租车的国际驾照认证件有用吗</t>
  </si>
  <si>
    <t>其实这些所谓的国际驾照认证件，都只是一个驾照的翻译件，在国外，有些公司就认，有些公司就不认。</t>
  </si>
  <si>
    <t>龙爱量子拆分是真的吗?</t>
  </si>
  <si>
    <t>龙爱量子产品伪科学，打着量子技术诈骗，深圳已查封。</t>
  </si>
  <si>
    <t>骗局，就是一个传销公司。</t>
  </si>
  <si>
    <t>国4的车还能过户吗</t>
  </si>
  <si>
    <t>能过户。</t>
  </si>
  <si>
    <t>不能。2017年起，只能国五车辆落户上牌。</t>
  </si>
  <si>
    <t>咽鼓管堵塞能自愈吗</t>
  </si>
  <si>
    <t>炎症导致的可以，炎症恢复之后慢慢自愈，肿物造成的没有办法自愈。</t>
  </si>
  <si>
    <t>买三星s7edge后悔吗</t>
  </si>
  <si>
    <t>水痘会传染吗?</t>
  </si>
  <si>
    <t>会的，经呼吸道或接触传染。</t>
  </si>
  <si>
    <t>会传染的，若是发烧就吃退烧了，在吃点清热化毒丸，那样出的会少点.效果不错。</t>
  </si>
  <si>
    <t>水痘一定是被传染的。</t>
  </si>
  <si>
    <t>李健2017会有演唱会吗</t>
  </si>
  <si>
    <t>没有演唱会了，16年12月24北京站是最后一场，近几年应该都没有巡回了。</t>
  </si>
  <si>
    <t>手机试玩app赚钱是真的吗</t>
  </si>
  <si>
    <t>男生留长发旁边要剃吗</t>
  </si>
  <si>
    <t>头小可以不剃，头大就剃。</t>
  </si>
  <si>
    <t>只要自己能够接受。</t>
  </si>
  <si>
    <t>男生留长发的话就先把上面头发留起来，再留两边的，要不然没型。</t>
  </si>
  <si>
    <t>李白的诗预言是真的吗</t>
  </si>
  <si>
    <t>江西樟树市很穷吗</t>
  </si>
  <si>
    <t>这地方很穷。</t>
  </si>
  <si>
    <t>分公司可以独立核算吗</t>
  </si>
  <si>
    <t>分公司都是汇总到总公司核算纳税的。</t>
  </si>
  <si>
    <t>一个企业有很多职能部门和下属自负盈亏的公司组成，则下属公司一般为独立核算单位，而各职能部门（如办公室）则一般为非独立核算单位。</t>
  </si>
  <si>
    <t>无创dna检查需要空腹吗</t>
  </si>
  <si>
    <t>樱桃核能种盆栽</t>
  </si>
  <si>
    <t>樱桃核能种盆栽，种植方法如下：　容器应与苗木的大小相匹配1~2年生的苗木应选择口沿直径25~30cm的容器。容器的透气性要好、对根系无毒害作用。经实践证明素烧盆和木桶效果最好;紫砂盆、塑料盆次之;含釉质的最差，樱桃上盆后不易成活。樱桃根系呼吸作用旺盛、耗氧量大。土壤要求通透性高。营养土配置比例为草皮土∶圈肥∶沙子=5∶3∶2。　上盆时间多选择在早春，上盆前，先将损伤的根系、枝条进行修剪，露出新茬;将有病虫害的部分剪除。其次，检查容器的排水孔，保持容器排水畅通。上盆做法:将一片瓦倒扣在排水孔上，然后铺一层20cm左右的炉灰渣，装上营养土，最后放树苗，经过2~3次提苗、压土，最终土面与容器口沿相距5cm左右为止。。在7月份以前勤施肥，促进树体生长，常用的肥料有饼肥、牲畜蹄角、麻酱渣、酸牛奶、淘米水、碎骨屑等，最好经浸泡至发酵，以肥液施入。樱桃顶芽和花簇状结果枝组的中心芽为叶芽。花芽是纯花芽，以腋花芽和花簇状为主。腋花芽一般着生在1年生枝条的基部。修剪时注意花芽的位置。修剪以夏剪为主，冬剪为辅。 冬季修剪:冬剪以调整树型，平衡树势为主。主要疏除生长竞争枝、背上枝、强旺枝、纤细枝。延长枝进行短截，结果枝的回缩。</t>
  </si>
  <si>
    <t>配好盆土，把核种下，覆盖种子直径三倍厚的土，浇透水，然后保持土壤湿润不积水，半个月以后就会发芽。</t>
  </si>
  <si>
    <t>如果措施得当，车厘子（大樱桃）的核能种出盆栽。播种方法:11-12月份播种，播深5-6厘米，浇透水，放在阳台上温度较低的地方（0-7℃左右为宜），冬季每隔20-30天左右浇一次，防止土壤干旱，进入3月份每隔7-10天左右浇一次水，4月中旬左右发芽出苗，加强综合管理，当年可以长到70厘米左右高，需要5-6年才能开花结果。由于大樱桃属于严格的异花授粉植物，只种植一个品种，座果率很低，需要在一棵树上嫁接2-3个品种的接穗，相互授粉才能正常结果。</t>
  </si>
  <si>
    <t>猫能听懂人话吗</t>
  </si>
  <si>
    <t>猫是听不懂人话的，但是它可以听懂人的语气。</t>
  </si>
  <si>
    <t>碧柔防晒霜需要卸妆吗</t>
  </si>
  <si>
    <t>涂好防晒霜，喷点水，如果形成膜，就是防水型的防晒，就得卸，否则可以不用的，好好洗脸就行。</t>
  </si>
  <si>
    <t>必须卸妆，洗面奶无法洗净。可选卸妆水以化妆棉擦拭，较为简单，之后用洗面奶洁面后即可晚间护肤。防晒乳不可直接涂抹面部和颈部，也不宜涂抹眼周肌肤，之前应首先洁面和护肤。</t>
  </si>
  <si>
    <t>要的，严格来讲所有的防晒都需要卸妆。</t>
  </si>
  <si>
    <t>胃泌素17偏低是胃癌吗</t>
  </si>
  <si>
    <t>和胃癌没什么关系。</t>
  </si>
  <si>
    <t>背头需要烫吗</t>
  </si>
  <si>
    <t>要保持造型的话，最好选择烫。</t>
  </si>
  <si>
    <t>不需要的。背头是发型的一种。这个发型很酷，比较时髦，自信、自然的话会讨女孩子喜欢，常见于欧美时尚秀以及商业人士。</t>
  </si>
  <si>
    <t>喜欢就行，个人品味不同，看法也不同</t>
  </si>
  <si>
    <t>戴眼镜会加深近视</t>
  </si>
  <si>
    <t>眼镜不是视力下降的原因，不是越戴眼镜越深，镜片是矫正的工具，不是罪魁祸首。而是，自己戴上眼镜不去爱护眼睛，进而疲劳，过劳，又产生了新的近视，度数递增。</t>
  </si>
  <si>
    <t>戴眼镜最忌讳的是一会戴一会不戴，长期戴或者长期不戴都不会对眼睛度数有太大影响。</t>
  </si>
  <si>
    <t>世界上真的有凤凰吗</t>
  </si>
  <si>
    <t>没有,如果真的说有的话,古人看到的应该是现在的孔雀。</t>
  </si>
  <si>
    <t>有，肯定的。</t>
  </si>
  <si>
    <t>柏油清洗剂伤车漆吗</t>
  </si>
  <si>
    <t>车漆多少有点影响的，用过之后要马上搽掉，在上点蜡就没问题了。</t>
  </si>
  <si>
    <t>土豆鸡蛋能一起吃吗</t>
  </si>
  <si>
    <t>鸡蛋和土豆同时吃的问题分两种情况：1、二者之间若是混炒或者是单独煮、炒熟后同时吃都没问题，放心受用，有营养的好食品。2、二者之间绝不能同时放在一起煮熟，煮熟的土豆没问题，但鸡蛋有毒，人吃后会被毒死的。</t>
  </si>
  <si>
    <t>当然可以的。鸡蛋和土豆都是健脑食品。鸡蛋中含有优质蛋白和脂肪，土豆则可补充碳水化合物、维生素和矿物质。鸡蛋和土豆可以在一起吃。</t>
  </si>
  <si>
    <t>土豆中含有胰蛋白酶抑制物，能抑制人体蛋白酶的活性，影响蛋白质在人体内的消化和吸收，鸡蛋的蛋清里含有黏性蛋白，可与土豆中的胰蛋白酶结合，使蛋白质的分解受到阻碍，从而降低人体对蛋白质的吸收率，所以为了健康，土豆最好不要和蛋一起吃。</t>
  </si>
  <si>
    <t>升降椅防爆钢板有用吗</t>
  </si>
  <si>
    <t>防爆板在转椅里面，防爆板只是一个二次防护的补救措施，关键看高压筒的内八字封头部分质量如何，不过有防爆板比没有要强很多，如果没有那爆炸时的威力很容易把多层木板顶穿，导致屁股开花，如果有防爆钢板那就要好很多，这也要看钢板的面积和厚度，所以归根结低的话还是看制造商的质量问题，一般的自己感觉的话还是和防火一样，以预防为主，在转椅里面的话，还是主要看气压棒的一个问题。</t>
  </si>
  <si>
    <t>钢板不能防爆，但能起到缓冲爆炸力的作用。</t>
  </si>
  <si>
    <t>脉脉靠谱吗</t>
  </si>
  <si>
    <t>脉脉没有人权的，肆意封禁，肆意删除信息，比其它互联网公司都更不是东西，注销的时候还很霸道。</t>
  </si>
  <si>
    <t>银魂完结了吗2017</t>
  </si>
  <si>
    <t>暂时完结，会有续集的。</t>
  </si>
  <si>
    <t>太平保险和太平洋保险是一家吗</t>
  </si>
  <si>
    <t>太平和太平洋不是一家保险公司。</t>
  </si>
  <si>
    <t>两个微信号可以绑定一个手机号码</t>
  </si>
  <si>
    <t>同一个手机号不能绑定两个微信号。你手机号注册时绑定过一个微信号，并且这个微信号是有效的，再注册绑定另外一个微信号的时候会提示这个“手机号”巳经注册，请更换其它手机号码。</t>
  </si>
  <si>
    <t>支气管扩张严重吗</t>
  </si>
  <si>
    <t>支气管扩张是一种结构性肺病，说白了就是气管有变形损坏了，往往会有反复感染、咯血，甚至呼吸困难。程度比较重的话，当然很严重。</t>
  </si>
  <si>
    <t>支气管扩张症常因并发化脓菌感染而引起肺炎、肺脓肿、肺坏疽、脓胸、脓气胸。当肺组织发生广泛性纤维化，肺毛细血管床遭到严重破坏时，可导致肺动脉循环阻力增加，肺动脉高压，引起慢性肺源性心脏病。</t>
  </si>
  <si>
    <t>可以破解微信的拉黑吗</t>
  </si>
  <si>
    <t>没有任何方法可以恢复微信好友的拉黑限制，除非对方主动解除拉黑限制，否则永久无法和对方通过微信通信联系。</t>
  </si>
  <si>
    <t>微信可以屏蔽好友消息吗</t>
  </si>
  <si>
    <t>屏蔽朋友圈信息，屏蔽朋友圈更新及评论：开启，不看她的朋友圈、不让他、她看我的朋友圈。选项，屏蔽。</t>
  </si>
  <si>
    <t>加入黑名单。</t>
  </si>
  <si>
    <t>消息不能屏蔽，但可以关闭新消息提醒，朋友圈可以屏蔽。</t>
  </si>
  <si>
    <t>club素颜粉饼好用吗</t>
  </si>
  <si>
    <t>很好用，也可以定妆。</t>
  </si>
  <si>
    <t>微信上高仿手表能买么</t>
  </si>
  <si>
    <t>不买为好。高仿只是外观上跟真的差不多，质量就不好说了。</t>
  </si>
  <si>
    <t>可以，但是高仿的质量不能放心。</t>
  </si>
  <si>
    <t>拼多多是真的吗</t>
  </si>
  <si>
    <t>阴阳师般若值得培养吗</t>
  </si>
  <si>
    <t>值得培养，般若是阴阳师中最新的SR式神，拥有封印御魂效果的神技。</t>
  </si>
  <si>
    <t>没有构思成熟的体系之前不建议培养。</t>
  </si>
  <si>
    <t>般若一般，限制有点大。</t>
  </si>
  <si>
    <t>假体隆鼻后效果自然吗</t>
  </si>
  <si>
    <t>自然，不会留下疤痕。</t>
  </si>
  <si>
    <t>做假体隆鼻根绝个人体质大约需要3个月左右恢复自然</t>
  </si>
  <si>
    <t>厨子戏子痞子是真实故事吗</t>
  </si>
  <si>
    <t>历史上肯定没有这些人。</t>
  </si>
  <si>
    <t>不是真的。所有有关这部电影的采访都没有提及到这个电影故事的真实性，这只是为了电影效果。</t>
  </si>
  <si>
    <t>确实有这些人，也发生过这件事。</t>
  </si>
  <si>
    <t>每天喝红糖水好吗</t>
  </si>
  <si>
    <t>人民的名义 好看吗</t>
  </si>
  <si>
    <t>一部响应社会主义主题的电视剧，可看可不看。</t>
  </si>
  <si>
    <t>比仙侠魔幻剧好看。</t>
  </si>
  <si>
    <t>很好看，很多人追。</t>
  </si>
  <si>
    <t>赘婿完结了吗</t>
  </si>
  <si>
    <t>还在连载。</t>
  </si>
  <si>
    <t>防辐射服真的有用吗</t>
  </si>
  <si>
    <t>是有用的，而且作用还很明显。因为之前有个实验证明过。</t>
  </si>
  <si>
    <t>信用卡临时额度到期必须全部还清吗</t>
  </si>
  <si>
    <t>信用卡，临时额度失效后，使用到的临时额度（超出固定额度的部分）不享受循环信用便利，将计入最近一期账单的最低还款额，须在到期还款日一次还清。</t>
  </si>
  <si>
    <t>信用卡临时额度还不上就视同信用卡逾期。</t>
  </si>
  <si>
    <t>临时额度使用完了后，是需要全额还清的，临时额度是不能最低还款的。</t>
  </si>
  <si>
    <t>基因检测靠谱吗</t>
  </si>
  <si>
    <t>基因检测在欧美已经很成熟了，价格也不像国内那么贵，但是他们的基因数据库大部分以欧美人群为主，对亚洲的数据库还不成熟。目前中国的市场还需要一段科普的教育过程，已经有很多公司在做基因检测，内容服务各有不同。就我所知360基因是效仿美国23andme的模式，他们的二代产品更贴合实际需求，采用的都是亚洲人的基因数据库。相对符合中国人的基因，亲民的价格，让普通用户都可以享受到高科技的服务。</t>
  </si>
  <si>
    <t>一般比较靠谱，可以检测细胞是否发生病变，所以有预防癌症的功效。</t>
  </si>
  <si>
    <t>山芋发芽能吃吗</t>
  </si>
  <si>
    <t>地瓜发芽不能吃食。</t>
  </si>
  <si>
    <t>hib疫苗有必要打吗</t>
  </si>
  <si>
    <t>可以根据经济情况选择。</t>
  </si>
  <si>
    <t>机房辐射大吗</t>
  </si>
  <si>
    <t>只要是有大量电器运行的地方就会有电磁辐射，只是一般量很小不会对人体造成伤害。</t>
  </si>
  <si>
    <t>假如服务器都有金属机箱覆盖，电磁辐射会少一点。住隔壁的话，建议和有服务器之间的墙上铺一层金属箔，可以阻挡电磁辐射。至于隔音的方法，安装密封好一点的门。轻微的辐射或短时间的电磁辐射一般不会影响人的健康。</t>
  </si>
  <si>
    <t>机房里少则几十台，多则几百台电脑，电磁辐射可想而知。电脑最主要辐射来源于机箱内部主板CPU区域的电磁和显示屏的电离辐射。那么多电脑的机房，再加上空气流通不好，长时间处在那样的环境里工作的话，对身体是个慢性长期的辐射干扰破坏过程，会产生很多职业病的症状。</t>
  </si>
  <si>
    <t>荔枝孕妇可以吃吗</t>
  </si>
  <si>
    <t>最好别吃！荔枝是上火的！</t>
  </si>
  <si>
    <t>可以少吃一点</t>
  </si>
  <si>
    <t>一个ip地址可以对应多个域名</t>
  </si>
  <si>
    <t>看情况而定。</t>
  </si>
  <si>
    <t>以津真天好用吗</t>
  </si>
  <si>
    <t>以津真天是一个高频率输出式神，这个频率是指攻击段数，普攻至多4段，AOE，按照敌人身上有三根羽毛进行计算，有5段伤害。</t>
  </si>
  <si>
    <t>理财通有风险吗</t>
  </si>
  <si>
    <t>从产品设计来说，没有什么风险。</t>
  </si>
  <si>
    <t>在绝大多数情况下不会赔本金的。</t>
  </si>
  <si>
    <t>0除以任何数都得0对吗</t>
  </si>
  <si>
    <t>错。0除以任何不为0的数都得0,0为除数没有意义，0不能为除数。</t>
  </si>
  <si>
    <t>0除任何数都是∞，不为0。</t>
  </si>
  <si>
    <t>任何数包括0在内都可以除以任何不为0的数，0除以任何不为0的数都为0。但是任何数都不能除以0。</t>
  </si>
  <si>
    <t>维e软胶囊可以抹脸吗</t>
  </si>
  <si>
    <t>一般都是含有维生素的胶囊等，化开之后可以直接涂脸上，涂睫毛是可以变长变粗的。 涂在脸上是防止皱纹生长，增加肌肤弹性的。少用些，以防长出脂肪粒。</t>
  </si>
  <si>
    <t>夏季最好别用，因为太油了，并且夏季天热。皮肤本身就容易出油。如果清洁不当，那样容易堵塞毛孔。不建议使用。</t>
  </si>
  <si>
    <t>晚上洗过脸后用针尖刺破维生素E胶丸胶丸擦在脸上，然后轻轻的按摩直致完全吸收，一定要让皮肤完全吸收，维生素E胶丸用大粒的一粒就可以了。</t>
  </si>
  <si>
    <t>玫瑰花茶可以天天喝吗</t>
  </si>
  <si>
    <t>玫瑰花茶对女性有很多的好处，但是也要注意避开生理期。主要功效:中医认为，玫瑰花味甘微苦、性温，最明显的功效就是理气解郁、活血散淤和调经止痛。此外，玫瑰花的药性非常温和，能够温养人的心肝血脉，舒发体内郁气，起到镇静、安抚、抗抑郁的功效。玫瑰花茶能降火气、调理血气、促进血液循环、养颜美容，且有消除疲劳，愈合伤口，保护肝脏胃肠功能，长期饮用亦有助于促进新陈代谢。特殊禁忌1、玫瑰花茶具有收敛的作用，便秘者不宜饮用。2、玫瑰花活血散淤的作用比较强，月经量过多的人在经期不宜饮用。3、胃寒、腹泻、常感觉到疲倦、身体虚弱者不宜服用。</t>
  </si>
  <si>
    <t>玫瑰花茶是用鲜玫瑰花和茶叶的芽尖按比例混合，利用现代高科技工艺窨制而成的高档茶，其香气具浓，轻之别，和而不猛。可以长期喝。好处：玫瑰花是一种珍贵的药材，美容养颜，通经活络，软化血管，对于心脑血管，高血压，心脏病及妇科有显著疗效。调和肝脾，理气和胃。在《本草纲目》中已有论述。瑰花茶，气味清香，味道甘甜，富含维C，有促进血液循环和新陈代谢、利尿、收敛等功效，历来就有养颜美容之说。玫瑰花茶还具有调经止痛和软化心脑血管的功效。还能帮助新陈代谢，餐后睡前喝都很适合。如果今天心情不好或是生气而感到胃痛，玫瑰花茶也能有所疏解。此外，玫瑰花茶还能抒解感冒咳嗽，减轻女性生理期的疼痛，养颜美容，增进血液循环，还可以防止便秘。玫瑰花茶是一年生的灌木，种类多达一万多种，一般饮用的为粉红玫瑰花茶和紫玫瑰花茶。玫瑰花茶花茶性质温和、花形唯美，颜色粉嫩，香气优雅迷人，入口甘柔不腻，能令人缓和情绪、纾解抑郁，很适合上班一族。最重要的是它的养颜美容功效，常饮可去除皮肤上的黑斑，令皮肤嫩白自然。玫瑰花蕾制成干花，每次用5至7朵，配上嫩尖的绿茶一小撮，加红枣三颗（要去核），每日开水冲茶喝，可以去心火，保持精神充沛，增加活力，长期饮用，还能让容颜白里透红，保持青春美丽。玫瑰花茶性质温和，降火气，可调理血气，促进血液循环，养颜美容。且有消除疲劳，愈合伤口，保护肝脏胃肠功能，长期饮用亦有助于促进新陈代谢。坏处：因玫瑰花有收敛作用，便秘者不宜饮用。需要提醒的是，玫瑰花最好不要与茶叶泡在一起喝。因为茶叶中有大量鞣酸，会影响玫瑰花舒肝解郁的功效。由于玫瑰花活血散淤的作用比较强，月经量过多的人在经期最好不要饮用。当然，现在市场上买的玫瑰花茶，很多都是打了激素长出来的，就有点风险了，那种喝多了对人体不好。</t>
  </si>
  <si>
    <t>玫瑰花味甘微苦、性温，最明显的功效就是理气解郁、活血散淤和调经止痛。下面就这一问题做一详细介绍。玫瑰花是美容养颜瘦身的佳品，能活血化瘀，调整内分泌，玫瑰花茶能长期喝吗?玫瑰花是一种珍贵的药材，美容养颜，通经活络，软化血管，对于心脑血管，高血压，心脏病及妇科有显著疗效，调和肝脾，理气和胃。玫瑰花茶的味道清香幽雅，能令人缓和情绪、纾解抑郁，能改善内分泌失调，解除腰酸背痛，对消除疲劳和伤口愈合，滋润养颜，护肤美容，活血，保护肝脏，和胃养肝，消除疲劳，促进血液循环之功能。玫瑰花——美容养颜瘦身的佳品，能活血化瘀，调整内分泌，最适合因内分泌紊乱而肥胖的MM。玫瑰花茶能帮助新陈代谢，餐后睡前喝都很适合。如果今天心情不好或是生气而感到胃痛，玫瑰花茶也能有所疏解。此外，玫瑰花茶还能抒解感冒咳嗽，减轻女性生理期的疼痛，养颜美容，增进血液循环，还可以防止便秘。泡玫瑰花的时候，可以根据个人的口味，调入冰糖或蜂蜜，以减少玫瑰花的涩味，加强功效。需要提醒的是，玫瑰花最好不要与茶叶泡在一起喝。因为茶叶中有大量鞣酸，会影响玫瑰花舒肝解郁的功效。此外，由于玫瑰花活血散淤的作用比较强，月经量过多的人在经期最好不要饮用。以上就是对的介绍，但是吃任何东西都要有个度，否则会出现反效果的。只要你喝后没有出现不良反应，就可以长期喝。</t>
  </si>
  <si>
    <t>木纹砖吸水贴吗</t>
  </si>
  <si>
    <t>仿木纹地砖一般于全瓷砖，吸水率在0.5%以下；还有部分仿古木纹砖，吸水率在5%左右，对泥浆的吸收性好，铺贴的更牢固。这几种砖的表面基本都不吸水。</t>
  </si>
  <si>
    <t>路由器辐射大吗</t>
  </si>
  <si>
    <t>无线网络中另一对人体的辐射来自于发射无线信号的无线AP或无线路由器，但无线局域网接入点AP的发射功率一般都不超过100毫瓦，这个功率仅相当于小灵通基站的1/5。所以对人的影响要少的多。</t>
  </si>
  <si>
    <t>都是mw级。基本对人体无害。</t>
  </si>
  <si>
    <t>无线路由器辐射不大，对人没有影响。</t>
  </si>
  <si>
    <t>车商城买车可靠吗</t>
  </si>
  <si>
    <t>微信公众号名称可以修改吗</t>
  </si>
  <si>
    <t>如果你是未认证的公众号，进入微信后台，选择认证就能获得一次修改名称的机会，只有这一次机会，一定要想好名称再修改。如果微信账号已经认证通过,则需要一下材料：（1）、公众帐号（QQ号码/邮箱）；（2）、公众帐号原始ID（在公众平台“设置”帐号信息中即可查看）（3）、原公众帐号名称；（4）、需设置的公众帐号名称；（5 ）、新公众帐号名称基于的命名方式及对应的资料最后一种办法就是重新注册，但重新注册会有身份证的限制，这就需要你自己去搞定了。</t>
  </si>
  <si>
    <t>首都医科大学是211吗</t>
  </si>
  <si>
    <t>假性湿尤会自己消失吗</t>
  </si>
  <si>
    <t>有自行消退的几率的，但是很小，虽然是假性的，但是它也是湿疣类的一种·也需要系统的治疗的。</t>
  </si>
  <si>
    <t>假性湿疣属于生理性的属于正常现象，平时要考提高自身免体力来慢慢消除。</t>
  </si>
  <si>
    <t>健腹轮有用吗</t>
  </si>
  <si>
    <t>有效果。锻炼的时候双膝跪地，双手持把手，把腹肌轮置于身体前侧。向前滚轮，而后运用腹部力量回归原位也可站立进行，不过此种难度较大。</t>
  </si>
  <si>
    <t>不需要用。</t>
  </si>
  <si>
    <t>在做健腹轮的时候四肢和腰腹都需要用力，特别是腰腹。所以做健腹轮是可以锻炼腹肌和腰部力量的。</t>
  </si>
  <si>
    <t>迪士尼可以带水果吗</t>
  </si>
  <si>
    <t>罐装婴儿食品、包装完好的水果汁、水等饮料及包装完好的食物都可以带进乐园，但游客自己在家制作的食品是不能入园的，自制食品有一定的安全隐患。</t>
  </si>
  <si>
    <t>不可以的，除了婴儿的可以带之外，其他都不可以带。水都不可以带的，但是可以带水杯进去接饮用水。</t>
  </si>
  <si>
    <t>不可以带散装，自制食物入园，可以带有原始包装、密封的及未开封的食品。</t>
  </si>
  <si>
    <t>programdata可以删除吗</t>
  </si>
  <si>
    <t>C盘中的program data文件夹，不能删除。program data翻译为：程序数据。C:\ProgramData 是个公用的文件夹或文件存放的地方，这些文件夹或文件仅由创建者完整控制。programdata是电脑C盘的一个系统文件夹。建议不要删除，隐藏即可！</t>
  </si>
  <si>
    <t>第7代cpu支持win7吗</t>
  </si>
  <si>
    <t>没有CPU不支持WINDOWS7这一说法，不支持也是主板芯片组不支持。</t>
  </si>
  <si>
    <t>肯定完美支持的，从Win7 Win8 Win10都是可以支持的，XP支不支持就不好说了，六代CPU完全支持上面三个系统，无论32位还是64位都支持的，放心用。</t>
  </si>
  <si>
    <t>支持的，其实这个主要还是看主板。而不是看CPU，比较麻烦的是驱动，看选择200系还是100系主板，如果不是特殊需求，建议100系主板升级bios就可以支持7代IU，而且目前100系主板的win7驱动还是很全的。</t>
  </si>
  <si>
    <t>欠薪保障金可以退吗</t>
  </si>
  <si>
    <t>不会退，因为欠薪保障金的制度中就没有说要退的事。</t>
  </si>
  <si>
    <t>冰箱两边很烫正常吗</t>
  </si>
  <si>
    <t>当电冰箱正常工作时，蒸发器在箱内吸收的热量以及压缩机工作时所产生的热量都是通过位于冰箱外的冷凝器散掉的。目前，有的冷凝器位于冰箱背后，有的则内藏于箱体的两侧。正常散热时，冷凝器表面温度可达50℃至60℃。另外，具有防露功能的双门冰箱其正面箱门四周和中梁处均设置了内藏式防露管，防露管是冷凝器中的一部分，正常散热时，防露管的温度略高于一半温度。因此，电冰箱外壳发热不足为怪。 如果季节或是温度调节不对，冰箱的外表也会很烫，调节好了，应该不会很烫，只在的压缩机工作时，冰箱两侧稍微有些热，如果调节好了（如夏天就放在夏的档位）还很烫的话，冰箱就有质量问题了。</t>
  </si>
  <si>
    <t>雄黄有毒吗</t>
  </si>
  <si>
    <t>根据相关资料显示，雄黄，别称鸡冠石，一种矿物质，内含砷、汞等毒物质，雄黄毒，内服宜慎，量久服，切忌火煅，煅烧解三氧化二砷，即砒霜主要用做解毒、杀虫药民俗专家提醒说，由于雄黄遇热易解三氧化二砷，剧毒，即使少量服用，也影响肝脏。</t>
  </si>
  <si>
    <t>angelababy待孕了吗</t>
  </si>
  <si>
    <t>当然没有，八卦新闻而已。</t>
  </si>
  <si>
    <t>应该怀孕了吧，现在网上都说angelababy怀孕了，说她什么小肚微微隆起。</t>
  </si>
  <si>
    <t>没有吧！她想怀孕！</t>
  </si>
  <si>
    <t>电脑有蓝牙吗</t>
  </si>
  <si>
    <t>一般台式机都不配备蓝牙模块的，如果有蓝牙模块的话，在设备管理器里可以看到，并且右下角的状态栏也会出现蓝牙图标。</t>
  </si>
  <si>
    <t>1、在电脑桌面的“计算机（我的电脑）”上右键，在弹出的右键菜单中，点击打开属性；2、在计算机属性界面，点击打开左侧的“设备管理器”。3、在打开的电脑设备管理器中，找到蓝牙设备，之后就可以看到具体的蓝牙版本了。</t>
  </si>
  <si>
    <t>右键我的电脑-属性-硬件，可以看到，有无无线设备。</t>
  </si>
  <si>
    <t>血糖试纸过期还能用吗</t>
  </si>
  <si>
    <t>用过期的试纸测的血糖值就不准了。</t>
  </si>
  <si>
    <t>cpu70度正常吗</t>
  </si>
  <si>
    <t>如果CPU在正常负载下温度达到70摄氏度，属于高温。</t>
  </si>
  <si>
    <t>如果是这个温度一定是不正常。</t>
  </si>
  <si>
    <t>如果是英特尔的cpu，就是正常。</t>
  </si>
  <si>
    <t>kindle看书要钱吗</t>
  </si>
  <si>
    <t>有的网站要。有的网站不要。</t>
  </si>
  <si>
    <t>kindle连接亚马逊的网站需要购买书籍。</t>
  </si>
  <si>
    <t>骑车减肥吗</t>
  </si>
  <si>
    <t>应该可以，主要是能否坚持骑行的时间。</t>
  </si>
  <si>
    <t>骑自行车不能减肥。虽然运动过程中也消耗能量，但科学来讲它实际上并不能起到很好的减肥效果 。</t>
  </si>
  <si>
    <t>每天骑自行车能减肥。</t>
  </si>
  <si>
    <t>防晒喷雾能带上高铁吗</t>
  </si>
  <si>
    <t>不超过120毫升的冷烫精、摩丝、发胶、杀虫剂、空气清新剂等自喷压力容器都可以。</t>
  </si>
  <si>
    <t>高铁上不可以携带防晒喷雾，铁路局明确规定不可以携带自喷压力容器。且很多防晒喷雾是属于易燃物品。</t>
  </si>
  <si>
    <t>账单日刷卡会计入当月账单吗</t>
  </si>
  <si>
    <t>若是招行信用卡，账单日当日消费需要看商户的结算时间，一般情况下，商户是在消费的第二天结算，则账单日当日消费会出在下期账单上，享受最长免息期。但若商户结算及时，当天就结算了，则账单日当日消费会出在本期账单上，享受最短免息期。以账单显示为准。</t>
  </si>
  <si>
    <t>入驻拼多多靠谱吗</t>
  </si>
  <si>
    <t>入驻是没有问题，朋友有在上面开店，完全可信的，毕竟人家都融资B轮了，但是听说拼多多的规则挺严的，所以入驻的话最好不要违规。</t>
  </si>
  <si>
    <t>拼多多的流量跑不到个人那里去的，他们主要维护自己的商品。可以入驻拼趣多，不用保证金的。</t>
  </si>
  <si>
    <t>爱信外汇交易是骗局吗</t>
  </si>
  <si>
    <t>黑平台，不正规。</t>
  </si>
  <si>
    <t>g点套就是避孕套吗</t>
  </si>
  <si>
    <t>避孕套(Condoms) 是以非药物的形式阻止受孕，主要用于在性交中阻止人类的精子和卵子结合，防止怀孕。除此之外，避孕套也有防止淋病、艾滋病(HIV)等性病传播的作用，因此也称安全套，是男用的。G点套除了主要的避孕功能外，还有刺激女性G点的作用，让爱激情无限。是女用的。</t>
  </si>
  <si>
    <t>微信公众号要钱吗</t>
  </si>
  <si>
    <t>微信公众平台是免费申请， 企业申请的话 需要提交 公司资质（营业执照，税务登记证、组织机构代码）等等， 如果是要 申请微信认证的话那就是需要缴纳300元的认证费用。</t>
  </si>
  <si>
    <t>格瓦斯含酒精吗</t>
  </si>
  <si>
    <t>格瓦斯这种发酵饮料还是有酒度的，只是酒精含量比较低，一般在0.5％－2％之间。</t>
  </si>
  <si>
    <t>热敷眼睛好不好</t>
  </si>
  <si>
    <t>可以减缓疲劳。</t>
  </si>
  <si>
    <t>热敷实际上也是一种眼睑的治疗保健方法，在有的情况下确实是好的。比如麦粒肿或者霰粒肿合并感染时就可以辅以热敷，但眼皮挫伤的时候，2天之内不要热敷，相反，应该进行冷敷，要不会越来月越肿，2天之后才能改为热敷。当然了，建议如果眼睛无疾无恙不要进行热敷，这就像没有疾病却要吃药一样，没必要。</t>
  </si>
  <si>
    <t>导游证去景点免费吗</t>
  </si>
  <si>
    <t>如果只凭一个导游证是不能进入景点的，同时还需要出具凭借旅行社网上订票号码和身份证号码，在景区售票中心换取的导游门票，导游证和门票兼备才能被放行。</t>
  </si>
  <si>
    <t>是的，有导游证去景点都不用门票</t>
  </si>
  <si>
    <t>拥有导游资格证的导游员，当其带领旅游团进入景区时，出示导游资格证和旅行计划表之后可以享受门票免费；当其没有带领旅游团是自己想进入景区游览，按照规定是不能免费的，(大部份地区都不会免门票的)</t>
  </si>
  <si>
    <t>2016蓝可儿破案了吗</t>
  </si>
  <si>
    <t>尚未侦破;尽管日前尸检报告出炉，但真正死因及杀人凶手至今都尚未明朗，国际鉴识专家李昌钰认为，蓝可儿失踪前于电梯的怪异动作，其实是在释放求救讯息，很明显有人在跟踪她，但美国警方却错判蓝在调皮恶作剧，才让凶手有机会弃尸水塔，且包括指纹、伤痕等微物迹证都随之消失。李昌钰表示已经退出江湖。他目前为美国冷案中心工作，假如这个案子持续很久仍未侦破，才会送到冷案中心，由他们提供帮忙协助;无论如何都必须由当地警方提出要求，冷案中心才能提供协助、参与调查。心理师推测，要是凶手只有1人，非常可能是20到30岁、体格强壮的男性，他可能智商极高但个性孤僻、朋友很少，由饭店位于贫民窟的条件来看，凶嫌可能是随机预谋式犯案;不过，也由于明显、疯狂、报复式的手段，也不排除双方熟识的可能性。</t>
  </si>
  <si>
    <t>套用网上公知编的黑中国的一个段子;一名21岁卡姓男子被警察逮捕，在警车后座上双手被铐住的他头部中枪死亡。警方竟然说他是自杀，呵呵，被逮捕时没有搜身吗？枪哪里来的？双手被铐在后背上又是怎么开枪的？难道又是一起警察帮助自杀的助人为乐事件？这不禁让人想起蓝可儿离奇死亡，最后结果也是自杀。——不管你信不信，我反正是信了。我相信他一定是自杀的，因为我虽然不懂刑侦，但是我懂X国。蓝可儿事件虽然谜团重重，但是美国警方给出了一个自杀的结论结束了此案。</t>
  </si>
  <si>
    <t>加拿大华裔女游客蓝可儿（21岁）身亡案被定性为意外溺水身亡。此外，尸检成果还显示蓝可儿有躁郁症。但此前警方曾强调蓝可儿无精神问题，而此次却改口称蓝可儿有躁郁症，而这躁郁症是其死亡的最重要原因。对于这个说法，媒体、网友都纷纷质疑其可靠性。据洛杉矶时报报道，2013年6月20日，洛杉矶当地的官员已经认定，蓝可儿死于意外溺水。官员尸检显示蓝可儿没有明显的外伤，毒理学检测也没有中毒的迹象。官员还指出，蓝可儿明显有躁郁症的倾向，但并未给出详细解释。正式的调查报告将在一周后公布。此外，洛杉矶当地官员称不会召开记者会公开说明，想通过低调处理案件淡化蓝可儿命案在全球舆论界所造成的影响。据加拿大媒体2月的报道，蓝可儿的同学认为她活泼开朗，该同学认为，蓝可儿从未出现精神疾病的症状，视频中的蓝可儿并不正常，可能是被人下药才表现如此。另有蓝可儿的另一好友在FaceBook中上传蓝可儿从洛杉矶寄给她的明信片，明信片上说有些东西令她感到害怕。</t>
  </si>
  <si>
    <t>汇丰环球很差吗</t>
  </si>
  <si>
    <t>不好,垃圾公司,管理层超级差。</t>
  </si>
  <si>
    <t>孕妇能吃甜瓜吗</t>
  </si>
  <si>
    <t>孕妇可以吃甜瓜。</t>
  </si>
  <si>
    <t>荣耀8青春版容易碎吗</t>
  </si>
  <si>
    <t>荣耀8青春版的后盖是2.5D玻璃的，不会轻易碎</t>
  </si>
  <si>
    <t>有带毒的螃蟹吗?</t>
  </si>
  <si>
    <t>死螃蟹有剧毒</t>
  </si>
  <si>
    <t>网游快车倒闭了吗</t>
  </si>
  <si>
    <t>孕妇能吃小龙虾吗</t>
  </si>
  <si>
    <t>小龙虾可能含有重金属或毒性物质，孕妇最好不要吃小龙虾。</t>
  </si>
  <si>
    <t>彻底做熟才行。</t>
  </si>
  <si>
    <t>佳能80d新手值得买吗</t>
  </si>
  <si>
    <t>80D是入门专业级，是否值得还看你的用途</t>
  </si>
  <si>
    <t>刚上市价格稍高，不宜过早出手</t>
  </si>
  <si>
    <t>女性有前列腺吗</t>
  </si>
  <si>
    <t>女性也有前列腺。</t>
  </si>
  <si>
    <t>姐弟恋在生理上合适吗</t>
  </si>
  <si>
    <t>姐弟恋在生理上合适。</t>
  </si>
  <si>
    <t>华为手机用久了会卡吗</t>
  </si>
  <si>
    <t>华为手机的性能还是很不错的，一般情况下不会出现卡顿的情况。</t>
  </si>
  <si>
    <t>会卡，里面缓存的垃圾多了。</t>
  </si>
  <si>
    <t>消瘦乏力是癌症信号吗</t>
  </si>
  <si>
    <t>不是癌症的，甲状腺，糖尿病，肾上腺，消化系统疾病都容易造成体重过轻。</t>
  </si>
  <si>
    <t>癌症患者在病情末期，是会常常伴有消瘦的症状的。</t>
  </si>
  <si>
    <t>狼人杀女巫可以自救吗</t>
  </si>
  <si>
    <t>柠檬可以用热水泡吗</t>
  </si>
  <si>
    <t>可以，浸泡选用温水更有利于保存柠檬中的营养物质。</t>
  </si>
  <si>
    <t>可以，开水温度不要太高最好。</t>
  </si>
  <si>
    <t>可以，水温60~70℃比较适宜。</t>
  </si>
  <si>
    <t>95518电话车险靠谱吗</t>
  </si>
  <si>
    <t>电话车险是比较可靠的投保方式之一。</t>
  </si>
  <si>
    <t>懒投资靠谱吗 知乎</t>
  </si>
  <si>
    <t>懒投资（www.lantouzi.com）隶属于北京大家玩科技有限公司，是一家专业、安全的优质互联网理财服务平台。对接应收账款保理等优质债权项目，引入资金第三方托管及严格的风控体系。2015年1月，懒投资获得由策源创投主投的2100万美元A轮融资。平台上线以来，累计募资额已突破十一亿元，为用户赚取四千余万利润。</t>
  </si>
  <si>
    <t>16开和a4一样大吗</t>
  </si>
  <si>
    <t>御宅伴侣有2吗</t>
  </si>
  <si>
    <t>没有第二部的。</t>
  </si>
  <si>
    <t>已经有第二部了，天悦网游戏大全，上面就有下载的。</t>
  </si>
  <si>
    <t>退休返聘人员有年休假吗</t>
  </si>
  <si>
    <t>一、从法律层面来说，退休返聘人员不享受带薪年休假。二、但单位可以作为福利待遇，可以给年休假。</t>
  </si>
  <si>
    <t>退休返聘人员是否享受带薪年假由双方约定。退休职工不具有法定劳动者资格，返聘不是劳动关系，不受劳动法规的调整。属于劳务关系，受合同法的调整，其权利与义务按双方订立的合同规定执行。是否可以享有带薪年休假由双方协商解决。</t>
  </si>
  <si>
    <t>退休返聘人员没有年假。</t>
  </si>
  <si>
    <t>金陵中学河西分校好吗</t>
  </si>
  <si>
    <t>河西的老师都还是不错的，管得很严，不论是宿舍方面还是学习上，如果你是高中就要努力努力的上省招班，这是河西高中最好的班，高中选课也要尽量选择理科，并且要进入好班才行，河西重理轻文的现象是十分严重呀。即使你要选文科，也要尽量选史政，如果在河西进了地理班几乎就等于毁了，而且选文科进好办就显得更为重要。还有河西有一些比较年轻的老师会显得非常势力，如果家境还不错千万千万不要随便让人知道，在河西做人要低调。</t>
  </si>
  <si>
    <t>金陵中学河西分校适应所有的孩子。虽然学校办学的时间不长，但秉承了金中120多年的办学传统，是一所规规矩矩办学的学校，因此学生可以接受到正规的教育；另外从学生本身来说，小学毕业生的可塑性其实很大，金陵中学河西分校也能给他们良好的发展空间。</t>
  </si>
  <si>
    <t>河西的老师的实力是都不容置疑的,只要学生自己愿意努力一般考试不会太差,B班和A班的差别还是有一定差别的,不过实验班跟A班之间差的不是太多,经常也是A班的人考第一.如果没有考进实验班,那就要好好补习语文了,一般都要在语文上争胜负,毕竟英语和数学好得人太多了.  下面是生活方面,不得不承认河西的伙食很不错,什么都有,如果住校,早饭还能吃到传统的早餐食品.以我吃了一学期的情况来看,早饭要在一楼吃,午饭在二楼吃,晚饭在三楼吃.如果是住校,再讲下宿舍情况,两个宿舍共用一个卫生间和一个阳台,四个人一个宿舍,一般是一个人打扫一个星期的卫生,其他人跑步也就是晨练,从十月到次年五月,下雨下雪天除外一般期中期末也不跑.男生跑800米,女生600米.生活老师比较好,很亲切,就像第二个爸爸妈妈.  晚自习从6:30开始,6:30到6:45是练字,6:45到7:00是听英语,7:00到7:50是第一堂自习,8:00到8:50是第二堂自习,然后就回宿舍(初一和初二是这样).9:00睡觉,如果作业没写晚上回宿舍可以到自习室,自习室开到9:50关门.早上如果要晨练是6:10就差不多要吹哨起床了,不晨练的话就是6:20.住校还是不错的,如果走读,也有校车坐,条件不错,就是起床要很早,所以我当初没选择走读(家离的太远了).  以上就是我得感觉,总体上说这所学校还是很好的。</t>
  </si>
  <si>
    <t>猫咪app有ios版吗</t>
  </si>
  <si>
    <t>鲨鱼记账好用吗</t>
  </si>
  <si>
    <t>应该还可以。</t>
  </si>
  <si>
    <t>高尿酸血症能治愈吗</t>
  </si>
  <si>
    <t>可以的，高尿酸血症在没有发作痛风的间歇期可以通过服药来降低血尿酸，但是不要一次降的太多，血尿酸剧烈波动可以诱发痛风。平时饮食也要注意啤酒海鲜动物内脏不要吃。</t>
  </si>
  <si>
    <t>天涯明月刀花钱吗</t>
  </si>
  <si>
    <t>不用充钱也能够买到需要qb买的装备，用游戏币就可以买到，游戏币需要你花时间去挣出来，就看你舍不舍得花那个精力去玩。这个游戏不充钱也可以玩得很好，像商城里的大多数道具都能通过游戏币买到，而且玩家和玩家之间可以自由交易，可以把游戏币或其他未绑定的道具送给别人，不像其他游戏需要在用qb购买的时候送给好友才行。反正玩游戏要么花钱，要么花时间。</t>
  </si>
  <si>
    <t>想要玩好肯定要烧点钱，娱乐玩家玩玩就可以。</t>
  </si>
  <si>
    <t>好玩不花钱。</t>
  </si>
  <si>
    <t>铁观音陈茶能喝吗</t>
  </si>
  <si>
    <t>铁观音秋茶上市后，当年的铁观音春茶就已经算是旧茶了。所谓旧茶等同于陈茶，但区别于老茶。铁观音旧茶能不能喝，主要看其工艺、包装，以及保存条件等，不能一概而论。</t>
  </si>
  <si>
    <t>铁观音的陈茶,只要没变质是可以喝的,但是不会好喝，对身体也没什么害处。</t>
  </si>
  <si>
    <t>铁观音（陈茶）能喝，可以养胃。</t>
  </si>
  <si>
    <t>平安普惠信贷员好做么</t>
  </si>
  <si>
    <t>就想说那些说付出和回报成正比的人，明显已经被洗脑了，如果不计较底薪1350和加班加到七八点，就去吧。</t>
  </si>
  <si>
    <t>平安还可以，产品很齐全，平均工资6000。</t>
  </si>
  <si>
    <t>这个职业压力很大，如果只是听说工资很高，才想进入这个行业。那么不推荐。</t>
  </si>
  <si>
    <t>注册百度账号一定要手机吗</t>
  </si>
  <si>
    <t>可以用邮箱注册</t>
  </si>
  <si>
    <t>不一定，最好邮箱注册。</t>
  </si>
  <si>
    <t>邮箱也可以的，看选择哪个，若出现的直接是手机号，点击手机号注册旁边邮箱注册就换过来的。</t>
  </si>
  <si>
    <t>法人章可以自己刻吗</t>
  </si>
  <si>
    <t>可以。由于法定代表人的私章可能在银行等地方预留的有，所以可以在经法定代表人同意并授权给你存放、使用的情况下再刻一个并使用。</t>
  </si>
  <si>
    <t>win10需要杀毒软件吗</t>
  </si>
  <si>
    <t>Windows 10自带的Windows Defender对于国内的病毒反应速度不够快，因此一般需要安装其他杀毒软件代替Windows Defender。</t>
  </si>
  <si>
    <t>可以不用装。</t>
  </si>
  <si>
    <t>李昌钰真的那么厉害吗</t>
  </si>
  <si>
    <t>中国的福尔摩斯，真的是奇人，非常厉害。</t>
  </si>
  <si>
    <t>寻麻疹是艾滋病症状吗</t>
  </si>
  <si>
    <t>王者荣耀换区后人物还有吗</t>
  </si>
  <si>
    <t>没有的。</t>
  </si>
  <si>
    <t>不会了，一切重置。</t>
  </si>
  <si>
    <t>换区后就相当于重新打。</t>
  </si>
  <si>
    <t>右转红灯被拍到的几率大么</t>
  </si>
  <si>
    <t>一般情况下是不会有违章信息的、但是在大的交通十字路口、信息采集器都是各个车道均有的</t>
  </si>
  <si>
    <t>只要在该路口有电子违章记录仪且工作正常的，当事人闯红灯的违章行为就会被拍摄下来</t>
  </si>
  <si>
    <t>右转箭头是红灯你转过去里 那肯定是闯了，但这种违章不一定会被拍</t>
  </si>
  <si>
    <t>血战钢锯岭好看吗</t>
  </si>
  <si>
    <t>好看，信仰的能力有那么强大。</t>
  </si>
  <si>
    <t>2016年12月血战钢锯岭选2016美电影十佳电影。</t>
  </si>
  <si>
    <t>吉布森的电影很好看。电影有题材也有画面。</t>
  </si>
  <si>
    <t>尿常规正常 可以排除肾炎吗</t>
  </si>
  <si>
    <t>尿检正常的情况下，就是初步可以排除的，但是如果是有水肿的话，还是要注意定期的检查，一次的结果不能说就是一定没有问题的，建议您是要注意一次的检查不是能说明所有的问题，您要注意定期检查，注意之前是不是有感染的发生，要给您的就诊的医生讲明，回家止呕好好卧床休息即可。</t>
  </si>
  <si>
    <t>iphone关机了还能定位吗</t>
  </si>
  <si>
    <t>关机就是切断了电源供给，无法定位的。</t>
  </si>
  <si>
    <t>steam的游戏可以拉到其他电脑运行吗</t>
  </si>
  <si>
    <t>傻瓜方法一：左上角steam-备份或恢复游戏，选择要移动的游戏备份，然后把备份好的文件拷贝到第二台电脑，打开第二台电脑的steam，一样，左上角steam-备份或恢复游戏，选择恢复，找到移动过来的备份文件，恢复就行。傻瓜方法二：把steam文件夹和放游戏的那个steamapps文件夹都复制到新电脑OK。方法三：复制游戏的文件夹和steamapps文件夹下XXXXX.acf文件到新电脑的对应位置，重启steam。</t>
  </si>
  <si>
    <t>在Steam中购买的游戏和Steam账号是绑定的，登陆别的电脑一样可以玩这个账号已经购买的游戏。但新电脑上没有下载这个游戏，所以只好重新下载安装。</t>
  </si>
  <si>
    <t>慢性肺炎能治好吗</t>
  </si>
  <si>
    <t>当然可以了，是否能完全治愈，与年龄，病程有关。</t>
  </si>
  <si>
    <t>上海迪士尼周末人多吗</t>
  </si>
  <si>
    <t>周六、周日人最多，周一到周五暑假期间只能说相对周六周日少一些。</t>
  </si>
  <si>
    <t>周五六日，四五万人，周一二三四，两三万人，要去玩的话选择人流量少的去，玩项目还是能多玩几个，下载迪士尼app会有准确的信息。</t>
  </si>
  <si>
    <t>应该会少一点了，因为暑假马上就要过完了，外地来沪的学生也该回家准备新学期的学习了。</t>
  </si>
  <si>
    <t>雪幽魂吃效果命中吗</t>
  </si>
  <si>
    <t>雪幽魂的百分之12的冰冻和雪女大招是分开算的，就是说雪女的大享受效果命中结算后，才算雪幽魂的冰冻。</t>
  </si>
  <si>
    <t>吃命中的。</t>
  </si>
  <si>
    <t>银行卡不用了会自动注销吗</t>
  </si>
  <si>
    <t>银行卡长期不用,银行会自动注销。</t>
  </si>
  <si>
    <t>支付宝转对公账户可以吗</t>
  </si>
  <si>
    <t>不支持。如果您通过支付宝向公司账户转账，付款成功后银行端会做失败处理，转账款项将会原路退回。支付宝钱包转账银行卡操作流程。1、登录支付宝钱包，点击转账—转到银行卡。2、输入收款人储蓄卡卡号，或选择收款银行卡，正确填写收款人姓名，输入转账金额，可点击页面右上角转账说明查询到账时间说明。3、确认付款银行卡后页面会提示本次操作该卡预计到账时间，选择付款方式（支持支付宝账户余额、储蓄卡快捷支付含卡通）。4、点击下一步；若到账后想要有短信通知的，可填写手机号码。5、点击确认转账，输入支付密码完成付款。</t>
  </si>
  <si>
    <t>唐鹤德有过女朋友吗</t>
  </si>
  <si>
    <t>好像是没有过。</t>
  </si>
  <si>
    <t>应该是有的吧。</t>
  </si>
  <si>
    <t>星露谷物语有手机版吗</t>
  </si>
  <si>
    <t>暂时没有手机版。</t>
  </si>
  <si>
    <t>内审员资格证有用吗</t>
  </si>
  <si>
    <t>任何一个证书是否是有用的要看放在什么地方，内审员证书是企业设立内审员这个岗位所必须的，如果以后想要从事相关工作这个证书就有用，而且帮助还很大，但是如果以后从事的是其他工作，那这个证书可能对你的帮助不是很大。事物存在的价值是看要放在什么环境中去衡量，不能大范围的去判定这个证书的有用性。</t>
  </si>
  <si>
    <t>内审员资格证书毫无用处。</t>
  </si>
  <si>
    <t>有用的。因为单位每年都要请外面认证公司来审核的（外审），但是没有足够的内审员公司的外审是不可能通过的，还有就是有了对应体系的内审员资格证，就可以证明曾经经过该体系的培训。</t>
  </si>
  <si>
    <t>发财竹和富贵竹一样吗</t>
  </si>
  <si>
    <t>1.富贵竹下面的竹节距离较大，顶端的叶片较大，整个植株较细。2.发财竹竹节之间的距离较小，顶端的叶片较多，较短。一根发财竹的粗细是富贵竹的两倍。</t>
  </si>
  <si>
    <t>发财树是那种枝干绕在一起的头顶长满叶的那种植物，与富贵竹完全不同。</t>
  </si>
  <si>
    <t>小凤仙鱼漂好吗</t>
  </si>
  <si>
    <t>材料、做工、漆面、吃水都算是中上等，基本没有啥瑕疵。只是有一只所谓的纳米漂拿到手就有几个小凹坑，用了一次就更多了，总体来说可以说对得起它的价格。</t>
  </si>
  <si>
    <t>钓友有过一支，据说动作不错，可以用，属于经济划算的漂。</t>
  </si>
  <si>
    <t>京东周大福都是正品吗</t>
  </si>
  <si>
    <t>这个是真的，京东的主页不会是假的！</t>
  </si>
  <si>
    <t>如果是周大福的旗舰店应该是没有问题的，放心好了。一般用实惠兔去买，还能省点了。</t>
  </si>
  <si>
    <t>dw表带可以清洗吗</t>
  </si>
  <si>
    <t>尼龙的特点就是耐磨耐腐蚀，它是不会掉色的。</t>
  </si>
  <si>
    <t>没法洗，换一条就行。</t>
  </si>
  <si>
    <t>这需要专业的清洗工具和清洗剂。建议拿到表店里清洗。</t>
  </si>
  <si>
    <t>刺猬好养吗</t>
  </si>
  <si>
    <t>刺猬好养。</t>
  </si>
  <si>
    <t>三七粉有去斑功效吗</t>
  </si>
  <si>
    <t>有祛斑的作用。</t>
  </si>
  <si>
    <t>花盆里放蚯蚓好吗</t>
  </si>
  <si>
    <t>蚯蚓对植物生长有利，但花盆里有蚯蚓并不好，原因是：虽说蚯蚓是一种有益的蠕虫动物，它能疏松土壤，并能吃掉土中尚未腐熟的有机物，把有机物化成粪便排出，从而提高土壤的肥力。因此，农田中的蚯蚓越多，土质越好，肥力越大。盆花则不同，这是因为盆内的土壤面积小，培养土又相当疏松肥沃，一旦招来蚯蚓 ,繁殖速度很快，虽不咀食花木根系，但是许多蚯蚓缠绕在一起在盆土中造成很大的孔洞，使根系与盆土脱离，无法正常吸收水分，严重时还会将根系顶出土面，因此应当驱除。</t>
  </si>
  <si>
    <t>蚯蚓对土壤有很大的功效，它的的运动和排泄物对改善土壤的质量非常有益，可使土壤的透气性保持良好，使土壤保持健康状态，对农业有重要作用。蚯蚓能疏松土壤，增加土壤有机质并改善结构，还能促进酸性或碱性土壤变为中性土壤，增加磷等速效成分，使土壤适于农作物的生长。蚯蚓体内可分泌出一种能分解蛋白质、脂肪和木质纤维的特殊酶，因此，树叶、稻草、畜禽粪便、生活垃圾、活性污泥和造纸、食品工业的下脚料等，都可以是它的食料。蚯蚓能够在一定程度内消除环境污染。因此，许多国家都成立了蚯蚓养殖工厂，并把蚯蚓养殖工厂称为“环境净化装置”。由于蚯蚓能够吸收土壤中的汞、铅和镉等微量金属，这类金属元素在蚯蚓体内的聚集量为外界含量的10倍。因此，有些科学家认为蚯蚓可作为土壤中重金属污染的监测动物。所以对花盆里的植物很有做用的</t>
  </si>
  <si>
    <t>不好 花盆里的空间小，能给蚯蚓吃的东西少，蚯蚓吃腐殖质 是动植物残骸腐烂后的物质，既跟花抢营养 还会因食物不够吃话的根须，好处只是松土，弊远大于利</t>
  </si>
  <si>
    <t>蒜泡灰指甲有用吗</t>
  </si>
  <si>
    <t>并不是很管用的。</t>
  </si>
  <si>
    <t>可以治疗灰指甲。</t>
  </si>
  <si>
    <t>洋房顶楼好不好</t>
  </si>
  <si>
    <t>蛮好的。</t>
  </si>
  <si>
    <t>借车协议具有法律效力吗</t>
  </si>
  <si>
    <t>具体要看协议内容的。</t>
  </si>
  <si>
    <t>只要这个协议是双方当事人的真实意思表述，且没有损害第三人的合法利益的话，就是有法律效力的。</t>
  </si>
  <si>
    <t>真实有效的无违法条款的有法律效力。</t>
  </si>
  <si>
    <t>豆制品吃多了好吗</t>
  </si>
  <si>
    <t>豆制品吃多会加重肾的负担，到时候就得不偿失了。</t>
  </si>
  <si>
    <t>吃过多豆制品的不良影响：1.抑制铁元素的正常吸收。豆制品中的蛋白质能阻碍人体对铁元素的吸收，过量摄人黄豆蛋白质可抑制正常铁吸收量的90%，从而会导致人体出现不同程度的疲劳、嗜睡、身体无力等症状，严重的还会导致缺铁性贫血。2.加重肾脏负担。植物蛋白在代谢过程中，会产生一定的代谢产物，这些代谢产物要通过肾脏进行排泄。如果过多摄入豆制品，产生的代谢产物就会增多，进而使身体产生的含氮废物增多，加重肾脏负担，损害身体健康。3.引起孩子性早熟。过量食用豆制品会引起孩子性早熟。这是因为豆制品中含有异黄酮，这是一种植物雌激素，它的化学结构与雌激素十分相似，可以作为雌激素的替代物促进骨细胞的生长。这种植物雌激素对女人的身体健康是有益处的，可以治疗更年期综合征。但如果孩子过量食用豆制品后，植物雌激素就会干扰孩子正常的生长发育，最直接的后果就是导致性早熟。性早熟容易致使孩子的骨骼提早愈合，导致身材矮小。影响男子生殖功能。豆制品的植物雌激素对男子也是不利的。过量食用豆制品，身体内积累的这种植物雌激素就可能“模拟”雌性激素雌二醇的功能，造成精子数量下降，从而影响男性的生殖功能。3.损伤肠胃功能。豆制品中含有较多的嘌吟，有促使胃液分泌的作用，胃酸过多会使人出现恶心、呕吐的症状；豆制品还含有一种肠胃胀气因子，它能促使人产生肠道胀气、腹泻以及消化不良等症状。</t>
  </si>
  <si>
    <t>1、促使肾功能衰退：正常情况下，人吃进体内的植物蛋白质经过代谢变化，最后大部分成为含氮废物，由肾脏排出体外。人到老年，肾脏排泄废物的能力下降，此时若不注意饮食，大量食用豆腐，摄入过多的植物性蛋白质，势必会使体内生成的含氮废物增多，加重肾脏的负担，使肾功能进一步衰退，不利于身体健康。2、引起消化不良：腐中含有极为丰富的蛋白质，一次食用过多不仅阻碍人体对铁的吸收，而且容易引起蛋白质消化不良，出现腹胀、腹泻等不适症状。3、促使动脉硬化形成：国医学专家指出，豆制品中含有极为丰富的蛋氨酸，蛋氨酸在酶的作用下可转化为半胱氨酸。半胱氨酸会损伤动脉管壁内皮细胞，易使胆固醇和甘油三酯沉积于动脉壁上，促使动脉硬化形成。4、导致碘缺乏：作豆腐的大豆含有一种叫皂角苷的物质，它不仅能预防动脉粥样硬化，而且还能促进人体内碘的排泄。长期过量食用豆腐很容易引起碘缺乏，导致碘缺乏病。、促使痛风发作：腐含嘌呤较多，嘌呤代谢失常的痛风病人和血尿酸浓度增高的患者多食易导致痛风发作，特别是痛风病患者要少食。可见，豆腐虽好，也不宜天天吃，一次食用也不要过量。老年人和肾病、缺铁性贫血、痛风病、动脉硬化患者更要控制食用量。中医认为，豆腐性偏寒，胃寒者和易腹泻、腹胀、脾虚者以及常出现遗精的肾亏者也不宜多食。</t>
  </si>
  <si>
    <t>斗鱼录像可以缓存吗</t>
  </si>
  <si>
    <t>直播不能缓存，只能录下来。</t>
  </si>
  <si>
    <t>没有驾照可以买车吗</t>
  </si>
  <si>
    <t>可以，买车不要驾照，只要把买车的给的手续复印了一起拿上，车管说要那个就给那个。在就是要把买车时候的登记人身份证拿上。</t>
  </si>
  <si>
    <t>没有驾驶证可以买车。办理行驶证时候不需要车主有驾驶证，落户时提交发票第四联注册联、车架号码VIN码的拓印2份、强制保险、运管部门的机动车检测单、附加费票据、三寸前里侧45度角照片2张，身份证复印1张、注册登记申请表1张，到车管所办理落户就可以了，以后有影响提档、过户、转籍。</t>
  </si>
  <si>
    <t>可以，没有驾驶证也可以买车。买车跟有没有驾驶证，没有关系。只有个别城市需要摇号才能办理牌照，这个时候就需要有驾驶证了。大部分地方，买车跟驾驶证都是没有关系的。没有驾驶证只是不能开车而已。</t>
  </si>
  <si>
    <t>医保卡的钱可以取出来吗</t>
  </si>
  <si>
    <t>不可以取出来。</t>
  </si>
  <si>
    <t>能，自己存的那些是可以取得，医保卡就也能当银行卡用。</t>
  </si>
  <si>
    <t>男人冷战时他会痛苦吗</t>
  </si>
  <si>
    <t>不能一概而论，看男人性格。</t>
  </si>
  <si>
    <t>拍拍贷上征信吗2017</t>
  </si>
  <si>
    <t>不上，拍拍贷是不合法的借贷。</t>
  </si>
  <si>
    <t>目前是不上征信。</t>
  </si>
  <si>
    <t>轻度高血压需要服药吗</t>
  </si>
  <si>
    <t>可以用些中药治疗，有利于血压恢复正常。</t>
  </si>
  <si>
    <t>主要取决于血压水平以及你的心脏、肾脏、血管的累及程度，如果靶器官损害较重的话，即使血压正常都还得服药呢。所以要全面评估后才能决定是否需要服药还是生活方式改善。</t>
  </si>
  <si>
    <t>轻度的高血压患者开始可以不用服药，主要是从饮食上、日常作息上、心情方面、运动等进行调整，观察半年，如果还是高的话就应该服药的。</t>
  </si>
  <si>
    <t>钣金修复对车有影响吗</t>
  </si>
  <si>
    <t>这个钣金就是修复车辆的，也就是用来恢复车辆的正常行驶，所以对汽车的使用是没有影响的。</t>
  </si>
  <si>
    <t>影响最大的就是低大边了，修复以后外边看着是恢复原貌，但是内部镀锌防锈层已经经过高温失去防锈作用，如果雨季空气潮湿会从里向外腐蚀的。</t>
  </si>
  <si>
    <t>不会的</t>
  </si>
  <si>
    <t>云主机可以挂游戏吗</t>
  </si>
  <si>
    <t>不可以挂游戏。</t>
  </si>
  <si>
    <t>一般云主机可以用来运行网络游戏的。</t>
  </si>
  <si>
    <t>被猫咬了出血了不打针没事吧</t>
  </si>
  <si>
    <t>被小猫咬了还出血，最好去打狂犬病疫苗以防防犬病。因 猫也容易携带狂犬病病毒，当猫有携带狂犬病病毒时容易从被咬处入侵人体导致人筏罚摧核诋姑搓太掸咖得狂犬病。打疫苗能保平安。</t>
  </si>
  <si>
    <t>一证贷是真的吗</t>
  </si>
  <si>
    <t>骗资料和审核费的。</t>
  </si>
  <si>
    <t>itunes不支持xp了吗</t>
  </si>
  <si>
    <t>苹果为了支持微软让用户放弃XP系统而弄的，已经不支持了</t>
  </si>
  <si>
    <t>管狐值得培养吗</t>
  </si>
  <si>
    <t>管狐的单体攻击力还是很高的，而且作为R卡，相对练起来比较容易，值得培养。</t>
  </si>
  <si>
    <t>硝化菌放多了鱼会死吗</t>
  </si>
  <si>
    <t>首先，硝化细菌应该在放鱼之前下，培养好了硝化系统才能放鱼。其次，硝化细菌放下去水当然会混了，等两天，别急着换水，搞不好这次硝化系统就要养崩溃了。但是硝化细菌对鱼无害，放多了没有关系，鱼缸内的生态系统会自行调整。</t>
  </si>
  <si>
    <t>硝化细菌放多了对鱼没有危害的。硝化细菌 是一种好氧性细菌，包括亚硝酸菌和硝酸菌。生活在有氧的水中或砂层中，在氮循环水质净化过程中扮演着很重要的角色。硝化细菌属于自养型细菌，原核生物，包括两种完全不同的代谢群：亚硝酸菌属及硝酸菌属，它们包括形态互异的杆菌、球菌和螺旋菌。亚硝酸菌包括亚硝化单胞菌属、亚硝化球菌属、亚硝化螺菌属和亚硝化叶菌属中的细菌。硝酸菌包括硝化杆菌属、硝化球菌属和硝化囊菌属中的细菌。两类菌均为专性好氧菌，在氧化过程中均以氧作为最终电子受体。</t>
  </si>
  <si>
    <t>多了只会浪费，造成大量死亡，影响到水质。按量加后开加氧泵，不要停就行。硝化细菌是用来建立水族箱内的有益菌落，维持一个代谢系统内的循环。简单点说就是分解鱼缸内的亚硝酸盐~亚硝酸盐浓度超标鱼类就会大量死亡。亚硝酸盐的产生是正常的，不可避免的，它是由残饵，鱼粪，腐烂的水草等产生，这种物质可由硝化细菌代谢掉，这就是硝化细菌的作用。</t>
  </si>
  <si>
    <t>鹿晗抽烟吗</t>
  </si>
  <si>
    <t>不抽。</t>
  </si>
  <si>
    <t>高中时候抽，现在不抽。</t>
  </si>
  <si>
    <t>鹿晗有没有整容</t>
  </si>
  <si>
    <t>没有整容。</t>
  </si>
  <si>
    <t>肯定有微调。</t>
  </si>
  <si>
    <t>夏天穿黑色t恤热吗</t>
  </si>
  <si>
    <t>夏天在室内穿深色的衣服更加凉快，在太阳底下穿浅色的衣服更加凉快。</t>
  </si>
  <si>
    <t>在阳光下,穿黑衣服会比穿白衣服热，在室内就没有差别了，通常呈黑色的物体是较好的热吸收体，较易吸收各种波长的光；因此可能较易吸收紫外线，也就容易吸收可见光的热度。</t>
  </si>
  <si>
    <t>夏天穿黑衣服在室外太阳照射的地方会比穿其他颜色衣服热，但在室内与穿其他颜色衣服应该区别不大。</t>
  </si>
  <si>
    <t>初中毕业能读大专吗</t>
  </si>
  <si>
    <t>oppo是步步高旗下的吗</t>
  </si>
  <si>
    <t>步步高是总公司,vivo 手机是其旗下品牌,而OPPO是一家独立公司。步步高和OPPO是两个独立的公司，两者没有任何关系。OPPO是做MP3，MP4发家，一直做到现在的手机。步步高最早是做复读机，影碟机，点读机之类开始的，后来也做手机，只不过以前的步步高手机标志是BBK，现在它的手机品牌采用了最新的标志VIVO。</t>
  </si>
  <si>
    <t>众划算是不是骗局</t>
  </si>
  <si>
    <t>恶魔少爷别吻我有第三季吗</t>
  </si>
  <si>
    <t>应该是没有。</t>
  </si>
  <si>
    <t>河南兴中天是真公司吗</t>
  </si>
  <si>
    <t>绝对的传销</t>
  </si>
  <si>
    <t>国际财务管理师有用吗</t>
  </si>
  <si>
    <t>当然有用啊，特别是针对企业管理层人员，当然必须得是真才实学的。</t>
  </si>
  <si>
    <t>有用。如果是企业的中高层成员或者是全国知名金融类院校，且从事财务或者主管财务工作，那么可以考，这个证书主要针对企业中高层的。</t>
  </si>
  <si>
    <t>黄花鱼能清蒸吗</t>
  </si>
  <si>
    <t>由于黄花鱼的鱼肉是“豆瓣肉”，不太适合清蒸。</t>
  </si>
  <si>
    <t>芒果和牛奶能一起吃吗</t>
  </si>
  <si>
    <t>主要是看各人身体情况了，有的人对芒果过敏，有的人喝牛奶不消化，这样两种放在一起也肯定会引起某些人的过敏反应和拉肚子。只能自己试吃一次，如果没有这些特别反应那就是可以吃。</t>
  </si>
  <si>
    <t>芒果和牛奶两个混在一起吃,脾胃不好的容易引起消化不良。不过适量吃也可以，市场上有那么多含芒果的奶制品。</t>
  </si>
  <si>
    <t>穆勒基金是不是骗局</t>
  </si>
  <si>
    <t>第一，谁见过穆勒大肆宣传拉人了？第二有没有一个人发誓说投资穆勒赔钱了？别人云亦云，自己经历过才有发言权，要相信穆勒，因为有人挣钱了。</t>
  </si>
  <si>
    <t>陈伟霆喜欢迪丽热巴吗</t>
  </si>
  <si>
    <t>不是男女之间的那种喜欢。</t>
  </si>
  <si>
    <t>陈伟霆不喜欢迪丽热巴。</t>
  </si>
  <si>
    <t>毕业论文的参考文献可以随便写吗</t>
  </si>
  <si>
    <t>面膜可以带上飞机吗</t>
  </si>
  <si>
    <t>100毫升以下的都可以随身带。不过不能带太多，主要看其它要随身带的液体类东西有多少，要求是一人所带的液体类东西要能放进一个机场提供的封口袋子。根据中国民航有关规定，坐飞机是可以带片装面膜的。</t>
  </si>
  <si>
    <t>种牙疼吗</t>
  </si>
  <si>
    <t>种植牙手术是一个较小的牙槽外科手术，类似拔牙，采用局部，创伤小，几乎无痛苦。</t>
  </si>
  <si>
    <t>牙种植跟一般的拔牙类似，在正规专业医师的操作下，麻药效果很好，不会有疼痛感的。</t>
  </si>
  <si>
    <t>苹果7丢了关机能找回吗</t>
  </si>
  <si>
    <t>基本不能了。</t>
  </si>
  <si>
    <t>尽量和那个捡到手机的人沟通，一般的手机丢了，是捡不回来的。</t>
  </si>
  <si>
    <t>iphone7丢了关机了能找回的可能性是非常地小了，因为对方是为了避免被找到，刻意关机的，所以，再要找回的可能性是很小的。</t>
  </si>
  <si>
    <t>必赢彩票网可靠吗</t>
  </si>
  <si>
    <t>从2015年3月起，停止网络售彩，因此所有的彩票网站出售彩票的行为都是违法的，没有合法的彩票网站。现在彩票网站都是打擦边球，以提供代售的名义出售彩票。并不可靠。</t>
  </si>
  <si>
    <t>微波炉辐射大吗</t>
  </si>
  <si>
    <t>电磁辐射的强度与距电器的距离的平方成反比。据测定，微波炉在工作时，产生的磁场强度为540mG，若距离10厘米，磁场强度立即降为43mG，若距离再远，则再行降低，降到1mG以下时，对人体就无危害了。</t>
  </si>
  <si>
    <t>正常情况下微波炉的辐射不大，不会对人体造成伤害。</t>
  </si>
  <si>
    <t>tcl空调质量很差吗</t>
  </si>
  <si>
    <t>老牌子，还可以。</t>
  </si>
  <si>
    <t>已经用了十年了，没有任何问题，不管是制热还是制冷都很好。</t>
  </si>
  <si>
    <t>TCL空调质量还可以，制冷制热效果很好。</t>
  </si>
  <si>
    <t>樟脑丸可以驱蟑螂吗</t>
  </si>
  <si>
    <t>可以，樟脑丸分为天然樟脑丸与合成樟脑丸。</t>
  </si>
  <si>
    <t>樟脑是除菌除棉虫的,对杀死蟑螂没有效。樟脑球能驱赶但灭不了蟑螂，放它是没用的。</t>
  </si>
  <si>
    <t>不能，例如樟脑丸，洗衣粉，都不可以，还是用药粉，蟑螂屋什么的比较好，重点是保持室内卫生，多清理角落，不要有异味，食物不要随便乱放。</t>
  </si>
  <si>
    <t>洋码头有假货吗</t>
  </si>
  <si>
    <t>手机呼叫转移收费吗</t>
  </si>
  <si>
    <t>2012年12月1日起，中国移动实行呼叫转移资费“一费制”。</t>
  </si>
  <si>
    <t>移动呼叫转移资费：呼转归属地0.1元/分钟 呼转非归属地（国内）0.6元/分钟。呼叫转移成功，从设置呼叫转移卡收取呼转费，被方本地免费 国内漫游被叫0.4元/分钟。电信卡被叫移动卡呼叫转移来的号码，从移动卡收取呼转费，电信卡在归属地被叫免费 在国内漫游地被叫按国内漫游资费一般为0.4元/分钟。</t>
  </si>
  <si>
    <t>呼叫转移的功能是移动公司提供的一项服务，开通这项服务是免费的，成功转接后才收费。</t>
  </si>
  <si>
    <t>苏宁易购有假货吗</t>
  </si>
  <si>
    <t>只能说苏宁大部分是正品，不排除有少数劣质的商品。</t>
  </si>
  <si>
    <t>在苏宁易购官方的购买的没问题的，不过那些第三方的网店就没准了。</t>
  </si>
  <si>
    <t>苏宁易购上面没有假货。</t>
  </si>
  <si>
    <t>宝马3系要大改款吗</t>
  </si>
  <si>
    <t>要改。</t>
  </si>
  <si>
    <t>宝马所有车系都是7年一改款就是大变样，1年一升级就是小变样。</t>
  </si>
  <si>
    <t>台湾6月份适合旅游吗</t>
  </si>
  <si>
    <t>去台湾旅游什么时候都是ok的，避开台风季节，其他的时候都可以。</t>
  </si>
  <si>
    <t>需要注意的是5月至10月是台湾的台风季，虽然不一定会出现台风，但如果不巧碰上，不推荐去。</t>
  </si>
  <si>
    <t>天气还不是最热，学生也还没放暑假，人不会很多，适合去。</t>
  </si>
  <si>
    <t>协商解除劳动合同可以领取失业金吗</t>
  </si>
  <si>
    <t>协商一致解除（由个人提出）不能领取失业金。根据《社会保险法》第四十五条规定，非本人意愿中断就业是领取失业保险金的必备条件，个人提出协商一致解除合同的，属于因本人意愿中断就业，不符合领取失业保险金条件。</t>
  </si>
  <si>
    <t>失业保险金的领取是有具体规定的;同单位协商一致解除劳动合同不符合国务院1999年1月22日发布的&lt;&lt;失业保险条例&gt;&gt;领取失业保险金的如下情形，故，不能领取失业金。具备下列条件的失业人员，可以领取失业保险金： （一）按照规定参加失业保险，所在单位和本人已按照规定履行缴费义务满1年的； （二）非因本人意愿中断就业的； （三）已办理失业登记，并有求职要求的。失业人员在领取失业保险金期间，按照规定同时享受其他失业保险待遇。 失业人员在领取失业保险金期间有下列情形之一的，停止领取失业保险金，并同时停止享受其他失业保险待遇： （一）重新就业的； （二）应征服兵役的； （三）移居境外的； （四）享受基本养老保险待遇的； （五）被判刑收监执行或者被劳动教养的；（六）无正当理由，拒不接受当地人民政府指定的部门或者机构介绍的工作的； （七）有法律、行政法规规定的其他情形的。</t>
  </si>
  <si>
    <t>不可以，与用人单位协商一致解除劳动合同属于自愿失业。《社会保险法》：第四十五条失业人员符合下列条件的，从失业保险基金中领取失业保险金： （一）失业前用人单位和本人已经缴纳失业保险费满一年的； （二）非因本人意愿中断就业的； （三）已经进行失业登记，并有求职要求的。</t>
  </si>
  <si>
    <t>吸脂兽饼干真的有用吗</t>
  </si>
  <si>
    <t>吸脂瘦身是真的。</t>
  </si>
  <si>
    <t>stussy中国有专柜么</t>
  </si>
  <si>
    <t>专卖店没有，代理店铺有两间。</t>
  </si>
  <si>
    <t>香港有。</t>
  </si>
  <si>
    <t>借贷宝是真的吗</t>
  </si>
  <si>
    <t>文交所是国家承认的吗</t>
  </si>
  <si>
    <t>是的。像一些大的交易所都是国家承认。并且有批文的。</t>
  </si>
  <si>
    <t>有部分有国资背景。</t>
  </si>
  <si>
    <t>女人做试管婴儿痛苦吗</t>
  </si>
  <si>
    <t>取卵医院会打麻药，过程中是感觉不到的，取完卵，肚肚会有些不舒服。放受精卵的时候很快，只是放扩张器的时候会有些不舒服。</t>
  </si>
  <si>
    <t>胚胎植入不会有疼痛感，只有取卵的几分钟会有一些疼痛的感觉，但不觉得很疼，每个人对疼痛的敏感度不一样，可能有些人会感觉疼一些。</t>
  </si>
  <si>
    <t>目前美国的试管婴儿全程无痛。</t>
  </si>
  <si>
    <t>陆金所是骗局吗</t>
  </si>
  <si>
    <t>骗子公司。</t>
  </si>
  <si>
    <t>陆金所是大个平台，还是安全靠谱的。</t>
  </si>
  <si>
    <t>员工不服从工作安排可以解除合同吗</t>
  </si>
  <si>
    <t>这个要具体情况具体对待，有些情况下可以解除，有些情况不能解除。劳动者有下列情形之一的，用人单位可以解除劳动合同：（一）在试用期间被证明不符合录用条件的；（二）严重违反用人单位的规章制度的；（三）严重失职，营私舞弊，给用人单位造成重大损害的；（四）劳动者同时与其他用人单位建立劳动关系，对完成本单位的工作任务造成严重影响，或者经用人单位提出，拒不改正的；（五）因本法第二十六条第一款第一项规定的情形致使劳动合同无效的；（六）被依法追究刑事责任的。</t>
  </si>
  <si>
    <t>不能一概而论。单位也不能任性。看合同规定，看合理性。若双方不一致，可协商解除合同，但要支付经济补偿。</t>
  </si>
  <si>
    <t>腹肌可以天天练吗</t>
  </si>
  <si>
    <t>腹肌和身体上别的肌肉不一样，腹肌需要每天坚持锻炼刺激，而身体其他肌肉需要在一次充分充血后休展72小时后再练习。</t>
  </si>
  <si>
    <t>对于增肌健美而言，同一个部位不宜天天锻炼。如果当天给予某一个部位足够的锻炼刺激，那么这个部位的肌肉需要间隔48小时以上才能再次锻炼。肌肉是在休息的时候生长的，所以次日继续锻炼就会影响肌肉外形的壮硕。比如第一天练的是胸肌，第二天就不能练胸肌了，但是可以练腿、练背、练腹肌等等。所以是可以天天练肌肉，但同一个部位不能天天练。不过腹肌需要经常刺激，一周锻炼5次左右也是不错的。</t>
  </si>
  <si>
    <t>腹肌是不宜天天练的，除非每次的训练强度小。练腹肌不在于数量而在于强度，还有腹部脂肪的多少决定腹肌的明显程度。所以练腹肌的动作难度不能太轻松了，但也要做量力而行的难度。</t>
  </si>
  <si>
    <t>飞机经停需要下飞机吗</t>
  </si>
  <si>
    <t>飞机经停分为两类：1、技术经停，只是加油、技术检查等经停，比如某一航线超过了那架飞机的安全飞行距离，就会选择途经的某个机场（起飞之前就已经选好）经停；2、航班经停：因为航程远，而且两地客源不充足，就停第三地，可以再次上下旅客，增加上客率。经停航班几乎都是不允许下客的，如果经停时间超过45分钟，头等舱的乘客可以下机到候机厅休息。3、如果经停需要下客清仓做卫生，那乘客一般就是回到候机厅，不会出安检区。国内远程航线几乎都要经停，例如从南往北、东西之间，这是航空公司为了上座率搞的名堂，并非飞机航程不足。另外，中转就必须下飞机，因为要换另一架飞机。</t>
  </si>
  <si>
    <t>经停的时候，机上旅客有两种安排：一种是下飞机，在候机室等一下；一种是不用下飞机。具体的看飞行要求和地勤安排，空中乘务员会协助旅客处理的。航班经停：经过某地区再上旅客和货物，一般内陆30分钟，国际45分钟至一小时。内陆大部分都不落机，如落也只是头等舱才可落机，在候机室休息，国际45分钟至一小时的大部都可落机。在候机楼休息。</t>
  </si>
  <si>
    <t>可以下飞机在候机厅等候。飞机经停按照规定旅客是需要下飞机去候机厅进行等候的，在进候机厅的时候机场工作人员会按照登机牌发给过站旅客（也就是经停旅客）登机牌。一般的等待时间大概在30分钟到一小时左右再重新登机。不过如果是短时间经停（时间很短），一般不要求旅客下飞机。</t>
  </si>
  <si>
    <t>发票验旧后还能用吗</t>
  </si>
  <si>
    <t>发票已验旧就是已经作废了，不能用了</t>
  </si>
  <si>
    <t>验旧后不能使用</t>
  </si>
  <si>
    <t>安捷伦待遇好吗</t>
  </si>
  <si>
    <t>挺好的，待遇很好。安捷伦是1999年从HP公司拆分出来的,HP公司测试部门,医疗仪器拆分出来叫安捷伦。</t>
  </si>
  <si>
    <t>待遇还行，毕竟是外企。</t>
  </si>
  <si>
    <t>普工的待遇不会好到哪里去的，还是问HR。</t>
  </si>
  <si>
    <t>丽江神州租车 靠谱么</t>
  </si>
  <si>
    <t>zol商城是正品吗</t>
  </si>
  <si>
    <t>基本属于正品。</t>
  </si>
  <si>
    <t>都是正品。</t>
  </si>
  <si>
    <t>骑自行车伤膝盖吗</t>
  </si>
  <si>
    <t>长期长时间骑车是会对膝盖有损伤的。</t>
  </si>
  <si>
    <t>4楼的房子好不好</t>
  </si>
  <si>
    <t>看布局，位置，如果就房子来说4楼是不错的。上下楼可做电梯可以步行。不算高层，也不算底层。4楼这个楼层、安全、舒适、居家，特别是有小孩老人的家庭是非常好的。数字不怎么喜欢。</t>
  </si>
  <si>
    <t>注意几点：1.周边环境的空气如何，空气不太好，尽量选高层一些的。2.楼下杂音是否大，如果是大马路，四楼可能会有些吵，慎重选择。3.四楼的采光如何，要考虑到这点。4.可能会觉得4这个数字不吉利，这只是迷信而已。</t>
  </si>
  <si>
    <t>自然流产后要清宫吗</t>
  </si>
  <si>
    <t>不用。适当卧床休息，保持外阴清洁，严禁性交。每天用温开水清洗1～2次，勤换卫生巾。切勿用手掏洗阴道，也不可自己用任何药物洗剂冲洗阴道。多吃些富有营养的食物，如鱼类、肉类、蛋类、豆类制品等蛋白质丰富的食物和富含维生素的新鲜蔬菜。观察出血情况。阴道流血超过一周以上，甚至伴有下腹痛、发热、白带混浊有臭味等异常表现，就应及时到医院复查诊治。</t>
  </si>
  <si>
    <t>提供B超的各个数值显示，现在是不用进行清宫处理的。不是所有的自然流产都需要进行清宫处理，还要结合临床的症状和B超检查情况等，判断是否进行清宫手术。</t>
  </si>
  <si>
    <t>自然流产后不一定都要做刮宫术，要根据情况来定，如果胚胎组织流出不完整的话，是需要行刮宫术。建议您最好在流产后，等出血较少时去医院做一次常规检查，然后才能决定是否需要刮宫。一般流产后出血时间可能在10-15天左右，如果超过20天还有流血的话，不排除残留的可能。</t>
  </si>
  <si>
    <t>随手记安全吗</t>
  </si>
  <si>
    <t>用户在随手记平台购买稳盈产品，除享受合作机构提供风险保障计划外，享受双重风险保障，此外随手记还定期对合作机构进行核查，检查合作机构运营情况资产质量情况、及时跟进债权资产新动态，并且据此调整接下来的合作产品规模及及时把控产品质量和风险，截止目前为止，都是在到账日本息全额返款。</t>
  </si>
  <si>
    <t>360理财靠谱吗</t>
  </si>
  <si>
    <t>风险性要高于货币基金（包括货币基金对接的宝宝类产品）。</t>
  </si>
  <si>
    <t>理财产品相对安全的。</t>
  </si>
  <si>
    <t>这个平台还可以吧。</t>
  </si>
  <si>
    <t>微信能找回删除的好友吗</t>
  </si>
  <si>
    <t>你首先用手机进入微信文件夹点开文件夹找你自己微信的帐号名。点开你的自己的帐号名在里面找到《Audio》文件，里面全是你加过的好友帐号。慢慢找。QQ、或者手机号能添加好友。如果好友之前有对你留言的话，可以再自己的朋友圈留言里找回来，还有通话记录短信记录。</t>
  </si>
  <si>
    <t>用手机进入微信文件夹点开文件夹找你自己微信的帐号名。点开你的自己的帐号名在里面找到《Audio》文件，里面全是你加过的好友帐号。</t>
  </si>
  <si>
    <t>神秘钥匙会过期吗</t>
  </si>
  <si>
    <t>血糖高能吃樱桃吗</t>
  </si>
  <si>
    <t>血糖控的较好在两餐之间可以吃几粒。</t>
  </si>
  <si>
    <t>女孩用熹字好吗</t>
  </si>
  <si>
    <t>要看你的姓来决定。</t>
  </si>
  <si>
    <t>着床会有强烈例假感吗</t>
  </si>
  <si>
    <t>有的人会有，有些不敏感的人就感觉不出来，那种感觉有点象是来月经前的感觉，这是正常的现象，因为受精卵要着床在子宫内避上，所以肚子会丝丝拉拉的疼。</t>
  </si>
  <si>
    <t>着床或者刚怀孕,会有小腹部胀痛的感觉的。也就是快要月经来潮前的小腹部不舒服。</t>
  </si>
  <si>
    <t>黄精归元膏是真的吗</t>
  </si>
  <si>
    <t>标志4008的小毛病多吗</t>
  </si>
  <si>
    <t>不怎么样，不买。</t>
  </si>
  <si>
    <t>鲸鱼宝有没有被骗的</t>
  </si>
  <si>
    <t>我的团长我的团真实吗</t>
  </si>
  <si>
    <t>《我的团长我的团》连续剧故事是虚构的，但是故事是根据兰晓龙同名小说改编的，是以二战中真实的远征军松山战役为背景的编制的。</t>
  </si>
  <si>
    <t>归脾丸治脾虚吗</t>
  </si>
  <si>
    <t>归脾丸是治疗心脾两虚方剂，有健脾补虚作用</t>
  </si>
  <si>
    <t>归脾丸治疗更年期综合征、失眠、心悸、出血症的心脾两虚型</t>
  </si>
  <si>
    <t>传统武术能否打赢散打</t>
  </si>
  <si>
    <t>各有各的好处，如果让一个学武术差的人，跟一个学散打好的人打，不会赢。</t>
  </si>
  <si>
    <t>传统武术与现代搏击，是存在一定差距，较难与现代搏击对抗。</t>
  </si>
  <si>
    <t>上海中医药大学是211吗</t>
  </si>
  <si>
    <t>上海中医药大学不是211。</t>
  </si>
  <si>
    <t>新浪上说是的。</t>
  </si>
  <si>
    <t>微信多开助手安全吗</t>
  </si>
  <si>
    <t>基本都是收费的，破解是很不安全的。</t>
  </si>
  <si>
    <t>这个要是在官网下载的就可以用的，是安全的。</t>
  </si>
  <si>
    <t>建议不要使用。</t>
  </si>
  <si>
    <t>跑步可以减肥吗</t>
  </si>
  <si>
    <t>跑步可以减肥，但是一定每次要慢跑30—40分钟。因为人慢跑20分钟以内几乎消耗的糖份，而不是脂肪，20—50分钟消耗的是脂肪，50分钟以后是锻炼肌肉的。快跑也是锻炼肌肉的。所以用跑步来减肥，一定要注意时间，时间短了没有效果。</t>
  </si>
  <si>
    <t>天津河北阳光男科医院是正规医院吗</t>
  </si>
  <si>
    <t>无氧运动能减肥吗</t>
  </si>
  <si>
    <t>无氧运动不仅有助于塑造肌肉，而且在燃烧脂肪方面也非常有效。</t>
  </si>
  <si>
    <t>以有氧运动来热身，充分燃烧脂肪然后搭配无氧运动，减肥 + 增肌。</t>
  </si>
  <si>
    <t>可用，也要注意饮食。</t>
  </si>
  <si>
    <t>五四青年节必须放假吗</t>
  </si>
  <si>
    <t>天猫可以改价吗</t>
  </si>
  <si>
    <t>1、天猫发布的宝贝买家拍下后是不允许修改价格的，只能对原先设置好的运费部分进行修改；2、天猫卖家在发布宝贝时候可以自由设定和修改价格；3、如果买家要支付的价格与宝贝标价不同，可以采用拍差价链接、发放使用优惠券、使用红包、或者好评返现等方式来操作；4、以上所说不是绝对，天猫给超级大卖家，一般是类目前三的以前有部分开通过改价工具（转载）。</t>
  </si>
  <si>
    <t>天猫可以修改运费，不过不能直接的修改价格，但是可以间接地修改，常用的做法有以下几种：通过优惠券，通过店铺满减或者商品满减（一般可让店家给你单独制作），通过收到宝贝后在订单上申请退差价，通过搭配套餐。</t>
  </si>
  <si>
    <t>周迅有孩子吗</t>
  </si>
  <si>
    <t>周迅没有孩子。</t>
  </si>
  <si>
    <t>没有孩子。</t>
  </si>
  <si>
    <t>oppor9sk是假的吗</t>
  </si>
  <si>
    <t>羊肉和苋菜能一起吃吗</t>
  </si>
  <si>
    <t>杉原杏璃作品拍过av吗</t>
  </si>
  <si>
    <t>杉原杏璃，写着女星无AV。</t>
  </si>
  <si>
    <t>她是写真明星，不拍三级，不过倒是有拍过电影。</t>
  </si>
  <si>
    <t>生化危机终章之后还有吗</t>
  </si>
  <si>
    <t>好像没了。</t>
  </si>
  <si>
    <t>胎动频繁的宝宝聪明吗</t>
  </si>
  <si>
    <t>这种说法没有明确的科学依据。</t>
  </si>
  <si>
    <t>24小时便利店赚钱吗</t>
  </si>
  <si>
    <t>有赚钱的，有不赚钱的。</t>
  </si>
  <si>
    <t>不好说，看开店的地段，人流量，是否靠近夜场以及小区之类的。</t>
  </si>
  <si>
    <t>盈利是很微薄。</t>
  </si>
  <si>
    <t>封釉对车漆有伤害吗</t>
  </si>
  <si>
    <t>封釉要整车抛光的，车漆抛光一次就变薄一次，越抛越薄。</t>
  </si>
  <si>
    <t>没有伤害，就好比手机贴膜一样，起到的是保护车漆的作用。</t>
  </si>
  <si>
    <t>封釉好处：增加漆面的光泽饱满度、增强漆面的抗氧化能力、防腐蚀、防酸雨、增加漆面抗划痕能力、去除漆面细小划痕、去除漆面顽固污垢、去除漆面氧化层；封釉坏处：从微观角度讲对漆面有一些磨损。</t>
  </si>
  <si>
    <t>打雷可以玩电脑吗</t>
  </si>
  <si>
    <t>不可以，安全最重要。</t>
  </si>
  <si>
    <t>如果雨不大雷也不大，可以玩。</t>
  </si>
  <si>
    <t>吃玉米会胖吗</t>
  </si>
  <si>
    <t>不会长胖，因为玉米棒子属粗粮吧，不仅不会长胖，还有助于减肥。</t>
  </si>
  <si>
    <t>乌克兰航空安全吗</t>
  </si>
  <si>
    <t>安全。乌克兰航空公司94年成立，其安全记录中规中矩，在97年的时候曾发生过一起坠机事故。</t>
  </si>
  <si>
    <t>champion中国有专柜么</t>
  </si>
  <si>
    <t>champion是冠军的意思，在中国有专卖店，北京或是上海。</t>
  </si>
  <si>
    <t>st新都退市了吗</t>
  </si>
  <si>
    <t>已经实施退市风险警示。今年如果继续亏损，会暂停上市。</t>
  </si>
  <si>
    <t>老婆没有生育保险老公可以报销吗</t>
  </si>
  <si>
    <t>男方的生育保险可以报销产检、住院费用，没有生育津贴。</t>
  </si>
  <si>
    <t>可以，百分之35比例。</t>
  </si>
  <si>
    <t>滴滴现在合法吗</t>
  </si>
  <si>
    <t>滴滴不违法，专车不算违法，但前提是来自正规租赁公司或者是正规劳务派遣司机的正规操作，否则依然是违法。</t>
  </si>
  <si>
    <t>按目前的相关法律，若按营运过程说，滴滴专车合理合法，若是按结果说，它就是从事了旅客营运，他已经算是黑车了。</t>
  </si>
  <si>
    <t>合法。“滴滴快车”2015年5月7日起正式登陆滴滴打车APP，该服务属于非营利性搭车服务，乘客的所有付费，都归车主所有，软件平台不收取任何费用。</t>
  </si>
  <si>
    <t>神州车闪贷靠谱吗</t>
  </si>
  <si>
    <t>还是靠谱的，神州闪贷有跟浦发银行合作的产品，利率也比较低。</t>
  </si>
  <si>
    <t>不靠谱， 与广告宣传不一样。</t>
  </si>
  <si>
    <t>熊猫加速器好用吗</t>
  </si>
  <si>
    <t>加速器不怎么稳定。</t>
  </si>
  <si>
    <t>还可以，总体还算满意，支持的外服游戏也蛮多的。</t>
  </si>
  <si>
    <t>针对各平台优化，多线路多节点支持，高效解决国内外玩家在玩GTA等外服游戏时遇到的网络延迟、卡顿、掉线等问题，秒速连接，极致加速，稳定畅玩外服。</t>
  </si>
  <si>
    <t>2017滴滴顺风车合法吗</t>
  </si>
  <si>
    <t>滴滴顺风车根本就不合法。</t>
  </si>
  <si>
    <t>滴滴是合法了，但按政府规定的要求司机要有网络约车证，车辆要有营运证，这才是真合法。</t>
  </si>
  <si>
    <t>支付宝来分期买手机靠谱吗</t>
  </si>
  <si>
    <t>支付宝期蚂蚁花呗、在天猫商城分期买比较靠谱。</t>
  </si>
  <si>
    <t>2160p是4k吗</t>
  </si>
  <si>
    <t>4K和2160P其实是同一个概念，即3840*2160分辨率，当用4K代表此分辨率时是指3840（≈4000），2160则指后者，P代表逐行扫描。</t>
  </si>
  <si>
    <t>2160p：3840×2160的分辨率，接近4K清晰度，几乎达到影院标准。4K：4096×2160的像素分辨率，属于超高清分辨率。从视频清晰度来讲，肯定是4K更好。</t>
  </si>
  <si>
    <t>2K分辨率指的是屏幕分辨率达到了一种级别，指屏幕横向像素达到2000以上。是国内数字影院的主流放映分辨率。2K分辨率有多种类别，最常见的影院2K是指2048×1152，其他的2048×1536（QXGA）2560×1600（WQXGA），2560×1440(Quad HD)也被成为不同注释的2K。4k 的名称得自其横向解析度约为 4000 像素（pixel），电影行业常见的 4K 分辨率包括 Full Aperture 4K（4096 x 3112）、Academy 4K（3656 × 2664）等多种标准。对于主流的家电设备厂商而言，他们更倾向于制造接近 4K 的 Quad Full HD（3840×2160）设备，因为这个分辨率标准的显示比例为 16:9，与消费者当前接受的观看比例比较接近。</t>
  </si>
  <si>
    <t>先兆流产的孩子能要吗</t>
  </si>
  <si>
    <t>先兆流产能不能要，主要决定胚胎发育好不好，有没胚芽、胎心搏动好不好，B超后再决定。</t>
  </si>
  <si>
    <t>家里种无花果树吉利吗</t>
  </si>
  <si>
    <t>不吉利。</t>
  </si>
  <si>
    <t>血管斑块能消除吗</t>
  </si>
  <si>
    <t>不能。血管壁上的斑块一般指的是动脉斑块，动脉斑块有稳定斑块，也叫硬斑块，还有易损斑块，也叫软斑块，一般硬斑块比较安全，其斑块已经产生钙化，斑块和血管贴的很牢固，不容易脱落，而易损斑块也叫溃疡斑块，其容易发生脱落，引起栓塞的发生。对于易损斑块的治疗就是口服降脂药物，同时口服抗氧化作用的作用，主要是把不稳定斑块转化为稳定斑块。</t>
  </si>
  <si>
    <t>动脉硬化不可能再软化，但斑块有办法去除，可以用外科手术治疗，具体名称是颈动脉内膜切除术。该技术现在已经比较成熟，而且费用低廉。此外，还有血管内治疗技术，具体叫血管支架技术，技术也比较成熟，方法是把狭窄的血管撑开，但费用相对较高。对于斑块，也可以服用药物延缓其继续增大，如用降脂类药物。在用药同时要注意控制饮食。</t>
  </si>
  <si>
    <t>follifollie算大牌吗</t>
  </si>
  <si>
    <t>高级品牌。</t>
  </si>
  <si>
    <t>仓鼠有传染病吗</t>
  </si>
  <si>
    <t>仓鼠可能会携带狂犬病毒、寄生虫、鼠疫杆菌，这些疾病都会传染，而且很容易传染给人。</t>
  </si>
  <si>
    <t>应该是没有传染病的。</t>
  </si>
  <si>
    <t>首先仓鼠它本身不携带任何能给人类造成很大损伤的病菌因素。但是可以说仓鼠身上的确携带病菌，但是不会给人类造成任何威胁。</t>
  </si>
  <si>
    <t>绣球花有毒吗</t>
  </si>
  <si>
    <t>全株有毒，误食会导致疝痛、腹痛、腹泻、呼吸急促、呕吐、便血等中毒症状。</t>
  </si>
  <si>
    <t>绣球花的叶子有毒，但毒性不大，还没有致人使命的记录。</t>
  </si>
  <si>
    <t>生育保险男方可以报销吗</t>
  </si>
  <si>
    <t>1、生育保险是男女双方都可以享受的，但享受的项目不同。2、正常情况下，女方是报销相关费用和产假工资的，而男方是报销看护假期间的工资的。3、特殊情况下，例如女方没有单位、不符合生育险参保条件的，则可以将相关费用放在男方报销，但是报销比例要比正常在女方报销低一些，在一半左右。</t>
  </si>
  <si>
    <t>建行信用卡好申请吗</t>
  </si>
  <si>
    <t>建行信用卡申请门槛低，提额较快。</t>
  </si>
  <si>
    <t>建行信用卡审核较严格，不是很好申请。</t>
  </si>
  <si>
    <t>网易考拉自营有假货吗</t>
  </si>
  <si>
    <t>网易自营，正品保障。</t>
  </si>
  <si>
    <t>盐城在中国来说很穷吗</t>
  </si>
  <si>
    <t>盐城不是江苏最差的，人均GDP是江苏倒数第四，盐城离开江苏吊打其他省的绝大多数城市。</t>
  </si>
  <si>
    <t>盐城旅游景点多，占地广袤。物产丰富。虽是江北，却是江苏富饶诚城市之一。</t>
  </si>
  <si>
    <t>胜威国际集团靠谱吗</t>
  </si>
  <si>
    <t>明显就是骗局。</t>
  </si>
  <si>
    <t>不是传销也是诈骗。</t>
  </si>
  <si>
    <t>郑多燕减肥操有效吗</t>
  </si>
  <si>
    <t>很难减肥。</t>
  </si>
  <si>
    <t>电脑有苹果模拟器吗</t>
  </si>
  <si>
    <t>苹果目前还没有出模拟器，安卓模拟器比较多。</t>
  </si>
  <si>
    <t>只能做到界面模拟，内核模拟不了，Windows暂时做不到模拟iOS，现阶段模拟ios只能在mac os里面有个xcord能模拟代码，还只是代码。</t>
  </si>
  <si>
    <t>竞业协议可以不签吗</t>
  </si>
  <si>
    <t>可以不签离职前的竞业禁止协议，但如果已经签订的保密协议里面有相关的竞业禁止约定，是要遵守的。</t>
  </si>
  <si>
    <t>点刷刷信用卡安全吗</t>
  </si>
  <si>
    <t>一般刷信用卡是安全的。信用卡分为贷记卡和准贷记卡，贷记卡是指银行发行的、并给予持卡人一定信用额度、持卡人可在信用额度内先消费后还款的信用卡;准贷记卡是指银行发行的，持卡人按要求交存一定金额的备用金，当备用金账户余额不足支付时，可在规定的信用额度内透支的准贷记卡。所说的信用卡，一般单指贷记卡。信用卡安全码，是信用卡在进行网络或电话交易时的一个安全代码。它通常是印刷在信用卡上面的3或4位数字，不同类别的卡印刷位置会有所不同。它通常被用于证实付款人在交易时是拥有该信用卡的，从而防止信用卡欺诈。</t>
  </si>
  <si>
    <t>不安全。一方面，小公司的刷卡器，不排除他们在后台修改绑定的银行卡，资金不安全。另一方面，在异常的时间出现大额的刷卡，银行一下子就知道是在套现，而且，只有一个刷卡器，那就是说，大额刷卡总是发生同一个地方，太明显了。如果这台刷卡器绑定的也是本人名下的银行卡，银行会认为有人拿银行当傻子。</t>
  </si>
  <si>
    <t>芒果和酸奶能一起吃吗</t>
  </si>
  <si>
    <t>芒果和酸奶是可以一起吃的，但是却是不健康的一种搭配方法，因为酸牛奶在胃里会分泌大量的胃液，这是吃芒果的话，可能会容易引起肚子痛。</t>
  </si>
  <si>
    <t>可是可以一起吃，但不建议，虽然有芒果酸奶。酸牛奶和成熟了的芒果都可以促进消化，但是他们两一块吃就没有那么好的效果了，酸牛奶在胃里，胃分泌大量胃液，而这时去吃芒果的话，芒果是热带食物，有促进胃，所以容易肚子痛。</t>
  </si>
  <si>
    <t>芒果和酸奶是可以放在一起吃的，因为芒果中含有丰富的维生素和大量的胡萝卜素，而酸奶中则含有丰富的酵母菌，放在一起吃能帮助让身体更好地吸收其中的营养，而且酸奶的酸性和芒果的甜味还能很好的结合起来，这样吃起来就会更加的有口感，但是如果胃不好的人建议最好不要这样吃，不然很有可能会引起反胃等现象，平时也可以将芒果更新鲜的牛奶放在一起吃。</t>
  </si>
  <si>
    <t>嘉闵高架限行吗</t>
  </si>
  <si>
    <t>不限行。</t>
  </si>
  <si>
    <t>种一株罂粟违法吗</t>
  </si>
  <si>
    <t>种植一株也违法，非法种植罂 粟不满五百株的，按治安案件处理，五百株以上的按刑事案件处罚。</t>
  </si>
  <si>
    <t>交行天使贷可以取现吗</t>
  </si>
  <si>
    <t>天使贷属于消费贷款，只能在商户刷卡消费或用来网购物支付，并且只能在房产类交易之外的领域使用，所以是不能取现的。</t>
  </si>
  <si>
    <t>公对私转账可以吗</t>
  </si>
  <si>
    <t>1、利用网上银行办理，只要公司的基本帐户开通了网银，就可以办理；2、如果是同城同行，公司开一张贷记凭证，收款人为个人姓名，帐号为个人的银行卡或存折，到公司的基本帐户那个银行去办就行。</t>
  </si>
  <si>
    <t>可以公对私转账，公对私转账需要对公网银上开通对私转账汇款功能，开通之后点击转账汇划，对私转账汇款，单笔委托（如果灰色表示未开通）然后点添加或者查询进行交易。</t>
  </si>
  <si>
    <t>可以，公帐可以转私人账户。</t>
  </si>
  <si>
    <t>早晨洗澡对身体好吗</t>
  </si>
  <si>
    <t>早上洗澡能很好地清理毛孔。早上洗澡能软化胡须，让剃须变得更顺畅。早上起床后洗个澡，能让人神清气爽、精神饱满地开始一天的工作。</t>
  </si>
  <si>
    <t>早上洗澡确实有助于促使血液循环更加旺盛，并且清洁的感觉和浴液的芬芳本身就可以调整心情，使精神更加饱满。</t>
  </si>
  <si>
    <t>早晨起床洗澡,如遇水温不当,易患感冒。</t>
  </si>
  <si>
    <t>当狼碰见了狗会吃狗吗</t>
  </si>
  <si>
    <t>动物在没有地方觅食的情况下，或是没有食物吃的情况下会自相残杀，吃同类。</t>
  </si>
  <si>
    <t>换工作社保会断吗</t>
  </si>
  <si>
    <t>换工作就不可避免的导致社保中断，因为在没找到工作的这段时间是没有单位帮缴纳社保。</t>
  </si>
  <si>
    <t>孕妇可以看电影吗</t>
  </si>
  <si>
    <t>偶尔的一次两次是不会对胎儿产生太大的影响的。</t>
  </si>
  <si>
    <t>王者荣耀安卓战队苹果能进吗</t>
  </si>
  <si>
    <t>不可以。可以通过邀请好友，系统不同在一起组队玩游戏，金钱类的交易是不互通的，也不能加入同一个战队。</t>
  </si>
  <si>
    <t>王者荣耀iOS系统 是不可以加入安卓战队的，根据苹果公司规定，iOS系统和安卓数据是不互通的，所以iOS不能加入安卓。</t>
  </si>
  <si>
    <t>不可以，安卓和苹果数据是不互通的，安卓上的战队和苹果上的是完全不同的，但也不排除一些大战队会在安卓和苹果上都建队。</t>
  </si>
  <si>
    <t>香港能用支付宝吗</t>
  </si>
  <si>
    <t>香港也用支付宝，支付宝在大陆非常火，香港那边的商家基本上就是做大陆人的生意了，例如莎莎连锁店就可以直接用支付宝付款，还有71连锁店，其他的专柜也有一些支持，不过使用最广泛的还是信用卡。</t>
  </si>
  <si>
    <t>香港用户只能注册海外用户支付宝账户，支付粻浮纲簧蕺毫告桐梗昆时只能用信用卡支付。因为香港身份证-上面有字母，绑定身份证时无法绑定</t>
  </si>
  <si>
    <t>小米路由器3真的不好吗</t>
  </si>
  <si>
    <t>如果玩游戏，网络延迟、抖动非常大，跳ping严重，如果是普通浏览网页，看视频还行。</t>
  </si>
  <si>
    <t>在淘宝上开店要交费吗</t>
  </si>
  <si>
    <t>在淘宝网开店，一般不需要交费。但是某些特定的店铺类型就必须要交纳保证金。</t>
  </si>
  <si>
    <t>淘宝开店是不需要缴纳年费的，开店完全是免费的。开店后需要缴纳的费用是，保证金1000元，冻结在支付宝余额里面的可以退还的，也可以缴纳保证金计划30元一年，要符合条件才能加入保证金计划的，保证金计划的30元是支付的，无法退还的，其次就是专业版店铺50元一个月【一钻以下的卖家的免费使用】，还有卖家工具。比如视频工具，促销工具，这些不得不用到的，卖家工具一个月下来要30元左右。</t>
  </si>
  <si>
    <t>摩拜单车忘记关锁了就一直扣钱吗</t>
  </si>
  <si>
    <t>摩拜单车忘记关锁了会被一直扣钱。</t>
  </si>
  <si>
    <t>会扣10信用分，并且承担全部收费，若同意，客服几钟内帮忙锁上。</t>
  </si>
  <si>
    <t>汽车遮阳帘有用吗</t>
  </si>
  <si>
    <t>遮阳挡板一般平时是很少用的，但是有时就会遇到太阳照射眼睛影响驾车视线时，打下遮阳挡板就能起作用了。</t>
  </si>
  <si>
    <t>有一定效果</t>
  </si>
  <si>
    <t>汽车遮阳帘有许多作用</t>
  </si>
  <si>
    <t>男闺蜜能成为恋人吗</t>
  </si>
  <si>
    <t>谈运良博士是真的吗</t>
  </si>
  <si>
    <t>谈运良博士在湖北是首位中医学博士，很出名的。在业界和国外，都有一定影响力！先去查查百度百科对他的介绍。</t>
  </si>
  <si>
    <t>野猪是保护动物吗</t>
  </si>
  <si>
    <t>野猪是非国家重点保护野生动物。</t>
  </si>
  <si>
    <t>野猪属于国家重点保护动物。</t>
  </si>
  <si>
    <t>野猪属于国家二级保护动物。</t>
  </si>
  <si>
    <t>王者荣耀实名认证是真的吗</t>
  </si>
  <si>
    <t>是的。如果还没实名注册的玩家将不能进入游戏。</t>
  </si>
  <si>
    <t>杜蕾斯持久装有用吗</t>
  </si>
  <si>
    <t>好用，效果不错。</t>
  </si>
  <si>
    <t>效果不显著，建议多锻炼，跑步，吃营养的食物。</t>
  </si>
  <si>
    <t>医院可以刷信用卡吗</t>
  </si>
  <si>
    <t>可以的，一般有一定规模的正规医院都可以刷卡付费，而且还有很多银行支持支付宝付费。</t>
  </si>
  <si>
    <t>医院收费的地方有POS机就可以刷卡付费。</t>
  </si>
  <si>
    <t>一般公立医院都可以，私立医院有很多不支持。</t>
  </si>
  <si>
    <t>铁线虫入侵2上映了吗</t>
  </si>
  <si>
    <t>红薏米芡实茶是骗局么</t>
  </si>
  <si>
    <t>还可以的啊，之前喝了一段时间，效果还是有的，但是时间越久感觉会越明显。毕竟红薏米和芡实都是对身体非常有意的，平时祛湿大家都会建议多吃红薏米，这个茶把二者结合起来，而且是袋装冲泡的，比较简单方便，味道也不错，比喝那些添加合成的饮料好很多。</t>
  </si>
  <si>
    <t>不是的，可以实地去考察的呀。</t>
  </si>
  <si>
    <t>小米mix玩王者荣耀卡吗</t>
  </si>
  <si>
    <t>小米一个出名的特点就是容易发热，所以玩一些游戏超级卡。</t>
  </si>
  <si>
    <t>有时候可能会卡。</t>
  </si>
  <si>
    <t>隔夜茶能不能喝</t>
  </si>
  <si>
    <t>隔夜茶因时间过久，维生素大多已丧失，且汤中蛋白质、糖类等成为细菌、霉菌繁殖的养料，故不宜饮用。但未变质的隔夜茶，在医疗上自有妙用。隔夜茶中含有丰富的酸素，可阻止毛细管出血，如患口腔炎、舌痛、湿疹、牙龈出血、疮口脓疡等，可用隔夜茶治疗。许多人都觉得隔夜茶不能喝，说法很多，其中比较“危言耸听”的是说喝隔夜茶会得癌症，其实这种说法是没有科学根据的。但是一般由于无法确定隔夜茶水是否变质，所以还是不要喝的好。</t>
  </si>
  <si>
    <t>隔夜茶一般是指：头天下午或晚上所冲泡的茶汤放到第二天早上，时间上经过一个夜晚，称隔夜茶。以前传说喝隔夜茶致癌说法，我国食品界专家早在80年代就给以盖棺定论，因茶叶具有阻断人体中亚硝胺合成作用，所以不会致癌。正常情况下，隔夜茶可以第二天早上用来漱口或饮上几口润喉咙都无妨，这也是经过老一代饮茶者的实践结果。但是从营养和卫生角度来看，茶汤放置时间长了，茶汤中的维生素C和其他营养成分会因逐渐氧化而降低，滋味变的平淡。另外，尤其夏季在高温下，长时间放置，茶叶中的蛋白质、糖类等是细菌、霉菌的培养基，极易滋生霉菌和细菌，导致茶汤变质腐败，这种变质了的茶汤当然不能饮用。</t>
  </si>
  <si>
    <t>1:茶饮尽量不要隔夜饮用，因为茶叶隔夜放置后容易氧化；2:而且若因为室外温度高，茶饮也容易被细菌感染，引起发霉现象；3:若不慎喝下，容易导致腹泻。所以还是不要饮用隔夜茶比较安全。</t>
  </si>
  <si>
    <t>开窗睡觉会有甲醛吗</t>
  </si>
  <si>
    <t>开门开窗，让房子通风，只是起到一个散味儿的作用，并不能减少其危害。只治标不治本。</t>
  </si>
  <si>
    <t>保持通风是会让甲醛挥发加速，但甲醛挥发依然是很慢的，如果家里甲醛超标，开窗睡觉并不能减少甲醛对身体的危害，建议如果甲醛超标的话，先别住进去，放着通风至少3个月后再去测试。</t>
  </si>
  <si>
    <t>通风是对治理装修污染最好的办法。如果你感觉室内空气流通良好，影响不会很大，因为甲醛都流通出去了。</t>
  </si>
  <si>
    <t>欢乐豆可以换钱吗</t>
  </si>
  <si>
    <t>可以去淘宝卖，输给对方多少，对方给多少钱，具体价格可以看淘宝上的。</t>
  </si>
  <si>
    <t>不可以，只能用钱买欢乐豆。</t>
  </si>
  <si>
    <t>中国式相亲停播了吗</t>
  </si>
  <si>
    <t>中国式相亲第一季已经全部录完，没有停播，只是在对第二季做准备。</t>
  </si>
  <si>
    <t>香港金价比内地便宜吗</t>
  </si>
  <si>
    <t>香港金饰一直比大陆便宜10%左右。</t>
  </si>
  <si>
    <t>对比而言香港买金，的确比较划算。</t>
  </si>
  <si>
    <t>自动挡p档点火伤车吗</t>
  </si>
  <si>
    <t>没有问题。</t>
  </si>
  <si>
    <t>i5和i7差别大吗</t>
  </si>
  <si>
    <t>分两种情况。如果两者性能相似，则几乎没有差别。比如，i7-620和i5-520进行对比，除了主频，i7-620和i5-520的数据差别很小。如果使用各品牌的高性能CPU，i7高端CPU要胜于i5。比如，i7-4790K和i5-4690K进行数据对比，i7的主频、核心、缓存都要高于i5，且i7拥有超线程技术。</t>
  </si>
  <si>
    <t>如果只是日常使用，打游戏，那么I5和I7差别就不大，无论3DMARK理论测试或者3D游戏实测，差别都很小。如果要做视频编辑与转码、运行数据库、3D绘图，选择CPU性能更高的I7肯定会更好。</t>
  </si>
  <si>
    <t>首先I5没有超线程，只有4个物理核心，而I7有超线程，除了4个物理核心还依靠超线程模拟出了4个，这就导致I7多任务处理能力比I5强，另外I7在多核优化较好的外部环境下玩游戏比I5强的不是一星半点，这点在WINDOWS10上有鲜明的体现，实测在WINDOWS10下玩大型单机游戏例如COD、BF、GTA和刺客信条都是6线程甚至8线程全部负载的，这就大大拉开差距，但目前网游之类的多核优化并不好，实际上网游上I7和I5实际意义不大。其次I5只有极为高端的几个能超频，而I7相对来说能超频的就很多了，只要是带K的版本和至尊版都能超频，超频的对CPU性能提升还是很可观的。还有I5的单核性能一般比I7要弱些。</t>
  </si>
  <si>
    <t>王者荣耀惩戒对英雄有用吗</t>
  </si>
  <si>
    <t>有，配上打野刀就能融合成寒冰惩戒，对对手造成伤害并减速。</t>
  </si>
  <si>
    <t>对英雄没有效，只对野怪有特殊效果。</t>
  </si>
  <si>
    <t>普通惩戒只能对野怪和小兵释放，买打野刀升级成寒冰惩戒后可以对英雄释放。</t>
  </si>
  <si>
    <t>孕妇能喝蜂蜜吗</t>
  </si>
  <si>
    <t>可以吃的，蜂蜜有通便润肠的作用，孕妇出现便秘时，吃蜂蜜，可使大便保持通畅。</t>
  </si>
  <si>
    <t>孕妇每天在上、下午的饮水中各放上数滴蜂蜜，可以有效地预防妊娠高血压综合征、妊娠贫血、妊娠合并肝炎等疾病。同时，蜂蜜缓下通便，能有效地预防便秘及痔疮出血。另外，天然的蜂蜜可以作为润肤剂经常外擦，对皮肤的表皮、真皮起直接营养作用，可促进细胞新生，增强皮肤的新陈代谢能力。</t>
  </si>
  <si>
    <t>当然能喝，蜂蜜是润肠的，里面的氨基酸和维生素、常量元素等等，营养价值很丰富。</t>
  </si>
  <si>
    <t>统一社会信用代码和组织机构代码一样吗</t>
  </si>
  <si>
    <t>装修房子可以提取公积金吗</t>
  </si>
  <si>
    <t>住房公积金政策规定装修、装饰、中修、小修等行为都不可以提取住房公积金。</t>
  </si>
  <si>
    <t>家里装修是可以提取住房公积金的。</t>
  </si>
  <si>
    <t>唾液会传播艾滋病吗</t>
  </si>
  <si>
    <t>唾液不存在传染艾滋病能力</t>
  </si>
  <si>
    <t>唾液中存有微量之病毒，深吻时容易因唾液交换而感染。感染机会的大小要考虑感染者的免疫力、病毒量(viral load)和彼此口腔中有无伤口。</t>
  </si>
  <si>
    <t>传播途径之一就是体液传染，唾液是体液的一种，是可能携带病毒的，所以不排除传染的可能性。</t>
  </si>
  <si>
    <t>环保贴取消了吗</t>
  </si>
  <si>
    <t>网上只有天津取消了。</t>
  </si>
  <si>
    <t>恒大海上威尼斯好玩吗</t>
  </si>
  <si>
    <t>好玩啊。</t>
  </si>
  <si>
    <t>御魂加成对业原火有用吗</t>
  </si>
  <si>
    <t>业原火是不享受御魂buff的，这点网易已经明确说明了。御魂buff只会影响八岐大蛇副本，业原火和石距不受影响。</t>
  </si>
  <si>
    <t>周末御魂加成对业原火副本有用</t>
  </si>
  <si>
    <t>有吧，毕竟都是掉御魂的。</t>
  </si>
  <si>
    <t>砗磲项链能貔貅吊坠吗</t>
  </si>
  <si>
    <t>可以和貔貅项链一起戴。</t>
  </si>
  <si>
    <t>光明骑士卡尔玛有特效吗</t>
  </si>
  <si>
    <t>除了开启大招变成非洲人以外，其他的技能就没有。</t>
  </si>
  <si>
    <t>win10要钱吗</t>
  </si>
  <si>
    <t>升级Windows 10是免费的，而且是一个完整版本的 Windows 10，而不是试用版。要利用这个免费优惠，您必须在发布后一年内升级到 Windows 10才可以免费。</t>
  </si>
  <si>
    <t>下载Win10不要钱，正版激活需要购买激活密钥。</t>
  </si>
  <si>
    <t>windows10（以下称win10）是一开始付费，但是升级成win10，即以激活win10则永久免费。</t>
  </si>
  <si>
    <t>狗能喝牛奶吗</t>
  </si>
  <si>
    <t>狗狗是可以喝奶制品的。</t>
  </si>
  <si>
    <t>不能喝。</t>
  </si>
  <si>
    <t>夫妻一方信用不良可以房贷吗</t>
  </si>
  <si>
    <t>可以，即使是逾期方本人一样可以进行购房按揭使用公积金房贷。</t>
  </si>
  <si>
    <t>一般办理贷款需要提供共同还款人，夫妻双方作为共同还款人，一方征信记录有问题，银行不会受理贷款申请，需要有问题一方还清欠款，缴纳滞纳罚金，办理完毕手续之后，五年后银行系统自动清理不良记录，此时才可以办理贷款。</t>
  </si>
  <si>
    <t>已婚，银行在审核时会对本人和配偶进行审核，其配偶的不良征信记录有可能会影响到房贷申请。即使以夫妻一方名义贷款买房，贷款人征信记录良好，若其配偶多次逾期还款，银行在放贷时会更加谨慎。不过银行审贷时更看重贷款人信用记录，若贷款人配偶征信记录不佳，银行审贷时会更加谨慎，但并不意味肯定不放贷。</t>
  </si>
  <si>
    <t>苹果6丢了报警有用吗</t>
  </si>
  <si>
    <t>基本是找不回来的，报警也没用。</t>
  </si>
  <si>
    <t>不管用，登官网，要ID可以找回。</t>
  </si>
  <si>
    <t>可以报警，越早越有利。</t>
  </si>
  <si>
    <t>二十多岁驼背能治么</t>
  </si>
  <si>
    <t>驼背可以治好的，练太极拳会比以前好很多。另外让推拿医生看看，是不是脊柱弯呢，需要正骨。</t>
  </si>
  <si>
    <t>这是习惯问题，只要你愿意改。</t>
  </si>
  <si>
    <t>北斗期权股是骗局吗</t>
  </si>
  <si>
    <t>西瓜卡大阪能用吗</t>
  </si>
  <si>
    <t>西瓜卡里有余额就可以使用。</t>
  </si>
  <si>
    <t>韩红管彤结婚是真的吗</t>
  </si>
  <si>
    <t>传言中韩红和管彤的婚照在网上是查找不到的，两人在国外领证更是毫无根据，既没照片也没事实根据，完全只是空穴来风。</t>
  </si>
  <si>
    <t>韩红没有结婚，她也说过，不打算结婚了。</t>
  </si>
  <si>
    <t>假的吧。韩红不喜欢男的。</t>
  </si>
  <si>
    <t>率土之滨安卓和苹果互通吗</t>
  </si>
  <si>
    <t>这个不可以通的。</t>
  </si>
  <si>
    <t>不可以，系统不一样，平台也不一样。</t>
  </si>
  <si>
    <t>不能，服务器都不一样。</t>
  </si>
  <si>
    <t>亚马逊好做吗</t>
  </si>
  <si>
    <t>看个人技术</t>
  </si>
  <si>
    <t>入驻卖家不怎么好做，亚马逊购物本来人就不多，在卓越买东西的大部分都是自营的。不建议入驻亚马逊</t>
  </si>
  <si>
    <t>现在不好做了，风险太大，动不动就侵权封号，对资金要求比较高。</t>
  </si>
  <si>
    <t>oppo和vivo是一家公司吗</t>
  </si>
  <si>
    <t>不是，oppo和vivo是两个独立的品牌，oppo和vivo是友好的合作关系。</t>
  </si>
  <si>
    <t>现在属于两家独立的公司，oppo是欧珀，vivo是步步高。</t>
  </si>
  <si>
    <t>定坤丹效果好吗</t>
  </si>
  <si>
    <t>卵巢早衰症状表现为有排卵者，典型的POF有潮热，性腺功能减退表现，如盗汗，便秘，脱发，阴道干燥，性交痛，性欲下降，甲状腺功能低下，泌尿系感染，那么? 定坤丹有补血、敛血、止痛、行瘀在作用。</t>
  </si>
  <si>
    <t>众泰大迈x7毛病多吗</t>
  </si>
  <si>
    <t>大迈X7的质量上是无可挑剔的呢，众泰特别针对大迈系列产品建设了全新的现代化智能工厂，像冲压、焊装、涂装、总装四大工艺工厂全都配备了德国KUKA和瑞士ABB自动机器人，自动化水平超过90%，现在的大迈X7的质量已经堪比合资工厂生产的了。</t>
  </si>
  <si>
    <t>做工完全没问题，那么大一辆车每个细节都很精致。外观好看不用说，坐上去的时候，内饰简直奢华，配置太高端了！大迈X7马上要上市了，建议到当地的4S店实车试驾感受一下。</t>
  </si>
  <si>
    <t>原子贷会打家人电话吗</t>
  </si>
  <si>
    <t>不还款的时候就会打</t>
  </si>
  <si>
    <t>有不打联系人电话的</t>
  </si>
  <si>
    <t>一般不会打</t>
  </si>
  <si>
    <t>高原圣肽是违法的吗</t>
  </si>
  <si>
    <t>做高原圣肽不违法</t>
  </si>
  <si>
    <t>非法</t>
  </si>
  <si>
    <t>61儿童节放假吗</t>
  </si>
  <si>
    <t>对于儿童节放假的安排，国务院《全国年节及纪念日放假办法》规定:儿童节(6月1日)，不满14周岁的少年儿童放假1天。</t>
  </si>
  <si>
    <t>iphone6s plus 32g 够用吗</t>
  </si>
  <si>
    <t>一般情况下就是够用的。</t>
  </si>
  <si>
    <t>当然是没有问题的了。</t>
  </si>
  <si>
    <t>金尊皇帝油能治疗阳痿早泄吗</t>
  </si>
  <si>
    <t>可以，前提是要每天坚持两次，起码使用一疗程。</t>
  </si>
  <si>
    <t>只会越来越惨,偶尔一次还是有用的。</t>
  </si>
  <si>
    <t>怒火攻心2杰森是真干嘛</t>
  </si>
  <si>
    <t>当然是假的。</t>
  </si>
  <si>
    <t>酒托算犯罪么</t>
  </si>
  <si>
    <t>酒托情节严重可能构成犯罪，涉及的罪名一般为抢劫罪和强迫交易罪。主观没有什么恶性就行。</t>
  </si>
  <si>
    <t>当然犯法.是否构成犯罪,则要看具体的事实.如数额较大,则涉嫌诈骗犯罪,酒托是共犯,应一并追究刑事责任。</t>
  </si>
  <si>
    <t>酒托属于欺诈，对于诈骗，可能涉嫌诈骗罪，要负刑事责任的。</t>
  </si>
  <si>
    <t>不同品牌的内存条可以混用吗</t>
  </si>
  <si>
    <t>可以，但应注意内存条的型号、频率和电压。</t>
  </si>
  <si>
    <t>可以的，但是如果出现滴滴滴的报警声音，说明内存条不兼容，就不能一起用了，一般来说都没问题。</t>
  </si>
  <si>
    <t>只要速度一样，不同品牌的内存条可以混用。</t>
  </si>
  <si>
    <t>lcfhc物联网合法吗</t>
  </si>
  <si>
    <t>传销骗局。</t>
  </si>
  <si>
    <t>轻度抑郁症需要吃药吗</t>
  </si>
  <si>
    <t>轻度抑郁症是不需要吃药的，可以通过心理治疗和自我调节来治愈。</t>
  </si>
  <si>
    <t>必须依靠药物调节，三四个月就能痊愈。</t>
  </si>
  <si>
    <t>可以不吃药。</t>
  </si>
  <si>
    <t>暗黑3重铸传奇能出远古吗</t>
  </si>
  <si>
    <t>可以的，这功能的意义就在于此。</t>
  </si>
  <si>
    <t>重铸传奇是完全随机的，有可能变成远古，官方给的几率是10%，然而还是得看脸，而且需要的材料也非常的坑爹。</t>
  </si>
  <si>
    <t>概率事件，1/10的概率成远古。</t>
  </si>
  <si>
    <t>母猫绝育后性格会变吗</t>
  </si>
  <si>
    <t>会温顺一点。</t>
  </si>
  <si>
    <t>猫咪以后不会在出现发情类似的情况了。当然手术后的猫咪生活习惯、性格也会发生一些变化的。</t>
  </si>
  <si>
    <t>母猫绝育后会性情大变。</t>
  </si>
  <si>
    <t>中国会加息吗</t>
  </si>
  <si>
    <t>不仅不可能大幅加息，由于经济基本面走弱制约，甚至有降准的可能性。</t>
  </si>
  <si>
    <t>完全有可能的。因为未来人民币汇率进入贬值周期，将会使出口企业身上的压力得到缓解。</t>
  </si>
  <si>
    <t>火车开了还能退票吗</t>
  </si>
  <si>
    <t>吃面包会胖吗</t>
  </si>
  <si>
    <t>不会。面包中脂肪含量很低（1－2毫克），同时含有2－3毫克纤维。实际上，面包可能有助于你控制自己的体重。</t>
  </si>
  <si>
    <t>会的，尽量吃糖分少的。</t>
  </si>
  <si>
    <t>看吃的哪种面包，全麦面包就不会。</t>
  </si>
  <si>
    <t>后背发凉拔火罐管用吗</t>
  </si>
  <si>
    <t>如果因受寒后感觉背部发凉，可以拔火罐。</t>
  </si>
  <si>
    <t>只有用药解决，拔罐只能解决表实性疾病，虚性疾病必用药。</t>
  </si>
  <si>
    <t>系统的拔罐疏经疗法是可以改善的。</t>
  </si>
  <si>
    <t>虹膜异色症有中国人吗</t>
  </si>
  <si>
    <t>曹雪芹是贾宝玉吗</t>
  </si>
  <si>
    <t>曹雪芹，历经中道家落，饱尝人间冷暖，他写红楼梦中的贾宝玉也确实是以自己为原型，宝玉行为乖张，或许有他的影子，但，而非宝玉就是他，艺术终究是艺术而非现实啊。</t>
  </si>
  <si>
    <t>血色之锤波比有特效吗</t>
  </si>
  <si>
    <t>没有特效的，不过皮肤的确好看。</t>
  </si>
  <si>
    <t>猫可以吃鸡蛋吗</t>
  </si>
  <si>
    <t>不同的猫咪个体其体质不同，它们对鸡蛋的适应能力也不一样。有些猫咪可以适当的多吃一些鸡蛋，然而有些猫咪只能吃一点点甚至是不能吃。此外，有些猫咪只适合吃鸡蛋黄，而且是煮熟的鸡蛋，生的鸡蛋和蛋清都不能吃。所以说，猫咪能否吃鸡蛋还要根据实际情况来看。作为家长可以尝试给狗狗吃一些熟的鸡蛋，观察其身体反应。如果猫咪没有异常反应那么可以适当的给它吃一些，反之如果猫咪有异常反应，那么以后还是不要在给猫咪吃鸡蛋了。</t>
  </si>
  <si>
    <t>笔记本4k屏幕有必要吗</t>
  </si>
  <si>
    <t>没必要；一方面4K由于像素密度非常之高，一般用在34-40英寸显示器及40英寸以上电视上会比较合适，但是在笔记本上就会发现网页和字非常小，基本上的搭载4K屏的笔记本都被厂商人为的缩放了250%，现在手机很多也是这样，这样放大了后，其实4K的意义也不大了；其实现在大部分4K屏都上是作为营销噱头而搭载的，对于笔记本我们其实更应该关注屏幕的色域等，而不是一昧的要求4K,2K之类数值。</t>
  </si>
  <si>
    <t>芦荟能吃吗</t>
  </si>
  <si>
    <t>有的可以，有的不行，看品种的。</t>
  </si>
  <si>
    <t>首通快运是诈骗公司吗?</t>
  </si>
  <si>
    <t>没有邮政总局发放的快递营运资质。</t>
  </si>
  <si>
    <t>开发商抵押给银行的房子能买吗</t>
  </si>
  <si>
    <t>被抵押房产是可以依法转让的。但是，按有关法规规定，将抵押房地产出售必须满足两个条件：一是通知抵押权人并经其同意。二是如实告知买受人。</t>
  </si>
  <si>
    <t>抵押给银行以后房屋所有权是归银行的，买了也没有所有权。除非与银行开发商签订三方协议，规定把房款还清，即转交产权，有这样的协议才可以买。</t>
  </si>
  <si>
    <t>房子给链家自如靠谱吗?</t>
  </si>
  <si>
    <t>还可以吧，会把您的房子重新装修，但是好像最少签订3年吧，如果违约需要赔付违约金，相比其他中介他们对待房子还是不错的。</t>
  </si>
  <si>
    <t>链家被投诉率很高的。而且每家链家也不一样，具体哪一家要看人品的，也有携款逃跑的啊。</t>
  </si>
  <si>
    <t>挺不错的，世界上任何人任何事都不会是十全十美的。</t>
  </si>
  <si>
    <t>薏苡仁是薏米吗</t>
  </si>
  <si>
    <t>其实两者是一回事儿。只是叫法上的差异而已。一般用在中药时叫薏仁，用在食品时叫薏米仁的比较多。也不排除地方叫法的差异。总之没什么两样。</t>
  </si>
  <si>
    <t>薏米就是薏仁米，也有叫薏仁的。</t>
  </si>
  <si>
    <t>西瓜不能和桃子一起吃吗</t>
  </si>
  <si>
    <t>1、是可以一起吃的。这是从安全的角度来讲原则性的问题。2、但是从营养学的角度，不建议混在一起食用，以免破坏营养。3、如果你在生活中事事听医生的，你就不敢出门了。如果事事都听营养学家的，你就没有能吃的东西了。</t>
  </si>
  <si>
    <t>个人微信公众号赚钱吗</t>
  </si>
  <si>
    <t>可以，前提是你运营的好。</t>
  </si>
  <si>
    <t>理科高二努力来得及吗</t>
  </si>
  <si>
    <t>理科高二努力还来得及。首先，不管怎么开始努力，所做的首要工作就是：摆正好心态。好的心态的首要必备就是自信心。在做一切的准备的时候，关键是在努力中收集信心，在努力中找到适合自己的学习方法。睡眠是最重要的东西，千万不要因为学习而放弃大量宝贵的睡眠时间。</t>
  </si>
  <si>
    <t>来得及，有志不怕年晚，只要坚持下去，努力拼会有好结果的。</t>
  </si>
  <si>
    <t>来得及，学习，只要不放弃都会有收获的。</t>
  </si>
  <si>
    <t>论文引用部分查重吗</t>
  </si>
  <si>
    <t>要看索引的字数以及学校的规定。</t>
  </si>
  <si>
    <t>会查，但是只要不超过一定的比例就不算重。</t>
  </si>
  <si>
    <t>华夏航空是廉价航空吗</t>
  </si>
  <si>
    <t>鲲鹏是深圳航空的子公司，基地在郑州和西安华夏是民营的，基地在贵阳他们用的都是小飞机，所以票价相对更贵一些。</t>
  </si>
  <si>
    <t>学而思好吗</t>
  </si>
  <si>
    <t>创盈国际是不是传销</t>
  </si>
  <si>
    <t>符合传销模式。</t>
  </si>
  <si>
    <t>中兴f460是千兆的吗</t>
  </si>
  <si>
    <t>百兆的。</t>
  </si>
  <si>
    <t>以前老版本是千兆。</t>
  </si>
  <si>
    <t>联合汽车电子值得去吗</t>
  </si>
  <si>
    <t>不是值不值得去，看你调到什么工种，车间工人就不值得去了。</t>
  </si>
  <si>
    <t>联电本身全球属一属二汽车顶级供应商，发机标定很厉害，还是值得去的。</t>
  </si>
  <si>
    <t>发展前途不错，是国内最好的。</t>
  </si>
  <si>
    <t>精准策略是传销吗</t>
  </si>
  <si>
    <t>驱蚊扣有用吗</t>
  </si>
  <si>
    <t>没用，没有驱蚊器、防蚊喷效果好。</t>
  </si>
  <si>
    <t>有效果。与一般的驱蚊产品比，驱蚊扣属于完全的天然产品，没有毒副作用。同时，在炎热的夏季，它的清新气味也能净化环境，使人爽心悦目。</t>
  </si>
  <si>
    <t>旅行结婚还要摆酒席吗</t>
  </si>
  <si>
    <t>有些地方是不需要摆了，只需要给各家的亲戚送点喜糖，这就是结婚了。有的地方是需要简单的摆几桌酒席，不用举行典礼而已。</t>
  </si>
  <si>
    <t>旅游结婚当然很好，不过宴席还是得准备，可以不用大操大办啊，简单的准备一场答谢宴就可以了，请一些亲戚好友，让大家都知道自己结婚了，让大家为自己祝福和高兴，这样不用花太多的钱父母也在亲朋面前有了交代。</t>
  </si>
  <si>
    <t>办酒席喜庆，而且结婚的目的就是为了得到大家的祝福。酒席要办。</t>
  </si>
  <si>
    <t>win10 1703好用吗</t>
  </si>
  <si>
    <t>更流畅了，稳定性很不错，版本更新后体验比之前好很多，对MacBook Pro的兼容性更流畅了。</t>
  </si>
  <si>
    <t>没有劳动合同可以申请劳动仲裁吗</t>
  </si>
  <si>
    <t>可以申请。但是有俩个要求：1、你要提供你们之间存在事实劳动关系的证据。例如：工人证言、发工资收据等；2、距离老板明确表示不给你老公开工资起1年内。先到仲裁部门申请仲裁，如果符合受理条件会直接受理；如果不符合受理条件的，仲裁那会有一个书面通知告诉你为什么不予受理你的申请，这样你就知道原因了。然后拿着仲裁给你的不予受理通知书就该劳动争议事项向人民法院提起诉讼。</t>
  </si>
  <si>
    <t>多囊性卵巢能治好吗</t>
  </si>
  <si>
    <t>多囊卵巢是一种慢性病，不会彻底的治愈。</t>
  </si>
  <si>
    <t>可丽金是三无产品吗</t>
  </si>
  <si>
    <t>信用卡提前还款后 立即可以再刷卡消费吗</t>
  </si>
  <si>
    <t>还款之后立马就可以刷，账单会被记录在没出账的账单内。</t>
  </si>
  <si>
    <t>如果信用卡还款成功，可用额度恢复，就可以马上刷卡使用。</t>
  </si>
  <si>
    <t>信用卡没到还款日就提前还款了，还款后当天又消费了的可以的，只要过了账单日且还款入账，再次消费计入次月账单。</t>
  </si>
  <si>
    <t>免责协议有法律效力吗</t>
  </si>
  <si>
    <t>是否有效取决于免责协议的具体内容。</t>
  </si>
  <si>
    <t>1、合同是否是合法有效，其核心衡量原则是该合同是否依法成立。2、合同是否存在合同法52条及54条规定的，符合重大误解、显失公平、欺诈胁迫等符合无效或可撤销、可变更的合同情形。如果合同不存在上述情形，系双方真实意思的表示，则合同依法成立，依法成立的合同，自成立时具备法律效力，法律行政法规规定需要办理批准登记手续的，应依法办理有关手续。3、对于合同之中的免责条款或免责协议是否合法有效，在订立该协议是双方真实意思表示、不存在欺诈、胁迫等符合无效、可撤销、可变更合同的情形下。合同之中的免责条款或免责协议还需要符合合同法53条的规定，如果给对方当事人造成人身损害、因故意或重大过失给对方当事人造成财产损害的免责条款，即便该免责协议依法成立。亦不受法律保护，相对人应依法承担相应的责任。</t>
  </si>
  <si>
    <t>华为p10闪存 能换机吗</t>
  </si>
  <si>
    <t>7天无理由退换货，闪存问题不一定能退。</t>
  </si>
  <si>
    <t>人体经络细胞修复仪理疗有效果吗</t>
  </si>
  <si>
    <t>一般有用，具体还是因人而异。</t>
  </si>
  <si>
    <t>晚上不吃饭可以减肥吗</t>
  </si>
  <si>
    <t>晚上不吃饭减肥的效果不明显，易反弹。</t>
  </si>
  <si>
    <t>晚上不吃饭容易得胃病的，不可取。</t>
  </si>
  <si>
    <t>fgo首抽能抽到5星吗</t>
  </si>
  <si>
    <t>整个游戏只有新年礼袋有保底五星，其他什么福利都没有保底五星</t>
  </si>
  <si>
    <t>国服首抽几率无限接近于零</t>
  </si>
  <si>
    <t>葡萄皮能吃吗</t>
  </si>
  <si>
    <t>葡萄皮是可以吃的。</t>
  </si>
  <si>
    <t>外面市场上买的葡萄大多打过农药，最好不吃，自己家种的，有保障可以吃。</t>
  </si>
  <si>
    <t>能吃，需洗干净。</t>
  </si>
  <si>
    <t>ae能导出gif吗</t>
  </si>
  <si>
    <t>Ctrl+M输出电影，在渲染面板格式选项里选定GIF格式输出即可。</t>
  </si>
  <si>
    <t>CS4以下的版本，可以直接用文件导出，然后选择gif格式就可以了，但是效果很差；CS5以上的话，需要配合PS才能做。</t>
  </si>
  <si>
    <t>智齿拔了能瘦脸吗</t>
  </si>
  <si>
    <t>古巴螃蟹能吃吗</t>
  </si>
  <si>
    <t>古巴的螃蟹是红地蟹，身体里有种毒性元素，会损坏人体的肠道黏膜，所以一定要先做去毒处理才能食用。而垂死或已死的红蟹，体内积累的毒性物质会越来越多，即便煮熟了也不易破坏这种毒性，所以千万不能吃死红蟹。</t>
  </si>
  <si>
    <t>鸡蛋和咖啡能一起吃吗</t>
  </si>
  <si>
    <t>房贷提前还合适吗</t>
  </si>
  <si>
    <t>提前还贷是划算的。</t>
  </si>
  <si>
    <t>不合适。一、签订贷款合同的时候享受7折到8.5折的利率优惠。由于已享受较低折扣的利率优惠，目前又处于降息通道中。若央行在年内无降息动作，即使明年1月1日按照最新利率执行，利息也只会比前期更低。二、等额本金还款期已过1/3的购房者。由于等额本金是将贷款额总额平分成本金，根据所剩本金计算还款利息。也就是说，这种还款方式越到后期，所剩的本金越少，因此所产生的利息也越少。在这种情况下，当还款期超过1/3时,借款人已还了将近一半的利息，后期所还的更多是本金，利息高低对还款额影响不大。</t>
  </si>
  <si>
    <t>南京长江隧道外地车能走吗</t>
  </si>
  <si>
    <t>如果你是外地小车的话，是可以走的。</t>
  </si>
  <si>
    <t>南京长江遂道限制外地大巴车通行。</t>
  </si>
  <si>
    <t>信托产品有风险吗</t>
  </si>
  <si>
    <t>信托产品是有风险的。</t>
  </si>
  <si>
    <t>绝地求生好玩吗</t>
  </si>
  <si>
    <t>《绝地求生》已卖出100万份《绝地求生》是一款近来非常火的生存游戏。据统计，发售半个月以来，该游戏已经在Steam上卖出100万份。但因为优化和服务器质量问题，目前Steam上为“多半好评”.绝地求生是有锁区，大陆地区要买加速器才能玩.</t>
  </si>
  <si>
    <t>steam能提现吗</t>
  </si>
  <si>
    <t>国内访问学者有用吗</t>
  </si>
  <si>
    <t>基本没用，属于锦上添花的东西。</t>
  </si>
  <si>
    <t>有用。高校青年骨干教师赴国内高水平大学重点学科领域进修，使他们能在名师指导下，及时跟踪了解学术前沿动态和发展趋势，尽快提高教学科研能力和学术水平，为今后发挥学术骨干作用奠定基础。</t>
  </si>
  <si>
    <t>蓝莓要洗吗</t>
  </si>
  <si>
    <t>野生的不用清洗，比较干净。种植的放在水里泡十分八分钟，其间用手多搅动几回，再换回水冲一下就行了。</t>
  </si>
  <si>
    <t>超市成盒的蓝莓，在吃之前需要清洗。</t>
  </si>
  <si>
    <t>被骗1000元可以立案么</t>
  </si>
  <si>
    <t>根据《刑法》第266条的规定，诈骗公私财物数额较大的，才构成犯罪。根据2010年11月24日最高人民检察院第十一届监察委员会第49次会议通过最新司法解释，诈骗罪的数额较大，以三千元至一万元以上为起点。诈骗1000元没有构成刑事案件，可按《治安管理处罚法》予以拘留和罚款。</t>
  </si>
  <si>
    <t>各地对诈骗罪的立案标准不同，通常以2000元为立案标准；但是，向公安机关报案后，公安机关可以作为治安案件立案.　　立案必须同时具备两个条件：一、有犯罪事实，指客观上存在着某种危害社会的犯罪行为。这是立案的首要条件。有犯罪事实，包含两个方面的内容。1．要立案追究的，必须是依照刑法的规定构成犯罪的行为。立案应当而且只能对犯罪行为进行。如果不是犯罪的行为，就不能立案。没有犯罪事实，或者根据《刑事诉讼法》第15条第1项的规定，有危害社会的违法行为，但是情节显著轻微，危害不大，不认为是犯罪的，就不应立案。由于立案是追究犯罪的开始，此时所说的有犯罪事实，仅是指发现有某种危害社会而又触犯刑律的犯罪行为发生。至于整个犯罪的过程、犯罪的具体情节、犯罪人是谁等，并不要求在立案时就全部弄清楚。这些问题应当通过立案后的侦查或审理活动来解决。2．要有一定的事实材料证明犯罪事实确已发生。包括犯罪行为已经实施、正在实施和预备犯罪。二、需要追究刑事责任，指依法应当追究犯罪行为人的刑事责任。只有依法需要追究行为人刑事责任的犯罪事实，当有犯罪事实发生，并且依法需要追究行为人刑事责任时，才有必要而且应当立案。根据《刑事诉讼法》第15条的规定，虽有犯罪事实发生，但犯罪已过追诉时效期限的；经特赦令免除刑罚的；依照刑法告诉才处理的犯罪，没有告诉或者撤回告诉的；犯罪嫌疑人死亡的；其他法律规定免予追究刑事责任的，均不追究刑事责任。</t>
  </si>
  <si>
    <t>根据法律规定，诈骗一千元不构成诈骗罪的立案标准，可予以治安处罚。法律依据：一、根据《最高人民法院、最高人民检察院关于办理诈骗刑事案件具体应用法律若干问题的解释》（2011年4月8日起施行）的规定：诈骗公私财物价值三千元至一万元以上和三万元至十万元以上、五十万元以上的，应当分别认定为刑法第二百六十六条规定的“数额较大”与“数额巨大”、“数额特别巨大”。二、《治安管理处罚法》第四十九条盗窃、诈骗、哄抢、抢夺、敲诈勒索或者故意损毁公私财物的，处5日以上10日以下拘留，可以并处500元以下罚款；情节较重的，处10日以上15日以下拘留，可以并处1000元以下罚款。</t>
  </si>
  <si>
    <t>莱特币好挖吗</t>
  </si>
  <si>
    <t>莱特币挖矿难度相对比较低。</t>
  </si>
  <si>
    <t>不好挖，建议不要挖。</t>
  </si>
  <si>
    <t>可以挖到莱特币，但挖到的莱特币非常少。</t>
  </si>
  <si>
    <t>王者荣耀周卡和月卡可以叠加吗</t>
  </si>
  <si>
    <t>可以叠加。</t>
  </si>
  <si>
    <t>不能同时使用，只能使用一个。</t>
  </si>
  <si>
    <t>单独的月卡和单独的周卡时间是可以叠加的，如果玩家买了2张月卡，那么有效期是60天。经过贴吧玩家的实测，月卡和周卡也可以叠加。如果玩家同时买了一张月卡和周卡，那么每天可以领取55钻石。但是月卡和周卡的时间是单独计算，两张卡都买可以在7天内每天55钻石，之后就是月卡的每天30钻石效果。</t>
  </si>
  <si>
    <t>中耳炎会自愈吗</t>
  </si>
  <si>
    <t>有的人有些情况会的。</t>
  </si>
  <si>
    <t>不会的，而且会很痛的。</t>
  </si>
  <si>
    <t>中耳炎能自己好，但是这是指不严重的患者，中耳炎的患者，尤其是有一部分分泌性中耳炎，可以不用药物，一段时间可以自愈。</t>
  </si>
  <si>
    <t>埃罗芒阿老师小说完结了吗</t>
  </si>
  <si>
    <t>还没！</t>
  </si>
  <si>
    <t>买kindle有必要吗</t>
  </si>
  <si>
    <t>如果喜欢看书，建议购买Kindle。如果不是很喜欢看书，那就没有必要买kindle。</t>
  </si>
  <si>
    <t>主要在个人吧，买了就得用。</t>
  </si>
  <si>
    <t>如果爱看书，建议买。如果看书习惯不大好，强烈建议买。如果爱看书但是以下情况不建议买：1. 看pdf或者ppt；2. 看漫画。如果不是很爱看书，kindle可有可无，建议买，可以多看书。如果犹豫不决双重性格买了怕后悔，还在纠结手机看看是不是就ok了，建议买，手机看东西会瞎眼的。尤其是夜间看小说看新闻。如果你觉得看kindle不如纸质的书，建议不买。</t>
  </si>
  <si>
    <t>凉霸好用吗</t>
  </si>
  <si>
    <t>比空调和电风扇好。</t>
  </si>
  <si>
    <t>不过就是装在厨房间嵌在集成吊顶里的电风扇，由于这个是自然风，夏天开等于没用，其他季节开还是有点效果的。</t>
  </si>
  <si>
    <t>夹竹桃有毒吗</t>
  </si>
  <si>
    <t>夹竹桃全株具有剧毒，中毒后恶心、呕吐、昏睡、心律不整，严重失去知觉或死亡。</t>
  </si>
  <si>
    <t>海露玻璃酸钠滴眼液可以长期使用吗</t>
  </si>
  <si>
    <t>海露玻璃酸钠滴眼液可以长期使用，无毒副作用。</t>
  </si>
  <si>
    <t>秀色秀场跳转是真的吗</t>
  </si>
  <si>
    <t>没有什么好的，都是骗钱的。</t>
  </si>
  <si>
    <t>作为一个秀色秀场多年的老用户来说， 没有的，国内都没有。</t>
  </si>
  <si>
    <t>不粘锅涂层有毒吗</t>
  </si>
  <si>
    <t>不粘锅涂层主要原料是聚四氟乙烯。聚四氟乙烯可以耐400度高温，但是在200度以上时化学性质开始变的不稳定，超过400度立刻起火燃烧，释放出氟化氢气体，氟化氢溶解于水后的溶液叫氢氟酸，不但强腐蚀(玻璃蚀刻工艺大量应用氢氟酸)，而且有剧毒。</t>
  </si>
  <si>
    <t>不粘锅上面的涂料是一种叫做叫“特富龙”的涂料。这种物质是含氟树脂的总称，包括聚四氟乙烯、聚全氟乙丙烯及各种含氟共聚物，这些化合物具有耐高温、低温、自润滑性、化学稳定性等优点，所以便用它来生产不粘锅。现在也没有什么科学研究证明这种物质是具有毒性的。</t>
  </si>
  <si>
    <t>不粘锅的涂层的成份是特氟龙，即聚四氟乙烯，这种材料的产品一般统称作"不粘涂层"；是一种使用了氟取代聚乙烯中所有氢原子的人工合成高分子材料。这种材料具有抗酸抗碱、抗各种有机溶剂的特点，几乎不溶于所有的溶剂。同时，聚四氟乙烯具有耐高温的特点，它的摩擦系数极低，所以可作润滑作用之余，亦成为了不沾锅和水管内层的理想涂料。其具有耐热，不粘及对人体无害等特性。</t>
  </si>
  <si>
    <t>违约金和损害赔偿可以同时适用么</t>
  </si>
  <si>
    <t>在法律上，这两者并不一定能同时适用。</t>
  </si>
  <si>
    <t>可以约定，但实际上没有意义。相当于重复约定。如果对方违约了，支付违约金的金额以损失为限。《合同法》第一百一十四条当事人可以约定一方违约时应当根据违约情况向对方支付一定数额的违约金，也可以约定因违约产生的损失赔偿额的计算方法。约定的违约金低于造成的损失的，当事人可以请求人民法院或者仲裁机构予以增加；约定的违约金过分高于造成的损失的，当事人可以请求人民法院或者仲裁机构予以适当减少。当事人就迟延履行约定违约金的，违约方支付违约金后，还应当履行债务。</t>
  </si>
  <si>
    <t>赔偿损失通常要与实际损害相符，而违约金数额与实际损失之间并无必要联系，即使在没有损害的情况下也应支付违约金，如果支付违约金不足以补偿受害人所遭受的损失，债务人还要承担赔偿损失的责任以弥补遭到损失的不足部分，即违约金与赔偿损失并用。2、违约金与约定损害赔偿金：违约金应该视为对损害赔偿金额的预先确定，因而违约金与约定损害赔偿金是不可并存的。</t>
  </si>
  <si>
    <t>木刺留在肉里危险吗</t>
  </si>
  <si>
    <t>当然了，木刺周围的肌肉会感染化脓，只有把木刺挑出来，肌肉才能愈合好。</t>
  </si>
  <si>
    <t>俗话说肉不藏刺，肉里面有刺他会慢慢红肿，可能会化脓，最后脱皮，排出体外。</t>
  </si>
  <si>
    <t>发炎化脓。</t>
  </si>
  <si>
    <t>黄精和豆类可以一起吃吗</t>
  </si>
  <si>
    <t>可以，没有冲突。</t>
  </si>
  <si>
    <t>阴道哑铃 有效果吗</t>
  </si>
  <si>
    <t>当然有啊，如果是纯粹运动也是行的，比如竞走也可以。但是在带上小哑铃的话会使肌肉依附上从而达到收缩锻炼，效果就增倍了。医生也会建议产后妈妈和松弛的女性使用的。</t>
  </si>
  <si>
    <t>应该有点用，但坚持下来不容易。</t>
  </si>
  <si>
    <t>阴道哑铃有一定的效果的，有时候医生也会建议产后妈妈使用。</t>
  </si>
  <si>
    <t>聚酯纤维面料好不好</t>
  </si>
  <si>
    <t>360借条怎么样靠谱吗</t>
  </si>
  <si>
    <t>还是相当靠谱的。因为“360借条”秉承奇虎360公司的“安全”基因又掌握360多年积累的大数据与流量优势。</t>
  </si>
  <si>
    <t>靠谱的，360有严格的风格管控体系，大公司可以信赖。</t>
  </si>
  <si>
    <t>360借条是360旗下的，可以放心使用。</t>
  </si>
  <si>
    <t>称骨算命准吗</t>
  </si>
  <si>
    <t>周易研究所总裁王黛林指出，称骨算命不太准确，因为称骨算命的月份和日期用错了，农历的规定月是不具有天文意义的，是人为规定的，每过两、三年，农历的日期就会与天体运行脱节，从而以置闰月来缓解，算命并非都不准，但称骨算命肯定不准。</t>
  </si>
  <si>
    <t>有的准有的不准，大众性的还行。个别的不准。</t>
  </si>
  <si>
    <t>当然准啊 。</t>
  </si>
  <si>
    <t>去巴厘岛要签证吗</t>
  </si>
  <si>
    <t>中国大陆游客去巴厘岛旅游不用办签证，只需要带着护照（至少半年以上有效期）和往返巴厘岛的机票就可出境，到达巴厘岛登巴萨机场办理落地签证手续</t>
  </si>
  <si>
    <t>青光眼能治好吗</t>
  </si>
  <si>
    <t>青光眼是一种终身疾病无法治愈，点药和手术只能控制眼压，眼压控制好是目标，但疾病无法治愈，都会有眼压继续升高的可能性</t>
  </si>
  <si>
    <t>青光眼可以治疗：1.药物治疗，眼药水（降眼压），口服药物。 2.激光治疗，开角型。 3.手术治疗。</t>
  </si>
  <si>
    <t>青光眼是终生眼病，除急性青光眼外，均以缓慢地进行性视神经损伤为特征的，它是一个不能完全治愈的眼病。</t>
  </si>
  <si>
    <t>住房公积金可以异地使用吗</t>
  </si>
  <si>
    <t>公积金可以异地买房使用的，但是还不是全国都支持公积金异地贷款政策的，要依据购房所在地的公积金管理中心的具体规定确定。</t>
  </si>
  <si>
    <t>在外地买房不能用本地的公积金贷款，但可以在外地买房后提取本地的公积金。</t>
  </si>
  <si>
    <t>eb病毒能治疗好吗</t>
  </si>
  <si>
    <t>可以治疗的，上医院进行抗病毒治疗，平时提高免疫力即可。</t>
  </si>
  <si>
    <t>可以的,主要是免疫功能差所以出的病毒,不过有这个病毒了一定要积极治疗不然严重的也会夺去生命</t>
  </si>
  <si>
    <t>EB病毒感染很难清除，若没有临床症状，临床观察就可以了。一次淋巴细胞比例不能说明问题。注意均衡饮食，提高自身免疫功能。</t>
  </si>
  <si>
    <t>南浔古镇好玩吗</t>
  </si>
  <si>
    <t>主要是看你自己是否喜欢古镇水乡的这种风格，和大多古镇都相似雷同，不过因为去的人少，所以相对商业气息会少，古镇平时人不多，比较安静。</t>
  </si>
  <si>
    <t>南浔古镇主要有小莲庄、南浔文园、广惠宫等。小莲庄是晚清时南浔“四象”之首刘氏家族的私产，这里设计精巧，颇有诗趣。而南浔文园则是古镇的一大特色景点，靠近小莲庄和藏书楼，风景很好，整体规划设计都挺不错的。里面有纪念馆和名人长廊等等。而且南园和北园是相通的。周末去南浔放松是个不错的选择。</t>
  </si>
  <si>
    <t>七彩云南翡翠是真的吗</t>
  </si>
  <si>
    <t>是真的，七彩的大部分是取一块翡翠里最绿的部分的。</t>
  </si>
  <si>
    <t>支付宝收款码可以用信用卡吗</t>
  </si>
  <si>
    <t>现在可以的。</t>
  </si>
  <si>
    <t>不能用信用卡支付。</t>
  </si>
  <si>
    <t>车辆过户后保险还有效吗</t>
  </si>
  <si>
    <t>车辆过户后原保险继续有效，到期结束</t>
  </si>
  <si>
    <t>二手车过户后，车险要办理批改手续，保险公司才能继续对被保险车辆承担保障责任</t>
  </si>
  <si>
    <t>网签合同有法律效力吗</t>
  </si>
  <si>
    <t>具有法律效力。</t>
  </si>
  <si>
    <t>青少年撸管影响身高吗</t>
  </si>
  <si>
    <t>只要不是太频繁就没有问题，适当的撸管对身体反而有好处。</t>
  </si>
  <si>
    <t>会的，撸管会使钙大量流失，影响骨骼发育。</t>
  </si>
  <si>
    <t>肯定影响。</t>
  </si>
  <si>
    <t>橘猫是土猫吗</t>
  </si>
  <si>
    <t>中华田园猫 土猫，橘猫 也叫橘猪（观点：是）</t>
  </si>
  <si>
    <t>橘猫就是橘色的猫（观点：非）</t>
  </si>
  <si>
    <t>橘色的猫，有的是有的不是（观点：折中）</t>
  </si>
  <si>
    <t>offer有法律效应吗</t>
  </si>
  <si>
    <t>OFFER，在法律术语中，就是称为邀约。是对方提出签订合同的意向，并且只要承诺该合同，则这个合同就成立生效的行为。所以OFFER一般是对方的加重责任，如果不在一定期限内答复对方，那么对方就可以放弃OFFER中提出的签订合同的条件，己方没有签订的情况下是不需要负法律责任的。</t>
  </si>
  <si>
    <t>offer即法律上的要约，具有法律效力的。根据《合同法》的规定“要约”就是希望和他人订立合同的意思表示。这个意思表示应当内容具体确定，并且要约人一旦作出了承诺，就要受到意思表示的约束。根据我国《合同法》规定，合同经一方要约，另一方承诺即告成立。要约与要约邀请在法律性质和法律后果上明显不同。</t>
  </si>
  <si>
    <t>1、单纯的OFFER是录取用知书，在劳动合同法上是没有法律效力的；2、三方协议在法律上是有效力的，但是前提是必须有三方正式的签订或者盖章；但是在offer上签字是没有法律保护的。</t>
  </si>
  <si>
    <t>移动volte收费吗</t>
  </si>
  <si>
    <t>不收费的。</t>
  </si>
  <si>
    <t>长沙有白癜风专科医院吗</t>
  </si>
  <si>
    <t>长沙中研白癜风医院。</t>
  </si>
  <si>
    <t>番樱桃可以吃吗</t>
  </si>
  <si>
    <t>番樱桃果实可以吃，不过一般作为观赏用。</t>
  </si>
  <si>
    <t>追加评论可以删除吗</t>
  </si>
  <si>
    <t>追加评论后无法进行修改或删除。</t>
  </si>
  <si>
    <t>好评追评无法删除，只有中差评在评论后的30天内可以删除或修改。</t>
  </si>
  <si>
    <t>属羊的人可以养猫吗</t>
  </si>
  <si>
    <t>属相与小动物无关，如果喜欢就养，但一定要对它好，它也是一条生命，不要被外界因素影响，每个人都有追求自己喜欢东西与物的权利。</t>
  </si>
  <si>
    <t>完全可以！</t>
  </si>
  <si>
    <t>天猫上的官方旗舰店是正品吗</t>
  </si>
  <si>
    <t>1、天猫上的官方旗舰店官方保证提供100%品质保证的商品。2、天猫是阿里巴巴旗下的一个大型正规的综合购物网站，在商品质量上有严格的审查机制，根据“正品保障”协议约定，商家不得销售假货及非原厂正品商品，一旦发现有出售假货及非原厂正品商品，则淘宝有权立即终止协议。如果被查出售卖假货，会被淘宝严厉处罚，并赔偿消费者损失，商家不会为了一点蝇头小利冒风险卖假货的。提示：任何机制都是有一定的差错与漏洞，在购买东西的时候一定要仔细参考卖方的信用等级、商品的评价等各方面因素，切勿因小失大。</t>
  </si>
  <si>
    <t>不一定是正品，要学会辨别。</t>
  </si>
  <si>
    <t>说真的，这可不一定，之前就有查到过一些这样的店售假的，是这样的，卖几件真的然后卖几件假的，利益面前不可尽信的。</t>
  </si>
  <si>
    <t>宫外孕是阳性吗</t>
  </si>
  <si>
    <t>宫外孕是阳性。</t>
  </si>
  <si>
    <t>蛊虫真实存在吗</t>
  </si>
  <si>
    <t>是真实存在的。</t>
  </si>
  <si>
    <t>吊丝男士第五季出了吗</t>
  </si>
  <si>
    <t>结束了，第四季最后一集都提示了。</t>
  </si>
  <si>
    <t>苹果10.3.1可以越狱吗</t>
  </si>
  <si>
    <t>不可能了。</t>
  </si>
  <si>
    <t>玛卡能冷箱吗</t>
  </si>
  <si>
    <t>水晶防晒喷雾能喷脸吗</t>
  </si>
  <si>
    <t>半月板二度损伤严重吗</t>
  </si>
  <si>
    <t>半月板损伤后,急性期膝关节肿胀,疼痛,活动受限,内侧后外侧关节间隙有压痛,严重者不能行走。待急性期过后,膝部长期隐疼,时轻时重,伤肢无力,上山下楼疼痛,行走时膝关节不稳定,尤其是下坡时明显。走路时容易摔倒,走路时膝关节突然发生不能屈伸的交锁现象。</t>
  </si>
  <si>
    <t>1、2度只是信号，3度才提示损伤。</t>
  </si>
  <si>
    <t>半月板由于解剖上的特点。除边缘有少量血液供应外,都无血供,所以一旦损伤,很难修复。所以只要诊断确立就选择手术切除.不然除半月板以外,其他的关节面也会损伤的。</t>
  </si>
  <si>
    <t>发芽的大蒜能吃吗</t>
  </si>
  <si>
    <t>发芽的大蒜，虽然可以吃，但因其营养消耗大，所以食用价值会打折扣。</t>
  </si>
  <si>
    <t>吃是可以吃，就是水分没有那么多，味道上会有一点点差别。</t>
  </si>
  <si>
    <t>蒜头发芽了是可以吃的，主要原因是：一、因为大蒜头发芽只是蒜头在适宜的外界条件下，利用其自身的贮藏养分而形成另一种形式的食用产品，所以，只要大蒜头末变色发霉腐烂，即使发了芽也能吃，吃了没有什么害处，只是味道略差罢了。二、大蒜从蒜头发芽到重新长成蒜头，体内营养成分在各个生长阶段的转变过程中不产生有毒物质。三，供食用的部分有青蒜、蒜苔、蒜瓣等，不管是青蒜，还是蒜苔蒜瓣，都具有一种特殊的辛辣臭味，其有效成分为大蒜辣素，同时还含有丙酮酸和氨。</t>
  </si>
  <si>
    <t>组织机构代码在营业执照上吗</t>
  </si>
  <si>
    <t>营业执照没有组织机构代码号的，现在新版三证合一执照都是社会统一代码，沿用很多证件都可以使用。</t>
  </si>
  <si>
    <t>康宝莱减肥有效吗</t>
  </si>
  <si>
    <t>不少人用过有效果。</t>
  </si>
  <si>
    <t>不实名认证能领红包吗</t>
  </si>
  <si>
    <t>可以领取，但是不能使用而已，必须实名认证才能使用。</t>
  </si>
  <si>
    <t>锁精环有用吗</t>
  </si>
  <si>
    <t>没有多大用的，还不舒服，没有喷剂的好，所以现在一直在用暖春阁延时喷剂，比较的靠谱，也没有一般的麻木感，那事20-30分钟蛮容易的。</t>
  </si>
  <si>
    <t>锁精环是用于男性早泄或延长性生活的一种外用器械，用于套在男性阴茎的根部，目前医生不推荐这种方式，有其不好的一面，建议避免或减少应用为好。</t>
  </si>
  <si>
    <t>不服从公司安排被开除的要不要给补偿</t>
  </si>
  <si>
    <t>要根据实际情况来判断不服从公司安排的具体原因。 是劳动合同订立时所依据的客观情况发生重大变化，致使劳动合同无法履行，经用人单位与劳动者协商，未能就变更劳动合同内容达成协议的，不需要支付经济补偿金。 公司野蛮安排工作，变更了劳动合同的工作内容，需要支付经济补偿金。 《劳动合同法》的相关规定如下：第三十九条劳动者有下列情形之一的，用人单位可以解除劳动合同：（一）在试用期间被证明不符合录用条件的；（二）严重违反用人单位的规章制度的；（三）严重失职，营私舞弊，给用人单位造成重大损害的；（四）劳动者同时与其他用人单位建立劳动关系，对完成本单位的工作任务造成严重影响，或者经用人单位提出，拒不改正的；（五）因本法第二十六条第一款第一项规定的情形致使劳动合同无效的；（六）被依法追究刑事责任的。 第四十条有下列情形之一的，用人单位提前三十日以书面形式通知劳动者本人或者额外支付劳动者一个月工资后，可以解除劳动合同：（一）劳动者患病或者非因工负伤，在规定的医疗期满后不能从事原工作，也不能从事由用人单位另行安排的工作的；（二）劳动者不能胜任工作，经过培训或者调整工作岗位，仍不能胜任工作的；（三）劳动合同订立时所依据的客观情况发生重大变化，致使劳动合同无法履行，经用人单位与劳动者协商，未能就变更劳动合同内容达成协议的。 第四十六条有下列情形之一的，用人单位应当向劳动者支付经济补偿：（一）劳动者依照本法第三十八条规定解除劳动合同的；（二）用人单位依照本法第三十六条规定向劳动者提出解除劳动合同并与劳动者协商一致解除劳动合同的；（三）用人单位依照本法第四十条规定解除劳动合同的；（四）用人单位依照本法第四十一条第一款规定解除劳动合同的；（五）除用人单位维持或者提高劳动合同约定条件续订劳动合同，劳动者不同意续订的情形外，依照本法第四十四条第一项规定终止固定期限劳动合同的；（六）依照本法第四十四条第四项、第五项规定终止劳动合同的；（七）法律、行政法规规定的其他情形。 第四十七条经济补偿按劳动者在本单位工作的年限，每满一年支付一个月工资的标准向劳动者支付。六个月以上不满一年的，按一年计算；不满六个月的，向劳动者支付半个月工资的经济补偿。</t>
  </si>
  <si>
    <t>汇中财富是合法的吗</t>
  </si>
  <si>
    <t>合法的，他们规模很大，总部在北京。</t>
  </si>
  <si>
    <t>战场上装死有没有用</t>
  </si>
  <si>
    <t>战斗结束后，敌人会到尸体进行检查，比如抗战中，不管死活，都是用刺刀再戳一戳。这个时候就无法逃脱了。</t>
  </si>
  <si>
    <t>装死的成功率很低，几乎为零。</t>
  </si>
  <si>
    <t>莱特币是骗局吗2016年</t>
  </si>
  <si>
    <t>不是的，莱特币是全球公认的第二大虚拟数字货币，在国内是以现货的形式在市场上流通和交易。</t>
  </si>
  <si>
    <t>莱特币自身不是骗局。</t>
  </si>
  <si>
    <t>兼职打字员靠谱吗</t>
  </si>
  <si>
    <t>58同城招兼职打字员的99.99%都是假的。</t>
  </si>
  <si>
    <t>网络骗子。</t>
  </si>
  <si>
    <t>真实工资要少一百倍。</t>
  </si>
  <si>
    <t>房天下的房价真实吗</t>
  </si>
  <si>
    <t>一般可信。</t>
  </si>
  <si>
    <t>有水分，后期更近沟通很重要。</t>
  </si>
  <si>
    <t>小米之家能买到小米6吗</t>
  </si>
  <si>
    <t>不一定。预约的人数众多，不能保证你一定能买到。</t>
  </si>
  <si>
    <t>安全期绝对安全吗</t>
  </si>
  <si>
    <t>半定量排卵试纸准吗</t>
  </si>
  <si>
    <t>要看品牌，还有要采用正确的测量方法。</t>
  </si>
  <si>
    <t>你好，排卵试纸是一种检测排卵的手段，但是也是有一定的误差的。</t>
  </si>
  <si>
    <t>pvc浴室柜好不好</t>
  </si>
  <si>
    <t>PVC浴室柜挺好的。防水性能强，硬度高。防刮、密度高、经久耐用。款式多样，设计新颖。</t>
  </si>
  <si>
    <t>PVC浴室柜造型多变、颜色丰富、性价比高。对人体没有害。</t>
  </si>
  <si>
    <t>pvc重量轻，稳定性不错，实用的寿命比较长 ，且价格便宜。</t>
  </si>
  <si>
    <t>蝙蝠侠阿甘骑士好玩吗</t>
  </si>
  <si>
    <t>中信证券和中信建投是一家吗</t>
  </si>
  <si>
    <t>不是，是两家公司，中信建投的前身是华夏证券。06年华夏证券倒闭，被中信证券收购，后改名中信建投。是中信证券的子公司，后又因为证监会一参一控，中信证券又把中信建投卖了。</t>
  </si>
  <si>
    <t>劳动保护费属于职工薪酬吗</t>
  </si>
  <si>
    <t>劳动保护费不属于应付职工薪酬。</t>
  </si>
  <si>
    <t>太平洋建设集团能去吗</t>
  </si>
  <si>
    <t>能。是中国BT模式鼻祖。</t>
  </si>
  <si>
    <t>孕妇可以吃杏子吗</t>
  </si>
  <si>
    <t>孕妇要禁食杏仁杏子。</t>
  </si>
  <si>
    <t>当然可以吃，少吃。</t>
  </si>
  <si>
    <t>吃多了可能会伤及筋。</t>
  </si>
  <si>
    <t>2017手写发票能报销吗</t>
  </si>
  <si>
    <t>按规定不能。</t>
  </si>
  <si>
    <t>自2016年4月30日营改增后不存在手写票。</t>
  </si>
  <si>
    <t>6月去泰国是不是太热了</t>
  </si>
  <si>
    <t>六月份的泰国气候炎热，去旅游一定要备点防中暑药品，当然，雨具也是必不可少的。泰国属热带季风气候，一年分为三个季节：3至6月为热季，7至10月为雨季，11月至次年2月为凉季。4月是最热的月份。全年的平均气候是28摄氏度，平均湿度为66-82％。泰国最佳旅游时间为10月到第二年的五月，平均气温仅18-24℃左右，最低甚至只有4℃左右，对中国游客来说是非常舒适的旅游时节。去泰国旅游，吸汗的T恤和不短于七分的牛仔裤，外加一双透气的旅游鞋是首选。而且泰国的建筑大多富丽堂皇，如果穿得太花哨，相片出来后反而效果不好。</t>
  </si>
  <si>
    <t>6月去泰国肯定是热的，不过泰国一年四季都热。</t>
  </si>
  <si>
    <t>我国现在是小康社会吗</t>
  </si>
  <si>
    <t>是的，目前我国正在全面建设小康社分。</t>
  </si>
  <si>
    <t>没有，早着呢。</t>
  </si>
  <si>
    <t>低水平，不全面，不平衡的小康。</t>
  </si>
  <si>
    <t>屠龙勇士薇恩有特效吗</t>
  </si>
  <si>
    <t>婚前贷款买房属于共同财产吗</t>
  </si>
  <si>
    <t>不属于夫妻共同财产，但涉及婚后共同还贷部分，离婚时要共同分割。</t>
  </si>
  <si>
    <t>婚前首付及部分贷款还款属于个人财产，婚后还贷部分为共同财产。</t>
  </si>
  <si>
    <t>要看是一方还贷还是共同还贷。婚姻法有规定夫妻一方婚前以个人财产购买房屋，并按揭贷款，产权登记在自己名下的，该房屋仍为其个人财产，按揭贷款为其个人债务。婚后配偶一方参与清偿贷款，并不改变该房屋为个人财产的性质。在离婚分割财产时，该房屋为个人财产，剩余未归还的债务，为个人债务。对已归还的贷款中属于配偶一方清偿的部分，应当予以返还。你还可以主张得到房屋在婚后开始升值的那一部分的一半。</t>
  </si>
  <si>
    <t>陈国坤会功夫吗</t>
  </si>
  <si>
    <t>陈国坤演李小龙的最大遗憾就是不会真功夫。</t>
  </si>
  <si>
    <t>会的，2011春晚还上台表演寸拳，而且也说了，平常会习武健康。</t>
  </si>
  <si>
    <t>应该不错。</t>
  </si>
  <si>
    <t>仓鼠好养吗</t>
  </si>
  <si>
    <t>三线类仓鼠比较容易养，比如：银狐，紫仓，布丁等。</t>
  </si>
  <si>
    <t>挺好养，还可以玩耍，但要注意环境和温度，这样仓鼠才能长的快，活得久。</t>
  </si>
  <si>
    <t>好不好养是不一定的，三线类仓鼠适合初养者，挑仓鼠的时候一定要挑那些愿意给抱的,不咬人的。还有挑的时候一定要健康的，要找那些耳朵会竖起来,眼睛有光彩,毛有光泽,不乱,活络,肚子下面干净,没有湿尾巴的情况的仓鼠。</t>
  </si>
  <si>
    <t>大唐荣耀有第三部吗</t>
  </si>
  <si>
    <t>没有大唐荣耀3。</t>
  </si>
  <si>
    <t>美女与极品没有了吗</t>
  </si>
  <si>
    <t>应该作者很忙没有时间写了 要么就剧情崩溃写不下去了。</t>
  </si>
  <si>
    <t>c4d难学吗</t>
  </si>
  <si>
    <t>应该是很容易的，因为所有的三维软件基本原理都是相通的，学C4D多联系MAX里面的原理，应该很快就能入门。</t>
  </si>
  <si>
    <t>所有3d软件中就是c4d最容易学。</t>
  </si>
  <si>
    <t>肺结核治愈后还会复发吗</t>
  </si>
  <si>
    <t>2年复发率在2%左右。</t>
  </si>
  <si>
    <t>肺结核是可以复发的。</t>
  </si>
  <si>
    <t>肺结核彻底治愈不会复发。</t>
  </si>
  <si>
    <t>ns值得买吗</t>
  </si>
  <si>
    <t>应该可以。任天堂正式发布新一代游戏主机Nintendo SWITCH，售价299美元/29980日元不锁区。Nintendo SWITCH可以切换主机/掌机两种形态，可拆卸手柄Joy-Con同样可以互相转换，甚至变成俩小手柄。硬件配置方面，Nintendo SWITCH搭载6.2英寸720P分辨率屏幕，内置32GB存储空间。采用Type-C充电接口，官方标称续航时间可达6小时。首发游戏方面有《塞尔达传说：荒野之息》，此外《Super Mario Odeyseey》、《火焰纹章》、《真·女神转生》、《上古卷轴·天际》、《NBA 2K》、《FIFA》等作品也将陆续推出。</t>
  </si>
  <si>
    <t>马天宇净身高有180吗</t>
  </si>
  <si>
    <t>实际身高 180。</t>
  </si>
  <si>
    <t>182。</t>
  </si>
  <si>
    <t>网上是180cm，实际应该不到，差不多178的样子。</t>
  </si>
  <si>
    <t>信用卡忘记还款会有不良记录吗</t>
  </si>
  <si>
    <t>1：如果超过还款时间，并且没有还款宽限时间的话，是有不良记录的。2：如果超过还款时间，而没有超过还款宽限时间，那么就没有不良记录，还款就可以了。:3：如果超出了还款时间，也超出了还款宽限时间，那么就会有不良记录的。</t>
  </si>
  <si>
    <t>在本期账单规定的还款日之前没还的话，会产生利息，滞纳金，并有不良记录，并且在这半年内，贷款受其影响的，之后必须全额还掉，并且在半年内不要再有逾期记录，那你这次的不良记录会在半年后自动消除。</t>
  </si>
  <si>
    <t>当然有！逾期还款会产生滞纳金、罚息及不良记录。</t>
  </si>
  <si>
    <t>急性白血病能治好吗</t>
  </si>
  <si>
    <t>可以治愈，通过骨髓移植治愈。</t>
  </si>
  <si>
    <t>马自达cx4毛病多吗</t>
  </si>
  <si>
    <t>小毛病基本没有。</t>
  </si>
  <si>
    <t>没问题，其他的最多是小毛病，无关痛痒。</t>
  </si>
  <si>
    <t>70年产权公寓能落户吗</t>
  </si>
  <si>
    <t>有产权的房产都是可以落户的。</t>
  </si>
  <si>
    <t>i57200u处理器好不好</t>
  </si>
  <si>
    <t>不怎么样，i57200u是低电压双核四线处理器，并非四核，性能只有台式i36100级别，如果玩一般网络游戏是问题不大，办公，娱乐，这些都可以，但大型游戏满足不了。</t>
  </si>
  <si>
    <t>蔻驰算奢侈品吗</t>
  </si>
  <si>
    <t>寇驰是奢侈品。COACH（蔻驰）于1941年始于纽约，以其代表的纽约时尚及精湛的手工艺传承而著称，如今已成为全球领先的美国精致奢华手袋、配饰和礼物的品牌。COACH是美国高端生活方式时尚品牌，为男士、女士提供精致配饰与礼品，产品系列包括女士手袋、男士包款、男士及女士小皮具、鞋履、服饰、手表、旅行用品、围巾、太阳眼镜、香水、时尚首饰等。COACH的产品透过品牌精品店、指定百货公司、专门店及官方网站在全球发售。</t>
  </si>
  <si>
    <t>1、蔻驰根本不能算是奢侈品牌；2、奢侈品牌的价位一般是指价位在1000美金以上，并且不经常有折扣的品牌；但蔻驰不符合这样的标准；3、如果非要归类，只能算是轻奢流行品牌；</t>
  </si>
  <si>
    <t>COACH算是轻奢侈品。轻奢就是价格低质量好，但我个人不喜欢这个称法，既然便宜的价格就不能算得上是奢侈品，COACH是美国的品牌，个人认为能排上国际三线已经不错了，这牌子能够那么火，很大一部分是中国人炒起来的。在美国如同白菜，在中国由于税收问题就价格高了，但是相对奢侈品LOUIS VUITTON，GUCCI，HERMES，CHANEL等价格相差太多、质量毕竟还是有差别，款式更不用提，COACH 有点走快时尚路线，不过COACH高层已经对品牌路线做出相应调整，逐渐往正真的奢侈品上发展。总之，拿个COACH包没什么好炫的。</t>
  </si>
  <si>
    <t>男人情商低适合交往吗</t>
  </si>
  <si>
    <t>现实来说，低情商的男人在开始交往的过程中确实让人无语、费解、气急败坏，很难有几个姑娘愿意过多花间在他们身上好好打磨。但是，好男人都是教出来的。</t>
  </si>
  <si>
    <t>e200好吗</t>
  </si>
  <si>
    <t>E200目前性价比高，外观运运时尚，且属于奔驰经典车款。</t>
  </si>
  <si>
    <t>E200总体说力满足驾驶，没问题。</t>
  </si>
  <si>
    <t>全球佳行政座驾值。</t>
  </si>
  <si>
    <t>希芸是不是传销baidu</t>
  </si>
  <si>
    <t>希芸有自己的专柜的。</t>
  </si>
  <si>
    <t>多囊卵巢能怀上孩子吗</t>
  </si>
  <si>
    <t>多囊卵巢疾病不可怕，及时发现及时用中医治疗调理自己的身体，是完全能要到一个健健康康的孩子的。</t>
  </si>
  <si>
    <t>对症治疗，是有怀孕希望的</t>
  </si>
  <si>
    <t>绝对可以治愈，可以怀孕，以后的孩子也会很健康！</t>
  </si>
  <si>
    <t>上吊痛苦吗</t>
  </si>
  <si>
    <t>可以试着掐一下自己的脖子，当然不用太久10秒就行。可以感受一下，这才只是双手的力度，上吊的话是全身的重量。</t>
  </si>
  <si>
    <t>不管是因为窒息还是因为颈椎骨折而死的,通常都会因为颈部组织受推压的关系而导致舌头吐出,头部则因为血液回流受阻而导致脸色青紫和皮肤点状出血,眼睛受压凸出甚至脱落.口水,鼻涕流注,甚至鼻腔出血。</t>
  </si>
  <si>
    <t>人们常说宁做饿死鬼也不要做吊死鬼，因为上吊自杀真的很难看。从死相上看就应该猜测为经历了很大的痛苦才去世的。</t>
  </si>
  <si>
    <t>陌陌能直播王者荣耀么</t>
  </si>
  <si>
    <t>应该是多角直播用两个手机。</t>
  </si>
  <si>
    <t>直接播。</t>
  </si>
  <si>
    <t>王昭君凤凰于飞还卖吗</t>
  </si>
  <si>
    <t>不能买了，已经下架了，2月28日下架。</t>
  </si>
  <si>
    <t>鸡年限定，只卖一个月，一个月过后就没有了。</t>
  </si>
  <si>
    <t>上海理工大学是211吗</t>
  </si>
  <si>
    <t>不是，上海有九所211学校，分别是：上海外国语大学 ， 复旦大学，华东师范大学，上海大学，东华大学，上海财经大学，华东理工大学，同济大学，上海交通大学(与上海第二医科大学合并)。</t>
  </si>
  <si>
    <t>端午小长假高速免费吗</t>
  </si>
  <si>
    <t>端午小长假高速不免费</t>
  </si>
  <si>
    <t>公积金贷款算贷款记录吗</t>
  </si>
  <si>
    <t>三得公益平台是骗局吗</t>
  </si>
  <si>
    <t>并不合法。本身的存在性质就是虚构的。属于庞氏骗局。</t>
  </si>
  <si>
    <t>百合网征婚可信吗</t>
  </si>
  <si>
    <t>有一些还是真实的。</t>
  </si>
  <si>
    <t>千万不要相信，骗子网站。</t>
  </si>
  <si>
    <t>铁钩船长 费德提克有特效吗</t>
  </si>
  <si>
    <t>这款皮肤无特效。</t>
  </si>
  <si>
    <t>闪银上征信吗</t>
  </si>
  <si>
    <t>普通面粉可以做蛋糕吗</t>
  </si>
  <si>
    <t>可以做，完全没有问题</t>
  </si>
  <si>
    <t>可以，做蛋糕一般用低筋面粉，普通面粉一般都是中筋面粉，也可以做</t>
  </si>
  <si>
    <t>可以做的，如果筋性高的话可以加百分之二十的淀粉就好了</t>
  </si>
  <si>
    <t>51人品贷上央行征信吗</t>
  </si>
  <si>
    <t>女生湿的时候难受吗</t>
  </si>
  <si>
    <t>不难受。</t>
  </si>
  <si>
    <t>丹皮酚软膏有激素吗</t>
  </si>
  <si>
    <t>不含。</t>
  </si>
  <si>
    <t>银谷财富是正规公司吗</t>
  </si>
  <si>
    <t>公司都是经过工商局注册的，在资质上肯定没有问题。</t>
  </si>
  <si>
    <t>银谷财富还是比较靠谱的，有资金存管，风控也比较严。</t>
  </si>
  <si>
    <t>幽门螺杆菌能自愈吗</t>
  </si>
  <si>
    <t>基本不会。</t>
  </si>
  <si>
    <t>洋葱治便秘吗</t>
  </si>
  <si>
    <t>对便秘有效果。</t>
  </si>
  <si>
    <t>空调扇能制冷吗</t>
  </si>
  <si>
    <t>严格的来说，空调扇是不会制造冷的，只是通过机器的运行，是空气充分流动，带动空调扇内的冰晶产生的冷量流动而已。</t>
  </si>
  <si>
    <t>空调扇比电风扇多一个冷水处理，大约能降低2到5度左右。</t>
  </si>
  <si>
    <t>二锅头是纯粮食酒吗</t>
  </si>
  <si>
    <t>不能说是纯粮食酒，但是也相差不远。原材料有小麦、高粱、玉米等，还有辅料，如玉米秸、玉米核、麦麸子和米糠。二锅头其实就是快曲酒。</t>
  </si>
  <si>
    <t>纯粮酿造这个词不够准确，因为几乎所有白酒都是纯粮酿造。只是酿酒工艺不同，有固态法、液态法之分，酒精酿造是液态法工艺，传统酿酒都是固态法。二锅头是固液结合生产的白酒偏多。就是掺和了食用酒精。</t>
  </si>
  <si>
    <t>牙齿松动可以修复吗</t>
  </si>
  <si>
    <t>如果是炎症引起的牙齿松动可以治疗，但是如果是因为年龄增长，牙龈萎缩，牙槽骨吸收等引起的牙齿松动不好治疗，松动度大了建议拔掉，镶牙。</t>
  </si>
  <si>
    <t>牙齿松动是可以修复的，牙齿松动一般都是牙齿遭到撞伤、跌伤或过度咬伤，牙周病，急性根尖周炎，颌骨骨髓炎、颌骨内肿瘤，牙周变性等原因造成，及时治疗，正确用药就一定会使牙齿恢复健康。</t>
  </si>
  <si>
    <t>沙拉酱会发胖吗</t>
  </si>
  <si>
    <t>一般是不会的，只要不在晚上睡前三个小时吃沙拉，或者是吃得很饱了然后再去吃沙拉，一般都不会长胖。</t>
  </si>
  <si>
    <t>会发胖。</t>
  </si>
  <si>
    <t>喝牛奶会胖吗</t>
  </si>
  <si>
    <t>喝牛奶不会使人发胖。</t>
  </si>
  <si>
    <t>喝牛奶不仅不会使人发胖，反而有助于控制体重，帮助减肥。</t>
  </si>
  <si>
    <t>美国入境可以带茶叶吗</t>
  </si>
  <si>
    <t>能，不过最好还是真空包装好别打开，因为美国对植物等进口有严格的规定。</t>
  </si>
  <si>
    <t>可以带。入关时要填写的申报单上，“个人用品“可以不要申报，但是如果很多的话，则申报“商业样品“。坐国际航班可以带一个小的手提箱和一个背包不用托运，但是如果转机的话就不一定了。当然“小手提箱“是要能放进座位上方的空间里的那种。另外，所有食品，包括茶叶，都尽量不要带散装的，美国对植物等进口有严格的规定。</t>
  </si>
  <si>
    <t>今日头条能赚钱吗</t>
  </si>
  <si>
    <t>可以的，通过在上面写文章，发视频可以赚钱，有以下步骤：1、申请头条的作者号，然后头条会审核是否通过。2、通过了以后，表现及格通过新手期。3、过了新手期，表现优秀头条才会给你开通流浪主，这个时候发文章和视频，才会根据阅读量的多少来算收益。</t>
  </si>
  <si>
    <t>坐高铁能带防晒喷雾吗</t>
  </si>
  <si>
    <t>荒野大镖客有pc版吗</t>
  </si>
  <si>
    <t>目前没有。</t>
  </si>
  <si>
    <t>守望先锋花钱吗</t>
  </si>
  <si>
    <t>买皮肤要花钱。</t>
  </si>
  <si>
    <t>一般来说是的，要买了游戏才能玩，有的时候暴雪会出免费周末，就是那个周末限时免费。</t>
  </si>
  <si>
    <t>子宫肌瘤会怀孕吗</t>
  </si>
  <si>
    <t>一般较小的子宫肌瘤对女性怀孕不会造成什么影响，但如果不及时治疗话，子宫肌瘤就会随着时间的推移而逐渐增大，不仅会导致女性不孕，严重的还会引起女性流产，所以一定要引起重视。</t>
  </si>
  <si>
    <t>李白凤求凰还能买吗</t>
  </si>
  <si>
    <t>不能了。</t>
  </si>
  <si>
    <t>作为限定，是肯定能购买的，但是是活动期间才能买。比如春节、国庆投票买皮肤这样的形式。</t>
  </si>
  <si>
    <t>autocad2008有64位的吗</t>
  </si>
  <si>
    <t>AUTOCAD2008软件有64位的。</t>
  </si>
  <si>
    <t>AutoCAD2008版本中文版没有64位的，只有英文版64位的。</t>
  </si>
  <si>
    <t>绞股蓝可以减肥吗</t>
  </si>
  <si>
    <t>绞股蓝茶可以减肥，它是湘西南、陕西南部的一种古老的中草药和常饮茶，采摘绞股蓝嫩叶和嫩芽，经由现代中药加工工艺与古法炒茶工艺相结合炮制而成，茶汤碧绿，稍带清香、微苦，入喉回甘。具有降血压、降血脂、降血糖、延缓衰老等功效，是传统中草药</t>
  </si>
  <si>
    <t>小米6用贴膜吗</t>
  </si>
  <si>
    <t>1、根据自己的需要进行选择。2、手机出厂之前，已经有贴膜了，可以不用再次贴膜的。</t>
  </si>
  <si>
    <t>疏油层仅仅是一种防污，防水的一种涂层，对于手机防划伤是没有太大的作用的，还是贴吧。</t>
  </si>
  <si>
    <t>华山长空栈道死过人吗</t>
  </si>
  <si>
    <t>或许以前修的时候有吧，现在没有。</t>
  </si>
  <si>
    <t>历年应该有1至3人受伤或死亡。</t>
  </si>
  <si>
    <t>肯定是有的，不过现在好像有一定的安全措施。</t>
  </si>
  <si>
    <t>红上财富是正规公司吗</t>
  </si>
  <si>
    <t>视网膜脱落能治好吗</t>
  </si>
  <si>
    <t>视网膜脱离需要及时到眼科医院手术治疗，及时治疗恢复的越好，恢复的速度越快，时间拖的越久视力恢复的越差。</t>
  </si>
  <si>
    <t>孕妇能吹空调吗</t>
  </si>
  <si>
    <t>权健火疗是合法的吗</t>
  </si>
  <si>
    <t>属于直销，是合法的。</t>
  </si>
  <si>
    <t>兔子咬了要打疫苗吗</t>
  </si>
  <si>
    <t>伟哥偶尔吃一次有事吗</t>
  </si>
  <si>
    <t>可以，但不要长久吃伟哥，副作用大，吃欣德利胶囊效果好，无副作用。</t>
  </si>
  <si>
    <t>若是身体健康可以，但是有心脏类的疾病，建议不要服用此药，容易加重病情，甚至危及生命。</t>
  </si>
  <si>
    <t>不会有事的。</t>
  </si>
  <si>
    <t>易到是不是要倒闭了</t>
  </si>
  <si>
    <t>是的，易道就是垃圾，骗司机的，钱都不能体现，不够给油钱的。</t>
  </si>
  <si>
    <t>是的，易道无法支付司机们的车款，已经被起诉了。</t>
  </si>
  <si>
    <t>货币战争值得看吗</t>
  </si>
  <si>
    <t>值得看；至少可以知道一些以前没有听说过的货币方面的知识。</t>
  </si>
  <si>
    <t>很不错的。</t>
  </si>
  <si>
    <t>电子烟有害吗</t>
  </si>
  <si>
    <t>首页要肯定的是电子烟不仅不能帮助戒烟而且对公式健康是有害的。</t>
  </si>
  <si>
    <t>电子烟的害处是有的，不过很小，比普通香烟的害处小多了。</t>
  </si>
  <si>
    <t>电子烟对人体也是有害处的，理由如下：电子烟含有大量丙二醇，该物质会对呼吸道造成刺激，进而引发一些急性症状；电子烟也会向室内释放可吸入的液体细颗粒物和超细颗粒物、尼古丁和致癌物质；电子香烟所包含的致癌物质对人体健康造成的危害并不低于普通香烟；电子香烟装置加温速度过快，在此过程中还会产生一种叫丙烯醛的剧毒性分子。</t>
  </si>
  <si>
    <t>典藏皮肤值钱吗</t>
  </si>
  <si>
    <t>以前都是特别的便宜，也就几块钱。</t>
  </si>
  <si>
    <t>没见有地方卖，有也应该很贵的。</t>
  </si>
  <si>
    <t>不值钱，原来就一普通的皮肤。</t>
  </si>
  <si>
    <t>小米5s玩王者荣耀卡吗</t>
  </si>
  <si>
    <t>抹掉iphone别人能用吗</t>
  </si>
  <si>
    <t>按照正常情况讲，别人如果拿到抹掉的手机，开机需要初始ID来激活的，激活不了的话，只能当电子表或者手电筒用。</t>
  </si>
  <si>
    <t>1、iphone新系统就算刷机了，虽然是可以破掉开机密码，但是手机还是无法使用。2、苹果新升级的系统就算刷机了，但是没有icloud密码，手机还是用不了的。3、现在苹果手机最重要的就是要保护好自己的icloudp邮箱和密码。</t>
  </si>
  <si>
    <t>滨崎步耳朵失聪了吗</t>
  </si>
  <si>
    <t>滨崎步在2001年举行的全国四大巨蛋演唱会期间,由于高密集度的彩排导致左耳出现间歇性失聪的情况,但是在演唱会期间没有对外宣布,直至最后一场东京公演之前才宣布由于听觉障碍演唱会延期，后来就没有之类的消息爆出,应该是痊愈了。</t>
  </si>
  <si>
    <t>左耳已完全失去听觉功能</t>
  </si>
  <si>
    <t>滨崎步的左耳从小就有中耳炎，一直都没有得到根治，所以不断恶化就形成了左耳失聪。</t>
  </si>
  <si>
    <t>白百合偷东西是真的吗</t>
  </si>
  <si>
    <t>假的，白百合已经把发布消息的网站告了。</t>
  </si>
  <si>
    <t>首先，这新闻不一定是真的。其次，就算是真的，也不算病，顶多是瘾。个人觉得这新闻不靠谱，当茶余饭后笑料就行，不必在意。</t>
  </si>
  <si>
    <t>肝炎能彻底治好吗</t>
  </si>
  <si>
    <t>肝炎在目前世界上还没有根治的方法。很多肝炎病毒携带者没有症状，也没有肝功能损害的情况下是不需要进行治疗的，只需要戒酒、多注意、少熬夜、不用或少用对肝脏有损害的药物。</t>
  </si>
  <si>
    <t>要看是什么肝炎，如果是甲肝，比较容易治愈，如果是脂肪肝、酒精肝重在预防发展，并控制疾病，纠正不良生活习惯。 如果是乙肝，比较难治愈，丙肝治愈也比较困难。 自身免疫性肝病，治愈也比较困难。</t>
  </si>
  <si>
    <t>浙商信用卡额度好提吗</t>
  </si>
  <si>
    <t>额度高不高主要是看自己的支付能力。如果月收入过万，又特别的稳定，家人或者自己都没有任何拖欠的记录，办下来的卡额度肯定是高的。即使不高，办卡下来后就去刷东西，然后按时把钱还上，三个月过后就可以提升额度。</t>
  </si>
  <si>
    <t>智华传奇是传销吗</t>
  </si>
  <si>
    <t>电子烟可以戒烟吗</t>
  </si>
  <si>
    <t>可以戒烟。</t>
  </si>
  <si>
    <t>房产证可以写两个人的名字吗</t>
  </si>
  <si>
    <t>发票密码区超出一点点可以认证吗</t>
  </si>
  <si>
    <t>密码区超出范围，发票如果在网上认证通过之后还无所谓，如果拿去税局前台认证就一定不行。密码区里面的内容是不可以超出那个范围的，所以需要作废重新开了。</t>
  </si>
  <si>
    <t>普通发票是不能认证的，只能用来入账用，密码区超出一点，是不影响入账的。</t>
  </si>
  <si>
    <t>发票密码区出格了最好重新打印，一般情况出格了就认证不了（当然如果能认证通过是没有关系的）。有些认证机器可以经手工录入修改，但有些是不可以的。</t>
  </si>
  <si>
    <t>临时身份证能坐飞机吗</t>
  </si>
  <si>
    <t>在有效期内的中华人民共和国居民身份证、临时身份证; 可以做飞机</t>
  </si>
  <si>
    <t>华为p10好用吗</t>
  </si>
  <si>
    <t>华为P10不错的，可以到华为体验店进行体验一下，也可以到华为官网查询产品参数信息。1、屏幕：P10采用5.1英寸显示屏，分辨率为FHD1920x1080pixels，屏幕色彩是1670万色，色彩饱和度(NTSC):96%，不管是玩游戏还是看视频，都十分的清晰。2、拍照：P10采用徕卡双摄像头，后置摄像头像素2000万黑白+1200万彩色，F2.2光圈，徕卡镜头，支持OIS光学防抖，自动对焦，前置摄像头800万像素，F1.9光圈，固定焦距。3、系统：AndroidTM7.0操作系统，EMUI5.1用户界面，用起来流畅。4、机身：前置玻璃一体化指纹，集成导航键，智能触摸操作。全新钻雕工艺，钻石般光泽，独特金属触感。5、电池：电池容量3200mAh（典型值）支持华为5V/4.5A低压大电流快充，超强续航。</t>
  </si>
  <si>
    <t>质量还不错，其实现在的国产手机质量都挺好的。</t>
  </si>
  <si>
    <t>P10屏幕是5.1英寸，系统是华为EMUI5.1+AndroidTM7.0标配4GB运行内存，搭载麒麟960，8核+微智核I6，手机运行起更流畅，支持SD卡热插拔，可以扩展256GB内存，P10后置两颗摄像头是2000万黑白+1200万彩色，F2.2光圈，徕卡镜头，支持OIS光学防抖，自动对焦。前置摄像头800万像素，F1.9光圈，固定焦距。支持NFC、电池容量3200mAh，续航时间也长，支持华为超级快充，关键是它有LTE四天线和WIFI双天线，上网会更快。很不错的一款手机。</t>
  </si>
  <si>
    <t>打字赚钱是真的吗</t>
  </si>
  <si>
    <t>打字赚钱是个很老套的骗局了，搜网上打字赚钱第一篇就是新华网的揭露文章。</t>
  </si>
  <si>
    <t>一般基本是假的，这世上那来那么多的打字</t>
  </si>
  <si>
    <t>有真的,但是提成很低,而且浪费时间和精力</t>
  </si>
  <si>
    <t>赵薇有没有被马云搞过</t>
  </si>
  <si>
    <t>司法冻结银行卡严重吗</t>
  </si>
  <si>
    <t>处于诉讼阶段。</t>
  </si>
  <si>
    <t>小米5c好用吗</t>
  </si>
  <si>
    <t>车辆年检过期要罚款吗</t>
  </si>
  <si>
    <t>2、车辆不年检会被扣车并罚款，对于未参加年审的车辆，民警可以根据《道路交通安全法》规定，给予驾驶人200元罚款并记3分的处罚，还要暂扣车辆。</t>
  </si>
  <si>
    <t>鼻中隔偏曲不手术行吗</t>
  </si>
  <si>
    <t>这个程度已经到了必须做手术的地步了，上额窦炎，筛窦炎都是鼻中隔偏曲引起的，下一步将会出现慢性鼻炎，还有鼻中隔偏曲会随着你鼻炎的发展加重的。如果再进一步引起下鼻甲肥大，下额窦炎之类，做手术时会更痛苦。做的时候尽量去大医院，虽然收费高，但手术较彻底，这个手术做不好会把鼻子做变形的。</t>
  </si>
  <si>
    <t>一个身份证只能开一个淘宝店铺吗</t>
  </si>
  <si>
    <t>只能一个。</t>
  </si>
  <si>
    <t>一个身份证只能开一个店铺。</t>
  </si>
  <si>
    <t>一个身份证只能开一个店。</t>
  </si>
  <si>
    <t>百度软件中心的软件安全吗</t>
  </si>
  <si>
    <t>不动产证有使用年限吗</t>
  </si>
  <si>
    <t>房屋所有权本身不存在期限问题。《不动产权证书》上的“使用期限”是指土地使用权和海域使用权的期限。</t>
  </si>
  <si>
    <t>不动产证包括房屋所有权证和土地使用权证，其中房屋所有权是永久的，土地使用权是有偿、有期限的。</t>
  </si>
  <si>
    <t>老是拉肚子会不是癌症</t>
  </si>
  <si>
    <t>长时间会引起的。</t>
  </si>
  <si>
    <t>爱钱进理财安全可靠吗</t>
  </si>
  <si>
    <t>爱钱进是目前中国最大最安全的理财平台之一。</t>
  </si>
  <si>
    <t>c919安全吗</t>
  </si>
  <si>
    <t>安全有所保证。</t>
  </si>
  <si>
    <t>复员军人补贴是真的吗</t>
  </si>
  <si>
    <t>补贴的事没听说。军龄视作工龄2009始实施。</t>
  </si>
  <si>
    <t>买哈弗h6你后悔了吗</t>
  </si>
  <si>
    <t>脸上的痣可以去掉吗</t>
  </si>
  <si>
    <t>上正规的美容院是可以的，但不要随便乱点痣，特别不要轻信马路旁那些非法行医、卖假药的，用他们个人配制的药水点痣，常造成不良后果。有的人痣虽然点掉了，但却会留下更打的伤疤，有时候还有致癌的可能。所以不要随便乱点痣。</t>
  </si>
  <si>
    <t>脸上的痣是可以去掉的。有到正规的整形机构检查是属于什么痣吗？因为痣的类型有很多种，不同的痣需要不同的去痣方法，现目前比较安全有效的是激光去痣。</t>
  </si>
  <si>
    <t>脸上长痣可以去掉，去正规医院做激光手术祛痣。</t>
  </si>
  <si>
    <t>飞机上能用ipad吗</t>
  </si>
  <si>
    <t>开飞行模式就可以了，只是可以使用不联网的软件。</t>
  </si>
  <si>
    <t>可以用，建议把wifi功能和蜂窝移动网络关闭，避免对飞机的导航系统等有影响。</t>
  </si>
  <si>
    <t>余额宝转入银行卡要手续费吗</t>
  </si>
  <si>
    <t>自2016年10月12日起，支付宝将对个人用户超出免费额度的提现收取0.1%的服务费，个人用户每人累计享有2万元基础免费提现额度。在用完基础免费额度后，用户可以使用蚂蚁积分兑换更多免费提现额度。支付宝的提现涉及“提现到本人银行卡”和“转账到他人银行卡”两个功能。按照调整后的规则，支付宝也对超出免费额度的部分按提现金额的0.1%收取服务费，单笔服务费不到0.1元的则按照0.1元收取。</t>
  </si>
  <si>
    <t>提现和转账是两个概念，余额宝里边的钱转到绑定的银行卡上，叫做提现，提现是没有手续费的，余额宝里边的钱，转到没有绑定的银行卡上，给他人的银行卡上叫做转账，每个支付宝账户有2万元的免费转账额度，转账累计超过2万元以上开始收0.1%的手续费。</t>
  </si>
  <si>
    <t>超过1000元之后，是需要手续费的。</t>
  </si>
  <si>
    <t>松本润结婚了吗</t>
  </si>
  <si>
    <t>10.3.1可以越狱吗</t>
  </si>
  <si>
    <t>李白凤求凰会绝版吗</t>
  </si>
  <si>
    <t>会，因为是限定皮肤。</t>
  </si>
  <si>
    <t>儿童节家长放假吗</t>
  </si>
  <si>
    <t>六一儿童节家长不放假的。</t>
  </si>
  <si>
    <t>规定六一节14周岁以下的儿童放一天假。</t>
  </si>
  <si>
    <t>在北京买车可以回老家挂牌吗</t>
  </si>
  <si>
    <t>外地户口是可以在北京购车，到外地上牌使用的。</t>
  </si>
  <si>
    <t>自考2017改革是真的吗</t>
  </si>
  <si>
    <t>微信记录能查到吗</t>
  </si>
  <si>
    <t>1、你自己本地的记录删除后就没有了；2、你可以到给对方发送的手机那里获取记录；3、联系微信客服，微信后台存在微信记录，但是比较麻烦。</t>
  </si>
  <si>
    <t>微信聊天记录删除后可以在微信好友的聊天信息里可以查找聊天记录。1、在微信好友聊天框的右上角点击头像标识；2、打开“聊天信息”选择（查找聊天记录）；3、选择日期查找或在搜索框中搜索聊天记录的关键是词查找聊天记录。</t>
  </si>
  <si>
    <t>微信在使用过程中丢失数据可以使用天盾微信聊天记录恢复软件恢复微信聊天记录:打开天盾微信聊天记录恢复软件。1.首先，设置微信版本为“**版本微信”。（安卓版或苹果版）；2.然后，数据目录选择刚才导出时所保存的文件夹，再点击“读取数据”按钮；3.界面将会显示该手机上所有登陆过的微信号码，最后选择一个想恢复聊天记录的微信号后点击“查看记录”按钮‘’；4.弹出的新窗口上将会显示该微信号所有的微信好友及所有的聊天记录，但此时显示出来的只是未删除的聊天记录。接下来，先点击“扫描删除聊天记录”，然后点击“确定”‘’；5.请耐心等待扫描恢复即可，恢复完毕，点击“确认”。显示成功恢复了xx条已删除的微信聊天记录。</t>
  </si>
  <si>
    <t>健康猫上东西是真的吗</t>
  </si>
  <si>
    <t>产品质量非常好，都是有保障的。</t>
  </si>
  <si>
    <t>有纹身能考公务员吗</t>
  </si>
  <si>
    <t>公安岗位不能有纹身。其他岗位完全可以。</t>
  </si>
  <si>
    <t>学校办的社保卡 上班后可以用吗</t>
  </si>
  <si>
    <t>隆鼻好吗</t>
  </si>
  <si>
    <t>可以，现在隆鼻可以选择注射隆鼻和假体隆鼻，注射隆鼻适合鼻部基础较好的人群，假体隆鼻适合鼻部需要大幅度改动的人群，米兰柏羽的晶钻隆鼻，不怕揉捏，也不会出现鼻歪，鼻晃的情况，真实。</t>
  </si>
  <si>
    <t>公证员是公务员吗</t>
  </si>
  <si>
    <t>长久以来公证员都是被划为公务员一类的。因为过去是公务员身份。</t>
  </si>
  <si>
    <t>公证员不属于公务员，现在发达地区的公证处有中介机构性质，也有事业编制的。</t>
  </si>
  <si>
    <t>公证处的工作人员不是国家公务员，属于事业单位，归各级司法局管辖。公证处是自收自支单位。</t>
  </si>
  <si>
    <t>52麻将作弊器是真的吗</t>
  </si>
  <si>
    <t>是真的好用，但轻易别用，一旦被别人发现揭穿就彻彻底底完蛋了。</t>
  </si>
  <si>
    <t>不要相信那些万能的，做过程序机，别被骗了</t>
  </si>
  <si>
    <t>灰与幻想第二季有吗</t>
  </si>
  <si>
    <t>没有，感觉以后都没有。</t>
  </si>
  <si>
    <t>男生第一次给谁重要嘛</t>
  </si>
  <si>
    <t>看自己的价值观，男女都重要。看自己价值观。要是觉的无所谓，那就没什么重要的。</t>
  </si>
  <si>
    <t>领证前需要婚检吗</t>
  </si>
  <si>
    <t>婚检现在是自愿的，可以做也可以不做，不是强制性的，但为了双方的健康以及优生，专家建议结婚登记前还是婚检一下好</t>
  </si>
  <si>
    <t>新《婚姻法》规定婚检可做可不做的，全凭自愿的。如果自己觉得需要婚检的话需要先进行婚检，然后再去民政局领证</t>
  </si>
  <si>
    <t>英国脱欧了吗</t>
  </si>
  <si>
    <t>脱欧并不是一朝一夕的事，因为在经济、政治，还有其他方面英国和欧盟之间都有很多牵扯，只能说公投结果表明，英国脱欧已成定局，但具体会怎么做就不知道了。</t>
  </si>
  <si>
    <t>根据BBC报道，退欧选票占比51.9%，约有1741万人支持退欧，留欧选票占比48.1%，约有1614万人选择留欧。英国将不再保留维持了43年的欧盟成员国身份，这一公投结果也使英国成为历史上第一个退出欧盟的国家。</t>
  </si>
  <si>
    <t>通刷pos机安全吗</t>
  </si>
  <si>
    <t>通刷手机POS是福建国通星驿的，国通星驿持有国家支付牌照，可以说是安全的，但是通刷跳商户，违反国家对于POS实名制一机一码一商户的要求，不建议使用。</t>
  </si>
  <si>
    <t>通刷骗人的，不要用。</t>
  </si>
  <si>
    <t>去中国人民银行看看他们公司有没有没支付牌照，如果没有，就不安全。</t>
  </si>
  <si>
    <t>嘉兴限购吗</t>
  </si>
  <si>
    <t>市区已经限购了，仅限市区。</t>
  </si>
  <si>
    <t>嘉兴两区目前外地人限购只允许购买一套。</t>
  </si>
  <si>
    <t>不限购。</t>
  </si>
  <si>
    <t>光明大陆pc端和ios互通吗</t>
  </si>
  <si>
    <t>互通。</t>
  </si>
  <si>
    <t>平板支撑能练出腹肌吗</t>
  </si>
  <si>
    <t>平板支撑可以有效的锻炼腹横肌。</t>
  </si>
  <si>
    <t>如果本身体脂不高，通过平板支撑是可以练出肌肉线条的。</t>
  </si>
  <si>
    <t>免钉胶真的很牢固吗</t>
  </si>
  <si>
    <t>免钉胶在用途和性能上是完全可以替代钉子，并且超越钉子的，非常牢固。</t>
  </si>
  <si>
    <t>蕉下小黑伞能遮雨吗</t>
  </si>
  <si>
    <t>可以的，晴雨两用。</t>
  </si>
  <si>
    <t>可以，但最好不要用来遮雨，雨水腐蚀肯定会影响太阳伞防晒效果。</t>
  </si>
  <si>
    <t>有真鬼吗</t>
  </si>
  <si>
    <t>没有，千万不要相信这个东西，根本没有任何科学依据，都是某些人为了炒作，才整出来的。相信它，百害而无一利，新时代的人应该以科学知识武装自己的头脑，做一个无神论者。</t>
  </si>
  <si>
    <t>根据英国科学家超自然现象展开大的规模科学调查，世界上并没有鬼和超自然现象，但他们也并不都是人们凭空幻想出来的，而是环境造成的。</t>
  </si>
  <si>
    <t>有鬼，可以肯定的这样说，因为天地造万物万物都有“灵性”。</t>
  </si>
  <si>
    <t>autodesk desktop app能卸载吗</t>
  </si>
  <si>
    <t>在安装AutoCAD 或者autodesk 3Dmax时，Autodesk ReCap软件会随着一起安装，但一般用不上，所以可以卸载它。</t>
  </si>
  <si>
    <t>冰箱有必要买变频的吗</t>
  </si>
  <si>
    <t>由于制冷量可调节，使得冰箱的制冷量可以与冰箱的负载良好地匹配，在一定程度上满足了用户的需求，压缩机可以根据冰箱冷藏室或冷冻室的需要改变转速，通过5摄氏度、0摄氏度等温控点的转速调节，使食品温度冲击变小，减少食品水分流失，大大节省了能源，避免无谓的能量消耗；当冰箱所需制冷量较小时，压缩机可以低速运转，减少冰箱的启动次数。普通的冰箱无法做到让制冷量与冰箱内的食物多少进行主动调节，用电量多。</t>
  </si>
  <si>
    <t>没有必要，使用起来没有太大的区别。性价比不高， 买普通冰箱省下的钱够一台冰箱运行10到20年。</t>
  </si>
  <si>
    <t>食用油过期了还可以吃吗</t>
  </si>
  <si>
    <t>对于过期油脂或混浊、沉淀或有哈喇味的食用油不得食用。</t>
  </si>
  <si>
    <t>食用过期食用油对人体产生危害。</t>
  </si>
  <si>
    <t>苏州达内招聘是真的吗</t>
  </si>
  <si>
    <t>不是，是让人去上课的。</t>
  </si>
  <si>
    <t>达内招聘很正规，是公司发展需要。</t>
  </si>
  <si>
    <t>微信朋友圈部分可见别人知道吗</t>
  </si>
  <si>
    <t>不知道。</t>
  </si>
  <si>
    <t>芦荟胶过期了还能用吗</t>
  </si>
  <si>
    <t>过期不能用，会对皮肤产生刺激，导致过敏。</t>
  </si>
  <si>
    <t>如果刚过期后的芦荟胶没有明显的质变，可以在一周内使用。</t>
  </si>
  <si>
    <t>川崎病好治吗</t>
  </si>
  <si>
    <t>川崎氏症通常是可以治愈的，大多数患川崎病孩子都会疾痊愈而没有遗留下严重的问题。</t>
  </si>
  <si>
    <t>川崎病为自限性疾病，多数预后良好。</t>
  </si>
  <si>
    <t>川崎病可以治愈的，川崎病主要发生在婴幼儿,是属于全身性血管炎.川崎病为自限性疾病,多数预后良好.所以是可以治愈的。</t>
  </si>
  <si>
    <t>痛风能吃玉米吗</t>
  </si>
  <si>
    <t>痛风可以吃玉米。</t>
  </si>
  <si>
    <t>尽量少吃或者不要吃。</t>
  </si>
  <si>
    <t>华夏信用卡额度高吗</t>
  </si>
  <si>
    <t>epos爱宝时是假瑞表吗</t>
  </si>
  <si>
    <t>EPOS爱宝时手表，瑞士名表。</t>
  </si>
  <si>
    <t>知网可以免费查重吗</t>
  </si>
  <si>
    <t>知网都是收费的。</t>
  </si>
  <si>
    <t>爱剪辑可以添加图片吗</t>
  </si>
  <si>
    <t>可以，方法有两种：1、在“叠加素材”面板点击“加贴图”左侧栏，在视频预览框定位到需加照片的时间点，双击视频预览框，在弹出的选择贴图对话框中，点击“添加贴图至列表”按钮即可。2、还可以用爱剪辑的“自由缩放”功能加照片。只需切换到“画面风格”面板，选择“自由缩放”，在画面风格列表右侧，给视频添加背景图，并在“缩放”处将滑杆拉到最左。</t>
  </si>
  <si>
    <t>两个女儿 好不好</t>
  </si>
  <si>
    <t>当然非常好。</t>
  </si>
  <si>
    <t>只要是自己的，男孩女孩无所谓。</t>
  </si>
  <si>
    <t>当然好，女儿贴心。</t>
  </si>
  <si>
    <t>上班途中自己摔伤算工伤吗</t>
  </si>
  <si>
    <t>在上下班途中，受到机动车事故伤害的，为工伤。</t>
  </si>
  <si>
    <t>在上下班途中，受到非本人主要责任的交通事故或者城市轨道交通、客运轮渡、火车事故伤害的，认定为工伤。</t>
  </si>
  <si>
    <t>在上下班途中在合理时间、路线上发生的，且非本人主要责任的交通事故是工伤。</t>
  </si>
  <si>
    <t>公司监事有风险吗</t>
  </si>
  <si>
    <t>监管不力的风险。</t>
  </si>
  <si>
    <t>仅监督职责,无经济、刑事责任。</t>
  </si>
  <si>
    <t>阴毛能剪吗</t>
  </si>
  <si>
    <t>可以剪掉，其实剪掉阴毛既有好处又有坏处，好处是能保持阴部的清洁，坏处是不能在保护阴囊了，增大了内裤和阴部的摩擦。外国人那不是剪得的，是外国人不长。如果想要剪掉建议用男性刮胡刀就可以，就和男性刮胡子一样。</t>
  </si>
  <si>
    <t>从医学健康的角度看,剃掉阴毛是有利于健康的.在人类还没有用衣服装饰自己的原始时代，阴毛起到保卫阴道，避免异物、病菌的侵入和维护卫生的防护功能。在性生活中，阴毛的主要作用是减少性交时的互相摩擦，避免凸起的阴阜受到损伤。其实，在男女性交中，男性的阴毛已足够达到减少性交时的互相摩擦，避免阴阜的损伤的作用。在现代社会，浓密的阴毛对外阴的遮盖，使外阴始终处在温热、潮湿环境，成了霉菌、滴虫、阴虱及多种致病菌的衍生场所，很不利于外阴的卫生。所以,从健康的角度说,应该及时的修剃阴毛.西方女性有剃去阴毛的习俗，女孩子从小就得到包括需剃去阴毛在内的性教育知识。浴室里都备有剃须刀，浴后都要刮一次阴毛。没有阴毛的外阴干净、凉爽，大大减少下生殖道感染的机会。就同一些民族小男孩从小就要切去过长的包皮，龟头干净了，感染、阴茎癌也几乎没有了一样，是一种卫生、健康的选择。华裔女性或从小移居欧美的女性，也同样在卫生间备有剃须刀，有每天剃去阴毛的习惯，她们认为剃了阴毛后外阴干净、清凉，同时时尚流行，有利健康，从来没有外阴搔痒等感染现象。国内女人历来没有剃阴毛的行为，尤其那些阴毛浓密、丰厚者，再加上封闭式的穿着习惯，使阴部潮湿、闷热、洗不干净，非常适合霉菌及多种致病菌的生长、繁殖而导致下生殖道感染，进一步导致不孕症，也是子宫颈癌多发的原因之一。知道了剃掉阴毛的好处,但我们还是要照顾到中国的国情.在国内,除因医学治疗时需要剃去阴毛时.很少有人有这样的习惯.这大多是人们的习惯心理和随众心理.</t>
  </si>
  <si>
    <t>私处体毛还是不要全部剃光为好。剃了之后，还是会每天都生出新的体毛。2个人温存的时候很可能会因为剃了以后刚长出来的毛摩擦女性的皮肤，让女性感觉不舒服。所以建议男性还是不要剔除私处的阴毛。阴毛并不是毫无用处，而是为保护我们的身体而长出来的，阴毛能够吸收f这些部位分泌出来的汗和粘液，向周围发散，有利于身体健康。在性生活时，它还能起到增加外生殖器处摩擦所引起的快感作用。此外，阴毛还有保暖的作用，保护精子卵子正常生存温度。阴毛的作用除了是性征，亦可在性行为时减低急速移动产生的摩擦和痛楚，另外，人体阴部汗腺管较为粗大且丰富，出汗量多，加上部位隐蔽，容易发生透气不良，阴毛的存在，可以起到“通风换气”的作用。</t>
  </si>
  <si>
    <t>a9破解可以更新系统吗</t>
  </si>
  <si>
    <t>手机/平板电脑获得ROOT权限后无法自行升级，需要到附近的三星服务中心重新写入最新系统升级。</t>
  </si>
  <si>
    <t>异形契约国内能上映吗</t>
  </si>
  <si>
    <t>上映日期: 2017-08-04。</t>
  </si>
  <si>
    <t>学堂在线证书有用吗</t>
  </si>
  <si>
    <t>对考研并没有硬性作用，可证明素质，面试可能是加分项。</t>
  </si>
  <si>
    <t>各个大学举办的远程教育，学历国家承认的。</t>
  </si>
  <si>
    <t>学堂在线课程属于大学慕课开放课程，不同于国家的学历教育，不为国家承认的学历教育，只是说明参加了相关课程的培训，可作为就业的参考。</t>
  </si>
  <si>
    <t>柴荣不死赵匡胤敢反吗</t>
  </si>
  <si>
    <t>是不可能反的。</t>
  </si>
  <si>
    <t>要是柴荣不死，赵匡胤是没戏的。</t>
  </si>
  <si>
    <t>日间行车灯能关闭吗</t>
  </si>
  <si>
    <t>上车以后把钥匙插入但不要旋转，接下来把转向拉杆往上搂住（此时远光灯亮）同时向左打转向不要松手，把钥匙旋转两个卡，让车仪表通电这时听到嘟嘟报警音后，松开转向拉杆你的日行灯就已经关闭了。</t>
  </si>
  <si>
    <t>这个应该是关不了的，在高档车中才配置的功能，是安全方面的，一般不会关闭</t>
  </si>
  <si>
    <t>方法一：09更改编码：bit15组64改为24，此种方法将日间行车灯永久关闭。方法二：对于带多功能方向盘的1.4T车型bit15组64改为E4，更改完成后，由多功能仪表车灯与视野选择开启或关闭日间行车灯。</t>
  </si>
  <si>
    <t>2018学历改革是真的吗</t>
  </si>
  <si>
    <t>京东买苹果手机靠谱吗</t>
  </si>
  <si>
    <t>只要是京东自营的就可靠，你可以根据配送方是否是京东配送就行。</t>
  </si>
  <si>
    <t>京东商城的一般都是正品，可以去购买。</t>
  </si>
  <si>
    <t>京东都是正品，但是价格普遍比淘宝贵，而且京东都是行货没有水货。</t>
  </si>
  <si>
    <t>桃子与西瓜能一起吃吗</t>
  </si>
  <si>
    <t>虽不是相克食物，但是一起吃不太好。</t>
  </si>
  <si>
    <t>是能够一起吃的不会吃产生剧毒。</t>
  </si>
  <si>
    <t>不可以一起吃，会中毒，上次新闻都报道过了。</t>
  </si>
  <si>
    <t>lol灵活组排有框吗</t>
  </si>
  <si>
    <t>白银以上才会给边框</t>
  </si>
  <si>
    <t>都会给的 给框看你段位最高的那个</t>
  </si>
  <si>
    <t>不管你在这单双排还是灵活组排只要你打到相应的段位都能领取应有的框框和赛季奖励</t>
  </si>
  <si>
    <t>傲世三国2到底有没有</t>
  </si>
  <si>
    <t>傲世三国2没有出。</t>
  </si>
  <si>
    <t>宾卡达手表是杂牌吗</t>
  </si>
  <si>
    <t>国产的山寨杂牌手表。</t>
  </si>
  <si>
    <t>癫痫病能否根治</t>
  </si>
  <si>
    <t>癫痫病通过正确的治疗，大多数癫痫患者是可以治愈的。</t>
  </si>
  <si>
    <t>云南下雨影响旅游吗</t>
  </si>
  <si>
    <t>没有多大影响的，一般下雨不会超过半天，有时候还会下太阳雨，很快就下完了，香格里拉普达措国家公园下雨更好看，朦朦胧胧的宛如仙境。</t>
  </si>
  <si>
    <t>可以去，如果觉得雨景也不错，就完全没有问题。有些人觉得下雨不方便。如果不介意，就没关系。</t>
  </si>
  <si>
    <t>不影响。下雨大多是阵雨，强对流天气，下得大但一阵就停了。</t>
  </si>
  <si>
    <t>乙肝会传染吗</t>
  </si>
  <si>
    <t>大多数情况应该会传染，严重的连呼出的气体都会传染。</t>
  </si>
  <si>
    <t>性乙肝会传染，但是一般情况不会传染。</t>
  </si>
  <si>
    <t>被自己家的狗咬了需要打针吗</t>
  </si>
  <si>
    <t>没伤口的话，没必要，出血才会感染病毒，多用肥皂水洗洗就好了，打针没必要。</t>
  </si>
  <si>
    <t>当然，要打狂犬育苗，因为狗的潜伏期是二十年，要是现在忽略了，以后可能会成为大麻烦。</t>
  </si>
  <si>
    <t>当然要打针了，这个狂犬病可不会因为狗是你养的就放过你。</t>
  </si>
  <si>
    <t>金鸡湖喷泉2017开放吗</t>
  </si>
  <si>
    <t>苏州金鸡湖音乐喷泉在2014年6月1日起已永久停止开放了。</t>
  </si>
  <si>
    <t>博为峰培训靠谱吗</t>
  </si>
  <si>
    <t>借着招聘的名义招生，为了赚学费。</t>
  </si>
  <si>
    <t>博为峰至今培训了2万多名学员，包就业，就业率达99%。</t>
  </si>
  <si>
    <t>全民彩票是正规的吗</t>
  </si>
  <si>
    <t>是最好的平台，安全有保障。</t>
  </si>
  <si>
    <t>商服用地可以建住宅吗</t>
  </si>
  <si>
    <t>立项已经给定死了，只能建商业，不能建住宅。除非到当地规划局更改立项，重新规划。</t>
  </si>
  <si>
    <t>原则上是可以的。</t>
  </si>
  <si>
    <t>可以，只要规划局批准按住宅那样建设，房产登记那边允许划分单元分割出售。但是拿得的房产证是商业房产，不是住宅，交易按商业房产缴纳税费，而且到期需要按商业用地再补缴地价，只有40年期限。不能按住宅用地那样70年到期自动延期。</t>
  </si>
  <si>
    <t>港澳通行证可以异地办理吗</t>
  </si>
  <si>
    <t>符合条件的前提下，当事人可以在异地居住地申请领取港澳通行证。</t>
  </si>
  <si>
    <t>首次办理港澳通行证不可以异地办理，必须带身份证户口本和照片到户籍所在地县级公安局出入境接待大厅办理。</t>
  </si>
  <si>
    <t>炔丙菊酯对婴儿有害吗</t>
  </si>
  <si>
    <t>如果使用的是有明火的蚊香，那就不可以给婴儿使用，因为那种蚊香燃烧时会产生微小的碳颗粒，吸入肺中后容易致癌而且伤害婴儿的肺功能。电蚊香不用担心这些问题。</t>
  </si>
  <si>
    <t>说不准，最好买个蚊帐罩起来会比较安全。</t>
  </si>
  <si>
    <t>狼人杀有电脑版吗</t>
  </si>
  <si>
    <t>暂时无法在电脑上玩。</t>
  </si>
  <si>
    <t>网页端有，客户端也有。</t>
  </si>
  <si>
    <t>在网页上搜索狼人游戏就是电脑版了。</t>
  </si>
  <si>
    <t>a.i.channel是真的ai吗</t>
  </si>
  <si>
    <t>不是。是声优在扮演一个“设定上是AI”的角色，剧本都是写好的。</t>
  </si>
  <si>
    <t>hr会调查以前的薪水吗</t>
  </si>
  <si>
    <t>1、要看原来公司的HR负责人是否专业了，一般薪资对外是保密的（主要是防止竞争对手知道），所以外单位HR去做电话背景调查时，HR从职业道德规范讲，是不可以告知对方原雇员的工资相关信息的。2、报的原工资标准只是新工作工资标准的一个参考，应聘的企业给多少工资还是要看在面试中的表现和该公司对该职位的工资标准范围的，报多少对将来能拿多少的影响并不大，报的工资和在该职位的正常市场价范围内就不会有人怀疑，只有在面试中表现出来的水平与报的工资标准严重不符时才会有人怀疑。结论：如果认为原单位给的工资不符合的贡献和能力的话，只管报认为应拿的工资水平，不会有问题的。</t>
  </si>
  <si>
    <t>如果是岗位相同的情况下，会参考的。所以通常会让你填写期望薪金。建议：面试前，了解一下应聘企业的情况，薪酬方面需要结合个人能力和面试企业实际，参考之前企业和行业标准。敢于要求高薪也是一种自信的表现。</t>
  </si>
  <si>
    <t>有的单位会。</t>
  </si>
  <si>
    <t>短信骚扰可以报警吗</t>
  </si>
  <si>
    <t>这要看短信的内容和性质，如果不能杜绝应该选择报警，只要骚扰短信严重的影响到了正常生活，内容又有涉及到隐私.恐吓.污蔑.诈骗.等等这些就完全可以报案，所以尽量完整多的保留收集相关证据是非常有必要的，比如短信内容.电话的通讯清单或通话录音什么的越多越好，另外是什么人出于什么原因，为了什么目地发骚扰短信的，也有必要搞清楚。</t>
  </si>
  <si>
    <t>可以报警但是抓人比较麻烦不一定找的到，如果是智能手机，建议装个软件会自动过滤掉，不想收的短信电话。</t>
  </si>
  <si>
    <t>对方经常通过电话发送恐吓信息，已经触犯法律，报警是会受理的。</t>
  </si>
  <si>
    <t>遇见王沥川好看吗</t>
  </si>
  <si>
    <t>还是可以的，很多人喜欢看。</t>
  </si>
  <si>
    <t>还是很好看。</t>
  </si>
  <si>
    <t>东北亚商所是正规的吗</t>
  </si>
  <si>
    <t>东北亚交易所是正规的交易所。</t>
  </si>
  <si>
    <t>东北亚现货商品交易所（以下简称“东商所”）是经国家工商总局核准、大连市人民政府批准、并通过国家部际联席会议验收的现货商品交易所。</t>
  </si>
  <si>
    <t>孕妇可以吃冰淇淋吗</t>
  </si>
  <si>
    <t>可以，但是要适量，不能多吃，不能总吃。</t>
  </si>
  <si>
    <t>吃伟哥对身体有害吗?</t>
  </si>
  <si>
    <t>吃伟哥本身没什么害处。</t>
  </si>
  <si>
    <t>如果正确的认识和服用不会有副作用和依赖性的。</t>
  </si>
  <si>
    <t>因伟哥是外源性药物，长期服用可产生药物依赖性，甚至形成永久性阳痿，也可以影响男性的生育生殖能力。</t>
  </si>
  <si>
    <t>电子围栏能电死人吗</t>
  </si>
  <si>
    <t>高压电网：由于高压、大电流，所以能量大，作用于入侵者，极易导致入侵者伤残和死亡；而电子围栏：虽然是高压脉冲，但是由于电流小、作用时间短，所以能量少，不会对人体构成伤害，仅有电击感。</t>
  </si>
  <si>
    <t>一般不会，使用直流高压，最高不超过1000V,电压极大，电流极小，除非被电的人有其他疾病，有可能会诱发导致那么严重的。</t>
  </si>
  <si>
    <t>电子围栏在技术上是用高电压低电流，电流相当于一只10瓦的灯泡，对人、动物等有生命的是没有伤害的，人体只是感觉到麻一下。</t>
  </si>
  <si>
    <t>京东整机靠谱吗</t>
  </si>
  <si>
    <t>一般情况自营的还是靠谱的。</t>
  </si>
  <si>
    <t>假货横行是众所周知的。</t>
  </si>
  <si>
    <t>中国共产主义青年团是中国共产党员领导的</t>
  </si>
  <si>
    <t>中国共产主义青年团是中国共产党员领导的先进青年的群众组织。</t>
  </si>
  <si>
    <t>摘要算论文字数吗</t>
  </si>
  <si>
    <t>一般是算的，但是摘要不需要太长，一段即可。</t>
  </si>
  <si>
    <t>肺大泡能自愈吗</t>
  </si>
  <si>
    <t>不能自愈。</t>
  </si>
  <si>
    <t>三亚夏天热吗</t>
  </si>
  <si>
    <t>三亚纬度低，靠近赤道，一年不冷属于正常！至于夏天，单纯说温度倒也不是很高，倒是在太阳下会感觉很热，而且十分潮湿，所以粘糊糊的会很难受！所以来三亚最好在冬天，相对干燥，不是很热，而且一般不会有台风！</t>
  </si>
  <si>
    <t>三亚夏天非常湿热，白天市区温度接近40度，郊区温度38度，夜间32度左右。</t>
  </si>
  <si>
    <t>甲状腺肿大能治愈吗</t>
  </si>
  <si>
    <t>甲状腺肿大是一种很常见的自身免疫性甲状腺疾病，虽然它是一个难治的、易复发的疾病，但它不是不治之症。</t>
  </si>
  <si>
    <t>甲状腺肿大是很常见的甲状腺疾病，是可以治好的。</t>
  </si>
  <si>
    <t>对于多数单纯性甲状腺肿患者，不论是弥漫性还是结节性，可以不需任何特殊治疗。具体你可以先做个检查。</t>
  </si>
  <si>
    <t>庞贝末日是真实的吗</t>
  </si>
  <si>
    <t>《庞贝末日》真实故事发生在古罗马时代，庞贝城位于意大利坎帕尼亚平原的边缘，公元前8世纪建城，公元前5世纪起属于萨莫诺人。</t>
  </si>
  <si>
    <t>体脂秤准吗</t>
  </si>
  <si>
    <t>是否准确取决于样本模型、样本数量、测量姿势三点。</t>
  </si>
  <si>
    <t>有误差，但不大，不影响日常参考使用。</t>
  </si>
  <si>
    <t>准，算法在不断优化，未来会越来越准。</t>
  </si>
  <si>
    <t>38.3度算发烧吗</t>
  </si>
  <si>
    <t>38°已经发烧了。</t>
  </si>
  <si>
    <t>算发热不算高烧。</t>
  </si>
  <si>
    <t>小米5c有指纹解锁吗</t>
  </si>
  <si>
    <t>有指纹解锁。</t>
  </si>
  <si>
    <t>2017端午节免过路费吗</t>
  </si>
  <si>
    <t>不会，没有免过路费。</t>
  </si>
  <si>
    <t>猫脸老太太真有此事吗</t>
  </si>
  <si>
    <t>是哈尔滨著名的猫人传说，这个事情真实度并不是很高。</t>
  </si>
  <si>
    <t>曾经发生过这个可以说是异闻的事确有发生。</t>
  </si>
  <si>
    <t>百香果可以冷藏</t>
  </si>
  <si>
    <t>放入冰箱中，新鲜的百香果可以存放一个礼拜左右。</t>
  </si>
  <si>
    <t>可以的，将百香果用保鲜膜一个个包好后放在冰箱的冷藏室储存。</t>
  </si>
  <si>
    <t>温度差不多的话可以一个月左右。</t>
  </si>
  <si>
    <t>牛奶鸡蛋羹有毒吗</t>
  </si>
  <si>
    <t>没毒。</t>
  </si>
  <si>
    <t>晚上睡前吃葡萄干会失眠吗</t>
  </si>
  <si>
    <t>吃葡萄干并不会失眠</t>
  </si>
  <si>
    <t>吃葡萄干会使大脑兴奋</t>
  </si>
  <si>
    <t>居民户口是农村户口吗</t>
  </si>
  <si>
    <t>如果户籍地址是城镇，就是城镇户口，如果户籍地址是农村，还是农村户口。</t>
  </si>
  <si>
    <t>干冰能吃吗</t>
  </si>
  <si>
    <t>干冰是二氧化碳的固态物，温度为摄氏度零下78.9度，成分跟汽水中的碳酸是一样的，所以加到饮料中是可以喝的。放于嘴巴中会因为极低的温度导致严重冻伤。</t>
  </si>
  <si>
    <t>及其微量的干冰进入人体使人感到凉爽；但量一旦多了就会是人体温过低，同时发生窒息，并冻坏人体食道。</t>
  </si>
  <si>
    <t>梅毒试纸可靠吗</t>
  </si>
  <si>
    <t>梅毒试纸的可信度不高。</t>
  </si>
  <si>
    <t>自己检测的话会有误差，因为需要血清提取。</t>
  </si>
  <si>
    <t>小牛钱罐子安全吗</t>
  </si>
  <si>
    <t>这是小牛资本集团开发的，收益挺高，公司挺可靠。</t>
  </si>
  <si>
    <t>一般本金不会出现问题，收益上下浮动，收益高相对于风险也高，收益低相对于风险低，还需要仔细了解金融产品和相关投资风险，充分考虑自身风险承受能力。</t>
  </si>
  <si>
    <t>癫痫能去根吗</t>
  </si>
  <si>
    <t>癫痫是一种慢性疾病，甚至是终身疾病。在我国临床上分为大发作、小发作、精神运动型发作和局限性发作四种类型。其中大发作占所有发作的80-85%.也就是说绝大部分癫痫是大发作。根据我的经验，90%的患者是可以治愈的，但是必须经过系统的治疗，疗程比较长，一般需要4-5年时间。</t>
  </si>
  <si>
    <t>王者荣耀夺宝幸运值会重置吗</t>
  </si>
  <si>
    <t>不会，但是抽到韩信以后会清零，重新开始。</t>
  </si>
  <si>
    <t>不会重置，一直累积的。</t>
  </si>
  <si>
    <t>王者荣耀点券夺宝只要你抽到荣耀水晶了，幸运值就会清空，没抽到是不会清空，钻石夺宝也一样。</t>
  </si>
  <si>
    <t>银行卡异地取款要手续费吗</t>
  </si>
  <si>
    <t>现在银行异地取款和存款需要手续费的。</t>
  </si>
  <si>
    <t>一建教材2017年更新吗</t>
  </si>
  <si>
    <t>应该会更新。</t>
  </si>
  <si>
    <t>端午节可以祝福吗</t>
  </si>
  <si>
    <t>可以的，这个期间可以把你心中想对某人所说的祝福都可展现出来。</t>
  </si>
  <si>
    <t>不建议这样说，端午节作为一个纪念日我们不建议这样问候，被用于纪念屈原的，建议用安康之类的祝福。</t>
  </si>
  <si>
    <t>毫无疑问是可以的，祝福的方式要注意。</t>
  </si>
  <si>
    <t>京东自营店是正品吗</t>
  </si>
  <si>
    <t>京东自营还是可以信赖的，如果你有不放心，可以选择货到付款，或者买到东西不称心都可以退换货的</t>
  </si>
  <si>
    <t>应该是的，反正没收到过假货</t>
  </si>
  <si>
    <t>狗狗打了狂犬疫苗后被咬会得病吗</t>
  </si>
  <si>
    <t>只要在24-48小时内注射了正规未过期的狂犬疫苗，免疫概率可以达到99。9%的。</t>
  </si>
  <si>
    <t>一般不会，疫苗的保护率为90％～95％。</t>
  </si>
  <si>
    <t>对于狂犬疫苗，是防止狗狗得狂犬病的，但不是防止人得狂犬病的。</t>
  </si>
  <si>
    <t>犬瘟能治好吗</t>
  </si>
  <si>
    <t>犬瘟热是一种常见的高度接触性的病毒性传染病，主要经呼吸道感染，是病毒引起的。致死率很高， 到了病程的中后期治疗时非常菌困难了；现在一般的采用血清抗体治疗在病程的早期有一定的效果，一旦到了病程的中后期效果就十分差；现在打血清,还有增强抵抗力的球蛋白.然后开始吃阿莫西林消炎药每隔6小时喂一次(吃阿莫西林的时间一定要按时,不能耽搁；.注意饮食,如果狗狗还不太发烧,而且饮食也正常的话就是好事.如果它能吃药的话你喂它点清开灵感冒胶囊也很好；宠商城知识团队提醒阿莫西林是唯一一个要坚持吃的药；狗狗生病期间主人需要细心呵护，对它要有信心，多鼓励它...狗狗是通人性的，只要有一口气它都会坚持的。</t>
  </si>
  <si>
    <t>小狗得了犬瘟热主要看发现及时还是缓慢，发现快的治疗会较好些，发现慢的容易引起死亡，因得这种病死亡率高。</t>
  </si>
  <si>
    <t>早期发现是有50%的几率医治好的。</t>
  </si>
  <si>
    <t>暂缓就业可以买社保吗</t>
  </si>
  <si>
    <t>是否就业，跟社保没关系，没工作也可以自己交。</t>
  </si>
  <si>
    <t>微信聊天能被监控吗</t>
  </si>
  <si>
    <t>网上可以买双色球吗</t>
  </si>
  <si>
    <t>全国所有网络彩票都被叫停了，现在如还在销售的都是非法的，就是中奖也兑不了奖，想买彩票只能去实体店，各地到处都有。</t>
  </si>
  <si>
    <t>可以在小米彩票上买。</t>
  </si>
  <si>
    <t>元宝网是合法的吗</t>
  </si>
  <si>
    <t>正规，可以去投资</t>
  </si>
  <si>
    <t>当然不合法</t>
  </si>
  <si>
    <t>牛跟狗配吗</t>
  </si>
  <si>
    <t>男牛＋女狗：这种配对会有些困难。女牛＋男狗：不太协调。</t>
  </si>
  <si>
    <t>是中等婚配。是可以的。</t>
  </si>
  <si>
    <t>属相与属相不和，为旧俗婚配所忌。</t>
  </si>
  <si>
    <t>结婚证件照要露耳朵吗</t>
  </si>
  <si>
    <t>不一定要。</t>
  </si>
  <si>
    <t>一般是必须露耳朵眉毛的。</t>
  </si>
  <si>
    <t>只要露脸就可以了。</t>
  </si>
  <si>
    <t>海陆整容了吗</t>
  </si>
  <si>
    <t>肯定了。每个演员都会整容的。</t>
  </si>
  <si>
    <t>桃子和西瓜可以一起吃吗</t>
  </si>
  <si>
    <t>可以的，放心吃吧。</t>
  </si>
  <si>
    <t>不可以吃，会中毒。</t>
  </si>
  <si>
    <t>明朝能打的过英国吗</t>
  </si>
  <si>
    <t>那时候应该可以打过，毕竟那时候大明的火器已经到了十分发达的境界，而且四分之一到三分之一的部队全是火器部队，而且，明朝闭关锁国之前贸易还是十分发达的，当时中国的军事和经济全是领先他们的，而且当年英国也没有开始工业革命，明朝肯定赢，不过中国和英国距离那么远，打是不现实，如果在那种情况还打，中国一定败，因为跑了那么远，舟车劳顿，所以，直接登录的话必败，不过根据两国家底子比的话中国要赢。</t>
  </si>
  <si>
    <t>毫无疑问的，明朝时期的火铳和火炮是世界级的，而且在朱元璋时期就已经建立了神机营，是专门的火器军队，并且明朝为了打击元朝，骑兵虽然不好，但是有一整套的对付骑兵的方法，而英国西班牙等那时候是重骑兵，完全不在话下。</t>
  </si>
  <si>
    <t>碗莲可以用沙子养吗</t>
  </si>
  <si>
    <t>不可以的，河沙几乎不含任何营养。</t>
  </si>
  <si>
    <t>不是高手不建议用沙子种植，长不好。</t>
  </si>
  <si>
    <t>伪装者好看吗</t>
  </si>
  <si>
    <t>可以称为年度好剧，很好看。</t>
  </si>
  <si>
    <t>还好，比起别的抗日电视剧会更复杂难懂一些，引人深思，很不错的电视剧。</t>
  </si>
  <si>
    <t>剧情很牵动人心，演技很好。</t>
  </si>
  <si>
    <t>繁荣外汇平台是骗局吗</t>
  </si>
  <si>
    <t>小孩流鼻血正常吗</t>
  </si>
  <si>
    <t>医认为流鼻血是由于人的气血上逆导致的。鼻属于肺窍，鼻子出现病症，一般来说，与肺和肝等部位出现异常有着很大的关系。当人的气血上升，特别是肺气较热时，人就会流鼻血。肺气过热时，人的眼底也会带血或出血。上火和流鼻血的原因是一样的，都是气血上逆导致的结果，但上火不是导致鼻子出血的原因。 当鼻腔过于干燥时，里面的毛细血管就会破裂，导致流血。从临床上来看，90%的流鼻血现象都属于血管破裂导致的血管性流血。对此，患者不用太紧张，大多数情况下可以自行处理，及时止血即可。</t>
  </si>
  <si>
    <t>好评可以删除吗</t>
  </si>
  <si>
    <t>好评是无法删除和修改的。</t>
  </si>
  <si>
    <t>征信有逾期能贷款吗</t>
  </si>
  <si>
    <t>一般，银行会根据逾期还款的次数和原因判断是否拒绝贷款。</t>
  </si>
  <si>
    <t>如果逾期在三十天内，是可以申请无抵押贷款的；如果逾期超过九十天，则有被拒贷的可能性。</t>
  </si>
  <si>
    <t>这个没关系的，可以叫银行去消掉这个记录。</t>
  </si>
  <si>
    <t>复方丹参片能降血压吗</t>
  </si>
  <si>
    <t>未见降压作用。</t>
  </si>
  <si>
    <t>具有着辅助性的降压作用。</t>
  </si>
  <si>
    <t>种牙痛苦吗</t>
  </si>
  <si>
    <t>种植过程中会打麻药的，不疼。</t>
  </si>
  <si>
    <t>种植牙齿的痛苦比拔除牙齿痛苦小，是拔牙痛苦的1/4，在整个治疗过程中，除了打麻药有些痛，其它的一点不痛，尤其是微创种植。</t>
  </si>
  <si>
    <t>win10 的winsxs可以删除吗</t>
  </si>
  <si>
    <t>1：winsxs文件夹不建议清理，因为这个文件夹比较重要，稍不注意清理下可能都会导致不好的后果。2：如果要清理的话，推荐一个软件，叫：Windows 更新清理工具</t>
  </si>
  <si>
    <t>一般不删除，WinSxS下有很多重要的组件，版本也很复杂，为了保证Windows的正常运行，需确保这些文件一个都不能少，因为如果误删某个重要文件，将导致系统出现故障。</t>
  </si>
  <si>
    <t>很肯定的告诉大家，哺乳期也会怀孕的。</t>
  </si>
  <si>
    <t>哺乳期不会怀孕的传统观念已被科学结论否定。</t>
  </si>
  <si>
    <t>生花生能治胃病吗</t>
  </si>
  <si>
    <t>吃生花生可养胃</t>
  </si>
  <si>
    <t>不能，花生不是药，没有治疗胃病功效。</t>
  </si>
  <si>
    <t>contribution可数吗</t>
  </si>
  <si>
    <t>不可数</t>
  </si>
  <si>
    <t>不签三方协议能毕业吗</t>
  </si>
  <si>
    <t>可以不签，不签三方的好处和坏处：好处：1、毕业两年之内都算应届毕业生，三方留在手里，有好工作随时都可以签。有些国企和事业单位必须要应届三方，没准哪天有机会招聘就去了，你没三方就没机会。2.你的档案毕业会转到你三方的公司或当地的人事托管。如果在外地就会跟户口所在地分离，如果考公务员、出国、结婚生子之类的需要用到办理起来有些麻烦。3、你现在是随便签的，你将来不满意的可能性相当大，还得毁约，毁约涉及违约金、解约、改派相当麻烦。4、一年之内换工作或公司倒闭的话，你的档案就不能转为干部身份，改派很麻烦，改派完了还要重新一年干部身份见习期，工龄重新计算，如果不办理时间长了就会丢失干部身份，容易形成死档，丢档。5、把户口档案放回家，用到的时候拿出来用，不用的时候一辈子别动它，会减少很多麻烦6、不签三方，把档案回原籍所在人事局托管，一年后给你转正定级，另一边你工作不涉及档案问题，随时跳槽无压力。坏处：一点没有。（除了学校没面子）关于毕业前签三方的问题，学校强行规定完全是为了提升就业率。事实上，毕业前未能签三方也要发报道证的，只要按报道证上的要求去相关地方报道，找到工作且工作一年后向报道部门申请就可以取得干部身份，不能糊里糊涂就签下了三方，弄得以后无比麻烦。 还有个主要的问题是现在的学校会将指标直接下放到辅导员，与奖金挂钩。于是在四五月份就开始频繁催促你快交三方协议了，有的同学慌了手脚就去乱签一个或者急于找挂靠，这样后续会出现一系列的麻烦：比如毁约问题，比如托管费用问题，还有以后的提档转档问题。遇到这种情况千万别慌，有的学校在你未签三方又未向它要时会故意不发，这好办，毕业办手续的时候别忘记向学校要就行；还有的是直接扣押或以毕业证学位证作为要挟，这样的话，可以向本地就业指导中心，教育主管部门或劳动主管部门投诉。</t>
  </si>
  <si>
    <t>签署协议和毕业没有联系，即使不签署，也是可以顺利毕业的。</t>
  </si>
  <si>
    <t>首先，没有签三方协议，毕业以后，要么档案委托学校保管，要么委托户口所在地的人才中心保管。因为户口一般不和档案分离。如果牵涉到落户，没有签三方协议，可能就会户口打回原籍。如果不牵涉落户，就无所谓了，只是身份由应届生变为社会人员而已。解决办法，找个熟人，私企之类的先签了，之后把档案放到人才市场，一年缴纳240元的费用。不牵涉落户，可以自己直接联系人才市场代保管。三方协议是和工龄有关的，因为签署了三方协议，就可以有派遣证，工龄从有派遣证开始算起。但是不签三方协议，工龄就要从正式开始工作算起。跟干部没有关系的。至多就是评职称的时候算工龄联系到一些。</t>
  </si>
  <si>
    <t>肾炎能治愈吗</t>
  </si>
  <si>
    <t>青少年的急性肾小球肾炎1~2月多可自愈(不必用药)。一般是不会转成慢性肾炎的。这个病可以真的康复的，以后要是有劳累或者是累不会又病的。慢性肾炎是慢性进展疾病。不能治好的。病情严重的都是长期用〝透析〞帮肾脏将尿毒排出。或者用肾移植根治。 慢性肾炎的定义是〝不能用药物治好的肾炎〞。中医〝治好〞的，可以肯定是可〝自愈〞的急性肾炎了。科学要证据，空口说白话，自吹自擂，是欺骗。</t>
  </si>
  <si>
    <t>目前临床治疗都以降蛋白降低潜血为主要目标，其实有些降低蛋白和潜血的药物却加重了病情，一旦药物暂停，指标就会反弹就是这种情况，如果想不发展成尿毒，最好的办法就是知道自己的肾炎是什么中医证型的，然后这对这个证型的慢性肾炎用治本的慢性肾炎中药，什么是治本的中药呢，就是治疗主证型的中药，慢性肾炎主要四个主证型：肝肾阴虚型、气阴两虚型、肺肾气虚型、脾肾阳虚型，如肝肾阴虚型慢性肾炎用了脾肾阳虚型慢性肾炎的中成药，指标也会下降，但其实病情却被加重了，稍一停药，指标就会反弹，而且会更严重，那是因为中成药中治标的成分让患者误以为病情好转了。所以肾炎患者要想不发展成尿毒症，一定要知道自己慢性肾炎的中医证型，然后在用药上不用或少用相反证型的治疗药物。</t>
  </si>
  <si>
    <t>肾炎如果及时发现，通过正规治疗是可以治好的。定期检查也是很必要的，定期监测用药治疗效果。患者一旦确诊为慢性肾炎，在开始阶段，不论症状轻重，都应该以休息为主积极治疗，定期观察病情变化。3 个月后可开始从事轻工作,避免较强体力劳动，预防呼吸道及尿路感染的发生，活动量应缓慢地逐渐增加,以促进体力的恢复.。存在血尿，大量蛋白尿，明显水肿或高血压者，或有进行性肾功能减退患者，均应该卧床休息，积极治疗.。 治疗方面最好选择中药进行治疗，在用药方面一定要先确定自己的分型。或者根据自己的症状来判断自己的分型，确定自己是属于什么类型的慢性肾炎，一般肾炎都是阴性型的，所占比重能达到80%以上，阴虚型的症状有失眠多梦，烦躁易怒，头晕目眩、目干、容易疲劳、五心烦热、口燥咽干、腰膝酸痛等。可以用华丹肾炎灵颗粒进行治疗，效果很理想。</t>
  </si>
  <si>
    <t>微信红包能强制取回吗</t>
  </si>
  <si>
    <t>红包无法撤回。</t>
  </si>
  <si>
    <t>没有办法收回，只能跟对方商量，让对方把领取的红包发还回来，别无他法。</t>
  </si>
  <si>
    <t>小米手环能和iphone连接吗</t>
  </si>
  <si>
    <t>可以的。小米手环兼容系统为Android 4.4 及以上版本，并支持蓝牙4.0的安卓智能手机。适配苹果：iOS 7.0 及以上版本的 iPhone 4s / 5 / 5c / 5s / 6 / 6Plus。</t>
  </si>
  <si>
    <t>1、首先你需要确认当前小米手环应用是否为最新版本2、更新到小米手环最新版本，打开应用选择要与 iPhone 健康共享数据的项目，根据需要选择。3、在系统的设置里也可以单独进行设置，先请打开屏幕上的“设置”应用4、在设置列表里找到“隐私”一栏，点进进入。5、接着在隐私列表里，点击打开“健康”栏目。6、随后即可看到“小米手环”一栏，点击进入。7、把能够选择的全都勾选上了。8、接下来我们打开屏幕上的“健康”应用，点击底部的“健康数据”栏目。9、随后我们点击“健身数据”一栏。10、在健身数据列表里，对于步数和距离，小米手环都是支持的，这里以步数为例。11、随后在频数里，就应该可以看到当前显示小米手环上记录的步数了。点击“共享数据”选项，可以查看数据的来源。12、接下来即可看到小米手环已经出现在了步数的数据源列表里，说明它可以为健康应用提供相应的数据显示。13、对于像 iPhone4s、iPhonen5、iPhone5c 这些自身没有协处理器的手机，完全就可以用小米手环来提供步数、距离、以及睡眠分析的数据监测。</t>
  </si>
  <si>
    <t>雅培金钻奶粉好吗</t>
  </si>
  <si>
    <t>这款奶粉含有OPO和α-乳白蛋白，能够促进脂肪吸收，减少宝宝便秘，还有助于宝宝睡眠。另外，它的罐身设计也是很独特，采用安心智锁罐设计，确保奶粉不受污染，更好的保存奶粉的营养。</t>
  </si>
  <si>
    <t>这个是最近新上市的一款奶粉，其配方和名字很相配，真的是钻石级别的配方。二期使用的是双贝吸配方，其中含有独特的OPO和小分子乳白蛋白，OPO能促进脂肪和钙的吸收，优质的α-乳白蛋白能让宝宝的肠道更易吸收，不易便秘，最重要的是α-乳白蛋白含有丰富的色氨酸，色氨酸是调节婴儿睡眠、情绪和食欲的重要营养素，有助于婴儿睡眠，促进大脑发育。</t>
  </si>
  <si>
    <t>这个可以试一试。而且这里含有OPO和小分子乳白蛋白，小分子蛋白，宝宝容易吸收，同时有助于调节宝宝的情绪和睡眠，减少宝宝哭闹，让宝宝更健康的生长发育，的确是个比较好的选择。</t>
  </si>
  <si>
    <t>学会plc编程工资高吗</t>
  </si>
  <si>
    <t>PLC知识面很广，类型也很多，未来自动化程度都很高，基本都会用到PLC等自动控制领域的知识，前景还是可以的，工作也好找，真正学好的月薪过万很正常。</t>
  </si>
  <si>
    <t>一线城市6千起，二三线城市4千起。这个得学会好几个品牌的PLC和变频器和软启动才能到这个数。</t>
  </si>
  <si>
    <t>抑郁症能彻底治好吗</t>
  </si>
  <si>
    <t>人真的有前世今生吗</t>
  </si>
  <si>
    <t>人真的有前世，有的人本身就是再生人转世。</t>
  </si>
  <si>
    <t>肝癌会遗传下一代吗</t>
  </si>
  <si>
    <t>肝癌是一种多基因遗传性疾病，它的发生时遗传因素和环境因素综合作用的结果。也就是说，遗传因素是基础，它决定了人体对肿瘤的易感性；环境因素是诱因，它促成了肝癌的发生。</t>
  </si>
  <si>
    <t>遗传的因素是很少的，肝癌脂肪肝有很多外在因素。</t>
  </si>
  <si>
    <t>非公开发行股票好吗</t>
  </si>
  <si>
    <t>对于流通股股东而言，非公开发行股票是利好。</t>
  </si>
  <si>
    <t>要看股票当时所处的价位及募集资金的投放。</t>
  </si>
  <si>
    <t>需要注意的是非公开发行的价格，如果价格低于市价很多，那么这笔股票在其后进入2级市场后会有强烈的获利冲动，反而会打压公司股价，变成不好。</t>
  </si>
  <si>
    <t>工伤鉴定后不辞职亏吗</t>
  </si>
  <si>
    <t>不亏。因为无论何时想离开企业，都能拿到伤残补助金。</t>
  </si>
  <si>
    <t>辞职了会有一次性医疗补助和一次性就业补助，不辞就暂时没有这两笔钱，但无论何时辞职，这两笔钱都会有。</t>
  </si>
  <si>
    <t>燕郊49800有人成功吗</t>
  </si>
  <si>
    <t>没有，这是传销组织，骗人的。</t>
  </si>
  <si>
    <t>知网收录本科生论文吗</t>
  </si>
  <si>
    <t>可以啊，优秀的本科论文也会被收入到知网里面。</t>
  </si>
  <si>
    <t>小黄车有gps定位吗</t>
  </si>
  <si>
    <t>初代小黄车没有精准定位。因为目前ofo的初代小黄车没有配备GPS定位功能及设备，所以无法提供精准定位功能。但是第二代以后就具备了，还有就是你要用手机获取解锁密码就需要手机连接移动数据。</t>
  </si>
  <si>
    <t>有的，在4月份共享单车平台ofo宣布与系统北斗导航达成战略合作，借助北斗导航，ofo更进一步优化了其电子围栏定位技术，6月7日，北京市率先利用北斗导航技术实现共享自行车精细化管理，通州电子围栏试点成功。这是国内首个进入实用阶段的电子围栏试点。而率先完成报备和数据接口调试工作的ofo小黄车，成为了首家跑通电子围栏技术的共享单车企业，而智能锁中的北斗+GPS双模定位模块可谓是功不可没。</t>
  </si>
  <si>
    <t>南通房子有投资价值吗</t>
  </si>
  <si>
    <t>现在房产形势好。</t>
  </si>
  <si>
    <t>癌症能根治吗</t>
  </si>
  <si>
    <t>一般来说早期的癌症是完全可以治愈的，到了晚期由于出现其他地方转移，要治愈比较困难，国内对于晚期的癌是没有什么特别的治疗办法，国外对于晚期癌症患者延长其生命和提高生活质量还是比国内要做得好，他们的五年生存期高于国内。具体都有些什么先进的治疗方法，可去向专业的医疗信息咨询机构询问。</t>
  </si>
  <si>
    <t>可以的，有人经历过，心态最重要，不要紧张，手术后要忌口，像糯米和韭菜，虾，螃蟹之类的不能吃，多注意点可以了。</t>
  </si>
  <si>
    <t>百香果籽可以吃吗</t>
  </si>
  <si>
    <t>百香果籽可以吃的。</t>
  </si>
  <si>
    <t>凤梨能和香蕉一起吃吗</t>
  </si>
  <si>
    <t>可以一起吃的，菠萝可以和香蕉一起榨汁喝，香蕉的甜味能帮助掩盖菠萝中部分的酸味，使其酸中带甜。</t>
  </si>
  <si>
    <t>蜂蜜过期了还能喝吗</t>
  </si>
  <si>
    <t>可以喝的。</t>
  </si>
  <si>
    <t>端午节华山的人多吗</t>
  </si>
  <si>
    <t>人多</t>
  </si>
  <si>
    <t>知网查重会不会有记录</t>
  </si>
  <si>
    <t>支付宝转错帐能追回吗</t>
  </si>
  <si>
    <t>无法退回。</t>
  </si>
  <si>
    <t>如果是空号可以退，如果不是就没办法。</t>
  </si>
  <si>
    <t>上海宝山区是穷人区吗</t>
  </si>
  <si>
    <t>两个双引号之间用顿号吗</t>
  </si>
  <si>
    <t>双引号之间无需用顿号，顿号除了表情达意的作用还有断句的作用，有了引号断句再用逗号显得多此一举。</t>
  </si>
  <si>
    <t>在标点符号使用方面，表示并列关系时，在双引号之间要不要用顿号，应该视语气的需要而定。</t>
  </si>
  <si>
    <t>要加顿号。</t>
  </si>
  <si>
    <t>康婷好做吗</t>
  </si>
  <si>
    <t>说难也难说易也很容易，难是很多朋友没有找到正确的方法，易是只要方法对了，做起来也是非常得心应手，在这个领域，只要解决两个主要问题就可以做好了</t>
  </si>
  <si>
    <t>公司还是可以，但做起来不好做。</t>
  </si>
  <si>
    <t>香蕉醋真的能减肥吗</t>
  </si>
  <si>
    <t>香蕉醋减肥有一定的效果。</t>
  </si>
  <si>
    <t>不能，还是要多运动。</t>
  </si>
  <si>
    <t>因人而异。醋和黑糖搅拌均匀，放入香蕉片，密封4小时后，喝醋吃香蕉。</t>
  </si>
  <si>
    <t>36.6度体温正常吗</t>
  </si>
  <si>
    <t>这个体温是正常的。</t>
  </si>
  <si>
    <t>三星s8双卡双待吗</t>
  </si>
  <si>
    <t>据TechRadar网站报道，三星S8或不支持双卡双待。</t>
  </si>
  <si>
    <t>来自三星方面消息称，亚洲版本会有支持双卡双待的机型。</t>
  </si>
  <si>
    <t>瘦脸果有效果吗</t>
  </si>
  <si>
    <t>觉得效果还是不错的，用了大概快40天了，看到了比较明显的变化。</t>
  </si>
  <si>
    <t>个人认为有用。运动瘦脸健康持久，使肌肤保持年轻的状态。</t>
  </si>
  <si>
    <t>该品有效果。瘦脸果是一款专注于瘦脸、同步快速瘦身的健康减肥食品；瘦脸果对于严重型肥胖者效果显著，以重建新的热量消耗和均衡机制，真正摆脱肥胖；瘦脸果以健康减肥为宗旨，所含成分均为天然草本植物萃取，同时兼顾美味，在快乐享受中减肥；瘦脸果富含各类本草植物中的有益排毒因子，能彻底排出体内的毒素和宿便，不仅让身体更加干净、健康，更能有效解决浮肿型肥胖；瘦脸果不仅能专业瘦脸，更能快速瘦身，保持身材，时刻守护您小巧玲珑大美人的形象。</t>
  </si>
  <si>
    <t>p标签是块级元素吗</t>
  </si>
  <si>
    <t>是块级元素。</t>
  </si>
  <si>
    <t>上海洗牙可以用医保卡吗</t>
  </si>
  <si>
    <t>洗牙属于美容，不能用医保报销 。</t>
  </si>
  <si>
    <t>只要是在指定的医疗机构，就可以使用。</t>
  </si>
  <si>
    <t>维生素b族片能长期吃吗</t>
  </si>
  <si>
    <t>B族维生素是水溶性的，长期服用并不容易引起体内堆积，可以长期服用。</t>
  </si>
  <si>
    <t>steam买的游戏换电脑还有吗</t>
  </si>
  <si>
    <t>首先，在你的库中是一定会有你的游戏，根据steam协议，购买的游戏后你就会得到永久使用权力。除非购买了低价区E区独联体的黑礼物或key导致游戏回收，你的游戏会与你的账号永久绑定。另外，如果下载的是免费游戏，在更换电脑以后或者卸载以后都不会在新电脑的库里显示，只需要重新下载即可，限时免费的也是如此。</t>
  </si>
  <si>
    <t>金山彩票靠谱吗</t>
  </si>
  <si>
    <t>鼻贴去黑头有用吗</t>
  </si>
  <si>
    <t>鼻上有黑头用去黑头的鼻贴有用的。</t>
  </si>
  <si>
    <t>鼻贴去黑头效果不错，鼻贴去黑头不宜过勤，一周一次就够了，因为鼻贴属于撕拉性产品，对皮肤会有点伤害，要给它时间做修整，另外，皮肤薄或敏感性皮肤最好选用其他去黑头的方式。</t>
  </si>
  <si>
    <t>父债子还有法律依据吗</t>
  </si>
  <si>
    <t>如果债权人有证据证明，债务人为逃避偿还债务而把财产转移给其他人。依据民事诉讼法，债权人可以申请冻结其子女财产。民事诉讼胜诉后可以通过银行强制划拨。同时继承法以及民法通则关于继承的规定。被继承人子女如果继承被继承人的遗产。理应要在继承范围内承担被继承人的债务。</t>
  </si>
  <si>
    <t>没有法律依据，但如果子女继承父母遗产的，在继承的财产范围内承担还款责任。</t>
  </si>
  <si>
    <t>dota2勇士令状会过期吗</t>
  </si>
  <si>
    <t>王者荣耀鲁班厉害吗</t>
  </si>
  <si>
    <t>鲁班作为射手，没有逃跑技能，容易坑队友。</t>
  </si>
  <si>
    <t>北京华中投资有限公司靠谱吗</t>
  </si>
  <si>
    <t>苏拉玛支线任务给声望吗</t>
  </si>
  <si>
    <t>1.苏拉玛主线任务 2.苏拉玛地区的世界任务，单个任务50~250声望，大箱子1500声望 3.三天一次，枯法者训练场景战役（需要400+远古魔力开启）根据得分奖励声望牌子 4.苏拉玛主基地内有3个日常，每个需要交50远古魔力，奖励50声望 4.完成魔网亮闪闪。</t>
  </si>
  <si>
    <t>苏拉玛地区的大部分世界任务是属于堕夜精灵阵营的，根据难度等级奖励50~250声望，但也有部分是肯托瑞阵营的。</t>
  </si>
  <si>
    <t>pagefile.sys可以删除吗</t>
  </si>
  <si>
    <t>可以删除，这个文件是虚拟内存开启时候用的，需要关闭虚拟内存时候才能删掉。</t>
  </si>
  <si>
    <t>刷心悦会封号吗</t>
  </si>
  <si>
    <t>不会封号。</t>
  </si>
  <si>
    <t>三亚六月份雨水多吗</t>
  </si>
  <si>
    <t>6~10月雨季。</t>
  </si>
  <si>
    <t>六月份去三亚天气很好的，就五月份的天气情况来看挺好的不会经常下雨的。</t>
  </si>
  <si>
    <t>洪门现在还存在吗</t>
  </si>
  <si>
    <t>截至2016-08-13还存在。</t>
  </si>
  <si>
    <t>37度算发烧吗</t>
  </si>
  <si>
    <t>发热分度：低热 37.3~38℃，中等度热 38.1~39 ℃，高热 39.1~41 ℃，超高热 41 ℃以上。算低热表现。</t>
  </si>
  <si>
    <t>可以肯定的说，37度不算发烧的，因为医学上人体的正常体温为：口温36.3℃～37.2℃。37度正好在这个范围内，不算发烧。</t>
  </si>
  <si>
    <t>一般人37.5度以上才算发烧，但一些体弱多病的37度也算发烧。</t>
  </si>
  <si>
    <t>体温计水银能毒死人吗</t>
  </si>
  <si>
    <t>温度计中的少量水银，只要不经过肠道，只是空气中挥发的水银的量，勉强让人中毒，应该毒不死。</t>
  </si>
  <si>
    <t>要看剂量，一根体温计应该还不足以致命。</t>
  </si>
  <si>
    <t>会的，整条吞死不了，破了就会死。</t>
  </si>
  <si>
    <t>led灭蚊灯有用吗</t>
  </si>
  <si>
    <t>其实也有用的，我买过一个，第一第二天没吸到，我觉得坑，第三天开始吸了八九个，效果肯定没蚊香和其他的化学驱蚊剂好，比较环保健和康没，没一点污染，然后就是有一点点的风扇声音。</t>
  </si>
  <si>
    <t>基本没用</t>
  </si>
  <si>
    <t>我姐买了一个，没什么卵用</t>
  </si>
  <si>
    <t>劳务发票可以抵扣吗</t>
  </si>
  <si>
    <t>《中华人民共和国增值税暂行条例实施细则》第三条 条例第一条所称销售货物，是指有偿转让货物的所有权。条例第一条所称提供加工、修理修配劳务(以下称应税劳务)，是指有偿提供加工、修理修配劳务。根据上述规定，一般纳税人可以开劳务发票，一般纳税人的劳务发票，实际也是增值税专用发票，只是发票的“货物与劳务”栏中不是具体货物，而是“加工”、“修理费”等。既然是开出发票，按规定交纳增值税，其进项税额当然可以抵扣。</t>
  </si>
  <si>
    <t>只要是正规的专用发票、并且是企业真实发生的都可以拿来抵税的。</t>
  </si>
  <si>
    <t>人工工资开具劳务发票可以抵扣，不过也有特殊情况，详细的需要咨询会计。</t>
  </si>
  <si>
    <t>直通车的钱可以退出来吗</t>
  </si>
  <si>
    <t>1、首先我们先打开卖家中心进入后台， 点击我要推广， 点击后进入直通车界面。2、进入直通车界面后点击财务按钮， 找到财务记录， 然后点击财务记录进入到里边。3、看到有一张支出报表 在右上角 现在已经有申请退款按钮了 这个时候我们只要点击申请退款按钮 按照页面的提示 填写退款单就可以了 4、申请退款后淘宝网如果有赠送金额将会消失 ，余额会在 7天内打到支付宝账号里， 一般 24小时内就会完成退款。</t>
  </si>
  <si>
    <t>淘宝店铺可以注销吗</t>
  </si>
  <si>
    <t>1、只要将店铺里“出售中的宝贝”全部下架即可。店铺在售宝贝数量连续6周为0件后，淘宝会彻底释放店铺。2、联系客服进行网店关闭的操作。3、进行违规操作，被投诉后，会被注销店铺。</t>
  </si>
  <si>
    <t>可以注销。</t>
  </si>
  <si>
    <t>目前淘宝不支持直接关闭商店。</t>
  </si>
  <si>
    <t>17uoo安全吗</t>
  </si>
  <si>
    <t>17uoo里面都是大型商家，网篮网趣等等，交易很安全。</t>
  </si>
  <si>
    <t>蟑螂有毒吗</t>
  </si>
  <si>
    <t>backups是什么文件夹可以删除吗</t>
  </si>
  <si>
    <t>win7下的roaming文件夹用于存放一些应用程序的数据文件及缓存内容；所以建议用户不要删除，删除可能会使应用程序或者软件无法运行。</t>
  </si>
  <si>
    <t>大未来高考志愿靠谱吗</t>
  </si>
  <si>
    <t>非常不靠谱！首先这并不能预测各地的考试情况，没有参考；其次，每个人的喜好不一，大数据很难预测人性，它擅长预测的是规律性的东西，且现在也还没预测好；再次，技术是死的，人是活的，每年的政策都变，而大数据是需要历史数据作为依托来计算的。</t>
  </si>
  <si>
    <t>不怎么靠谱。最主要原因这里的参考数据都是前面一些年份高考的数据，只能说用前面发生的情况来预计今年可能发生的情况，只能作为参考，况且很多所谓的“大数据”，数据还不一定有多大多准呢。当年的数据一是属于学生隐私，二是跟高考试卷一样属于绝密，三是好多考生跟你一样也没填呢，所以在录取结束前是不可能获知当年准确情况的。</t>
  </si>
  <si>
    <t>advice可数吗</t>
  </si>
  <si>
    <t>advice可以做可数名词，也可以不可数。1）advice做“忠告, 劝告; 建议; 指点; 磋商”是不可数名词。2） advice 做“（商业上的）通知, 公函; 诊断，(政治、外交上的)报道, 消息”讲，可数。</t>
  </si>
  <si>
    <t>小麦苗榨汁能治疗癌症吗</t>
  </si>
  <si>
    <t>小麦汁是排毒的，喝了也许稍微管点用，治癌要用中药的。</t>
  </si>
  <si>
    <t>食品没治疗作用的，只能辅助的喝一点</t>
  </si>
  <si>
    <t>香港过端午节吗</t>
  </si>
  <si>
    <t>过。一样过农历节日的。</t>
  </si>
  <si>
    <t>中500万不捐钱可以吗</t>
  </si>
  <si>
    <t>行，扣除一百万的税。</t>
  </si>
  <si>
    <t>可以不捐，但是要扣除20％的偶然所得税。</t>
  </si>
  <si>
    <t>鹿晗会喜欢迪丽热巴吗</t>
  </si>
  <si>
    <t>鹿晗和迪丽热巴并没有在一起，只是谣言而已。</t>
  </si>
  <si>
    <t>没有的事情，鹿晗曾经说过；有好消息会告诉芦苇。</t>
  </si>
  <si>
    <t>蜻蜓fm还能听日本电台么</t>
  </si>
  <si>
    <t>最新的版本已经不可以了，蜻蜓fm4.3.2版本还能听到这些台。</t>
  </si>
  <si>
    <t>叮诺芬药店有卖的吗</t>
  </si>
  <si>
    <t>官方上有的，针对口腔口臭问题是极好的。</t>
  </si>
  <si>
    <t>神器违反广告法吗</t>
  </si>
  <si>
    <t>重点词本身不违反广告法，要结合整个广告语境才能判定是否违反广告法。</t>
  </si>
  <si>
    <t>吉泽明步有步兵吗?</t>
  </si>
  <si>
    <t>有步兵。</t>
  </si>
  <si>
    <t>脱毛膏有副作用吗</t>
  </si>
  <si>
    <t>有。脱毛膏的主要危害：一、毛发越来越粗：很多女性在使用完脱毛膏一段时间后，都发现留下断了一半的残毛，而且新长出来的毛发比原来的更粗，这是因为脱毛膏只能去除肌肤表皮的毛发，并不能从根源去掉毛发。二、容易长出内嵌毛：这也是脱毛膏的常见副作用之一，使用脱毛膏后，肌肤上的毛孔因为断裂、毛发埋隐藏在皮肤内部无法长出，也有一部分在脱毛时令毛囊受伤，肌肤在愈合的过程中造成毛孔堵塞，最后导致长出内嵌毛的现象，就偈一颗颗的鸡皮疙瘩，最后产生色素疤痕。三、色素沉着：长期使用脱毛膏后，脱毛的部位都会变得暗沉，这是因为脱毛膏是利用化学物质溶解毛发结构而达到脱毛的目的，这些化学物质就会令肌肤色素沉着。四、皮肤过敏：使用脱毛膏也会引起皮肤过敏，这是因为脱毛膏中加入化学物质，对肌肤造成刺激，另外如果使用量过度，也会造成红肿过敏现象。</t>
  </si>
  <si>
    <t>菠萝啤含酒精吗</t>
  </si>
  <si>
    <t>"菠萝啤"是碳酸饮料，菠萝“啤酒”是酒含有酒精。</t>
  </si>
  <si>
    <t>菠萝啤不含酒精，上面说的有。</t>
  </si>
  <si>
    <t>暂缓参军等于不当兵吗</t>
  </si>
  <si>
    <t>基本上是了。不过也没有绝对的情况，比如缓征的原因是因为年龄不够，那么明年就可以不缓征了。</t>
  </si>
  <si>
    <t>暂缓参军就是符合征兵的报名条件，但暂且推迟参军的意思。</t>
  </si>
  <si>
    <t>上海迪士尼乐园好玩吗</t>
  </si>
  <si>
    <t>上海迪士尼乐园真正的童话世界，设施很赞。</t>
  </si>
  <si>
    <t>很好玩。</t>
  </si>
  <si>
    <t>迪士尼没什么刺激项目，适合带小孩玩，偏童话风。</t>
  </si>
  <si>
    <t>防辐射服有用吗</t>
  </si>
  <si>
    <t>作用还是有的，建议你平时少接触电脑吧。</t>
  </si>
  <si>
    <t>有一定保护作用。</t>
  </si>
  <si>
    <t>微信不实名认证能收红包吗</t>
  </si>
  <si>
    <t>现在强制要求实名制才可以使用支付类功能，所以没实名制的人不能收红包。</t>
  </si>
  <si>
    <t>真皮座椅需要座套吗</t>
  </si>
  <si>
    <t>不用加装座套。</t>
  </si>
  <si>
    <t>装不装是见仁见智的。不装可以享受真皮带来的舒适与高档的感觉，但是夏天会比较热，冬天也会比较冻屁股。装的话就把真皮包住了，凸显不出真皮的特质。</t>
  </si>
  <si>
    <t>建议加薄的套。</t>
  </si>
  <si>
    <t>诈骗罪还了钱还能告吗</t>
  </si>
  <si>
    <t>行为完成，则诈骗罪成立。至于是否归还，不影响诈骗罪的成立，但在判刑时可以考虑从轻处理。</t>
  </si>
  <si>
    <t>可以，还钱属于承担民事责任。如果数额达到3000元以上就构成诈骗罪了还需要承担刑事责任。</t>
  </si>
  <si>
    <t>不一定，要看具体案情。被追究刑事责任，也不能免除其中的民事责任。被诈骗的被害人可以要求支付被骗的钱，公安机关等司法机关在办理诈骗案侦查过程中，对能追回的脏款要负责追回，并返还给被害人，从而使被害人得以全部或者部分清偿。当然，如果公安机关未以追回的，被害人也可以通过起诉方式要回。至于最终能否全部或者部分追回的。就要看犯罪嫌疑人或者被告人的还款诚意、还款能力、有无财产可供执行及法院的执行力度等各种因素综合分析了</t>
  </si>
  <si>
    <t>2017年余额宝还安全吗</t>
  </si>
  <si>
    <t>余额宝没有问题，本质是货币基金，任何时候都不会亏本，只是收益不高。</t>
  </si>
  <si>
    <t>签了offer letter可以不去吗</t>
  </si>
  <si>
    <t>能，可以can&amp;apos;t offer，只是这家公司或者说这些HR以后就不要碰到了。</t>
  </si>
  <si>
    <t>签了书面offer后，是可以反悔的。</t>
  </si>
  <si>
    <t>红薯长牙了能吃吗</t>
  </si>
  <si>
    <t>不能吃了。</t>
  </si>
  <si>
    <t>现在跑滴滴还赚钱吗</t>
  </si>
  <si>
    <t>2016年后，滴滴都不赚钱。</t>
  </si>
  <si>
    <t>现在比较难做。</t>
  </si>
  <si>
    <t>狗铺子的狗靠谱吗</t>
  </si>
  <si>
    <t>补牙疼吗</t>
  </si>
  <si>
    <t>1、医生的技术：医生的技术是补牙过程中非常关键的一个环节，如果这一环节出现了异常情况，必将影响整个手术的安全和质量，从最初的制定治疗方案、取模、磨牙开始出现误差，后期的补牙会直接影响最终效果，直接导致治疗过程中给人们带来的疼痛感。2、选择的医院：由于补牙技术现在应用广泛，很多牙科机构都采用此方法，若患者因一时的便宜选择了一些没有安全保障的机构，极容易导致在补牙过程中造成的疼痛感。3、患者的口腔情况：由于每个患者的口腔状况不一样，补牙修复的难易程度自然不同，在治疗的过程难免也会发生一些小疼痛。</t>
  </si>
  <si>
    <t>一般龋齿或浅龋齿的话，补时是不疼的。但牙齿坏到牙髓感染就会有点疼了。</t>
  </si>
  <si>
    <t>疼不疼需要看牙齿坏的程度，如果不严重，补牙一般不疼。</t>
  </si>
  <si>
    <t>禽流感鸡蛋还能吃吗</t>
  </si>
  <si>
    <t>熟透的鸡蛋可以吃。</t>
  </si>
  <si>
    <t>彩票是不是一个骗局</t>
  </si>
  <si>
    <t>就是个骗局啊。</t>
  </si>
  <si>
    <t>这个应该不会的。</t>
  </si>
  <si>
    <t>肯定是。</t>
  </si>
  <si>
    <t>深圳扫黄厉害吗现在</t>
  </si>
  <si>
    <t>打封闭针好不好</t>
  </si>
  <si>
    <t>对人体极少会产生副作用。</t>
  </si>
  <si>
    <t>一两次没副作用。</t>
  </si>
  <si>
    <t>新闻联播王宁退休了吗</t>
  </si>
  <si>
    <t>一直主播《新闻联播》至今。</t>
  </si>
  <si>
    <t>泡脚治静脉曲张</t>
  </si>
  <si>
    <t>泡脚只适用于轻度静脉曲张。</t>
  </si>
  <si>
    <t>单纯泡脚是不能治疗的，建议内调。</t>
  </si>
  <si>
    <t>静脉曲张泡脚可以有效促进血液循环，改善静脉曲张的症状。</t>
  </si>
  <si>
    <t>沃好商城是非法传销吗</t>
  </si>
  <si>
    <t>飞猪买机票靠谱吗</t>
  </si>
  <si>
    <t>如果是阿里的飞猪，还是靠谱的。</t>
  </si>
  <si>
    <t>6s进水了花屏会恢复吗</t>
  </si>
  <si>
    <t>只能导致更严重的后果。</t>
  </si>
  <si>
    <t>花屏就不会恢复了。</t>
  </si>
  <si>
    <t>第一次会不会怀上</t>
  </si>
  <si>
    <t>要看具体情况。一要看距离女性经期的时间，二要看姿态。</t>
  </si>
  <si>
    <t>女的在非安全期内，有精子进入阴道就会怀孕。</t>
  </si>
  <si>
    <t>个人抬头发票能报销吗</t>
  </si>
  <si>
    <t>能否报销由你单位财务制度决定。</t>
  </si>
  <si>
    <t>一般情况下不可以，但是以下费用可以例外处理：1、个人名义的住宿费发票、火车票、飞机票，这些是发票抬头必须是个人的，可以报销，做管理费用-差旅费。2、以个人名义办的手机话费。3、以个人名义办的租金发票。</t>
  </si>
  <si>
    <t>柿子和酸奶能一起吃吗</t>
  </si>
  <si>
    <t>不能一起吃！柿子不宜和酸奶、海鲜、鸡蛋等一起吃，是由于这类食物富含蛋白质，柿子中的鞣酸可能会与这些食物的一部分蛋白质相结合，导致胃部不适。</t>
  </si>
  <si>
    <t>露得清防晒喷雾可以喷脸吗</t>
  </si>
  <si>
    <t>可以先喷到手上，然后抹在脸上，这样就可以了。最好不要直接喷在脸上。</t>
  </si>
  <si>
    <t>蒲公英茶可以天天喝吗</t>
  </si>
  <si>
    <t>主要还是看个人健康情况及体质而定，除此之外任何东西包括再好的天然健康食物如果过量或不当食用都对身体不好。</t>
  </si>
  <si>
    <t>不可以的，蒲公英具有清热解毒的功效，天天喝会过量导致身体寒凉而百病缠身，所以适当饮用才有益身体健康。</t>
  </si>
  <si>
    <t>可以的没事。</t>
  </si>
  <si>
    <t>背背佳对驼背有用吗</t>
  </si>
  <si>
    <t>作用肯定是有的，但是并不是网上说的那么神。</t>
  </si>
  <si>
    <t>靳东和王凯闹翻了吗</t>
  </si>
  <si>
    <t>关系一般，没撕破脸。</t>
  </si>
  <si>
    <t>演员本人没有闹翻，只是粉丝不和。</t>
  </si>
  <si>
    <t>打团要疲劳吗</t>
  </si>
  <si>
    <t>20人Raid不需要疲劳值，暴走和普通是需要的。</t>
  </si>
  <si>
    <t>进地图就会要。</t>
  </si>
  <si>
    <t>保密协议有法律效益吗</t>
  </si>
  <si>
    <t>一、如果保密协议是双方真实意思表示，不存在法律上规定的无效、可撤销情形，且形式上是合法的（有双方签字盖章），就是有效的。二、但是，如果保密协议对保密内容、违约责任没有约定或约定不清的话，就算一方违反了保密条款，也难以追究其责任。三、保密协议虽然约定对第三方保密，但国家公检法等机关在必要时，可以依法要求调取相关保密内容。</t>
  </si>
  <si>
    <t>合法的、明确的、无争议的、有无利益关系公证人的才具有法律效益。</t>
  </si>
  <si>
    <t>1、法律允许劳动关系当事人之间通过合同约定有关保守商业秘密的权利和义务。《劳动合同法》第23条第一款也规定，用人单位与劳动者可以在劳动合同中约定保守用人单位的商业秘密与知识产权相关的保密事项。 2、因此，劳动者与用人单位之间的保密约定，既可以以保密条款的形式写入劳动合同，也可以单独订立一份保密协议。两种形式的效力是相同的</t>
  </si>
  <si>
    <t>喝蛋白质粉得结石吗</t>
  </si>
  <si>
    <t>不一定会结石，吃蛋白质粉的人很多，导致结石的只是少部分。一般是肾脏功能不够好的老年人，或者是长期吃蛋白质粉或者大量吃蛋白质粉的。</t>
  </si>
  <si>
    <t>微信打码赚钱是真的吗</t>
  </si>
  <si>
    <t>要注意了，很大一部分都是骗人的。</t>
  </si>
  <si>
    <t>lol新版客户端好用吗</t>
  </si>
  <si>
    <t>更新了，感觉很不错</t>
  </si>
  <si>
    <t>腰椎管狭窄可以自愈吗</t>
  </si>
  <si>
    <t>椎管狭窄是骨质增生造成的，一般不会自愈，但如果没严重压迫神经，身体会慢慢适应。</t>
  </si>
  <si>
    <t>蜘蛛是昆虫吗</t>
  </si>
  <si>
    <t>蜘蛛不是昆虫，因为昆虫的定义是“体躯三段头、胸、腹，2对翅膀三对足；1对触角头上生，骨骼包在体外部；一生形态多变化，遍布全球旺家族。”蜘蛛不符合上述特征。但是蜘蛛和昆虫一样都属于无脊椎动物的节肢动物门的大家族，说明两者之间有很多共同点，很多西方人，包括大名鼎鼎的法布尔，都把蜘蛛、蝎子归入“虫”类，充分说明彼此的关系是很接近的。蜘蛛属于节肢动物门蛛形纲，在分类学上和昆虫属于大家族中邻近的群类。</t>
  </si>
  <si>
    <t>蜘蛛不是昆虫！ 凡是昆虫家族的成员，都有这样的髁点，那就是成虫的整个身体分为：头、胸、腹三各部分，而且在胸部都会长出六条腿和两对翅膀。在昆虫的脑袋上，还有一对能灵活的触角和两只奇棵的腹眼。 因为蜘蛛有8条腿，脑袋上既没有触角，也没有腹眼，而且头部和胸部都合在一起。而且，蜘蛛是属于蜘形纲。</t>
  </si>
  <si>
    <t>不是，昆虫分头、胸、腹三部分，并有三对足，蜘蛛有四对足，所以不是昆虫。</t>
  </si>
  <si>
    <t>美博空调质量好不好</t>
  </si>
  <si>
    <t>美博和海尔没任何关系。售后质量差。</t>
  </si>
  <si>
    <t>质量一般，制冷制热还是可以的。也够凉，制冷没问题，质量就不敢保证了。</t>
  </si>
  <si>
    <t>王者荣耀贵族会掉吗</t>
  </si>
  <si>
    <t>会掉，但会在给提示后消费一元补回来。</t>
  </si>
  <si>
    <t>不会掉，但如果在游戏里太久没有消费点卷会掉。</t>
  </si>
  <si>
    <t>不会掉，不消费也不会掉。</t>
  </si>
  <si>
    <t>孕妇能吃百香果吗</t>
  </si>
  <si>
    <t>孕妇能吃白香果，但是不能一次性吃太多。</t>
  </si>
  <si>
    <t>思美人是小说改编的吗</t>
  </si>
  <si>
    <t>是改编的。</t>
  </si>
  <si>
    <t>蜻蜓fm不用网络可以收听吗</t>
  </si>
  <si>
    <t>能收听里边的免流量频道。</t>
  </si>
  <si>
    <t>北京华博医院 好不好</t>
  </si>
  <si>
    <t>普遍反映：大量患者及家属前往病房科室登记、咨询，造成护士站人员，人满为患，环境嘈杂，各种矛盾突出，且潜在安全隐患。</t>
  </si>
  <si>
    <t>2017淘宝c店还会存在吗</t>
  </si>
  <si>
    <t>有的，不管是2016还是2017都还是互联网旺盛的时代，随着时代的发展，互联网肯定是越做越好，淘宝也会是越做越好的，2017的淘宝一定要学会运营技术，不能用老方法来对待淘宝，只要跟紧脚步，跟着马哥肯定有汤喝。</t>
  </si>
  <si>
    <t>会。只要想做就可以做好的，就看有没有决心了。</t>
  </si>
  <si>
    <t>应勤和邱莹莹在一起了吗</t>
  </si>
  <si>
    <t>邱莹莹和应勤是在欢乐颂第三季和好并结婚的，虽然过程看的人直冒气，结局总归是好的。</t>
  </si>
  <si>
    <t>扮演者是吴昊宸，1994年生于黑龙江，就读于中央戏剧学院表演系，签约东阳正午阳光有限公司，是热捧的新人之一。小邱第二段跟应勤的恋爱最终修成正果，但其间也历经磨难。</t>
  </si>
  <si>
    <t>朱家角古镇要门票吗</t>
  </si>
  <si>
    <t>门票取消了。</t>
  </si>
  <si>
    <t>朱家角古镇不要门票的。</t>
  </si>
  <si>
    <t>小米4玩王者荣耀卡吗</t>
  </si>
  <si>
    <t>男人 可以喝麦片吗</t>
  </si>
  <si>
    <t>可以，并且男人喝麦片还有这些好处。瘦身：吃燕麦吸收油脂，能够避免脂肪堆积。保持饱腹，膳食纤维在肠道中进行蠕动，能够分解食物，达到减肥瘦身目的。防癌：膳食纤维清理肠道，肠道畅通，防止患上大肠癌。美白皮肤：燕麦提取物中有大量能够抑制络氨酸酶活性的物质，络氨酸酶被抑制住相当于黑色素被抑制住了。燕麦的抗氧化成分能够减少黑色素产生，淡化色斑，保持皮肤白皙。还能预防心血管疾病。</t>
  </si>
  <si>
    <t>4s店零首付购车可靠吗</t>
  </si>
  <si>
    <t>是真的，只是每月还款的金额要多点。</t>
  </si>
  <si>
    <t>地球在公转吗</t>
  </si>
  <si>
    <t>黑色沙漠台服需要vpn吗</t>
  </si>
  <si>
    <t>需要</t>
  </si>
  <si>
    <t>看你网络情况</t>
  </si>
  <si>
    <t>试用期有陪产假吗</t>
  </si>
  <si>
    <t>虽然劳动者在试用期间，但只要符合相关规定情形，仍然有权依法享受陪产假。</t>
  </si>
  <si>
    <t>0是不是自然数</t>
  </si>
  <si>
    <t>从历史上看，国内外数学界对于0是不是自然数历来有两种观点：一种认为0是自然数，另一种认为0不是自然数。建国以来，我国的中小学教材一直规定自然数不包括0。目前，国外的数学界大部分都规定0是自然数。为了国际交流的方便，1993年颁布的《中华人民共和国国家标准》（GB 3100~3102-93）《量和单位》（11-2.9）第311页，规定自然数包括0。所以在近几年进行的中小学数学教材修订中，教材研究编写人员根据上述国家标准进行了修改。即一个物体也没有，用0表示。0也是自然数。</t>
  </si>
  <si>
    <t>云支付合法吗</t>
  </si>
  <si>
    <t>就是骗子传销欺诈。</t>
  </si>
  <si>
    <t>合法的 ，云支付是属于未来之窗旗下的支付平台。</t>
  </si>
  <si>
    <t>黄海波2017年能复出吗</t>
  </si>
  <si>
    <t>广电没解禁谁敢找他拍戏，拍了又播不了。</t>
  </si>
  <si>
    <t>4006595555是招商银行的电话吗</t>
  </si>
  <si>
    <t>第一次接吻要不要伸舌头</t>
  </si>
  <si>
    <t>看当时的情趣，想伸就伸，不伸也可以的。</t>
  </si>
  <si>
    <t>要吧，直接伸进去好了。</t>
  </si>
  <si>
    <t>adidas nmd r2是限量吗</t>
  </si>
  <si>
    <t>阿迪达斯nmd所有配色都是限量的。</t>
  </si>
  <si>
    <t>硅胶飞机杯对人有害吗</t>
  </si>
  <si>
    <t>制作飞机杯的材料主要是由无毒医用软硅胶设计的，所以飞机杯是没有毒的，只要按照使用方法操作，也是没有什么副作用的。</t>
  </si>
  <si>
    <t>等额本息真的不划算吗</t>
  </si>
  <si>
    <t>如果有闲置不用的钱，提前还贷是合算的，因为银行贷款的利率总是高于银行存款的利率，提前还贷可以减轻您的利息负担，降低购房的总成本。</t>
  </si>
  <si>
    <t>前期还款比较划算，如果已到中期，或者还款已超过三分之一，则不划算。</t>
  </si>
  <si>
    <t>海尔电脑好吗</t>
  </si>
  <si>
    <t>海尔电脑现在做的还是可以的，海尔产品的质量售后就不用说了，从配置性能和价格上讲，海尔的电脑定价比较低，性价比比较高，配置上也是主流。</t>
  </si>
  <si>
    <t>品牌机里头，海尔电脑比较普通，海尔一般采用的主板是精英为其OEM的，整体电脑性能和别的品牌是差不多的，主要还是要看采用什么配置，配置高肯定好。</t>
  </si>
  <si>
    <t>苏打粉刷牙会变白吗</t>
  </si>
  <si>
    <t>牙菌斑的生存环境pH值在6左右，呈弱酸性，小苏打溶于水后是呈弱碱性，用它来刷牙，可以破坏牙菌斑的生存环境，控制牙菌斑的生长，达到美白的效果。小苏打含钙质，对牙齿固齿比较好，不过小苏打对牙齿的美白效果没听过，这个还不确定。不会。</t>
  </si>
  <si>
    <t>可以，不过要长期坚持，牙齿主要成分为碳酸钙，小苏打在水的作用下会与碳酸钙反应。</t>
  </si>
  <si>
    <t>吃荔枝上火吗</t>
  </si>
  <si>
    <t>荔枝吃多了会上火，中医有一枚荔枝三把火的说法，患有慢性扁桃体炎和咽喉炎的人，多吃荔枝会加重虚火。</t>
  </si>
  <si>
    <t>在古籍中亦有记载：荔枝为温热属性的水果，吃多了会发热和上火。</t>
  </si>
  <si>
    <t>会的，广东有句话叫一个荔枝三把火，夏天吃多了很容易上火热气的。</t>
  </si>
  <si>
    <t>王者荣耀可以用鼠标操作吗</t>
  </si>
  <si>
    <t>下载模拟器就可以了。那些按键是可以自己调整的。上次我也下载了玩的。但是很卡。CPU占用很高。</t>
  </si>
  <si>
    <t>ios10.3.1能越狱吗</t>
  </si>
  <si>
    <t>现在iOS 10.3.1还不能越狱。</t>
  </si>
  <si>
    <t>比特币在中国合法吗</t>
  </si>
  <si>
    <t>比特币在中国是合法的，可以交易。</t>
  </si>
  <si>
    <t>比特币只是一种网上流行的货币形式，不是合法的流通货币。</t>
  </si>
  <si>
    <t>守望先锋值得买吗</t>
  </si>
  <si>
    <t>不值得。这游戏鼠标自带延迟、模式单一。</t>
  </si>
  <si>
    <t>只要喜欢就值得。</t>
  </si>
  <si>
    <t>转转买东西靠谱吗</t>
  </si>
  <si>
    <t>转转官方肯定靠谱，个人不一定。</t>
  </si>
  <si>
    <t>红曲米有什么副作用吗</t>
  </si>
  <si>
    <t>曲米是天然的，他的基本原料是大米接种红曲霉菌，红曲霉菌是种无毒的微生物，没有副作用，相反由于红曲米中含有一种称作“洛伐他定”的物质，对降血压、降血脂、降低胆固醇等有显著作用。</t>
  </si>
  <si>
    <t>一些红曲会产生桔霉素，这是一种真菌毒素，具有肾毒性。</t>
  </si>
  <si>
    <t>红曲米是天然的，他的基本原料是大米接种红曲霉菌，红曲霉菌是种无毒的微生物，没有副作用，相反由于红曲米中含有一种称作“洛伐他定”的物质，对降血压、降血脂、降低胆固醇等有显著作用。</t>
  </si>
  <si>
    <t>富贵鸡游戏是真的嘛</t>
  </si>
  <si>
    <t>是骗人的，7月2号就崩盘了，据说7月20号又要开盘，以前的蛋和鸡全都没了，还需要重新再掏钱买鸡。还要再次交管理费180，还想再次骗钱跑路。典型的旁氏骗局，条件一前期投资，条件二定期返还，条件三拉人头。</t>
  </si>
  <si>
    <t>这个应该不错的。</t>
  </si>
  <si>
    <t>吃药能喝茶叶吗</t>
  </si>
  <si>
    <t>用茶水服送某些口服药包括中药时，茶水中的成分会和药物发生化学反应，造成药物失效或难以吸收，达不到治疗作用。</t>
  </si>
  <si>
    <t>纪检委这样的单位好吗</t>
  </si>
  <si>
    <t>根据我们国家的实际情况，党管干部。纪检委是要优于公安局的。至于纪检委的权威就不用赘述了，所有官员即爱也怕的对象，其工作直接受任与同级党委书记。然后还掌控下辖的各个官员的档案资料，只要想查处某人，档案一解封，就意味着不死也要掉层皮啊，其性质绝对不亚于明朝的东西两厂啊，社会地位高，认可度和敬畏度均高于公安局。哪怕就是普通成员也是掌握大量资料的，神秘感十足。</t>
  </si>
  <si>
    <t>普通职员就不给力了，工资待遇相比一些实权单位要差一些，就是名字听着好听，做得多容易得罪人，不做又不好，有些尴尬的职位，应该属于清水衙门。</t>
  </si>
  <si>
    <t>纪委是好单位，也要分部门。</t>
  </si>
  <si>
    <t>离婚后户口必须迁出吗</t>
  </si>
  <si>
    <t>普惠快捷是正规公司吗</t>
  </si>
  <si>
    <t>欢乐颂魏渭是好人吗</t>
  </si>
  <si>
    <t>是好人。</t>
  </si>
  <si>
    <t>红杉树英语是不是骗局</t>
  </si>
  <si>
    <t>内射舒服吗</t>
  </si>
  <si>
    <t>个人认为，内射舒服。</t>
  </si>
  <si>
    <t>草莓可以做饭吃吗</t>
  </si>
  <si>
    <t>草莓本来就是生吃的，煮了吃营养成分肯定被破坏了。</t>
  </si>
  <si>
    <t>雅阁cvt变速箱耐用吗</t>
  </si>
  <si>
    <t>G-CVT变速箱是经过10几年来，本田技研多次试验过的，非常可靠的变速箱。</t>
  </si>
  <si>
    <t>不怎么样，二换三有顿挫感。</t>
  </si>
  <si>
    <t>银行卡挂失后还能往里打钱吗</t>
  </si>
  <si>
    <t>一般所谓挂失，效果只是将卡上的资金冻结，无法从卡中取钱而已。实际往里存款还是可以的，因为你只是挂失并没有销卡。一般挂失七天后才能销卡。</t>
  </si>
  <si>
    <t>可以收到。挂失只是冻结了支出功能，收入功能没有关闭。</t>
  </si>
  <si>
    <t>侏罗纪化石克格莫有特效吗</t>
  </si>
  <si>
    <t>严格上来说是没有的，被动死了之后也是骨头架子，开W眼睛会变非常红，其他就没了。</t>
  </si>
  <si>
    <t>云付安全吗</t>
  </si>
  <si>
    <t>炫彩皮肤可以单买吗</t>
  </si>
  <si>
    <t>商城里面可以单买。</t>
  </si>
  <si>
    <t>在有活动的情况下是可以的。你可以关注官网的网站。以前就有金币购买炫彩，以及单买炫彩皮肤的活动，并且也只是一部分英雄的炫彩皮肤可以单买。平时，没有可以单买的炫彩皮肤。</t>
  </si>
  <si>
    <t>每个英雄的炫彩皮肤都是配套的，不可以单个购买。</t>
  </si>
  <si>
    <t>桑葚孕妇能吃吗</t>
  </si>
  <si>
    <t>没听说过孕妇不能吃桑椹，没关系。</t>
  </si>
  <si>
    <t>因为桑椹内含有较多的胰蛋白酶抑制物——鞣酸，会影响人体对铁、钙、锌等物质的吸收，体虚便溏的孕妇不宜食用，患有糖尿病的孕妇忌食桑葚。</t>
  </si>
  <si>
    <t>孕妇慎吃桑葚，桑葚性寒。</t>
  </si>
  <si>
    <t>金刚狼3后还会复活吗</t>
  </si>
  <si>
    <t>根据故事的需要来，有续集他就不会死！</t>
  </si>
  <si>
    <t>太原有白癜风专科医院吗</t>
  </si>
  <si>
    <t>steam钱包的钱可以取出来吗</t>
  </si>
  <si>
    <t>房子有贷款可以卖吗</t>
  </si>
  <si>
    <t>可以选择转按或者一次性付清</t>
  </si>
  <si>
    <t>1、可以到贷款银行咨询可否做抵押房产转按，如果可以，可将您尚欠银行的贷款转移到买家名下。2、如果买家不想继续按揭，也可办好转按后由买家直接还清银行贷款，不必负担贷款利息。3、如果银行部不允许做转按，可以找正规的担保公司代赎契，赎契后等于是取消了原来房屋的抵押关系，在这种情况下房屋才能进行交易。当然，担保公司会收取一定的费用。4、可以找一个正规的中介公司，通过向买方收取预付款的方式先将贷款还清，但是这样需要到公证处公证，需要一定的手续费。</t>
  </si>
  <si>
    <t>按揭中的房子可以卖。银行通常规定贷款未满一年的要付违约金，满一年的不用付。</t>
  </si>
  <si>
    <t>喝咖啡能减肥吗</t>
  </si>
  <si>
    <t>咖啡的功效：１、助力消化，咖啡里有咖啡因这大家都知道。咖啡因可以刺激神经和肌肉，使精神振奋、抗疲劳，这都已经被大家熟知。其实咖啡对于肠胃来说，它可以帮助消化，帮助脂肪的分解。２、有助减肥，有一阵儿流行喝咖啡减肥，咖啡可以减肥，这恐怕很多女孩都知道。但是恐怕是只知其一不知其二吧，喝咖啡以后需要同时积极动起来，才能发挥真正的减肥功效。</t>
  </si>
  <si>
    <t>不能减肥，加了糖和牛奶的反而更增肥。</t>
  </si>
  <si>
    <t>不会减肥，适量地喝咖啡会加速新陈代谢、促进消化、改善便秘，并能够改善皮肤的粗糙现象，咖啡会加速燃烧卡路里，达到减肥的功效，这一理论基本上是正确的，但是这种卡路里的燃烧还不至于让体重减轻多少，如果咖啡里还加了糖和奶精，从热量上的计算是更不符合减肥的原则了。</t>
  </si>
  <si>
    <t>小米6支持无线充电吗</t>
  </si>
  <si>
    <t>dnf可以转职业吗</t>
  </si>
  <si>
    <t>pdf可以转ppt吗</t>
  </si>
  <si>
    <t>星露谷物语果树冬天会死吗</t>
  </si>
  <si>
    <t>阴阳师花钱吗</t>
  </si>
  <si>
    <t>一般不需要充钱，除了颜值党想买皮肤，一般人不用花钱。</t>
  </si>
  <si>
    <t>总之，想玩好，花时间是必须的，多花钱可以节省很多时间，不花钱消耗的时间多。</t>
  </si>
  <si>
    <t>关心妍的终点好听吗</t>
  </si>
  <si>
    <t>每天消耗300大卡能瘦吗</t>
  </si>
  <si>
    <t>只要坚持没问题，只不过是时间长短的问题。当然饮食也要跟进。各种垃圾食品该控制控制。</t>
  </si>
  <si>
    <t>动感单车会让腿变粗吗</t>
  </si>
  <si>
    <t>欧联杯冠军可以进欧冠吗</t>
  </si>
  <si>
    <t>欧联杯冠军和欧冠冠军都可以直接获得下赛季欧冠资格，并且都是正赛资格。</t>
  </si>
  <si>
    <t>支付宝买车险便宜吗</t>
  </si>
  <si>
    <t>通过支付宝支付的项目很多项目，都有优惠的。</t>
  </si>
  <si>
    <t>坐火车能带白酒吗</t>
  </si>
  <si>
    <t>基本上可以带，这就看是什么样的酒了。</t>
  </si>
  <si>
    <t>ios10.3.1可以越狱吗</t>
  </si>
  <si>
    <t>青蛙是益虫吗</t>
  </si>
  <si>
    <t>说青蛙是益虫否准确?我们在环境保护教育和学的习参观中,认为这一说法是欠妥的。</t>
  </si>
  <si>
    <t>青蛙捕食大量田间害虫，是对人类有益的动物。</t>
  </si>
  <si>
    <t>益虫是指对人类某方面有益处，比如农业，医用上的昆虫，青蛙对人类有益处但是不能叫作益虫。</t>
  </si>
  <si>
    <t>丁香茶能治幽门螺杆菌</t>
  </si>
  <si>
    <t>丁香叶茶含有丁香油和丁香酚，可有效抑制幽门螺旋杆菌的活性，从而达到抑制和杀死幽门螺旋杆菌的效果。因此，胃炎以及胃溃疡等感染幽门螺旋杆菌的胃病患者，要根治胃病，要先消灭幽门螺旋杆菌，可坚持饮用丁香叶茶。</t>
  </si>
  <si>
    <t>可以的，丁香茶本身就是治疗幽门螺杆菌的，特别是石岩村丁香茶，效果非常好。</t>
  </si>
  <si>
    <t>激光祛斑有用吗</t>
  </si>
  <si>
    <t>激光去色素斑能帮助色素斑患者完成去斑梦想，并且激光去色素斑经过长期的实践，已经非常的安全有效。激光去色素斑不会留下疤痕。在操作过程中，被受术者会有针刺一样的感觉，不需要使用麻醉药物。</t>
  </si>
  <si>
    <t>激光祛斑效非理想掉颜色较深色素斑色斑能吸收类激光并解色素渐渐身体吸收颜色随变淡全位解决各种斑斑点点问题同能解决毛孔粗面色晦暗血管病变皮肤松弛细皱纹脱毛等皮肤问题、激光祛斑祛斑仪器否先进激光祛斑效取决于设备自身品质设备同疗效差别真激光斑仪器般都口高科技仪器才能确保治疗效点阵激光、Q关激光、像束激光等。激光祛斑要看医否专业。专业祛斑医患者病情握程度、治疗经验于激光祛斑效非重要激光祛斑仪器所发射激光波都要由专业医判断专业医师必须经培训皮肤科医保证治疗安全及祛斑效自否属于禁忌群激光斑并适合于所自禁忌群祛斑患者列要放弃否则容易发危险所说祛斑患者自已于激光祛斑效至关重要。</t>
  </si>
  <si>
    <t>论文的致谢要查重吗</t>
  </si>
  <si>
    <t>声明、致谢、参考文献会计算在内的。</t>
  </si>
  <si>
    <t>论文致谢一般不查重。但是要看自己学校的要求，建议问问辅导员，或者指导老师。</t>
  </si>
  <si>
    <t>王者荣耀安卓能加苹果战队吗</t>
  </si>
  <si>
    <t>根据苹果公司规定 iOS系统和安卓数据 是不互通的，所以王者荣耀安卓不能加苹果战队。</t>
  </si>
  <si>
    <t>中外运是国企吗</t>
  </si>
  <si>
    <t>是国企。</t>
  </si>
  <si>
    <t>君乐宝奶粉出过问题吗</t>
  </si>
  <si>
    <t>蚂蚁花呗提前还款和到期还款是一样的吗</t>
  </si>
  <si>
    <t>警察打人可以还手吗</t>
  </si>
  <si>
    <t>如果警察无故打人，受害者在适当的情况下可以采取正当防卫，不构成袭警。</t>
  </si>
  <si>
    <t>做仰卧起坐能减肚子吗</t>
  </si>
  <si>
    <t>仰卧起坐瘦肚子的确效果不错，一般晚上临睡前做做比较好，根剧自身状况和能力来做即可，不是一次做的越多，就越有效果。关建并不在于做多少，而是在于坚持。若是一次做的在多，但三天打鱼两天晒网，今天做了明天不做的是没效果的。</t>
  </si>
  <si>
    <t>有效果，但是不明显，光做仰卧起坐肯定不可以，要配合其他的运动。</t>
  </si>
  <si>
    <t>做仰卧起坐锻炼的主要就是腰部和腹部，所以坚持锻炼对减掉腹部的肥肉很有效果。</t>
  </si>
  <si>
    <t>顺风车合法吗</t>
  </si>
  <si>
    <t>合乘“顺风车”不属于违法行为，但是合乘“黑车”将被执法人员认定为非法运营。</t>
  </si>
  <si>
    <t>顺风车不违法，因为不是盈利的。</t>
  </si>
  <si>
    <t>算是违发发，但是因为滴滴是合法APP，所以只要手续齐全，就不算违法。</t>
  </si>
  <si>
    <t>北京公租房可以购买吗</t>
  </si>
  <si>
    <t>北京公租房租住五年可以买，但但国家优先回购。</t>
  </si>
  <si>
    <t>公租房是不能买卖的。公主房只能通过房改租户购买后才能再上市转让的。</t>
  </si>
  <si>
    <t>北京公租房个人不可以购买，租满5年后,可以申请续租,续租不得超过3年,不会出售产权。</t>
  </si>
  <si>
    <t>王者荣耀李白要重做吗</t>
  </si>
  <si>
    <t>要重做。</t>
  </si>
  <si>
    <t>重做好几次了，估计不会那么快重做。</t>
  </si>
  <si>
    <t>安居客房价真实吗</t>
  </si>
  <si>
    <t>相对来说还是比较靠谱的。</t>
  </si>
  <si>
    <t>有真有假。假的比较多，如果按照单价来看，低于市场价格房子的广告80%是假的，用于骗取用籂鸡焚课莳酒锋旬福莫户电话信息。</t>
  </si>
  <si>
    <t>美团可以用花呗吗</t>
  </si>
  <si>
    <t>以前可以的，但现在不可以了。</t>
  </si>
  <si>
    <t>哔哩哔哩可以下载视频吗</t>
  </si>
  <si>
    <t>360云盘还可以用吗</t>
  </si>
  <si>
    <t>360云盘最初定于2017年2月份停止对个人用户免费服务。现在虽然网上还显示能上传 ，实际上幕后已经做了手脚，停止了上传程序，很多功能也暗中取消了。现在360个人云盘服务关闭，转型为企业云盘服务。</t>
  </si>
  <si>
    <t>canmake屈臣氏有卖吗</t>
  </si>
  <si>
    <t>lol封号三年 还有机会解封么</t>
  </si>
  <si>
    <t>1.封号时间结束账号会自动解封。2.登陆客服中心http://kf.qq.com/进行申诉，给客户提供账号信息，说明原因。等官核实游戏数据后。如果是误会封解除，如果不是账号会继续停封，一直到时间会才解封。3.拨打英雄联盟客服电话进行申诉0755-86013666。接通人工服务后，说清楚申诉账号的信息、原因。等待官方核实。</t>
  </si>
  <si>
    <t>微信能发文件吗</t>
  </si>
  <si>
    <t>1、微信可以传输20M以下的文件。2、网页微信只能发10M以下的文件。</t>
  </si>
  <si>
    <t>小花钱包上征信吗</t>
  </si>
  <si>
    <t>蚂蚁花呗可以提现吗</t>
  </si>
  <si>
    <t>蚂蚁花呗只支持淘宝，天猫支付宝之间购物付款，无法用于转款。</t>
  </si>
  <si>
    <t>不能提现的，提现，套现那是虚假交易。</t>
  </si>
  <si>
    <t>科学狂人吉格斯有特效吗</t>
  </si>
  <si>
    <t>吉格斯的科学狂人皮肤是有技能特效的。</t>
  </si>
  <si>
    <t>刘敏涛结婚了吗</t>
  </si>
  <si>
    <t>刘敏涛结婚了。</t>
  </si>
  <si>
    <t>iphone6s 32g够用吗</t>
  </si>
  <si>
    <t>不够，苹果系统现在越来越大，而且APP也越来越大。</t>
  </si>
  <si>
    <t>看怎么用，存点很多电影或者电视剧，肯定是不够，日常的话应该是够了。</t>
  </si>
  <si>
    <t>如果平时照片视频拍的不是很多，而且没有大型游戏APP的话是完全够用的。</t>
  </si>
  <si>
    <t>唯品会有假的吗</t>
  </si>
  <si>
    <t>有假的，请注意相关新闻报道。</t>
  </si>
  <si>
    <t>我刚买的贝佳斯面膜两瓶，粉泥的是真的，绿泥是假的。</t>
  </si>
  <si>
    <t>基本上都是正品，网络上的东西我们也不能完全保证是吧。</t>
  </si>
  <si>
    <t>女生做资料员有前途吗</t>
  </si>
  <si>
    <t>大的前途不会有，顶多升到主管的位置。</t>
  </si>
  <si>
    <t>皖南川藏线自驾危险吗</t>
  </si>
  <si>
    <t>危险系数不高，主要危险是山路，尤其是桃岭段要注意安全。</t>
  </si>
  <si>
    <t>诸葛亮真算出刘伯温吗</t>
  </si>
  <si>
    <t>刘伯温挖开诸葛亮的坟，然后看到石碑上有字，写的是：我能算后世出伯温，你能算后世出何人?此诗为诸葛亮所写。说明诸葛亮知道千年以后会出个叫刘伯温的聪明人。</t>
  </si>
  <si>
    <t>这是后人杜撰的，历史中的诸葛亮长于治国、弱于军事，说他会算卦，真是把他妖魔化了。</t>
  </si>
  <si>
    <t>真的，就像刘伯温跟刘备的渊源。</t>
  </si>
  <si>
    <t>王者荣耀典韦厉害吗</t>
  </si>
  <si>
    <t>厉害，大招5秒内强化普攻，附带真实伤害。</t>
  </si>
  <si>
    <t>快递2017年不能寄烟吗</t>
  </si>
  <si>
    <t>2001年前假文凭能认证吗</t>
  </si>
  <si>
    <t>1991-2001年间所有学历都查不到，真的都查不到，假的就更别说了。不过查不到的真学历可以去权威机构做认证，可以区别真伪，认证结果也会上传学信网。</t>
  </si>
  <si>
    <t>2001年以前的学历只有通过学历认证来验证真伪，而且因为1991年到2001年的毕业证书信息是不对外公开查询的，所以你这样的证书做了学历认证后，以后就是直接提供学历认证报告配合证书使用，学历认证报告可以直接在学信网终生查询。</t>
  </si>
  <si>
    <t>纽麦福牛奶是伪进口吗</t>
  </si>
  <si>
    <t>纽麦福是新西兰原装进口的牛奶。</t>
  </si>
  <si>
    <t>安娜法瑞斯在美国火吗?</t>
  </si>
  <si>
    <t>java比较字符串是否相等</t>
  </si>
  <si>
    <t>不相等。</t>
  </si>
  <si>
    <t>本兮死了吗</t>
  </si>
  <si>
    <t>死了，官方给的消息。</t>
  </si>
  <si>
    <t>多肉需要晒太阳吗</t>
  </si>
  <si>
    <t>京东商场的东西好不好</t>
  </si>
  <si>
    <t>电子数码产品相对来说还是不错的。</t>
  </si>
  <si>
    <t>在上面买品牌货，质量是很有保障的</t>
  </si>
  <si>
    <t>京东的东西总体还是不错的</t>
  </si>
  <si>
    <t>新疆建设兵团能打仗吗</t>
  </si>
  <si>
    <t>沃尔沃维修保养贵吗</t>
  </si>
  <si>
    <t>沃尔沃维修需要国解故障，电脑检测故障码，根据故障给出维修方案费用。</t>
  </si>
  <si>
    <t>啤酒过期能喝吗</t>
  </si>
  <si>
    <t>超过保质期的啤酒，不一定都不能饮用，如果啤酒外观澄清透明，口味也没有多大的变化，则可以饮用，当然口感就不如新鲜的好；如果混浊、沉淀、口感变酸变质则不能饮用。</t>
  </si>
  <si>
    <t>啤酒过期了，不建议再去饮用了。</t>
  </si>
  <si>
    <t>天猫家装e站靠谱吗</t>
  </si>
  <si>
    <t>天猫电商平台统一采购主材，价格打包出售的公开标准化了，当地的公司施工，加盟公司交保证金给天猫，使用天猫的招牌和天猫上的客户资源，施工可以直接在天猫上投诉，多一层售后保障而已。</t>
  </si>
  <si>
    <t>选家装e站就等着被坑吧，一大坨漏项等着，到了开工的时候，什么都要加钱。</t>
  </si>
  <si>
    <t>以色列对中国人好吗</t>
  </si>
  <si>
    <t>二战时期，德国种族主义盛行，大肆屠杀犹太人，犹太人逃亡世界但是没有人收留他们，只有中国，尤其是中国上海，大批犹太人在中国人的庇护下生存下来，甚至有些国人拿出自己不舍得吃的东西给犹太人。犹太人是世界上最聪明的民族，他们也当然懂得感恩，后来以色列的建国者很多都是在二战时候在上海活下来的人，他们对自己国民的教育上就严格要求尊重和感恩中国人，新中国建国初期，西方的各种封锁都不能扼杀中国，除了国人自己的顽强之外，以色列也是功不可没，以色列扛着美国的巨大压力，偷偷的给予中国大量的援助，军工技术和经济上都有。以色列和美国是盟友，很多东西还不能公开。</t>
  </si>
  <si>
    <t>猫瘟传染人吗</t>
  </si>
  <si>
    <t>对于养宠的人来说，有时候宠物生病会担心会传染给人，今天我们了解下猫瘟会不会传染给人呢?我们熟知的人畜共患病主要有，狂犬病、弓形体、禽流行性感冒等，至于猫瘟至今还没有听过有传染给人的，所以不用担心这个问题。虽然猫瘟不会传染给人，但是很容传染给其它健康的宠物猫，其造成的伤害我们都非常清除。所以，患有猫瘟的猫咪都应该在第一时间内隔离，然后进行治疗。</t>
  </si>
  <si>
    <t>不会，但会传染猫。</t>
  </si>
  <si>
    <t>胡海锋会当主席吗</t>
  </si>
  <si>
    <t>不可能当国家主席。</t>
  </si>
  <si>
    <t>猫绦虫会传染给人吗</t>
  </si>
  <si>
    <t>绦虫会传人，不要吃虫子，要注意不要误食虫卵，洗干净被单衣物，吃饭洗手，而且不要不洗手就揉眼睛，尽量把猫隔离别进卧室。</t>
  </si>
  <si>
    <t>绦虫只会通过口才会传染人。</t>
  </si>
  <si>
    <t>猫绦虫会传染给人。绦虫通消化道传播的，猫身上的绦虫污染了食物，或者手摸猫，手污染了，没洗手吃东西，有能通消化道传播给人。</t>
  </si>
  <si>
    <t>立马理财靠谱吗</t>
  </si>
  <si>
    <t>立马理财还是比较靠谱的，靠谱程度应该说超过了绝大多数互联网理财平台。立马理财是光大证券，网易以及海航合资的平台。</t>
  </si>
  <si>
    <t>不靠谱，不可信。</t>
  </si>
  <si>
    <t>剪下的小吊兰能水培吗</t>
  </si>
  <si>
    <t>先不剪。就在小吊下面摆个瓶子或碗的里面放点水。等长出根再剪。</t>
  </si>
  <si>
    <t>1、选择容器：一般应根据水培吊兰的大小选择花瓶，可固定也可不进行固定。2、选择水培苗：可以选择走茎上新生小苗，最好带有气生根；也可将土培的吊兰冲洗掉土壤后进行水培。3、水培进行：水培时加水不可太多，以没过1/3～1/2的根系即可。4、养护：　每2～3天换纯净水一次，由土培的改为水培者，初期会有部分根系腐烂，需要在换水时剪除，并进行消毒最好。当新生水根为3～5厘米长时，需要向水中加入营养液，量不需要大。养护环境最好有散射光照，不可过于荫蔽或曝晒，有叶尖干枯者，要及时修剪。</t>
  </si>
  <si>
    <t>可以，吊兰现在长的很快，很容易成活，几天就生根了。</t>
  </si>
  <si>
    <t>助听器要去医院配吗</t>
  </si>
  <si>
    <t>助听器应该去专业的助听器验配店进行验配，医院也许有售，但都是未经调试的不一定适合所有的听力损失患者。</t>
  </si>
  <si>
    <t>医院可以检查听力，没有配助听器的，可以到助听器专卖店看一下。</t>
  </si>
  <si>
    <t>最好是去专业的验配中心，需要试听、对比，选配助听器后期的售后服务很重要，调试、保养、维修，一般医院基本都没有，门店都有国家级验配师服务，可以提前预约专家，不用去医院排队挂号。</t>
  </si>
  <si>
    <t>龙真的存在吗</t>
  </si>
  <si>
    <t>从古到今都有发现，不是没有 。</t>
  </si>
  <si>
    <t>存在，侏罗纪。</t>
  </si>
  <si>
    <t>金刚狼死了吗</t>
  </si>
  <si>
    <t>是否死亡不确定性，作者未能给出准确答案。漫威在2014年10月重启的新系列漫画中，金刚狼在追捕的武器X的创始人——亚伯拉罕博士科尼利厄斯时，一种病毒摧毁了他的自愈能力。在打斗的过程中，他被液体合金包裹，不得动弹，因此窒息而死。漫画里他为了救人，被邪恶博士的亚德曼合金浇了一身，之后他拿了博士的自愈因子给被抓来做实验体的人注射了，然后杀死了博士，最后一个画面是他面朝夕阳跪下，回顾一生，无怨无悔，非常爷们的死法。不过按时间推算他应该是有足够的时间为自己注射自愈因子的，因此对他是不是死了还是持怀疑态度。</t>
  </si>
  <si>
    <t>京东拍卖靠谱吗</t>
  </si>
  <si>
    <t>就是圈钱的，流拍的东西太多了。</t>
  </si>
  <si>
    <t>拍卖都不保值。</t>
  </si>
  <si>
    <t>看商品评价，有说返东西的都是刷出来的，不要买，其他还行。</t>
  </si>
  <si>
    <t>企业支付宝提现需要手续费吗</t>
  </si>
  <si>
    <t>跟普通支付宝一样按千分之一计提现手续费。</t>
  </si>
  <si>
    <t>塑料饭盒可以用微波炉加热吗</t>
  </si>
  <si>
    <t>"5号"PP材质：是唯一可以放进微波炉的塑料盒，可在小心清洁后重复使用。需要特别注意，一些微波炉餐盒，盒体的确以5号PP制造，但盒盖却以1号PE制造，由于PE不能抵受高温，故不能与盒体一并放进微波炉。为保险起见，容器放入微波炉前，先把盖子取下。</t>
  </si>
  <si>
    <t>看是哪种塑料，带有“微波炉专用”字样的可以，,高温下无毒的塑料只有四种:PP、PES、PTFE、PEEK,也就是说这四种塑料是可以进微波炉的.</t>
  </si>
  <si>
    <t>不可以的，一般的塑料饭盒虽然也是食品塑料，但是在微波的条件下还是会析出有害物质，如果是使用微波炉的话，最好还是使用专用的微波玻璃器皿.</t>
  </si>
  <si>
    <t>达克宁能治脚气吗</t>
  </si>
  <si>
    <t>达克宁祛除脚气，当时可以见效的，过段时间还是会复发的。</t>
  </si>
  <si>
    <t>达克宁去脚气不是很理想的。</t>
  </si>
  <si>
    <t>能，但是起效慢。</t>
  </si>
  <si>
    <t>2017年土地要收回吗</t>
  </si>
  <si>
    <t>没有这个说法，是要改革，新社北京1月10电 (记者 庞忌)一份涵盖农村土征收、集体经营性建设用地入市以及宅基制度三项改革的试点意见方案已经出台。中国官方透露上述试点工作在2017底完成。</t>
  </si>
  <si>
    <t>2017年土地不会收回。但在农村土地承包经营权确权发证中，有些地方明确要求，村民不积极配合的、土地权属由纠纷无法解决的，集体有权收回土地进行调整后重新分配。</t>
  </si>
  <si>
    <t>白头发是越拔越多吗</t>
  </si>
  <si>
    <t>不会的，白头发拔一根长十根的说法纯粹是杜撰，真实的情况是：白头发拔一根长一根！</t>
  </si>
  <si>
    <t>不是的，与拔发无关，但是不建议拔发，会伤害毛囊，头发会越拔越稀疏的</t>
  </si>
  <si>
    <t>国税手工发票还能用吗</t>
  </si>
  <si>
    <t>已经取消。</t>
  </si>
  <si>
    <t>还可以使用到2016年6月30号。</t>
  </si>
  <si>
    <t>处置固定资产损失可以税前扣除吗</t>
  </si>
  <si>
    <t>首先应确定处置价格是否公允。其次是否按规定办理了税前申报扣除。否则处置资产损失不得税前扣除。</t>
  </si>
  <si>
    <t>根据《企业资产损失所得税税前扣除管理办法》（国家税务总局公告2011年第25号）第九条规定，企业固定资产达到或超过使用年限而正常报废清理的损失，应以清单申报的方式向税务机关申报扣除。第三十条规定，固定资产报废、毁损损失，为其账面净值扣除残值和责任人赔偿后的余额，应依据以下证据材料确认：1.固定资产的计税基础相关资料。2.企业内部有关责任认定和核销资料。3.企业内部有关部门出具的鉴定材料。4.涉及责任赔偿的，应当有赔偿情况的说明。5.损失金额较大的或自然灾害等不可抗力原因造成固定资产毁损、报废的，应有专业技术鉴定意见或法定资质中介机构出具的专项报告等。因此，上述公司的固定资产报废损失应以清单申报的方式向税务机关申报扣除。</t>
  </si>
  <si>
    <t>如该固定资产是依法取得并计提了相关折旧费用，处置过程依法依规，相应损失可以作税前扣除，但在当期企业所得税汇算清缴时，应予向主管税务机关提交相关财产损失备案资料。</t>
  </si>
  <si>
    <t>临时额度到期前一定要还清吗</t>
  </si>
  <si>
    <t>是的，未按时还清账款会计收利息。</t>
  </si>
  <si>
    <t>兰州有没有白癜风医院</t>
  </si>
  <si>
    <t>地址：兰州市西关十字沛丰大厦东门，西单商场西侧。</t>
  </si>
  <si>
    <t>黑脸娃娃安全吗</t>
  </si>
  <si>
    <t>黑脸娃娃是一项没有创伤的、安全的美容技术，即它是非侵入式的技术，所以也没有疼痛感。另外，黑脸娃娃还不会有任何不良反应与副作用，黑脸娃娃治疗纯属物理性治疗，不添加任何药物及功效性产品，是靠自体细胞新生重建，所以决无任何副作用，也毫无依赖性，以后不做此项治疗，细胞新陈代谢也照常进行。</t>
  </si>
  <si>
    <t>黑脸娃娃治疗相对于传统的激光美白步骤复杂，治疗效果也相对更好，黑脸娃娃还可以刺激皮肤下的胶原蛋白进行再生，这样可以让你的皮肤更加具有弹性，黑脸娃娃可以美白肌肤，收缩毛孔，淡化色斑，黑脸娃娃是安全，无痛苦，无副作用的一种治疗方法。</t>
  </si>
  <si>
    <t>工人身份有在编人员吗</t>
  </si>
  <si>
    <t>企业从1995年起就不再区分干部和工人了，现行的是管理岗位和生产岗位。但这个是根据你本人在哪个岗位而定的，不是根据你的身份确定的。除了女性退休年龄不同之外，管理岗位和生产岗位在退休后没有任何区别。</t>
  </si>
  <si>
    <t>如果没有做转干审批，那么还是工人身份！只是待遇变成了管理岗位待遇。</t>
  </si>
  <si>
    <t>淘宝能用微信付款吗</t>
  </si>
  <si>
    <t>百果园可以加盟吗</t>
  </si>
  <si>
    <t>加盟百果园，是个不可错过的好选择。</t>
  </si>
  <si>
    <t>戴避孕套感染艾滋病吗</t>
  </si>
  <si>
    <t>避孕套可以阻止精液进入阴道，起到防止怀孕的作用，也可以隔开精液和阴道分泌物，阻止性交时男女双方体液的互相接触，因此也被用来防止性病的传播。</t>
  </si>
  <si>
    <t>有风险，一般不会。</t>
  </si>
  <si>
    <t>避孕套除了有避孕功能之外，它可以隔开精液和阴道分泌物，阻止性交时男女双方体液的互相接触，也能用来防止性病、艾滋病的传播。</t>
  </si>
  <si>
    <t>dnf制裁15天后再次被制裁就是永久吗</t>
  </si>
  <si>
    <t>继续15天或者1年甚至永久。</t>
  </si>
  <si>
    <t>健身吃增肌粉好吗</t>
  </si>
  <si>
    <t>没有害，不要超剂量吃。</t>
  </si>
  <si>
    <t>公益一类有可能参公吗</t>
  </si>
  <si>
    <t>公益一类不能参公。</t>
  </si>
  <si>
    <t>dnf武士刀强化赚钱吗</t>
  </si>
  <si>
    <t>一般+13就能赚点小钱了。</t>
  </si>
  <si>
    <t>赚不了多少。</t>
  </si>
  <si>
    <t>360借款靠谱吗</t>
  </si>
  <si>
    <t>360借款靠谱的。</t>
  </si>
  <si>
    <t>喝柠檬水能减肥吗</t>
  </si>
  <si>
    <t>1.自然柠檬水减肥法：柠檬水可以解渴且冲淡想吃东西的欲望，因此可有效抑制不当饮食，加上一天总共15分钟的运动，效果会十分显著。这套减肥法现在在日本是最流行的，在家里自己操作就可以达到减肥的效果，所以被称为“家庭主妇”式的喝水节食法，十分有效。</t>
  </si>
  <si>
    <t>第一：柠檬水减肥。1、在1公升的清水之中加入适量的柠檬汁，注意这个柠檬汁应该是自己鲜榨的，没有掺水的。2、将做好的柠檬水放入冰箱之中，温度降低之后柠檬汁的口感也会变得更加的清凉爽口。3、每天至少要喝下3公升左右的柠檬水，这样才能够达到减肥的效果。并且不需要特别的节食，或者是不吃零食。4、每天还要搭配十五分钟左右的有氧运动，可以有时间的时候就进行运动，这样容易出汗，帮助体内的 一些废弃物、有害物质排出体外，增加体内的新陈代谢。</t>
  </si>
  <si>
    <t>喝柠檬水的确有助于减肥，这是柠檬酸循环过程所起的作用。解释一下柠檬酸循环减肥原理。柠檬这种强酸类物质大多来源于其富含的柠檬酸。柠檬酸又称枸缘酸，在生理学中，可以提供人体能量的三大营养素——碳水化合物、脂肪、蛋白质，并通过一系列化学反应代谢为水和二氧化碳，同时放出能量供人体使用。在这个被称为“柠檬酸循环”的化学反应的过程中，柠檬酸是连接三大营养素与代谢终产物二氧化碳、水之间不可缺少的重要中间代谢产物，起到为人体提供能量的作用。也就是说，通过柠檬摄入的柠檬酸在一定程度上为人体提供了一定的能量，变相减少了人体其他食物的摄入量，在总体摄入能量小于总体输出能量时，人就会自然地瘦下来，进而达到减肥的目的。</t>
  </si>
  <si>
    <t>苹果7好吗</t>
  </si>
  <si>
    <t>手机还没有装软件，一开机内存就只剩100多M，一旦内存一满就死机，关机都关不了！信号不好天线减少比6s差，除了相机和Home键有改善，所谓防水，其他真的没有改变。</t>
  </si>
  <si>
    <t>淘宝刷心悦的是真的吗</t>
  </si>
  <si>
    <t>是真的，不过骗子也很多</t>
  </si>
  <si>
    <t>当然不靠谱</t>
  </si>
  <si>
    <t>架子鼓好学吗</t>
  </si>
  <si>
    <t>说难也不难，说简单也不简单。第一要有钱，第二要有节奏感，第三要有毅力，不能半途而废。</t>
  </si>
  <si>
    <t>架子鼓相比很多乐器来说是比较容易上手的，但要达到高水平不容易。</t>
  </si>
  <si>
    <t>淘宝旺铺智能版好用吗</t>
  </si>
  <si>
    <t>智能比专业功能好些。主要是根据自身需要，推荐新店一钻以下使用专业版。</t>
  </si>
  <si>
    <t>智能版功能大，收费高。</t>
  </si>
  <si>
    <t>扣分的违章能网上处理吗</t>
  </si>
  <si>
    <t>需要扣分的违章在网上无法缴纳的。</t>
  </si>
  <si>
    <t>安达亚美就一部步兵吗</t>
  </si>
  <si>
    <t>安达亚美就是莲实克蕾儿，他没出过步兵，都是骑兵。</t>
  </si>
  <si>
    <t>咳嗽可以吃鸡蛋吗</t>
  </si>
  <si>
    <t>能吃的！但不能生吃。</t>
  </si>
  <si>
    <t>咳嗽期间是不可以吃鸡蛋的。</t>
  </si>
  <si>
    <t>翻墙会被网警抓吗</t>
  </si>
  <si>
    <t>好像没听说有被抓的</t>
  </si>
  <si>
    <t>不会的。国内去往国外的数据达到1500G，只能用机器过滤的方式。即使是机器过滤，压力也是很大的。对于加密了的数据，更是无力分析。</t>
  </si>
  <si>
    <t>不会，但不要过多的在境外网站上发布过激言论或浏览某些网站，倒不是说更容易被发现，而是说这样被管制的风险提高了</t>
  </si>
  <si>
    <t>光脚开车违法吗</t>
  </si>
  <si>
    <t>算，违反机动车安全法。</t>
  </si>
  <si>
    <t>光脚开车虽不被法律所禁止，光脚开车多少存在一些安全隐患，哪怕它很小，但一但涉及公共安全，就不是小事了。所以生活中碰到光脚开车的，交警普遍都会扣分，罚款。一般给的理由都是不文明驾驶行为。</t>
  </si>
  <si>
    <t>中国女能受的了黑人吗?</t>
  </si>
  <si>
    <t>绝对可以。</t>
  </si>
  <si>
    <t>gta5好玩吗</t>
  </si>
  <si>
    <t>好玩，耐玩度非常高。</t>
  </si>
  <si>
    <t>股权质押后股票会涨吗</t>
  </si>
  <si>
    <t>要看具体情况，一般是利好。</t>
  </si>
  <si>
    <t>一般会落。</t>
  </si>
  <si>
    <t>电商专供和专柜有区别吗</t>
  </si>
  <si>
    <t>一般意义上来说电商专供的产品是不会在线下销售的，因为会对线下的渠道商产生一定的利益损害。如果你是在摩恩官方旗舰店购买那应该问题不大，你想下毕竟线下需要房租，水电，人员工资等各种成本，线上本身就是M2CorB2C的一种形式，价格便宜点正常，你可以要求他们开发票以求质保。</t>
  </si>
  <si>
    <t>电商特供质量明显比专柜差很多,做工也不行.就是个有正牌身份的假货好，充其量叫它一声高仿。</t>
  </si>
  <si>
    <t>品质上没什么区别，只是厂家为了区别发电商跟专柜的货。1、电商专供一般是从厂家直接拿到的货。2、厂家需要控制电商方向的商品流入，一般控制在5%左右在电商，但是很多供货商会给电商供专柜的货，所以没什么实际意义。</t>
  </si>
  <si>
    <t>违反广告法必须处罚吗</t>
  </si>
  <si>
    <t>违反广告法情节轻微，认罪态度较好，侵权撤回迅速的，一般可以减轻处罚或免于处罚。</t>
  </si>
  <si>
    <t>如果经营户在电视媒体上面发表的广告，违反了《广告法》中众多的条款，那么工商机关要对其进行处理时，应遵循“择一重处”的原则进行处理。不能按所违反的全部条款处罚。</t>
  </si>
  <si>
    <t>违反广告法规定，发布虚假广告，欺骗、误导消费者，使购买商品或者接受服务的消费者的合法权益受到损害的，由广告主依法承担民事责任。广告经营者、广告发布者不能提供广告主的真实名称、地址和有效联系方式的，消费者可以要求广告经营者、广告发布者先行赔偿。关系消费者生命健康的商品或者服务的虚假广告，造成消费者损害的，其广告经营者、广告发布者、广告代言人应当与广告主承担连带责任。前款规定以外的商品或者服务的虚假广告，造成消费者损害的，其广告经营者、广告发布者、广告代言人，明知或者应知广告虚假仍设计、制作、代理、发布或者作推荐、证明的，应当与广告主承担连带责任。</t>
  </si>
  <si>
    <t>随行付pos机安全吗</t>
  </si>
  <si>
    <t>要看是在哪里安装的。有没有独立商户后台。绑定的卡是不是自己的，以及是否经过中间环节。</t>
  </si>
  <si>
    <t>POS机器的安全认证标志是是否具备中国人民银行的支付牌照：随行付是具备中国人民银行支付牌照的收单机构，可以信赖；商户可以登录其官方网站或者微信绑定其官方公众号，随时查询交易和结算情况；任何安全和不安全都是相对的，关键还需要商户合法合理的使用；任何POS机器使用必须遵守基本的准测，例如必须保管好小票一年等等。</t>
  </si>
  <si>
    <t>滴滴快车合法吗</t>
  </si>
  <si>
    <t>陨石值钱吗</t>
  </si>
  <si>
    <t>陨石有很多种，比如铁陨、捷克绿玻陨石等，值不值钱要看种类，时空之印捷克陨石很稀少，近年价格上升比较快，买了可保值。</t>
  </si>
  <si>
    <t>陨石一般就是白灰岩，不值钱的。</t>
  </si>
  <si>
    <t>陨石真品都值钱的</t>
  </si>
  <si>
    <t>维生素e擦脸要不要清洗</t>
  </si>
  <si>
    <t>如果看起来不是很油的话，可以直到下次洗脸的时候再洗去。 或者也可以在晚上洗脸后直接涂上，过几分钟干了后就可以洗掉，然后用爽肤水润肤露等。</t>
  </si>
  <si>
    <t>维生素E擦脸需要洗掉，因为大多维生素E是以油脂形式出现，抹在脸上长时间不清洗容易导致灰尘的附着，产生皮肤病，因此需要洗掉。</t>
  </si>
  <si>
    <t>翻墙看youtube违法吗</t>
  </si>
  <si>
    <t>安卓7.0比6.0流畅吗</t>
  </si>
  <si>
    <t>7.0普遍比6.0流畅。</t>
  </si>
  <si>
    <t>暗黑3要钱吗</t>
  </si>
  <si>
    <t>免费体验暗黑破坏神3的游戏内容资料片，资料片-夺魂之镰的内容需要购买。</t>
  </si>
  <si>
    <t>国服前4章不花钱，只要有账号就行。第五章和冒险模式需要花钱才能玩。</t>
  </si>
  <si>
    <t>去官网下载免费。不过要把模式全开要花钱的。</t>
  </si>
  <si>
    <t>番薯长芽能吃吗</t>
  </si>
  <si>
    <t>只要将番薯上长的芽去掉是可以吃的。</t>
  </si>
  <si>
    <t>纸牌屋好看吗</t>
  </si>
  <si>
    <t>题材比较新，挺有意思，题材思想性也好，不空泛。</t>
  </si>
  <si>
    <t>绝对好看，如果是男的就看男主怎么当上美国总统的。如果是女的，可以关注男女主角这对典型的精神伴侣（不是为了生活在一起，而是为了自己而在一起）。</t>
  </si>
  <si>
    <t>第一季好看，第二季一般。</t>
  </si>
  <si>
    <t>万事达卡在国内能用吗</t>
  </si>
  <si>
    <t>建行的特约商户或者支持VISA、MATER通道商户可以使用。</t>
  </si>
  <si>
    <t>能用，至少取款机都能使用外万事达取现。</t>
  </si>
  <si>
    <t>这个要在带有VISA标识的POS机或ATM机上使用。</t>
  </si>
  <si>
    <t>36.9体温正常吗</t>
  </si>
  <si>
    <t>王者荣耀刷点卷是真的吗</t>
  </si>
  <si>
    <t>肯定是不可能的。</t>
  </si>
  <si>
    <t>强化地板甲醛严重吗</t>
  </si>
  <si>
    <t>一般正规厂家生产的，甲醛是不会超标的。</t>
  </si>
  <si>
    <t>做葆婴的人都发财了吗</t>
  </si>
  <si>
    <t>网络传销，别盯着收入，陷进去了，投入更大。</t>
  </si>
  <si>
    <t>过期咖啡能喝吗</t>
  </si>
  <si>
    <t>过期一年的不能喝，如果是刚刚过期的，或正处于过期的时期少量喝点也到问题不大，如果过期一年了就不能喝了。因为咖啡过期以后会发生霉变，以及导致一些化学物理性变化，这样很容易导致一些不适症状，因此安全起见还是不要喝了 。若是加工过的咖啡过期了建议就不要用了。若是天然的，没有经过人工加工，若没有变质是可以服用的。</t>
  </si>
  <si>
    <t>这个东西有保质期，虽然保质期是厂家的保守估计，但是其正真能保证质量的期限最多超过其标明的1/3。咖啡过了保质期，但是没有发霉等现象，是可以喝的，但是质量肯定不如保质期内。建议先少喝，没有问题再继续饮用。毕竟过期的东西，谁也不敢保证。</t>
  </si>
  <si>
    <t>由于谷物粉体很可能受到氧化等作用，导致产品的口感变得不可接受，而且某个指标（比如过氧化值）会超过安全标准。咖啡过期是内部生霉，这个东西本来就容易受潮，即便外表看起来无恙，也是不能再喝了，而且口感会发苦，不是原先咖啡自带的苦味了。</t>
  </si>
  <si>
    <t>凤梨上火吗</t>
  </si>
  <si>
    <t>吃多了会上火，舌头也会痛。</t>
  </si>
  <si>
    <t>凤梨不会引起上火，也不会降火。</t>
  </si>
  <si>
    <t>显卡80度正常吗</t>
  </si>
  <si>
    <t>视情况而定。显卡一般是整个机箱里温度最高的硬件，常规下50-70℃(或更低)，运行大型3D游戏或播放高清视频的时候，温度可达到100℃左右，一般高负载下不超过110℃均视为正常范畴。如有必要，可适当调高风扇转速。</t>
  </si>
  <si>
    <t>笔记本显卡温度在80度左右一般说来是正常的。</t>
  </si>
  <si>
    <t>佛经是释迦摩尼亲自写的吗</t>
  </si>
  <si>
    <t>佛经是佛陀亲口宣说，在会的人之后记录下来的，因此佛经开头多有“如是我闻”，翻译就是“我是这样听佛所说的”。</t>
  </si>
  <si>
    <t>程序未响应怎么办 还能不能救</t>
  </si>
  <si>
    <t>看使用的是什么程序,像办公软件,"WORD,EXCEL"都有恢复功能,意外死机关闭再次打开可以记忆最后一次操作内容的.如果是其它程序就要看它本身有没有这种功能了,没有死机恢复功能,神仙都没办法.常用电脑的人不能忘记一个重要环节,随时记得保存,不管做什么文件都好,隔一会保存一下,这是良好的习惯.以保万无一失.。</t>
  </si>
  <si>
    <t>1.用优化大师或类似软件设置“关闭无响应程序”。2.注册表法（如果没有软件再用）。打开运行，输入regedit。在左边一次展开HKEY_CURRENT_USER\ControlPanel\Desktop，在右边对话框中找到。“AutoEndTasks”键，双击，编辑键值为“1”。如果没有这个键名，新建一个，值为1。继续找“HungAppTimeout”键名，双击修改键值为“1000”（单位是毫秒，即1秒自动关闭未响应程序，也可以改变这个值，越小出现时间越短，根据需要）。继续找“WaitToKillAppTimeout”键名，修改为“1000”（同上）。关闭，重启即可。</t>
  </si>
  <si>
    <t>比较有经验的同志一般不会在同一时间段大量的文件夹或者运行过量的程序，更重要的是，计算机在运行不过来的时候，千万不要沉不住气的去频繁窗口的关闭或者最小化或者右键刷新菜单，按F5刷新就行，一定要习惯这个，更不要理所当然的去结束任务。比较理智的做法是等待。windowsxp不是windows98那样脆弱，只是这个问题很多人还没有明白。windowsxp可能出现因为CPU耗尽而短暂的无法反应，但是经过一点点时间的等候，就会回复正常的工作状态，正在运行的数据也不会丢失。windowsxp在运行中出现真正的不可恢复的情况是很罕见的，除非不会使用，或者有严重的硬件问题。提醒：也可以通过修改注册表来试试，依次展开分支到：HKEY_CURRENT_USER＼ControlPanel＼Desktop，双击右侧对话框中的“AutoEndTasks”项，然后在弹出的对话框口中将其值修改为“1”。然后确定，重启。</t>
  </si>
  <si>
    <t>uu898安全吗</t>
  </si>
  <si>
    <t>微信零钱理财安全吗</t>
  </si>
  <si>
    <t>是真的，可以相信。</t>
  </si>
  <si>
    <t>安耐晒有90ml的吗</t>
  </si>
  <si>
    <t>在韩国免税店有卖。</t>
  </si>
  <si>
    <t>90的只在日上免税店有。</t>
  </si>
  <si>
    <t>行车记录仪16g够用吗</t>
  </si>
  <si>
    <t>16G基本可以连续录5小时左右基本够用了。</t>
  </si>
  <si>
    <t>能用大的不要用小的。</t>
  </si>
  <si>
    <t>八月地下是真实杀人吗</t>
  </si>
  <si>
    <t>这电影杀的就是真人，所以是禁片。</t>
  </si>
  <si>
    <t>考教师有年龄限制吗</t>
  </si>
  <si>
    <t>有限制，一般不能超过35周岁，如果是应届毕业的博士，最多不能超过40周岁。</t>
  </si>
  <si>
    <t>诚信论文代发可靠吗</t>
  </si>
  <si>
    <t>骗钱的。</t>
  </si>
  <si>
    <t>啤酒热量高吗</t>
  </si>
  <si>
    <t>啤酒具有较高的热量，1公升啤酒的热量可达425大卡，相当于5个鸡蛋或200克牛奶产生的热量。</t>
  </si>
  <si>
    <t>啤酒发热量较高。据测定1升12度啤酒，其发热量可达425千卡，相当于250克面包，故啤酒有液体面包之称。</t>
  </si>
  <si>
    <t>苹果官换机能买吗</t>
  </si>
  <si>
    <t>深圳社保补缴算连续吗</t>
  </si>
  <si>
    <t>深圳社保补交不算连续，补交对买房买车摇号，会有影响。</t>
  </si>
  <si>
    <t>传祺gs4质量就那么差吗</t>
  </si>
  <si>
    <t>传祺的质量在国内一直处于第一阵营，所以这款车质量应该没问题。</t>
  </si>
  <si>
    <t>1.过坑会有咣当一声；2.换挡有异响；3.最高只能跑160；4.倒车影像黑屏；5.下雨天窗边有水珠。</t>
  </si>
  <si>
    <t>有打生长激素后悔的吗</t>
  </si>
  <si>
    <t>活酵母真的对皮肤好吗</t>
  </si>
  <si>
    <t>孕期一直用，改善了皮肤。</t>
  </si>
  <si>
    <t>1.抑制有害菌群的繁殖2.活酵母自身具有活性3.活化修复肌肤细胞，加速肌肤新陈代谢4.减缓肌肤斑点的形成。</t>
  </si>
  <si>
    <t>提亮肤色及触进胶原蛋白再等平衡油脂脸部PH值，让建康皮肤越来越健康，让健康皮肤维持最佳状态龄冻冰箱。</t>
  </si>
  <si>
    <t>天天做梦是不是有病</t>
  </si>
  <si>
    <t>有一定的坏处，因为做梦时大脑处于活动状态，得不到充分休息，长此以往会记忆力下降，一整天都没有精神。这与生活节奏有关，并不是病，只是日常压力大的一种放松方式。</t>
  </si>
  <si>
    <t>做梦是一种生理现象，但有些人认为做梦是一件坏事，认为做梦使自己得不到充分的休息，时间长了还会损伤大脑。其实这种担心和恐慌是没有必要的。做梦对人有许多好处，德国神经学家科思胡贝尔教授认为，做梦可以锻炼脑的功能。</t>
  </si>
  <si>
    <t>不是病， 是你精神太紧张了，是一种焦虑症。</t>
  </si>
  <si>
    <t>爱遇合约会网是真的吗</t>
  </si>
  <si>
    <t>当然啦，我和朋友们都在上面找妹纸哦，可多了，而且个个很开放的</t>
  </si>
  <si>
    <t>当然是真的！都是奔着约去的，你懂的。</t>
  </si>
  <si>
    <t>龟蛋可以吃吗</t>
  </si>
  <si>
    <t>乌龟蛋可以食用。</t>
  </si>
  <si>
    <t>安太医延时湿巾有效果吗</t>
  </si>
  <si>
    <t>有些还是有效果的。不过很多喷剂都添加了麻药会有副做用。</t>
  </si>
  <si>
    <t>有，在你没有产生抵抗力之前都有用、但是也不长。</t>
  </si>
  <si>
    <t>忽悠的不行。</t>
  </si>
  <si>
    <t>业委会成员有工资吗</t>
  </si>
  <si>
    <t>业委会成员有无工资需要业主大会决定，一般应该在业主大会议事规则中明确规定，业主大会通过生效。</t>
  </si>
  <si>
    <t>业主委员会委员没有薪金但是可以获得补贴或者补助。</t>
  </si>
  <si>
    <t>业主委员会没有工资。业主大会、业主委员会工资经费由全体业主承担。工资经费可以由业主分摊，也可以从物业共有部分经营所得收益中列支。</t>
  </si>
  <si>
    <t>赠与房产要交税吗</t>
  </si>
  <si>
    <t>需要的</t>
  </si>
  <si>
    <t>1、以下情形的房屋产权无偿赠与，对当事双方不征收个人所得税：（1）房屋产权所有人将房屋无偿赠与配偶、父母、子女、祖父母、外祖父母、孙子女、外孙子女、兄弟姐妹；（2）房屋产权所有人将房屋产权无偿赠与对其承担直接抚养或者赡养义务的抚养人或者赡养人；（3）房屋产权所有人死亡，依法取得房屋产权的法定继承人、遗嘱继承人或者受遗赠人；（4）通过离婚析产的方式分割房屋产权。    除此之外，房屋产权所有人将房屋产权无偿赠予他人的，受赠人因无偿受赠房屋取得的受赠所得，按“其他所得”项目缴纳个人所得税，税率为20%。2、个人无偿赠与不动产、土地使用权，属于下列情形之一的，暂免征收营业税：（1）离婚财产分割：（2）无偿赠与配偶、父母、子女、祖父母、外祖父母、孙子女、外孙子女、兄弟姐妹；（3）无偿赠与对其承担直接抚养或者赡养义务的抚养人或者赡养人；（4）房屋产权所有人死亡，依法取得房屋产权的法定继承人、遗嘱继承人或者受遗赠人；3、个人无偿赠予行为，对受赠方按市场价格计征百分之三的契税；4、对双方按市场价格计征万分之五的印花税。</t>
  </si>
  <si>
    <t>要交税，20%</t>
  </si>
  <si>
    <t>房产证还没下来可以卖房吗</t>
  </si>
  <si>
    <t>房产证未办理下来之前是暂时不能办理房屋买卖。</t>
  </si>
  <si>
    <t>房产证没有下来，不妨碍卖房事宜。</t>
  </si>
  <si>
    <t>尾行5有吗</t>
  </si>
  <si>
    <t>小米手环2跑步要带手机吗</t>
  </si>
  <si>
    <t>不用带的</t>
  </si>
  <si>
    <t>不需要带手机，手机和手环可以分开，手环会记录</t>
  </si>
  <si>
    <t>小米手环2的计步功能不需要连接手机</t>
  </si>
  <si>
    <t>ios10.3可以越狱了吗</t>
  </si>
  <si>
    <t>不行 。</t>
  </si>
  <si>
    <t>最新版本才出是无法越狱的，一般要等一段时之后间才能越狱。</t>
  </si>
  <si>
    <t>6月去泰国合适吗</t>
  </si>
  <si>
    <t>热，建议7.8月去。</t>
  </si>
  <si>
    <t>泰国每个季节都适合旅游，不过6月下雨天比较多，但大多是阵雨吗，对行程没有影响。</t>
  </si>
  <si>
    <t>王者荣耀花钱吗</t>
  </si>
  <si>
    <t>只是普通玩玩不花钱，但是想与众不同就花钱。</t>
  </si>
  <si>
    <t>不一定，如果过想要皮肤的话，就要买就要花钱。</t>
  </si>
  <si>
    <t>不花钱，只要玩的好都很厉害。</t>
  </si>
  <si>
    <t>上海公积金可以在外地买房吗</t>
  </si>
  <si>
    <t>可以。但是不能用上海公积金贷款，只能等外地买房之后，携带房产证和发票到上海的公积金以现金的方式提取出来，但是有期限的。就是拿到产证的6个月之内。</t>
  </si>
  <si>
    <t>工龄工资国家有规定吗</t>
  </si>
  <si>
    <t>这个是企业定，国家不管，国家规定了最低工资，这个达不到的可以去劳动社会保障局投诉。</t>
  </si>
  <si>
    <t>工龄工资国家没有规定，一般都是企业制定的。</t>
  </si>
  <si>
    <t>没有，这些都是各事企业单位自行规定的。</t>
  </si>
  <si>
    <t>4k电视有必要吗</t>
  </si>
  <si>
    <t>是发展的主要趋势。</t>
  </si>
  <si>
    <t>技术发展到现在，已经完全成熟了，其实已经到了购买的成熟期了。</t>
  </si>
  <si>
    <t>就质量和功能而言，4k电视不能兼容3d，其次，不是个中国老百姓的使用情况，国人很多都是用广电机顶盒，卫星锅，网络机顶盒看电视，信号源本来就不清晰，就是在好的电视利器也不能把信号源过滤到4k的清晰度，所有很不实用。</t>
  </si>
  <si>
    <t>最终幻想15好玩吗</t>
  </si>
  <si>
    <t>这个游戏最大的优点是画面漂亮，沙盒玩法非常杀时间，各种高难度讨伐任务非常有挑战性，当然音乐，战斗爽快度也还行。</t>
  </si>
  <si>
    <t>真正意义上的次世代游戏，非常优秀的游戏，否则也不会首日就500多万销量了。</t>
  </si>
  <si>
    <t>熊猫提莫是限定吗</t>
  </si>
  <si>
    <t>是端午限定。</t>
  </si>
  <si>
    <t>房产证没下来能更名吗</t>
  </si>
  <si>
    <t>不一定。因为有两种情况：第一种：如果此处房产是全款购买，那就可以更名，新旧房主去开发商或售房处直接更改底单；第二种：原房主是贷款购买的，则无法更名。因为办理贷款的时候该处房产需要在银行做登记，同时银行会在房产处备案，所以此处房产已经在房产处挂名了，也就是说开发商无法处理更名，必须到房产处更名，属于二手房手续更名，其首要前提是具备房照，也就是说，贷款购买的房子，新房住必须等房照具备之后，才能在房产处进行二手房更名过户。</t>
  </si>
  <si>
    <t>只要没下房本前，都可以更名。一般分两种情况：第一种情况，是开发商出的草签协议或合同，就是合同书的封面没有房管局编号的那种；第二种情况，房管局印编号下派的合同书。第一种最简单，可以直接从开发商处更名，收不收更名费取决于开发商，等同于重新出一份合同。第二种如果是已经备案，哪怕是已经交了契税，只要没下房本之前，开发商还是可以撤回来，只是比较麻烦，当然了，契税还要重新交一份，至于开发商会不会这样处理，不好说。</t>
  </si>
  <si>
    <t>嚼口香糖可以瘦脸吗</t>
  </si>
  <si>
    <t>狂嚼口香糖不但会因为经常锻炼咬肌而使面部肌肉发达，整体下巴变大，咬肌变厚，结果是不仅得不到瘦脸效果让面部看起来更大。</t>
  </si>
  <si>
    <t>可以瘦脸，不过还会长肌肉。</t>
  </si>
  <si>
    <t>樱花乱舞 卡尔玛有特效吗</t>
  </si>
  <si>
    <t>支付宝信用卡还款要手续费吗</t>
  </si>
  <si>
    <t>使用支付宝为信用卡还款时不需要手续费的。</t>
  </si>
  <si>
    <t>通过支付宝手机客户端还款：免费；通过电脑端还款：为本人还款免费；为他人还款费率0.20%，最低每笔2元，最高每笔25元。</t>
  </si>
  <si>
    <t>清宫图准吗</t>
  </si>
  <si>
    <t>感觉还不是很准的。</t>
  </si>
  <si>
    <t>按照清宫图算生男女是伪科学的，其真实性无从考究，建议不要轻信。建议亲在排卵高峰24-48小时同房，情况允许的话在晨起时同房最好，因为这个时候体力得到恢复。最重要的还是要调理好身体女方多吃点碱性食物，蔬菜水果这些，或者碱性食品吃ESG，把身体调理成健康的碱性体质。这样就能大大提高Y精子的结合率从而生男孩。</t>
  </si>
  <si>
    <t>尚德教育怎么样靠谱吗</t>
  </si>
  <si>
    <t>还是可以的，老师挺负责，不过假如一味依靠培训班而不是自己努力的话 ，就神仙也不可能的。</t>
  </si>
  <si>
    <t>骗子单位。希望不要去，全是用广告费咋出来的名声，实际上并不怎么样。怎么讲呢，因为很多地方有一些跟当地的政府联系密切的培训机构有很多优先权，比如，在尚德报名可能要四年，但是在一些当地的培训机构报名的话审核并没有那么严格，三年都能报考，而且补贴还多很多，并且在尚德培训是没有政府补贴的。</t>
  </si>
  <si>
    <t>微博桌面不能用了吗</t>
  </si>
  <si>
    <t>服务器维护时就无法使用。</t>
  </si>
  <si>
    <t>暗黑破坏神3要钱吗</t>
  </si>
  <si>
    <t>一次性买断，大约RMB275左右，如果后来出资料片可以选择再买资料片，估计几十块。</t>
  </si>
  <si>
    <t>国服前4章不花钱，可以免费玩，只要有账号就行，第五章和冒险模式需要花钱才能玩，最低是198。</t>
  </si>
  <si>
    <t>玩是可以玩，组队不花钱，私人加好友组队一起玩，或者开个公共游戏，都可以加着一起玩，圣教军是要花钱的，这个是没办法了，还有就是装备花钱了，就可以刷密境，密境很容易爆装备，如果这里不花钱，那就只能费时间了，还有就是4幕以后需要花钱，不花钱就是4幕杀完大菠萝就通关了。</t>
  </si>
  <si>
    <t>工商注册号是不是统一社会信用代码</t>
  </si>
  <si>
    <t>是。三证合一以后，营业执照注册号和统一社会信用代码是同一串字符。</t>
  </si>
  <si>
    <t>实行4证合一后，原来的公司注册号不在使用，变更为统一社会信用代码，二者是一样的作用。</t>
  </si>
  <si>
    <t>是的。这个是三证合一，一证一码的工商改革结果。三证合一：是指营业执照，税务登记证，组织机构代码证合并为一张三证合一的营业执照。一证一码：是将营业执照注册号，税号，组织机构代码证号合并为统一社会信用代码。</t>
  </si>
  <si>
    <t>毒鉴定靠谱吗</t>
  </si>
  <si>
    <t>鉴定师都是虎扑的大神，准确而且速度快。</t>
  </si>
  <si>
    <t>r语言和python都要学吗</t>
  </si>
  <si>
    <t>都学。</t>
  </si>
  <si>
    <t>pp基金安全吗</t>
  </si>
  <si>
    <t>没有什么大问题。</t>
  </si>
  <si>
    <t>电鳗能电死人吗</t>
  </si>
  <si>
    <t>能电死人。</t>
  </si>
  <si>
    <t>骨关节炎能治好吗</t>
  </si>
  <si>
    <t>一般来说创伤性的关节炎急性期可以治愈（也有治不好的）。慢性创伤性关节炎比较繁琐，治愈机的机会比较低（指的是复发的治愈）。风湿性关节炎和类风湿性关节炎，一般治愈后（指的是临床无症状）复发的几率很高，比较迁沿难治愈（指的是完全不复发的治愈）。</t>
  </si>
  <si>
    <t>如果症状比较轻微的话，都是可以治好的。</t>
  </si>
  <si>
    <t>不能治愈。</t>
  </si>
  <si>
    <t>樱桃吃多了会上火吗</t>
  </si>
  <si>
    <t>樱桃属于大热食物，吃太多容易上火。一般情况下，一个成年人最好一天不要吃超过半斤。</t>
  </si>
  <si>
    <t>樱桃富含维生素c和多种微量元素，是水果中的皇后，人体摄取各种营养重在平衡，当人体吸收过多时，会加重脏腑代谢的负担，反而会引起上火，所以一次不宜过多食用樱桃。</t>
  </si>
  <si>
    <t>万题库阅后即焚有用吗</t>
  </si>
  <si>
    <t>根本不管用，都是骗人的。</t>
  </si>
  <si>
    <t>360安全钱包可靠吗</t>
  </si>
  <si>
    <t>有360卫士的保护是很安全的。可以放心使用。</t>
  </si>
  <si>
    <t>360软件很安全。不用担心这个问题。</t>
  </si>
  <si>
    <t>小米抢购神器还能用吗</t>
  </si>
  <si>
    <t>没有用，还有泄露个人信息的危险。</t>
  </si>
  <si>
    <t>食道癌的早期能治愈吗</t>
  </si>
  <si>
    <t>有治愈的可能。</t>
  </si>
  <si>
    <t>前期的癌症都可以治疗好,不用担心。</t>
  </si>
  <si>
    <t>早期的相对较高的转变没有一定的界限不能一概而论也有很多就不会恶化的。</t>
  </si>
  <si>
    <t>牛皮癣能治吗</t>
  </si>
  <si>
    <t>当前所有的治疗方法都不是根治的方法，这已是国内外皮肤科学界的共识。据专家们长期随访获得的信息显示，一般情况下通过合理的规律治疗，牛皮癣皮损会逐渐消退直至完全退净，达到临床痊愈，并且经过一定时期的治疗巩固，这种病情稳定状态可以持续很长的时间，甚至有部分患者在及时有效的治疗后，皮损痊愈并再未发生过，达到了理想中彻底治愈的效果。那么到底。然而还是有很多牛皮癣患者在外界不利诱因的刺激下，病情在经过或长或短的缓解之后又会复发，不过一般采用中饕治疗后，复发的牛皮癣症状相对而言比较轻微，再继续采用对症的中饕调理后，皮损能很容易的消退。但是曾长期大量的使用西医西饕治疗的牛皮癣患者，不仅毒副作用十分明显，反复发作的情况也更为常见，并且症状趋于恶化，治疗难度更大，会对患者自身的健康造成极为不利的影响。所以对于这个问题来说，保证彻底根治牛皮癣还难以实现，并且由于牛皮癣的发病机制极其复杂，每个患者也有自身的特点，治疗不能一概而论，但我们还是能够通过合理诊断，针对患者自身的特点有选择性的治疗用饕，以较小的花费并有安全保障的治疗方案，实现牛皮癣患者求医治病的长远利益，尽量维持病情长时间的稳定。对于牛皮癣患者来说，能够治疗牛皮癣当然是最好的，如果不能治愈，也不要太过于担心，只要有耐心，再顽固的牛皮癣也都能治愈，因此一定要有愚公移山的精神。总之，当前说牛皮癣能"除根"或"包治"还为时过早，因为牛皮癣的根本病因尚未找到。但是随着科学的不断发展，各种检测手段越来越丰富，牛皮癣的"根"最终会被找到并拔除。</t>
  </si>
  <si>
    <t>黄芪30克，党参20克，鸡血藤20克，丹参25克，当归10克，赤芍15克，川芎15克，地龙15克，紫草12克，甘草6克。水煎服，每日一剂，分早晚2次服，30日为1疗程，连用2个疗程。若皮屑覆盖较厚的加乌梅20克；若口渴的加玄参30克。</t>
  </si>
  <si>
    <t>pc水杯可以装开水吗</t>
  </si>
  <si>
    <t>恩。</t>
  </si>
  <si>
    <t>不能。PC这种材料本身无毒，它是双酚A转化为PC材料的时候如果转化不完全，所以遇高温就有可能释放双酚A有毒,可以致癌。</t>
  </si>
  <si>
    <t>民信网是不是假的</t>
  </si>
  <si>
    <t>不是假的，只是民办学历的查询网站。</t>
  </si>
  <si>
    <t>判官值得培养吗</t>
  </si>
  <si>
    <t>不太建议大家去重点培养的，前期过度还是可以的。</t>
  </si>
  <si>
    <t>applecare可以随时买吗</t>
  </si>
  <si>
    <t>官网只能在买机器的时候顺便把AC+的服务放购物车然后一起结账，单买不可。</t>
  </si>
  <si>
    <t>看个人喜好了。</t>
  </si>
  <si>
    <t>静脉曲张有办法恢复吗</t>
  </si>
  <si>
    <t>有，避免长时间站立或坐位的姿势，步行可以利用小腿肌肉的泵作用来促进静脉回流；抬高下肢能够缓解水肿等症状；穿戴带有压力梯度可以延缓病情的发展；部分药物可以起到治疗的作用。</t>
  </si>
  <si>
    <t>有了静脉曲张要恢复是很难了，唯一方法是手术，割去曲张的静脉。</t>
  </si>
  <si>
    <t>如果不是很严重，可以先保守治疗看看，如外包活血化瘀中药，穿弹力袜等，并注意休息保养，避免长时间站立及过度负重；若果曲张严重，可以考虑手术治疗，静脉高位结扎剥脱术。</t>
  </si>
  <si>
    <t>乌镇好玩吗</t>
  </si>
  <si>
    <t>去乌镇主要是看江南水乡小镇风光，乌镇分东西栅，西栅晚上有夜景，东栅没有夜景，本来就是南方人的话，那乌镇的吸引力不大。如果想看古镇又不想花太多钱，可以去西塘。总的来说乌镇对于情侣还是很适合去的。</t>
  </si>
  <si>
    <t>虎皮鹦鹉会说话吗</t>
  </si>
  <si>
    <t>能说话。</t>
  </si>
  <si>
    <t>一部分虎皮鹦鹉会说话，但很少见了。最好是公鸟从小养每天固定一个人跟他说同一句话不能变。</t>
  </si>
  <si>
    <t>关羽冰锋战神还会卖吗</t>
  </si>
  <si>
    <t>他是周年限定，也许下一周年狂欢会出，不过几率很小。</t>
  </si>
  <si>
    <t>不会，一周年限定，除非有什么怀旧活动或者糖果屋里可能会有吧。</t>
  </si>
  <si>
    <t>2017年端午节放假高速免费吗</t>
  </si>
  <si>
    <t>2017年端午节高速公路是照常要收费、没有免过路费的。</t>
  </si>
  <si>
    <t>新鲜薄荷叶能泡水喝吗</t>
  </si>
  <si>
    <t>可以。但泡后不宜过夜喝。</t>
  </si>
  <si>
    <t>red velvet在韩国火吗</t>
  </si>
  <si>
    <t>不是那么火。</t>
  </si>
  <si>
    <t>sm家的当然红了。</t>
  </si>
  <si>
    <t>2017海坨山还能去吗</t>
  </si>
  <si>
    <t>从有人管的地方上山，白天当然不让上比如海坨村，五一之前肯定是防火期。从没有人管的地方上山，想怎么上也没人拦。</t>
  </si>
  <si>
    <t>泡打粉对人体有害吗</t>
  </si>
  <si>
    <t>打泡粉是一种膨松剂，作为食品添加剂的一种，它并不是我们身体中所必需的东西，在国家规定的用量范围内适当吃一些打泡粉做的东西无所谓，但是经常吃，对身体还是有害的。</t>
  </si>
  <si>
    <t>泡打粉是化学起发剂,有两种，一种是碱性的，主要成分是碳酸氢纳、碳酸氢氨；另外一种是复合的，主要成分是明矾和铵明矾。大家都知道明矾，而明矾的主要成分是硫酸钾和硫酸铝 。医学证明，明矾有微毒，进入人体后基本不能排出体外，它将永远沉积在人体内。它的毒性虽然对生命没有影响，但是对人的智力却有很大的危害，长期食用含明矾的食物容易引起老年性痴呆以及智力下降，同时还可引起骨质疏松、心血管疾病等。</t>
  </si>
  <si>
    <t>信用卡不激活收年费吗</t>
  </si>
  <si>
    <t>通常信用卡不激活是不收取年费的，一旦激活才收取年费。到期的信用卡还未激活，将会被注销，再也不能使用。中国银监会规定：持卡人激活信用卡前银行业金融机构不得扣收任何费用持卡人以书面客户服务中心电话录音或电子签名方式授权银行业金融机构扣收费用的除外。</t>
  </si>
  <si>
    <t>大部分信用卡不激活没有年费，但一些级别较高的信用卡及一些材质特殊的信用卡则是不激活也会产生年费的，如果对产生的信用卡年费不闻不问则有可能导致逾期产生不良信用记录，不仅会影响客户个人征信记录，甚至影响以后办理贷款。</t>
  </si>
  <si>
    <t>信用卡不激活说明还没有使用这张卡，所以不交年费。</t>
  </si>
  <si>
    <t>苹果手机有nfc功能吗</t>
  </si>
  <si>
    <t>1、在苹果手机中，苹果iPhone 6 和iPhone 6 Plus是有nfc功能。2、该功能就是借助NFC来实现的，是设置不了的。因为据苹果官方说，iphone 6和iPhone 6 Plus的NFC功能仅仅局限于Apple Pay,NFC的其他功能已经被苹果屏蔽掉了，根本就设置不了。3、近场通信，英语：Near Field Communication，简称NFC，又称近距离无线通信，是一种短距离的高频无线通信技术，允许电子设备之间进行非接触式点对点数据传输，在十厘米、3.9英吋内交换数据。</t>
  </si>
  <si>
    <t>肯定有的。因为iPhone6支持NFC功能，并且带来了全新的Apple Pay支付服务，该功能就是借助NFC来实现的。这个是设置不了的，因为据苹果官方说，iphone 6的NFC功能仅仅局限于Apple Pay,NFC的其他功能已经被苹果屏蔽掉了，根本就设置不了。</t>
  </si>
  <si>
    <t>苹果6以上的手机都有NFC功能。但苹果手机NFC只能用于Apple Pay，还需要终端的支持。</t>
  </si>
  <si>
    <t>防晒喷雾可以带上火车吗</t>
  </si>
  <si>
    <t>不能随身携带，但可以托运。</t>
  </si>
  <si>
    <t>防晒喷雾属化妆品类，内含酒精，但如果在规定范围的毫升内，就可以带上火车。</t>
  </si>
  <si>
    <t>缘来客是真人吗</t>
  </si>
  <si>
    <t>自然是真的啊。难道说，他们是蜡人。不过有女人勾引人的地方都不是好地方。</t>
  </si>
  <si>
    <t>黄姚古镇有去的价值吗</t>
  </si>
  <si>
    <t>黄姚古镇里的门楼、古戏台、古街、古井、民居、宗祠、庙宇、桥、亭、匾等有形建筑遗产，特别是作为整体出现的古镇聚落环境。古镇明清古建筑保存有300多幢，面积达1.6万平方米，完整保存8条石板街，全部用青石板砌成，全长10多公里。还有亭台楼阁10多处，寺观庙祠20多座，特色桥梁11座，楹联匾额上百副。古镇建筑具有很高的艺术审美价值，其设计建造匠心独运，从建筑学上说也是一笔宝贵的遗产。</t>
  </si>
  <si>
    <t>黄姚景区自然景观有八大景二十四小景，既有寺观庙祠，又有亭台楼阁，多为明清建筑。著名的有文明阁、孔明岩、宝珠观、兴宁庙、狮子庙、古戏台、吴家祠、郭家祠、佐龙寺、见龙寺、带龙桥、护龙桥、天然亭等。全镇八条街道，房屋多数保持明清风格，街道均用青石板砌成。人文景观还有韩愈、刘宗标墨迹。古镇没有设关卡收费，人们可以从很多路口自由出入古镇。古镇中的几处景点，如带龙桥、且坐吃茶、村口。古镇旁边沿河而行，一直到文明阁，一路田园，风光无限。在古镇紧挨着的那座山上，可以看到整个黄姚镇的全景。此外，黄姚古镇也是电影《面纱》 、《月光恋》的拍摄地点。黄姚古镇于1995年被列为省级风景名胜区，是一个有900多年历史的古镇，2013年尚保留有较为完整的明清建筑，并以“梦境家园”的“小桂林”之称而享誉区内外。中洞孔明岩、吊岩、风窟和界塘出气岩等一批旅游资源正在规划开发之中。1995年被列为自治区级风景名胜区，2005年以来,黄姚古镇先后被授予“中国最具旅游价值古城镇”、“中国历史文化名镇”、“中国最值得外国人去的50个地方之一”、“国家4A级景区”、“全国特色景观旅游名镇”等荣誉称号。 2013年1月16日，昭平县黄姚古镇成功通过广西壮族自治区乡村旅游区（点）质量等级评定委员会审核，顺利摘取“五星级广西乡村旅游区”桂冠。</t>
  </si>
  <si>
    <t>云付通是商业骗局吗</t>
  </si>
  <si>
    <t>健身后肌肉酸痛还能继续锻炼吗</t>
  </si>
  <si>
    <t>如果肌肉没有完全恢复就进行第二次训练，则效果肯定不好。长此下去还会造成肌肉僵硬、过度疲劳，使训练效果大打折扣。</t>
  </si>
  <si>
    <t>如果当天练手臂肌肉，第二天手臂肌肉酸痛，或者手臂酸痛到不能正常的弯屈等。这种情况下，建议不要再对手臂肌肉进行练习，而是对身体其它部位肌肉进行练习，比如腿部肌肉、背部肌肉、肩部肌肉等。</t>
  </si>
  <si>
    <t>1、人在锻炼过程中会出现肌肉疼痛现象，这是正常的。之所以肌肉疼痛是脂肪转化为肌肉的过程。2、当锻炼初期肌肉出现疼痛的时候正是需要继续运动锻炼的时候，所以不应该停下来。二是增加运动量。3、运动锻炼应根据个人的身体条件，采取适度增加运动量的方法。不宜过度劳累，可以经常自己按摩酸痛部位，减缓疼痛程度。以免造成身体受损。</t>
  </si>
  <si>
    <t>微信好友删除后聊天记录还在吗</t>
  </si>
  <si>
    <t>微信单方删除好友：微信删除好友后，好友信息将从手机上消失，但对方手机聊天记录不受影响。微信双方删除好友：微信双方（双向）删除好友后，聊天记录将会消失，并且无法找回聊天记录。</t>
  </si>
  <si>
    <t>中国人读tesol有用吗</t>
  </si>
  <si>
    <t>肯定有用。经过系统培训并成功通过TESOL考核获取证书的学员将具备优良的青少儿英语授课能力，且该证书被全球100多个国家认可，为8000多所专业英语培训机构和高校视为招聘的唯一标准。</t>
  </si>
  <si>
    <t>tesol证书在国内有效的，可以相当于教师资格证。</t>
  </si>
  <si>
    <t>重庆房价会跌吗</t>
  </si>
  <si>
    <t>宝骏510有自动挡吗</t>
  </si>
  <si>
    <t>目前没有自动挡。</t>
  </si>
  <si>
    <t>小孩吃燕窝会早熟吗</t>
  </si>
  <si>
    <t>小孩吃虫草是会出现早熟现象，但是燕窝不会，燕窝是纯天然营养品，不含激素，所以孩子吃了不会出现早熟现象。燕窝含有丰富的燕窝酸有助于孩子的脑部发育，是小孩滋补的最佳营养品。</t>
  </si>
  <si>
    <t>燕窝含有激素的话就会早熟。</t>
  </si>
  <si>
    <t>边牧掉毛吗</t>
  </si>
  <si>
    <t>边境牧羊犬在成年之前没有明显脱毛现象，而在成年脱去幼年胎毛大概在8个月到一岁之间，在这之后开始算，会每年春秋两季规律的换毛。</t>
  </si>
  <si>
    <t>所有狗狗都会换毛。</t>
  </si>
  <si>
    <t>掉毛。</t>
  </si>
  <si>
    <t>移民新西兰好不好</t>
  </si>
  <si>
    <t>1.新西兰的经济是全世界最具有吸引力经济之一。2.外国投资者都有控制权的自由。3.有利的经商税务制度。4.腐败的现象程度很低。5.按新西兰人口计算的零销售量高。6.新西兰具有最高品质的管理水平。7.投资者的投资本回报率很高。8.新西兰国民拥有房屋比例很高。</t>
  </si>
  <si>
    <t>新西兰是一个发达、富足、无战乱的现代化国家，人均国民收入名列世界前茅；又被称为“人间最后一块乐土”和“世外桃源”，拥有美丽的自然环境、丰富的海洋和森林资源以及奥克兰等天然良港。由于得天独厚的地理位置和发达的科技、通讯、贸易、海运、空运、旅游业，使其成为南太平洋的经济、贸易、金融以及科技、文化、教育中心。</t>
  </si>
  <si>
    <t>癌症会遗传吗</t>
  </si>
  <si>
    <t>目前认为，癌症不是直接遗传性疾病，但是确有少数癌症的发病有家族聚集的倾向，家族中有人患癌，他的子女患癌的机会比一般人可多几倍。这些癌叫作遗传型家族性癌。包括食管癌、肠癌、乳腺癌、胃癌、子宫内膜癌等。</t>
  </si>
  <si>
    <t>癌症现在不是明确的遗传性疾病，但是有越来越多的证据表明，癌症确实有遗传倾向，与遗传有一定关系。</t>
  </si>
  <si>
    <t>蔡卓妍有孩子吗</t>
  </si>
  <si>
    <t>没孩子</t>
  </si>
  <si>
    <t>e享时代是真实的吗</t>
  </si>
  <si>
    <t>空气净化器有必要买吗</t>
  </si>
  <si>
    <t>看你周围的空气了，空气差就需要买。</t>
  </si>
  <si>
    <t>空气净化器在中国还是很有必要的。</t>
  </si>
  <si>
    <t>百世快递和百世汇通是同一个吗</t>
  </si>
  <si>
    <t>百世收购了汇通所以叫了百世汇通。</t>
  </si>
  <si>
    <t>百世快运和百世汇通是一起的，都属百世物流，只是原本这两个是分开的公司，后来百世收购这两家公司后都改名为百世，一个是快运，一个是汇通，两个的区别就是快运处理大物件，而汇通是处理快递小物件，快运3吨以下货物，汇通30公斤以下的货物。</t>
  </si>
  <si>
    <t>金刚狼3死了还会复活吗</t>
  </si>
  <si>
    <t>丧尸杀手潘森有特效吗</t>
  </si>
  <si>
    <t>有语音特效。</t>
  </si>
  <si>
    <t>延长试用期是否合法</t>
  </si>
  <si>
    <t>是否合法取决于劳动合同期限。三个月试用期的合同期限必须是三年及以上或者无固定期限合同。低于三年的试用期是二个月，三个月试用期就违法，实际已经履行的，单位应当支付你3-2=1个月试用期满月工资的赔偿。如果单位未在你入职一个月内签订劳动合同，那么属于违法，应当支付你从入职满一个月后的第二天起到补订劳动合同前一天止期间的双倍工资。如果劳动合同已经签订，并且合同也约定了1个月的试用期，那么公司延长到3个月至少是违约了，如果合同期限不满三年，那么同时也是违法了。</t>
  </si>
  <si>
    <t>法律并没规定不许延长试用期，但是对试用期的长度有限制。劳动合同期限三个月以上不满一年的，试用期不得超过一个月；劳动合同期限一年以上不满三年的，试用期不得超过二个月；三年以上固定期限和无固定期限的劳动合同，试用期不得超过六个月。只要试用期总长度符合这一规定即可，另外关于试用期延长，用人单位必须有合理理由，否则应该视为你已经转正，因为这涉及劳动合同的变更。比如辞职，然后再次回到这个单位的话，这种情况就不能再约定试用期了，主要是针对这种情况。另外，试用期延长实际是劳动合同的变更，你是可以拒绝变更的，这样单位要么转正，要么就得解除劳动关系支付补偿。不过已经签字同意了，就只能按延长处理。</t>
  </si>
  <si>
    <t>华南农业大学是211吗</t>
  </si>
  <si>
    <t>是的211.</t>
  </si>
  <si>
    <t>华南农业既非211，也不是985。</t>
  </si>
  <si>
    <t>没人认可，不是211.</t>
  </si>
  <si>
    <t>驾驶证号码是身份证号码吗</t>
  </si>
  <si>
    <t>一般情况是一样的，有一种情况,就是15位和18位的问题：比如身份证可能是18位的(刚换新的),但驾驶证可能是15位的,原来办的,还没到期换证，就可能不一样。</t>
  </si>
  <si>
    <t>人人美剧有电脑版吗</t>
  </si>
  <si>
    <t>这个是没有电脑版的，只有手机版，如果有电脑的话，不需要电脑版，直接用浏览器打开网页即可</t>
  </si>
  <si>
    <t>51信用卡管家安全吗</t>
  </si>
  <si>
    <t>安全</t>
  </si>
  <si>
    <t>不怎么安全</t>
  </si>
  <si>
    <t>东芝电视是tcl的贴牌吗</t>
  </si>
  <si>
    <t>糖耐量异常能恢复吗</t>
  </si>
  <si>
    <t>如果没有达到糖尿病标准，经合理膳食运动可恢复，但之后也要定期检测。</t>
  </si>
  <si>
    <t>泉州南安是不是很穷</t>
  </si>
  <si>
    <t>不穷，很富有。</t>
  </si>
  <si>
    <t>罂粟能治病吗</t>
  </si>
  <si>
    <t>罂粟就是民间俗称的“大烟”，是中医传统止泻药物。</t>
  </si>
  <si>
    <t>可以用作止痛药。</t>
  </si>
  <si>
    <t>可以的鸦片（英语 opium 阿拉伯语 Afyūm），又叫阿片，俗称大烟，源于罂粟植物蒴果，其所含主要生物碱是吗啡。鸦片因产地不同，呈黑色或褐色；有氨味或陈旧尿味，味苦，气味强烈。生鸦片经烧煮和发酵，可制成精制鸦片，呈棕色或金黄色。吸食时散发香甜气味。鸦片最初是作为药用，目前在药物中仍有应用，如阿片粉、阿片片、复方桔梗散、托氏散、阿桔片等,主要用于镇咳、止泻等。</t>
  </si>
  <si>
    <t>省呗app可靠吗</t>
  </si>
  <si>
    <t>工资面议一般都很低吗</t>
  </si>
  <si>
    <t>面试的工资是谈判工资，这要看个人的能力和技巧。</t>
  </si>
  <si>
    <t>带有（面议）这两个字，因为工资非常的低，低到很离谱。</t>
  </si>
  <si>
    <t>一般工资面议的，都是有提成奖金等的 ， 招工启事上说明不清楚，才要口头协商的。</t>
  </si>
  <si>
    <t>美乐乐家具很差吗</t>
  </si>
  <si>
    <t>也不完全是。</t>
  </si>
  <si>
    <t>paperpass查重可靠吗</t>
  </si>
  <si>
    <t>可靠。paperpass的查重率高。</t>
  </si>
  <si>
    <t>脚踝韧带损伤能自愈吗</t>
  </si>
  <si>
    <t>看拉伤的程度的如何了。严重的韧带撕裂经手术修复后至少要一年半时间才能恢复正常，一般的韧带拉伤三个月就行了。治疗方法：1.伤处可敷消肿其配方是：芙蓉叶30克，赤小豆10克，芒硝粉3克，研成细末，加蜜或白酒调成糊状，敷在患处，2-3天换1次。2.可以考虑保守治疗，当然如果是保守治疗而言，早期疼痛期间也需要休息三周，结合外敷中药，华^氏骨方t以消炎止痛和促进周围组织的恢复。几点注意事项：1.靭带拉伤最忌讳做推拿只能用热敷。2.必须暂停所有活动避免二次伤害扭伤过多，韧带肌腱就会松驰，到这时才治疗，恢复就没有那么好了。3.现在没有治好韧带，只能正常的行走，不能过度过量的活动和跑步，也不能过多的弯曲关节，以免造成韧带的松驰。</t>
  </si>
  <si>
    <t>看养护的程度，如果好好休养不乱动，一周，否则长达月把也不是没可能。</t>
  </si>
  <si>
    <t>时间不等，最少需要4至6周。外用跌打丸，口服舒筋活血片即可。坚持热水泡脚，自我按摩即可，完全可以痊愈的。</t>
  </si>
  <si>
    <t>普京2018年还会连任吗</t>
  </si>
  <si>
    <t>普京会连任的。</t>
  </si>
  <si>
    <t>笔记本能换cpu吗</t>
  </si>
  <si>
    <t>可以更换。但要视具体情况而定。</t>
  </si>
  <si>
    <t>易店无忧转让会被骗吗</t>
  </si>
  <si>
    <t>现在基本上都是有保障的，签署第三方协议。</t>
  </si>
  <si>
    <t>租房上学是否占房东学位</t>
  </si>
  <si>
    <t>孩子上学跟孩子户口所在地有关，你租房子又不该户口，跟房东没关系。</t>
  </si>
  <si>
    <t>婚后房产证加名是否是共同财产</t>
  </si>
  <si>
    <t>婚后房产证加名字属于夫妻共同财产。</t>
  </si>
  <si>
    <t>现在不是了。</t>
  </si>
  <si>
    <t>献血能查出艾滋病吗</t>
  </si>
  <si>
    <t>采集血液还要检验：血型、血红蛋白、转氨酶、乙肝、丙肝、艾滋、梅毒。绝大多数血液没问题，第二天就能出结果，有疑问的血液也很快就能出结果。如果血液中有艾滋抗体，献血时的检测一定要查出来，并且要告知当地疾控中心，也要打电话通知到献血者本人。由于献血时检测艾滋的试剂非灵敏，很有可能误判，疾控中心会让疑似艾滋染者到疾控中心免费检测确诊。</t>
  </si>
  <si>
    <t>检查艾滋病请到当地疾控中心，血站无权做疾病诊断。</t>
  </si>
  <si>
    <t>装修可以提取公积金吗</t>
  </si>
  <si>
    <t>装修一直未进入到提取公积金的政策范围，可能是大家将公积金提取政策里面的‘大修’理解成了‘装修’，按照规定，只有提供县级以上房屋质量监督部门的《危房鉴定书》才能算‘大修’。住房公积金政策规定装修、装饰、中修、小修等行为都不可以提取住房公积金。</t>
  </si>
  <si>
    <t>装修房子可以提取公积金，根据住房公积金管理条例第二十四条职工有下列情形之一的，可以提取职工住房公积金账户内的存储余额：（一）购买、建造、翻建、大修自住住房的；（二）离休、退休的；（三）完全丧失劳动能力，并与单位终止劳动关系的；（四）出境定居的；（五）偿还购房贷款本息的；（六）房租超出家庭工资收入的规定比例的。</t>
  </si>
  <si>
    <t>装修提取公积金分为三种情况：购新房装修、购二手房装修和原自有住房装修。三种情况均需提供：合法的身份证件（居民身份证、户口本或其他有效居留证件）原件和复印件；住房装修工程施工合同或工程预算表（职工自行装修）原件及复印件；装修税控发票或购买建材发票（职工自行装修）原件及复印件。“购新房装修时，还需提供《房屋所有权证》或全额购房发票以及开发商交房通知书原件及复印件；其余两种情况，也还需要《房屋所有权证》原件及复印件。”另外，提取出的住房公积金将首先转到单位住房公积金账号，再由个人领取。</t>
  </si>
  <si>
    <t>孕睫术是永久的吗</t>
  </si>
  <si>
    <t>孕睫不是永久的，他也是随着你的生理机能的变化而消失的。</t>
  </si>
  <si>
    <t>众托帮靠谱吗</t>
  </si>
  <si>
    <t>针对信息方面，众托帮落地应用区块链技术，通过技术手段有效控制风险发生，是泛金融领域第一家区块链应用落地的公司。</t>
  </si>
  <si>
    <t>众托帮的优势很多，挺好，覆盖了各种年龄层，而且全面覆盖常见大病、意外等等，无论是助人还是助己都有公约。加入也便捷安全，让人放心。</t>
  </si>
  <si>
    <t>还是一个不错的平台。</t>
  </si>
  <si>
    <t>泰国七月份适合旅游吗</t>
  </si>
  <si>
    <t>没有他们说的这么热！天气也挺好的！</t>
  </si>
  <si>
    <t>孕妇能喝苏打水吗</t>
  </si>
  <si>
    <t>最好不喝！</t>
  </si>
  <si>
    <t>可以喝的，不影响。</t>
  </si>
  <si>
    <t>苏打水在营养价值方面是以补水为主，但苏打水毕竟含有钠，如果经常喝、大量喝，则会增加高血压的患病风险；另外，部分人工合成苏打水，额外添加了白砂糖、果葡糖浆，如果长期大量饮用，还会增加肥胖、糖尿病、痛风等疾病的发病风险。也就是说，孕妇可以适量喝苏打水，但是没必要长期、大量喝苏打水。</t>
  </si>
  <si>
    <t>fps低是显卡的问题吗</t>
  </si>
  <si>
    <t>是显卡和CPU的问题。</t>
  </si>
  <si>
    <t>红灯能掉头吗</t>
  </si>
  <si>
    <t>红灯的时候是不允许调头的。</t>
  </si>
  <si>
    <t>红灯时可以调头，但是有前提的：红灯期间掉头时车辆不得越过路口停止线或中心实线，也就是说在允许你红灯调头的情况下，中间黄线一般是虚线或近车身的那根黄线是虚线，如果一直实线到停止线，说明不可以红灯调头。</t>
  </si>
  <si>
    <t>不可以掉头扣3分。</t>
  </si>
  <si>
    <t>亚航网上值机后到机场还需要去换登机牌吗</t>
  </si>
  <si>
    <t>网上办理值机后还要用换登机牌。网上办理值机，只是预定了座位号，必须打印出来才可以座位登机牌使用。所以网上办理了值机，必须到机场值机处换登机牌，只有换回登机牌，才能办理托运行李手续，才能进行安检和乘机。</t>
  </si>
  <si>
    <t>白头发还能变黑吗</t>
  </si>
  <si>
    <t>这个不行了，头发白了是根部部分坏死，不可逆的。</t>
  </si>
  <si>
    <t>钜派投资集团靠谱吗</t>
  </si>
  <si>
    <t>钜派投资第三方理财方面还是很不错的。</t>
  </si>
  <si>
    <t>身边有朋友买过钜派的锯大独角兽项目，听说还行。</t>
  </si>
  <si>
    <t>苹果手机支持nfc功能吗</t>
  </si>
  <si>
    <t>在苹果手机中，苹果iPhone 6 和iPhone 6 Plus是有nfc功能。</t>
  </si>
  <si>
    <t>刚种的多肉要浇水吗</t>
  </si>
  <si>
    <t>上盆之后的多肉植物不建议马上浇水，因为刚上盆的多肉植物处于缓苗阶段，浇水太多不好，缓苗期内如果实在觉得盆土过于干燥，可以在土壤的表面喷一层水雾即可，仅为了增加空气湿度，不要太过。当植株度过缓苗期之后一定要果断浇水，不然植株很可能因为缺少而导致萎焉，软叶等现象，一般情况下上盆一周左右就可以浇水了。</t>
  </si>
  <si>
    <t>刚买来的多肉植物，种下后，不需要浇水，有根的话，三天后浇水。</t>
  </si>
  <si>
    <t>对于刚刚上盆的植株给水，还是问题不大的，多点点也不会有太大的问题，只要通风好，一般是没有问题的。</t>
  </si>
  <si>
    <t>wifi万能钥匙电脑版不能用了吗</t>
  </si>
  <si>
    <t>如果新版的不可以用，找老版本的下载。</t>
  </si>
  <si>
    <t>土豆与鸡蛋能一起吃</t>
  </si>
  <si>
    <t>鸡蛋和土豆都是健脑食品。鸡蛋中含有优质蛋白和脂肪，土豆则可补充碳水化合物、维生素和矿物质。鸡蛋和土豆可以在一起吃。但鸡蛋熟的快，土豆慢。是鸡蛋与豆浆不可同食忌二：鸡蛋与豆浆同食早上喝豆浆的时候吃个鸡蛋，或是把鸡蛋打在豆浆里煮，也是许多人的饮食习惯。豆浆性味甘平，含植物蛋白、脂肪、碳水化合物、维生素、矿物质等很多营养成分，单独饮用有很强的滋补作用。但其中有一种特殊物质叫胰蛋白酶，与蛋清中的卵松蛋白相结合，会造成营养成分的损失，降低二者的营养价值。</t>
  </si>
  <si>
    <t>鸡蛋和土豆同时吃的问题分两种情况： 1、二者之间若是混炒或者是单独煮、炒熟后同时吃都没问题，放心受用，有营养的好食品。 2、二者之间绝不能同时放在一起煮熟，煮熟的土豆没问题，但鸡蛋有毒，人吃后会被毒死的。我们乡下曾发生过这样的真事：有一小孩的父母都外出务工，家里只有奶奶带孙子，有一天早上在煮猪食的时候，这个小孩饿了哭着要吃东西，当时又没有可吃的食物，于是奶奶就拿了两个鸡蛋放在锅里一起煮，那猪食全是剁碎的土豆小颗粒，煮熟后奶奶就用冷水冰好弄给小孩吃，不一会，小孩就喊肚子痛，而且还呕吐，送到医院抢救无效死亡，医生说中毒死亡。后来孩子的父母回来后，埋愿其母，其母不信是那样中的毒，就要亲自尝试，在无人能劝动的情况下，自己用鸡蛋和土豆混煮了5个吃，最后也毒死了。</t>
  </si>
  <si>
    <t>鸡蛋和土豆都是健脑食品。鸡蛋中含有优质蛋白和脂肪，土豆则可补充碳水化合物、维生素和矿物质。鸡蛋和土豆可以在一起吃。但鸡蛋熟的快，土豆慢。是鸡蛋与豆浆不可同食忌二：鸡蛋与豆浆同食早上喝豆浆的时候吃个鸡蛋，或是把鸡蛋打在豆浆里煮，也是许多人的饮食习惯。豆浆性味甘平，含植物蛋白、脂肪、碳水化合物、维生素、矿物质等很多营养成分，单独饮用有很强的滋补作用。</t>
  </si>
  <si>
    <t>新垣结衣来过中国吗</t>
  </si>
  <si>
    <t>去过上海</t>
  </si>
  <si>
    <t>是的，有一部她演的微电影类的短片就是在中国拍的</t>
  </si>
  <si>
    <t>疯狂戴夫是僵王博士吗</t>
  </si>
  <si>
    <t>不是的，他是你的邻居。</t>
  </si>
  <si>
    <t>对，戴夫是。</t>
  </si>
  <si>
    <t>惠州房子值得买吗</t>
  </si>
  <si>
    <t>买来自己住的可以考虑，买来投资就算了吧。</t>
  </si>
  <si>
    <t>不管是投资还是自住，惠州的发展都很不错，惠州港，全世界第四个湾区！</t>
  </si>
  <si>
    <t>在惠州买房投资绝对值</t>
  </si>
  <si>
    <t>泰国海鲜便宜吗</t>
  </si>
  <si>
    <t>罗勇府海鲜很便宜，泰国本国人去的比较多。</t>
  </si>
  <si>
    <t>特异功能真的存在吗</t>
  </si>
  <si>
    <t>如果把特意功能定义为一般人做不到但是通过苦练有可能学会的技能，那算是有，比如有人可以在进入冥想状态的情况下承受比一般人大很多的皮肉之苦。如果把它定义为比较夸张的技能，比如通灵，隔空取物，都是不存在的</t>
  </si>
  <si>
    <t>特异功能就是超自然能力，而超自然能力不是什么法术或者魔法。超自然能力的前提就是通过五官配合，例如心灵术、感觉、环境、意志控物这些！英国BBC出了一部纪录片《符灵坛》，这部纪录片很好的讲述了我们生活中那些超乎普通人的现象，但他有事科学的，在生物的结构中是已经存在的</t>
  </si>
  <si>
    <t>虚拟机中病毒会影响主机吗</t>
  </si>
  <si>
    <t>不会对物理机造成任何影响，只要不要把虚拟机中的文件拷贝到物理机上运行就可以了。</t>
  </si>
  <si>
    <t>虚拟机中的病毒在没有联网的情况下不会感染主机。</t>
  </si>
  <si>
    <t>通常来说不会的。唯一有可能是虚拟机里面开启了共享文件夹，病毒可以通过这些共享文件，把病毒传递给物理机。但是一般来说，这种情况都不会发生，因为很多人就没开启共享文件夹，开启了，也许都没有共享文件，所以答案是：不会的。当然任何事情不能是绝对的，也不排除有相当厉害的病毒可以通过破坏虚拟机直接感染到物理机的这种情况的发生。</t>
  </si>
  <si>
    <t>神秘海域4好玩吗</t>
  </si>
  <si>
    <t>神秘海域4是ps4的独占大作，无论从游戏画面、剧情，人物刻画，系统等方面来说，都是不可多得的大作的。也可以说这个游戏是ps4主机玩家的必入游戏，绝对值得推荐的。</t>
  </si>
  <si>
    <t>上海迪士尼需要玩2天吗</t>
  </si>
  <si>
    <t>主题乐园一般都是2天的游玩时间会比较充裕，既可以玩到机动游戏，又可以看到剧场表演。</t>
  </si>
  <si>
    <t>多数人只玩一天，全部项目玩好要两天。</t>
  </si>
  <si>
    <t>子宫肌瘤会影响怀孕吗</t>
  </si>
  <si>
    <t>大多肌瘤不会影响生育。正常女性尤其是生育期的女性，大多都有不同程度的子宫肌瘤。肌瘤位于肌壁内，周围均为肌层所包围，初发病时多为壁间肌瘤，约占60％—70％。对于生育期的女性，孕前发现有不超过5cｍ的壁间肌瘤，又无任何不适感，都可以不做治疗就正常怀孕。相反，手术切除肌瘤，对子宫的创伤比较大，则有可能导致不孕。女性在怀孕期间，雌激素水平增高，肌瘤会快速增长，孕期后，随着雌激素水平的降低，肌瘤又会自然萎缩。所以，大多肌瘤不会影响生育。</t>
  </si>
  <si>
    <t>一般较小的子宫肌瘤对女性怀孕不会造成什么影响，但如果不及时治疗话，子宫肌瘤就会随着时间的推移而逐渐增大，不仅会导致女性不孕，严重的还会引起女性流产，所以一定要引起重视。1、生长在子宫颈部的子宫肌瘤可压迫子宫颈管。阻碍通道或改变子宫颈口的朝向，使之远离后穹窿部的精液池，不利于精子进入子宫颈口。2、生长在子宫腔内的粘膜下子宫肌瘤，犹如宫腔内放置了一只球形的宫内节育器，妨碍生育。宫腔表面的内膜缺血，坏死，萎缩，也不利于受精卵着床。3、子宫肌瘤可使子宫收缩的频率、幅度及持续的时间高于正常基线，干扰受精卵着床或者着床后发生流产。4、较大的子宫肌瘤可使宫腔变形，而生长在子宫角附近的肌瘤可压迫输卵管开口处，造成阻塞，这都不利于精子通过，以及受精卵着床和胎儿发育。5、生长在润韧带内的肌瘤可使获益于其表面的输卵管拉长扭曲，管腔挤压，影响其通畅，或使卵巢变位，卵巢与输卵管间距离增宽，妨碍输卵管伞端的拾卵功能。</t>
  </si>
  <si>
    <t>子宫肌瘤分长在什么位置，外肌瘤良性可以怀孕，内肌瘤怀孕的几率就会大大降低，在输卵管不孕，子宫宫腔偏位良性肌瘤可怀孕。</t>
  </si>
  <si>
    <t>牛buy是骗局吗</t>
  </si>
  <si>
    <t>牛buy是福建万协云商旗下个人生活服务共享生态平台，加盟入驻不是非法集资。</t>
  </si>
  <si>
    <t>陆亦可和赵东来在一起了吗</t>
  </si>
  <si>
    <t>原著中没有在一起。</t>
  </si>
  <si>
    <t>电视剧里并没有拍出他们两在一起。最后陈海都醒了，估计是不可能在一起了。</t>
  </si>
  <si>
    <t>本田crv怎么样值得买吗</t>
  </si>
  <si>
    <t>本田crv的优点是车子的做工不错，燃油经济性和舒适性也挺好，缺点是车子的四驱基本鸡肋，车子的刚性差一些，如果家庭代步使用还是不错的。</t>
  </si>
  <si>
    <t>各方面都很优秀，没有明显的缺点，家用可以。</t>
  </si>
  <si>
    <t>黑苹果好用吗</t>
  </si>
  <si>
    <t>没啥问题的。</t>
  </si>
  <si>
    <t>金巧巧漂亮吗</t>
  </si>
  <si>
    <t>漂亮，不但素颜好，而且会打扮。</t>
  </si>
  <si>
    <t>以前觉得漂亮，现在个人感觉不漂亮。</t>
  </si>
  <si>
    <t>北京现在生孩子需要办理准生证吗</t>
  </si>
  <si>
    <t>北京胎需要办准证的，医院据生育证明，现在准证办理通常是在怀孕后两月办理，这个时候需要医院据生育证明证明，确实已经怀孕。</t>
  </si>
  <si>
    <t>生孩子都是需要办理准生证的，不然的话你这个孩子就是违法生下来的。</t>
  </si>
  <si>
    <t>2017年现货还能做吗</t>
  </si>
  <si>
    <t>能，赚不赚得到钱要看自己的本事。</t>
  </si>
  <si>
    <t>鲨鱼被割鱼翅会死吗</t>
  </si>
  <si>
    <t>会流血过多死掉，或被别的生物吃掉。</t>
  </si>
  <si>
    <t>两到三个小时，会窒息死亡。</t>
  </si>
  <si>
    <t>高圆圆赵又廷有孩子吗</t>
  </si>
  <si>
    <t>没有，高圆圆还没有怀孕。</t>
  </si>
  <si>
    <t>花呗可以提现吗</t>
  </si>
  <si>
    <t>燕子在家里筑巢好吗</t>
  </si>
  <si>
    <t>是好事。燕子在家筑巢，是好兆头。老人们都说有燕子窝的话，说明那个地方风水好。 理论上说，它们选择的地方应该是通风，采光，觅食等等都非常方便的地方，说明你的居住环境还不错。</t>
  </si>
  <si>
    <t>好。燕子在家中筑巢，寓意家庭和睦、人气旺，是兴旺发达之兆。</t>
  </si>
  <si>
    <t>科大讯飞是国企吗</t>
  </si>
  <si>
    <t>安徽科大讯飞信息科技股份有限公司是一家专业从事智能语音及语言技术研究、软件及芯片产品开发、语音信息服务及电子政务系统集成的国家级骨干软件企业，因此属于国企。</t>
  </si>
  <si>
    <t>腰突压迫神经会自愈吗</t>
  </si>
  <si>
    <t>如果腰椎间盘突出有明显的神经压迫，并且有明显的下肢疼痛 麻木的呢过症状的话，一般来讲是不能自己养好的。</t>
  </si>
  <si>
    <t>有可能慢慢自愈，只要自己治愈做康复锻炼，倒走对腰突有康复作用，或者做负跟鞋试验，找本两厘米厚度的书，前脚掌踩书，脚跟踩地，书要两厘米厚度的，模拟负跟鞋，重心后移到脚跟，腰椎直起来，压力会减轻，那受压迫的神经引起的症状也会减轻，有可能慢慢自愈。</t>
  </si>
  <si>
    <t>eve要钱吗</t>
  </si>
  <si>
    <t>EVE是月卡付费的。</t>
  </si>
  <si>
    <t>月卡50元。</t>
  </si>
  <si>
    <t>eve是收费游戏。</t>
  </si>
  <si>
    <t>飞机可以带充电宝吗</t>
  </si>
  <si>
    <t>可以携带，但是要遵守名航组织相关规定。根据现行有效的国际民航组织《危险物品安全航空运输技术细则》和《中国民用航空危险品运输管理规定》旅客携带充电宝乘机应遵守规定：一、充电宝必须旅客个人自用携带。二、充电宝只能在手提行李中携带或随身携带，严禁在托运行李中携带。三、充电宝额定能量不能超过100Wh需航空公司批准；额定能量超过100Wh但不超过160Wh，经航空公司批准后方可携带，每名旅客禁止携带超过两充电宝。四、严禁携带额定能量超过160Wh的充电宝；严禁携带未标明额定能量同时也未能通过标注的其他参数计算额定能量的充电宝。五、不得在飞行过程中，使用充电宝给电设备充电，对于启动开关的充电宝，在飞行过程应始终关闭充电宝。</t>
  </si>
  <si>
    <t>如果不经过航空公司特别批准，20000毫安的移动电源可以随身携带两块电池。</t>
  </si>
  <si>
    <t>等额本金提前还款划算吗</t>
  </si>
  <si>
    <t>等额本金是不是适合在还款期未到之前即先行偿还贷款，还要看申请人已经还了多久的贷款了。一般来说，个人选择了等额本金还款，个人贷款的额度没有还满1/3就适合在还款期未到之前即先行偿还贷款。若个人的等额本金还款已经还满了1/3，甚至还了一半了，这种情况就不适合在还款期未到之前即先行偿还贷款了。因为等额本金还款前期已经还了大量的利息，尔后期多数是还本金了。在这种情况下，在还款期未到之前即先行偿还贷款已经没有多大意义。</t>
  </si>
  <si>
    <t>处在还款初期（3年内）的话，提前还贷是比较划算的，因为月供中利息多于本金；若还款期已过1/4，此后在月供的本金和利息构成中，本金开始多于利息，也不适合提前还款。</t>
  </si>
  <si>
    <t>等额本金还款法，由于贷款人本金归还得快，利息就可以少付，但前期还款额度大，因此适合当前收入较高者、或预计不久将来收入大幅增长，准备提前还款人群，则较为有利。</t>
  </si>
  <si>
    <t>上海迪士尼一天能玩完吗</t>
  </si>
  <si>
    <t>不能，项目还是很多的，加上排队，估计半天多在排队。</t>
  </si>
  <si>
    <t>惠州红花湖好玩吗</t>
  </si>
  <si>
    <t>那里风景迷人，空气清新，重要的是那里骑车已经形成一种文化，花上十几二十块钱，可以绕着红花湖骑行18km。</t>
  </si>
  <si>
    <t>红花湖本身就是一个旅游区，湖面大，也有不少游乐设施。可以散步，可以骑车。</t>
  </si>
  <si>
    <t>dnf网上解制裁是真的吗</t>
  </si>
  <si>
    <t>没有可能解封，后台服务器已经换了，没有人能解开。</t>
  </si>
  <si>
    <t>九级伤残能赔十万吗</t>
  </si>
  <si>
    <t>一般是可以的，但是如果工资标准低、治疗时间短，也可能只到5万。</t>
  </si>
  <si>
    <t>不离职一般到不了。。离职的话肯定可以的。</t>
  </si>
  <si>
    <t>看个人工资情况决定，工伤九级享有9个月本人工资一次性伤残补助金，解除或终止合同有一次性工伤医疗补助金和就业补助金。</t>
  </si>
  <si>
    <t>闪电侠有没有第四季</t>
  </si>
  <si>
    <t>有，DC公司确定回归时间为2017年10月10日。</t>
  </si>
  <si>
    <t>《闪电侠第四季》网络版暂无。</t>
  </si>
  <si>
    <t>专业是极限词吗</t>
  </si>
  <si>
    <t>直喷发动机积碳严重吗</t>
  </si>
  <si>
    <t>一般积碳在1-2万公里以后就会影响性能了，最好是每5000-1万公里做一下免拆清洗。积碳产生后危害是比较大的。</t>
  </si>
  <si>
    <t>燃油喷射系统的结构会对积碳的形成产生很大的影响，严重的会造成发动机的动力下降，油耗也会随之升高。</t>
  </si>
  <si>
    <t>加油宝到底有没有问题</t>
  </si>
  <si>
    <t>加油宝，新车不建议使用，老车的话加加还可以。</t>
  </si>
  <si>
    <t>spss有mac版吗</t>
  </si>
  <si>
    <t>有Windows和Mac OS X等版本。</t>
  </si>
  <si>
    <t>c2驾照有没有考不过的</t>
  </si>
  <si>
    <t>淘宝买一送一违规吗</t>
  </si>
  <si>
    <t>卖家交易面意思自治权 ，只要没有侵害消费者利益，一般不触及国家干预。</t>
  </si>
  <si>
    <t>莱克吸尘器好吗</t>
  </si>
  <si>
    <t>莱克吸尘器产量全球第一，给很多大公司做代工，质量还行。</t>
  </si>
  <si>
    <t>莱克吸尘器挺好的，是专业生产电机的，也是在国内做吸尘器最专业的。而且莱克都是三年质保，终身维修的，产品质量好，噪音相对来说也小，可以信赖。</t>
  </si>
  <si>
    <t>吸力很强，噪音还小，一些细小的灰尘、头发都能吸的很干净。除了这些，莱克魔洁还能除螨呢，真的是一机两用，真的很赞。</t>
  </si>
  <si>
    <t>浙江工业大学是211吗</t>
  </si>
  <si>
    <t>不是211，更不是985，而是2011。</t>
  </si>
  <si>
    <t>不，浙江大学才是。</t>
  </si>
  <si>
    <t>王者荣耀振兴之铠没了吗</t>
  </si>
  <si>
    <t>变成不死鸟之眼了。</t>
  </si>
  <si>
    <t>哮喘能根治吗</t>
  </si>
  <si>
    <t>哮喘在临床上按引起的原因分类，比较复杂。这要根据哮喘的性质来判断。不能随便说能根治，或不能根治。如，过敏性哮喘，去除引起哮喘的过敏源，症状也就没有了。心脏病引起的哮喘，只要控制好心脏的功能，哮喘的症状就能有效缓解。慢性支气管炎引起的，是季节性发作，控制支气管炎是关键。</t>
  </si>
  <si>
    <t>成人的支气管哮喘，接触过敏原很容易复发，是不能根治的。但可以通过规范的治疗，实现哮喘完全控制，达到不影响正常的工作生活。</t>
  </si>
  <si>
    <t>哮喘是一种长期慢性疾病，基本是不可以治愈的，建议您长期使用药物控制疾病，发作时短时间使用大剂量药物来控制疾病其实是十分不可取的，对身体的伤害特别的大。长期使用控制性药物可以减少发病次数，预防发作，对肺部是很好的，控制良好生活80%左右的患者可与常人无异。</t>
  </si>
  <si>
    <t>男人婚外情感情能忘吗</t>
  </si>
  <si>
    <t>立邦漆有甲醛吗</t>
  </si>
  <si>
    <t>有，但是含量非常少。</t>
  </si>
  <si>
    <t>不会很大。</t>
  </si>
  <si>
    <t>立邦乳胶漆中是含有甲醛。</t>
  </si>
  <si>
    <t>孕妇可以喝咖啡吗?</t>
  </si>
  <si>
    <t>为了孩子的健康不要喝。</t>
  </si>
  <si>
    <t>不能喝咖啡，咖啡中含咖啡因，对胎儿的发育是不好的。</t>
  </si>
  <si>
    <t>最好别喝。</t>
  </si>
  <si>
    <t>用醋洗脸可以天天洗吗</t>
  </si>
  <si>
    <t>每天用白醋洗脸并不科学。白醋属于强酸必须加以稀释才可以用于面部。而白醋当中的乙酸长期作用于肌肤也是有很大刺激性的，所以不建议每天用白醋洗脸。</t>
  </si>
  <si>
    <t>天天用白醋洗脸确实不错，可以消炎杀菌，对粉刺有较好的疗效，也可以美白皮肤。每次用量一般15～20毫升，不能过多，否则会对皮肤有伤害。</t>
  </si>
  <si>
    <t>三天用一次最好。</t>
  </si>
  <si>
    <t>前面有大车挡住了闯红灯了会扣分吗</t>
  </si>
  <si>
    <t>有的地方可以免罚，有的地方明确表示不免罚。</t>
  </si>
  <si>
    <t>一般定你闯红灯。如果过线后，停在那里，只要不动，不会拍闯红灯的，记得不要后退，不要前进这是不会记录里闯红灯的。</t>
  </si>
  <si>
    <t>大车挡住了车牌号没拍到就没事。</t>
  </si>
  <si>
    <t>属鼠的今年有贵人吗</t>
  </si>
  <si>
    <t>会的，要把握机会。</t>
  </si>
  <si>
    <t>回头鱼商城可信吗</t>
  </si>
  <si>
    <t>在回头鱼买了几年的东西了，确实没有假货，他们只做进口保健品，很专业服务很好。如果有破损，可以直接退货换货，我有次收到货后一个瓶子被快递压坏了，他们直接就给我换了。</t>
  </si>
  <si>
    <t>我常去那买GNC的产品，这个跟我之前找朋友国外代购的一样，不是假的，其他产品没买过不清楚，但是他们服务挺不错，很注意细节，我信任他们。</t>
  </si>
  <si>
    <t>正品。我是他们白金会员，全家要吃的营养保健品都从那儿供俯垛谎艹荷讹捅番拉拿，尤其很多国外牌子，之前我费好大功夫找国外朋友代购，现在方便多了。</t>
  </si>
  <si>
    <t>iphone5s用ios10卡吗</t>
  </si>
  <si>
    <t>不卡，还不错。</t>
  </si>
  <si>
    <t>5S只有运行出厂配套的iOS7是最流畅的，越高级的系统肯定会越来越越卡，苹果没那么好的还为5S优化那么流畅的系统。</t>
  </si>
  <si>
    <t>税后工资是到手工资吗</t>
  </si>
  <si>
    <t>税后工资是指到手的工资。税后工资指交纳个人所得税以及社保、公积金个人缴费部分后的实际发的工资。</t>
  </si>
  <si>
    <t>灵活组排有奖励吗</t>
  </si>
  <si>
    <t>现在的灵活组排就跟以前的战队排位差不多，和单双排的奖励不一样，头像有没有不知道，框子还是有的。如果自己灵活组排大师，单双排钻石，最后段位就是大师。</t>
  </si>
  <si>
    <t>赛季结束后，结算奖励会取自己最高的段位，比如自己灵活组排是白银，单双牌是黄金，那就会结算成黄金给奖励。</t>
  </si>
  <si>
    <t>两个天梯都打到黄金，会有额外奖励。</t>
  </si>
  <si>
    <t>樱子小姐脚下埋着死尸好看吗</t>
  </si>
  <si>
    <t>内容很充实，非常的独特却又让人感到自然和亲切，而且内容本身就很有意义，开头就说“献给被过去所束缚的人们”。说实话像这样有人情味，内容又很吸引人的推理动漫，确实挺少见的。</t>
  </si>
  <si>
    <t>个人独资企业要做帐吗</t>
  </si>
  <si>
    <t>个人独资企业可以根据报税的形式来做决定，也可以报税不做账。</t>
  </si>
  <si>
    <t>阴阳师还有人玩吗</t>
  </si>
  <si>
    <t>应该还有很多人在玩。</t>
  </si>
  <si>
    <t>现在应该是有1100万人在玩。</t>
  </si>
  <si>
    <t>被小猫抓伤一点点要不要紧</t>
  </si>
  <si>
    <t>不是被猫咬伤而是被它抓伤后，皮肤有破损，同样需要注射疫苗，因为我们无法判断猫的爪子上是否沾上了带有病毒的唾液。</t>
  </si>
  <si>
    <t>不要紧，伤口用肥皂水冲10分钟，然后拨弄的伤口用清水洗，最后酒精消毒，抹上红霉素软膏，几天就好了。</t>
  </si>
  <si>
    <t>主要看抓伤程度。</t>
  </si>
  <si>
    <t>微博仅自己可见可以改为公开吗</t>
  </si>
  <si>
    <t>仅自己可见的微博，不可恢复公开。</t>
  </si>
  <si>
    <t>可以在微博设置里修改。</t>
  </si>
  <si>
    <t>木头味道是不是甲醛</t>
  </si>
  <si>
    <t>刺鼻的味道就是甲醛，正确气味是纯木头的味道，且不含刺鼻的。</t>
  </si>
  <si>
    <t>口吞活蛇是真的吗</t>
  </si>
  <si>
    <t>火车票改签要手续费吗</t>
  </si>
  <si>
    <t>改签不需手续费，改签之后假如有多余的钱会退。</t>
  </si>
  <si>
    <t>每张火车票是可以免费改签一次的，而且在改签规定的范围内，这次改签是免费的。</t>
  </si>
  <si>
    <t>国内漫游费取消了吗</t>
  </si>
  <si>
    <t>目前，三大运营商核心主套餐已取消长途漫游费，实行全国统一计费，但仍有部分在网用户需要支付长途漫游费。</t>
  </si>
  <si>
    <t>现在还没有全面取消。据说在2017年的年底前会取消。</t>
  </si>
  <si>
    <t>春分后天气还会冷吗</t>
  </si>
  <si>
    <t>除非是北方，会冷。</t>
  </si>
  <si>
    <t>春分之后，天气就暖和了。</t>
  </si>
  <si>
    <t>坎特伯雷大学华人多吗</t>
  </si>
  <si>
    <t>坎特伯雷大学相对算是人少的。</t>
  </si>
  <si>
    <t>一个人彩票领奖安全吗</t>
  </si>
  <si>
    <t>绝对安全，因为在路上没有人知道中奖，到了福彩中心给的是现金支票，然后有专人陪着去入账，入账后也没有知道中奖，所以是安全的，就算有媒体也会保密的。</t>
  </si>
  <si>
    <t>不安全，请多几个知心人一起去比较放心。</t>
  </si>
  <si>
    <t>外国人觉得中国安全吗</t>
  </si>
  <si>
    <t>外国人在中国相对来说是安全的，中国的治安相对来说是比较好的，而且中国种族歧视现象很少，所以想来中国的外国朋友，非常欢迎。</t>
  </si>
  <si>
    <t>很安全啊，中国是世界上比较安全的了，不会出现什么危险的事情的。</t>
  </si>
  <si>
    <t>宾馆小广告招嫖安全吗</t>
  </si>
  <si>
    <t>只要涉嫌卖淫嫖娼等违法行为，无论是在哪里实施，均会被采取措施的。</t>
  </si>
  <si>
    <t>南宁协和医院坑钱吗</t>
  </si>
  <si>
    <t>黑医院，私立的，收费高。</t>
  </si>
  <si>
    <t>治疗项目多，所以收费费用高。</t>
  </si>
  <si>
    <t>盆腔积液要紧吗</t>
  </si>
  <si>
    <t>盆腔积液在10mm以下是属于正常的，18.2mm已经超过了正常范围，属于病理性的盆腔积液。</t>
  </si>
  <si>
    <t>需要了解盆腔积液，多发生在排卵期，少算正常，如果说是妇科炎症导致的而且积液超过正常值，则需要进行确治疗才可以。</t>
  </si>
  <si>
    <t>生理性盆腔积液发生在排卵后或早孕期，多数自消失，不必进行治疗 。但大多数盆腔积液是由于炎症引起的，即由慢性盆腔炎症渗出所致。</t>
  </si>
  <si>
    <t>发动机大修后对车影响大吗</t>
  </si>
  <si>
    <t>里面换的配件多是正常的配件，而且装配的比较好，对发动机是没有影响的。专业的大修基本可使发动机恢复到正常的最佳状态。</t>
  </si>
  <si>
    <t>汽车大修后，磨合期好，影响不大。</t>
  </si>
  <si>
    <t>没有多大影响，可能会发生水温较高的想象，那是气缸盖翘了的原因。去4S店里维修品质没有问题，车辆保养得当，就不会有问题。</t>
  </si>
  <si>
    <t>手机128g内存有必要吗</t>
  </si>
  <si>
    <t>有必要，现在手机软件占用内存很惊人，且随着相机的进步，2000万像素的照片，4K的视频，占用内存都很大。</t>
  </si>
  <si>
    <t>个人感觉没必要，128G内存太多，内存起码有一半以上是没有用到的。</t>
  </si>
  <si>
    <t>京东苹果自营店靠谱么</t>
  </si>
  <si>
    <t>很难讲，有些人买到了别人用过的机器，而且只要在激活后不管什么质量问题都不予以退货的。</t>
  </si>
  <si>
    <t>京东自营的绝对可以保真。</t>
  </si>
  <si>
    <t>可靠的。京东是苹果授权经销商。买的时候记得要发票，将来售后要提供的。</t>
  </si>
  <si>
    <t>老人中风能治好吗</t>
  </si>
  <si>
    <t>恢复到以前的状态有可能。但是那是恢复的好。看怎么照顾。也看他自己的意志。只要尽心照料会好的。</t>
  </si>
  <si>
    <t>找中医希望比较大</t>
  </si>
  <si>
    <t>不管去哪家医院就诊，建议选择正规，权威，专门的白癜风医院进行科学的检查，系统的治疗，不同的病情，治疗方法也是不一样，只有最适合患者的治疗方法，才能有效治疗好患者的疾病。</t>
  </si>
  <si>
    <t>君越1.5t值得购买吗</t>
  </si>
  <si>
    <t>1.5的动力跟不上，没力，变速箱低档顿挫。</t>
  </si>
  <si>
    <t>发动机动力不足，可靠性没有自然吸气发动机高。</t>
  </si>
  <si>
    <t>保值率不高，自己开值得入手，打算短时间出手不值得。</t>
  </si>
  <si>
    <t>蚂蚁宝卡不激活退钱吗</t>
  </si>
  <si>
    <t>超过激活时间未能激活蚂蚁宝卡，19元入网预存话费可以退单并退款。</t>
  </si>
  <si>
    <t>小米手环2值得买吗知乎</t>
  </si>
  <si>
    <t>在用，挺好用，觉得149这个价位还是挺值的.</t>
  </si>
  <si>
    <t>一般是计步器用，用途不大.</t>
  </si>
  <si>
    <t>买过了，挺好用的，相比于小米手环1新增了很多东西，而且数字显示屏从手环上就能看到很多数据，非常方便。</t>
  </si>
  <si>
    <t>人民的名义有第二部吗</t>
  </si>
  <si>
    <t>小米空气净化器能除甲醛吗</t>
  </si>
  <si>
    <t>可以除去部分空气中游离的甲醛。</t>
  </si>
  <si>
    <t>长期开着净化器就可以去去除。</t>
  </si>
  <si>
    <t>去台湾需要护照吗</t>
  </si>
  <si>
    <t>大陆居民去台湾旅游是不需要办理护照，但是需要办理“两证一签注”。</t>
  </si>
  <si>
    <t>护照是不需要的，但你要办理一个“大陆居民来往台湾通行证”，如同台湾人到大陆要办理“台湾居民来往大陆通行证”一样。还需要台湾移民署开具的“入境许可证”，你到了台湾才可以入境。</t>
  </si>
  <si>
    <t>要办,去对外处境办理处办理。</t>
  </si>
  <si>
    <t>论文谢辞查重吗</t>
  </si>
  <si>
    <t>查重。</t>
  </si>
  <si>
    <t>eva材料有毒吗</t>
  </si>
  <si>
    <t>exo有没有打破东方神起</t>
  </si>
  <si>
    <t>宜家的家具甲醛超标吗</t>
  </si>
  <si>
    <t>宜家是全球相同供货渠道，货品不仅要符合中国标准，也要符合欧美的严苛要求。</t>
  </si>
  <si>
    <t>新的家具肯定超，内部的污染不会太大，一般就超几倍。</t>
  </si>
  <si>
    <t>公共英语有用吗</t>
  </si>
  <si>
    <t>有用的，是国家承认的考试。全国英语等级考试（Public English Test System，简称PETS）是教育部考试中心设计并负责的全国性英语水平考试体系。作为中、英两国政府的教育交流合作项目，在设计过程中它得到了英国专家的技术支持。全国英语等级考试是面向社会，以全体公民为对象的非学历性英语证书考试，是测试应试者英语交际能力的水平考试。由教育部考试中心主办，各地教育考试院社会考试办公室负责具体实施。</t>
  </si>
  <si>
    <t>有用的，重要的是知识的积累，能力够了自然就是王道，证书只是敲门砖。</t>
  </si>
  <si>
    <t>PETS3普遍被社会和用人单位认可，PETS3对用人单位来说持有者英语能力要高于CET4低于CET6。尤其是评定职称，职位资格，升职加薪的强大评判标准。同时，拥有PETS3证书，可以获得以下考试免考资格：(1)拥有PETS3证书，等于拥有国家公务员考试英语考试免考资格。(2)拥有PETS3证书，等于拥有成人高考英语考试免考资格。(3)拥有PETS3证书，等于拥有成人高等教育非英语专业英语考试免考资格。(4)拥有PETS3证书，等于拥有自学考试非英语专业英语考试免考资格。(5)拥有PETS3证书，等于拥有各级夜大学非英语专业英语考试免考资格。</t>
  </si>
  <si>
    <t>北控水务是国企吗</t>
  </si>
  <si>
    <t>北京控股公司旗下的旗舰水务公司，国企。</t>
  </si>
  <si>
    <t>北控水务是国企，但只是挂名的国企。</t>
  </si>
  <si>
    <t>倍他乐克能长期服用吗</t>
  </si>
  <si>
    <t>如果患者本身没有什么禁忌症，可以长期服用倍他乐克，对于改善症状、调整预后都有很大的帮助。为了确保健康合理用药，要在医生指导下使用倍他乐克，长期服用倍他乐克的患者还需要定期进行心电图检查，因为服用倍他乐克可引起心动过缓。</t>
  </si>
  <si>
    <t>倍他乐可，是一种贝塔受体阻断剂，通过降低心率来达到降压目的；这种药品的毒副作用很低，可以长期服用，请不必过于担心。</t>
  </si>
  <si>
    <t>不能长期服用，会有副作用的。</t>
  </si>
  <si>
    <t>尔生日之夜是与友人观赏您所属黄道星座的最好时机吗</t>
  </si>
  <si>
    <t>打包盒可以放微波炉吗</t>
  </si>
  <si>
    <t>如果是泡沫的分解餐盒就不行。如果是质地较好的塑料餐盒是可以微波加热的，但也要少加热，毕竟对人身体不好！</t>
  </si>
  <si>
    <t>一次性塑料打包盒不可以进微波炉的。一次性打包盒不能加热处理，会有有害物质析出。</t>
  </si>
  <si>
    <t>在不明确是否纯PP生产的饭盒，最好不要放微波炉加热。用塑料制成的一次性餐盒主要有PP聚丙烯和PS聚苯乙烯两种，均无毒牲，无味无嗅，PP较柔软，一般PP使用温度是 -6度至+120度，所以特别适合盛装热饭热菜，可在微波炉里加热。</t>
  </si>
  <si>
    <t>夏天喝普洱好吗</t>
  </si>
  <si>
    <t>普洱茶是四季皆宜的茶类，夏天是可以喝的。在喝普洱茶时，可以加点菊花，以增加普洱的香气和增加解毒去火清肝明目的功效。</t>
  </si>
  <si>
    <t>可以的，但不要太浓。因为普洱熟茶有利尿的功效，所以长期大量饮茶容易造成钙流失。</t>
  </si>
  <si>
    <t>菲律宾可以落地签吗</t>
  </si>
  <si>
    <t>喝咖啡会胖吗</t>
  </si>
  <si>
    <t>喝咖啡不会长胖，但如果喝咖啡时里面加入糖和奶精，则会发胖。</t>
  </si>
  <si>
    <t>要看喝什么咖啡，如果是三合一速溶咖啡，主要由砂糖、脂类咖啡伴侣和咖啡组成，含糖和脂肪成分较高，会越喝越胖。如果是黑咖啡、白咖啡或自己现磨的咖啡喝不容易发胖。</t>
  </si>
  <si>
    <t>微波炉可以做蛋挞吗</t>
  </si>
  <si>
    <t>可以，不过要调中火。</t>
  </si>
  <si>
    <t>可以的，可以用微波功能来加热，也可以选择“光波组合”键来做。最好的是用烤箱来做。</t>
  </si>
  <si>
    <t>宫颈纳氏囊肿会自愈吗</t>
  </si>
  <si>
    <t>宫颈纳囊是宫颈的慢性炎症刺激造成的，这样的情况需要检查宫颈，如果现在炎症没有彻底消失需要继续治疗的，可以先检查宫颈，如果有炎症，通过口服外用的方法治疗，彻底治愈宫颈炎症，单纯的囊肿是不需要担心的，另外这个宫颈囊肿是不会影响身体的，也是不需要治疗的。</t>
  </si>
  <si>
    <t>可以的，小的不用处理。</t>
  </si>
  <si>
    <t>不会的，宫颈囊肿是慢性宫颈炎的一种，一般不能自愈的，对于较大的话，多考虑手术治疗，具体可咨询下检查所在的医生，如果囊肿不大没有不舒服的症状可暂时不采取手术治疗，如果出现不适症状或囊肿较大就需要采取手术治疗。</t>
  </si>
  <si>
    <t>美国和朝鲜可能开战么</t>
  </si>
  <si>
    <t>不会的，中国不会容忍任何一方，单方面破坏半岛现状的。这极端威胁了中国的利益。</t>
  </si>
  <si>
    <t>不会的，朝鲜战争一旦爆发，中国必将受到拖累。而且中国也不会允许美国控制整个朝鲜半岛，把大炮架在家门口，一旦引发核爆，中国必受污染。</t>
  </si>
  <si>
    <t>不会的，中国美国俄罗斯朝鲜互相牵制，若打起来对任何一方都有不利影响。</t>
  </si>
  <si>
    <t>国药控股是国企吗</t>
  </si>
  <si>
    <t>国药控股的最大股东是中国医药集团总公司，属于国企。</t>
  </si>
  <si>
    <t>vivox9怎么样值得买吗</t>
  </si>
  <si>
    <t>挺有特色推荐买。</t>
  </si>
  <si>
    <t>知网查重查表格吗</t>
  </si>
  <si>
    <t>部分表格可以进行比对，但大部分并不能。只能检测到表格中的数据，所以目前也是查重系统的一个缺陷。只需提交就行，相对来说，表格基本没有重复率。</t>
  </si>
  <si>
    <t>知网是全选检测，附录也是检查的。</t>
  </si>
  <si>
    <t>东莞黄江的豪车能买吗</t>
  </si>
  <si>
    <t>走私车，车的品质难以保障。</t>
  </si>
  <si>
    <t>庐山好玩吗</t>
  </si>
  <si>
    <t>庐山还是很美的，是一个革命圣地红色旅游区，值得一看。</t>
  </si>
  <si>
    <t>庐山是世界文化景观、世界地质公园、全国文明风景旅游区、国家5A级旅游景区和爱国主义教育基地。</t>
  </si>
  <si>
    <t>增值税普通发票能抵扣吗</t>
  </si>
  <si>
    <t>不能抵扣的</t>
  </si>
  <si>
    <t>荷包理财安全吗</t>
  </si>
  <si>
    <t>理财安全是相对的。</t>
  </si>
  <si>
    <t>小龙虾真的有寄生虫吗</t>
  </si>
  <si>
    <t>原来的月宫贴图还有吗</t>
  </si>
  <si>
    <t>卡罗拉双擎有补贴吗</t>
  </si>
  <si>
    <t>就天津有吧。</t>
  </si>
  <si>
    <t>这款车的排量大都1.8 虽然油耗低，但是不符合国家补贴的范围，故不能取得补贴 取得补贴的排量为小于等于1.6。</t>
  </si>
  <si>
    <t>没有，3000补贴是给自动档的。</t>
  </si>
  <si>
    <t>试用期可以辞退员工吗</t>
  </si>
  <si>
    <t>用人单位可以证明试用期内，劳动者不符合录用条件的，可以解除劳动合同并且不需要支付劳动者补偿金，也不需要提前30天通知劳动者。</t>
  </si>
  <si>
    <t>一、在试用期中，除非劳动者发生以下情形之一，否则，用人单位不得解除劳动合同：1.在试用期间被证明不符合录用条件的；2.严重违反用人单位的规章制度的；3.严重失职，营私舞弊，给用人单位造成重大损害的；4.劳动者同时与其他用人单位建立劳动关系，对完成本单位的工作任务造成严重影响，或者经用人单位提出，拒不改正的；5.因以欺诈、胁迫的手段或者乘人之危，使对方在违背真实意思的情况下订立或者变更劳动合同的情形致使劳动合同无效的；6.被依法追究刑事责任的；7.劳动者患病或者非因工负伤，在规定的医疗期满后不能从事原工作，也不能从事由用人单位另行安排的工作的；8.劳动者不能胜任工作，经过培训或者调整工作岗位，仍不能胜任工作的。二、此外，即使劳动者符合上述情形之一，用人单位需要在试用期与劳动者解除劳动合同的，应当向劳动者说明理由。</t>
  </si>
  <si>
    <t>防紫外线隔热玻璃还用贴膜吗</t>
  </si>
  <si>
    <t>还是需要的，防紫外线隔热玻璃不能完全有效的隔热。</t>
  </si>
  <si>
    <t>看对防紫外线量的要求如何了，如果镀膜玻璃本身已经达到要求就不要再贴膜了，如果达不到要求再贴一层膜也无妨。如果选的玻璃颜色比较深建议最好不要再贴膜了。</t>
  </si>
  <si>
    <t>如果天气太热，太阳光进入室内较多，很容易造成眼睛眩光，。贴上专用的太阳隔热膜就不会出现这种类似情况，透光效率就没有以前的好了。贴上隔热膜也可以使室内的温度降低温差在4°-20°，使人明显感到太阳灼烧感降低或消失。贴上玻璃膜还起到一定的保护玻璃安全，防止玻璃的爆裂造成的人身安全。</t>
  </si>
  <si>
    <t>换了手机微信的聊天记录能不能恢复</t>
  </si>
  <si>
    <t>要恢复微信聊天记录首先要在换手机之前将记录上传到服务器。</t>
  </si>
  <si>
    <t>可以的，在旧手机上进入"我"，通用，聊天记录转移，进入后，选择要转移的聊天记录，然后用新手机登入，通过扫码方式验证，手机会自动同步。</t>
  </si>
  <si>
    <t>3g显存够用吗</t>
  </si>
  <si>
    <t>显存太够用了。</t>
  </si>
  <si>
    <t>3GB的显存绝对够用。</t>
  </si>
  <si>
    <t>要看显卡的核心，显存多大没关系。不能决定显卡性能。看这个显存容量。应该是集成核显。普通上网看看高清没问题，玩不了大游戏。</t>
  </si>
  <si>
    <t>改轮毂能过年检吗</t>
  </si>
  <si>
    <t>改装轮毂不能通过年检。交通法不允许改装轮毂，改装是违法行为。定期年检：1．检查发动机、底盘、车身及其附属设备是否清洁、齐全、有效，漆面是否均匀美观，各主要总成是否更换，与初检记录是否相符；2．检验车辆的制动性、转向操纵性、灯光、排气及其它安全性能是否符合"机动车安全运行技术条件"的要求；3．检验车辆是否经过改装、改型、改造、行驶证、号牌、车辆档案所有登记是否与车况相符，有无变化，是否办理了审批和异动、变更手续；4．号牌、行驶证及车上喷印的号牌放大字样有无损坏、涂改字迹不清等情况，是否需要更换；5．大型汽车是否按照规定在车门两边用汉字仿宋体喷写单位名称或车辆所在地街道、乡、镇名称和驾驶室限坐人数；货车后栏板（包括挂车后栏板）外侧是否按规定喷写放大2~3倍的车号，个体或联营户的汽车，门的两侧是否喷写有“个体”字样；字迹要求清晰，不得喷写单位代号或其它图案（特殊情况需经车管所批准）。具有下列情况之一的车辆，必须按照有关规定办理后，方予检验：1．车辆状况与行驶证、档案记载不符者；2．号牌、行驶证破损不全、字迹不清或自行仿制号牌者；3．车辆改装、改型、技术改造未办理审批和变更手续者；4．未按照规定喷写单位名称和号牌放大字样者；5．不按照规定安装警报器、标志灯具者；6．未按照规定缴纳养路费和保险者。【关于机动车非法改装的有关规定】一、《机动车登记规定》第十条，已注册登记的机动车需要改变使用性质、车身颜色、车身或车架等，机动车所有人应当向登记地车辆管理所申请变更登记。二、《中华人民共和国道路交通安全法》第十六条，第一项规定任何单位或者个人不得拼装机动车或者擅自改变机动车已登记的结构、构造或者特征。 未经公安交通管理部门允许，擅自改装机动车底盘、发动机、悬挂、变速系统、方向系统、车胎轮毂、车灯、车身颜色喷涂和外观结构，以及机动车的有关技术数据与国务院机动车产品主管部门公告数据不符的都属于改装行为。公告数据包括：车辆转向形式、车身规格尺寸、燃料种类、钢板弹簧片数、轴距、轮胎数、轮胎规格、总质量、核定载质量、环保达标情况、排量/功率、轴数以及车辆外观照片。根据公安部《机动车登记办法》有关规定，在用汽车轮胎规格、改装进气系统、排气系统都不是国家允许的变更项目。 如在用汽车进行上述改装，可能会改变发动机功率，影响到行车安全，对进行非法改装的机动车所有人，将依法处以500－1000元的罚款，并责令其恢复原状。</t>
  </si>
  <si>
    <t>汽车改装轮毂无法通过年检，属于外观和技术改装，需要换回原车的轮毂才可以正常年检。6大影响年检的因素：1、对车辆外形、外部尺寸进行改装的，比如加装大包围、尾翼、轮毂等；2、号牌不规范的，比如使用可拆卸号牌框，号牌不清晰、缺损、掉漆；3、灯光使用不规范的，比如擅自改装氙气灯等；4、车身乱涂乱改，比如将原本黑色车漆改成了白色车漆，却未备案的；5、乱改车标的，比如有的车主买了一辆重庆力帆，却将车子的车标换成了宝马，这种情况年检肯定 无法通过；6、玻璃贴镜面反光膜或者车窗贴花的，按照规定，通过透光仪检测小于70%透光率的，会影响驾驶员观察，是无法通过年检的。</t>
  </si>
  <si>
    <t>如果事先未经过交通管理部门的批准，改装轮毂的车是无法正常通过年检的。根据现行的《机动车登记规定》相关条款，改变已领牌照机动车的车身颜色、车型、性能、用途和结构，更换车架、车身或发动机，车主都必须向车管所申请变更登记。加装尾翼、做大包围、改装排气管等行为，原则上都不被允许。国家关于汽车改装的有关规定：有下列情形之一的，不予办理变更登记：（一）改变机动车的品牌、型号和发动机型号的，但经国务院机动车产品主管部门许可选装的发动机除外；（二）改变已登记的机动车外形和有关技术数据的，但法律、法规和国家强制性标准另有规定的除外，改装汽车轮毂属于改变汽车外形的行为，年检时是很难通过的。</t>
  </si>
  <si>
    <t>蒋雯丽有孩子吗</t>
  </si>
  <si>
    <t>3个孩子。</t>
  </si>
  <si>
    <t>壹号钱包是合法的吗</t>
  </si>
  <si>
    <t>壹钱包是平安银行的第三方支付平台类似支付宝钱包，主要提供理财产品和销售第三支付服务，是合法的。</t>
  </si>
  <si>
    <t>司法拍卖的房子限购吗</t>
  </si>
  <si>
    <t>法院是不限购拍卖房产的。但到当地房管局过户时，部分限购地区，如果已有房产，在限购行列。房管局会受理过户后，停止过户手续，到原房产卖出，不属限购行列时，才继续办理过户给。</t>
  </si>
  <si>
    <t>法院拍卖的房子能买，但是要注意以下几类风险，如果风险过大，建议谨慎决定是否参与竞买。一、房屋所有权证的办理难以确定，因为开发商在楼盘开发时需要在规划、住建、国土等政府主管部门拿到相应的审批文件，而法院在执行相关案件时很难准确、及时地提供与房产证办理的信息，因此就会导致拍卖房屋的所有权证书办理会出现问题。如何判断是否会出现这样的风险，要看该房屋在拍卖前的所有权状况，如果该房屋在法院查封前属于合法登记的房产且产权手续齐备，则可依据法院的协助执行通知书办理房屋所有权证。那么，如果该房屋在法院查封之前没有办理产权证或初始产权登记，且没有办理的原因是原所有权人存在违法行为或不具备产权登记的条件，相关政府主管部门不予登记的，这种情况购买查封的房屋是没法办理房屋所有权证书的。但如果原所有权人不能办理产权登记的情况，只因不具备主管机关要求的条件而无法办理，那么条件具备后或法院通过强制执行使之能办理所有权登记手续的，购房人也可以办理房屋所有权。二、房屋质量没保障，因为在法院委托拍卖机构进行拍卖时，通常只是对明显的瑕疵进行简单描述，对于房屋存在的其他隐秘或暂时不能显现的质量问题都不会体现。因此，即便进行了现场查勘，也会存在相应的质量瑕疵风险。一般来说，如果因为开发商资金链断裂延期交房，这种房屋经常会因为在施工时偷工减料，开发商使用的建筑材料以次充好，导致存在质量瑕疵。但因为这些房子还没有经过长期实际居住使用，因此无法发现隐蔽问题。并且这些问题很难通过诉讼解决。因为法院一般会认为，房屋原所有人在拍卖前只要告知拍卖公司房屋存在某种瑕疵情况，拍卖公司又将这一情况如实告知竞买人，并声明仅以房屋现状拍卖，就视为均已依法履行了瑕疵告知义务。竞买人对所竞买的物品负有谨慎的注意义务，应对拍卖标的物了解清楚后参与竞买，所以只要实际参与了，法院就会推定自愿接受这种现实，因此通常情况下，不会支持竞买人的诉求。三、法律规定的执行回转《民事诉讼法》规定“执行完毕后，据以执行的判决、裁定和其他法律文书确有错误，被人民法院撤销的，对已被执行的财产，人民法院应当作出裁定，责令取得财产的人返还；拒不返还的，强制执行。”这一规定，就是们所说的执行回转，法院错判后，可以依据该规定执行。通俗地讲，“执行回转”即是在执行程序结束后，原据以执行的法律文书经过法定程序被撤销，以至于取得财产的一方当事人丧失了取得的合法依据，法院重新采取执行措施，将已经执行的财产退还给原被执行人，恢复到执行程序开始前的状态的情形。如何对抗执行回转，应该适用善意取得制度来与之相抗衡，法律基本的价值取向应当是保障交易安全，《物权法》设立了善意取得制度。出卖人或者为他人设立担保物权的人，是无权处分人，买受人及取得担保物权人是善意(不知情且无过失)的当事人时，则可善意取得房产的所有权或者担保物权。因此，为了保障交易安全，最大限度保护通过拍卖取得房产的当事人利益，法律应该赋予善意取得对抗执行回转的效力。同时，因错判遭受损失者，应该通过司法途径获得赔偿。这种执行回转的情况虽然并不多见，但对竞拍人的损害却是巨大的。因为目前，在这种情况下没有明确的法律规定可以通过善意取得制度来进行救济，所以最现实的办法可能就是选择与相关当事人达成和解协议，做出一定让步了。四、购房成本风险　　这里面通常包含两方面，一是拍卖的房产不接受贷款，竞拍人必须一次性支付。二是实际购房成本加上拍卖佣金可能要高于相同户型、面积的房屋。与市场上的一般二手房交易不同，拍卖房的交易过程中涉及到两个重要费用，一是拍卖保证金，二是拍卖成交后需支付给拍卖公司的佣金。其中保证金是竞拍人参与竞拍的“过路费”，竞拍人应在拍卖会举行前若干天将保证金打入专门账户，并凭借保证金收据到拍卖公司办理报名竞买手续。拍卖成交后，竞拍人的保证金冲抵购房款，如未成交拍卖结束后将退还保证金。竞拍成功后，竞拍人除了要缴纳二手房交易中涉及的相关税费外，还要根据具体成交金额，支付给拍卖公司一定比例的佣金。佣金比例一般为房价总额的1%～5%之间。　　另外，如果被拍卖房屋所占用的土地是划拨的土地使用权，那么，在拍得房屋后办理所有权证时，还必须补缴土地出让金。因此，在参与拍卖时，还必须留心土地使用权取得问题。五、实际居住人拒绝搬离房屋　　如果房屋有承租人或是存在恶意一房二卖的情况，在拍卖后也有可能会发生实际居住者拒绝搬走，进而引发新的诉讼。这个风险一般是比较少见的，但在们办理的案件中也曾经出现过。这种情况发生在有银行参与的房屋买卖的连环诉讼中，银行享有房屋的抵押权，通过法院直接拍卖使抵押权变现。但房屋租赁人由于租约未到，拒绝搬离房屋，这种情况下一般要等到租赁合同到期后实际入住人才搬离房屋。或者，房屋所有权人恶意将房屋卖给第二手购买人，由于第二手购买人已经支付了全部购房款，办理了入住手续，并对房屋进行装修，第二手购买人拒绝搬离。这种情况下，过往的判例一般是房主将全款退给二手购买人，拍卖人方可入住。</t>
  </si>
  <si>
    <t>法院拍卖房在限购范围。在参加拍卖之前，首先要审查竞拍者的资格，已受限购的是不能参与竞拍的。</t>
  </si>
  <si>
    <t>猫能吃鸡蛋吗</t>
  </si>
  <si>
    <t>不同的猫咪个体其体质不同，它们对鸡蛋的适应能力也不一样。有些猫咪可以适当的多吃一些鸡蛋，然而有些猫咪只能吃一点点甚至是不能吃。</t>
  </si>
  <si>
    <t>不能吃蛋白，可以吃煮熟的蛋黄。</t>
  </si>
  <si>
    <t>胎儿抽搐式胎动正常吗</t>
  </si>
  <si>
    <t>可能是有点惊吓,没关系的不用紧张。</t>
  </si>
  <si>
    <t>正常，这是宝宝在小空间里做运动，宝宝也有活跃的时候，也有累了需要休息的时候，这一切都是正常的，不用担心，放松心情才是最重要的。</t>
  </si>
  <si>
    <t>巨骨舌鱼好吃吗</t>
  </si>
  <si>
    <t>据说一般般。</t>
  </si>
  <si>
    <t>包皮过长一定要割吗</t>
  </si>
  <si>
    <t>绝大多数情况下不需要去做手术，医院为了赚钱才这么鼓动人去做。</t>
  </si>
  <si>
    <t>这个不一定，在于自己的选择，如果嫌第二种麻烦，可以考虑切除。不过大多数人都没切除，实在有问题，到时候再切也不迟，反正也没什么影响。</t>
  </si>
  <si>
    <t>包皮过长是指阴茎在松弛状态下，包皮覆盖了整个龟头，如果包皮不仅覆盖整个龟头，且包皮口狭小，包皮不能外翻，这种状态称为包茎。包皮过长、包茎有很大的危害，如：1.易引起各种炎症。2.易诱发阴茎癌。3.易引起手淫。4.易影响性生活。5.易造成不育。6.易造成嵌顿性包茎。7.易影响妇女健康，出现宫颈疾病，导致宫颈癌等情况。建议如果存在这样的情况最好是及早进行手术切除。</t>
  </si>
  <si>
    <t>顺峰山公园好玩吗</t>
  </si>
  <si>
    <t>交通不是很方便。属于开放式公园。环境很好，很大。有山有湖。有很多岭南地区特色的建筑物、石牌坊和塔。是顺德不可多得的休闲好地方。</t>
  </si>
  <si>
    <t>有个人工湖，里面有小贩包了用来经营水上活动，个人觉得更适合饭后散步吧，旁边有个吉之岛，逛街也不错哦。</t>
  </si>
  <si>
    <t>直播能赚钱吗</t>
  </si>
  <si>
    <t>可以，主播可以靠观众的礼物提成，一般是这样的。</t>
  </si>
  <si>
    <t>痘坑能平吗</t>
  </si>
  <si>
    <t>1.用按摩法去除痘坑2.生姜片去痘坑3.涂抹维生素C和维生素E去痘坑4.食疗去痘坑</t>
  </si>
  <si>
    <t>1、把蛋白和盐搅拌至起泡，再倒入蜜糖搅拌。敷面法：清洁面部后才敷上，但须避免触及眼和唇部四周。敷一至两分钟，待蛋白干透后用暖水洁面，再用冻水洗多一次，然后抹干。2、将冬瓜子仁、桃仁晒干后磨成细粉，加入适量蜂蜜混合成粘稠的膏状。每晚睡觉前涂在印上，第二天早晨洗净。</t>
  </si>
  <si>
    <t>1、用VE，晚上睡觉的时候把VE涂在脸上,第二天早晨洗去即可!坚持几天,痘印会明显减轻的! 2、用生姜片，把生姜片贴在脸上15-20分钟后洗去,坚持几次,痘印也会减轻的!</t>
  </si>
  <si>
    <t>希望ol还有人玩吗</t>
  </si>
  <si>
    <t>肯定有人玩。</t>
  </si>
  <si>
    <t>人很少了。</t>
  </si>
  <si>
    <t>每天喝豆浆好吗</t>
  </si>
  <si>
    <t>间断地喝好。</t>
  </si>
  <si>
    <t>当然好。女人喝豆浆比喝牛奶好。</t>
  </si>
  <si>
    <t>说好肯定好，但是大量喝不但不能抑制乳腺癌，还会加速癌细胞的增长。</t>
  </si>
  <si>
    <t>女孩子做客服工作好吗</t>
  </si>
  <si>
    <t>青春期捏鼻子会变挺吗</t>
  </si>
  <si>
    <t>用处不大的。鼻梁挺不挺，看的是鼻梁骨长得高不高，而骨头的生长可不能靠捏来塑性的。</t>
  </si>
  <si>
    <t>骨头是不会的，肉或许可能会有影响。</t>
  </si>
  <si>
    <t>那不一定，不过成功的机率很小,鼻子的形状已经在你出生时已经固定了的,要人力改变自己是不可取的。</t>
  </si>
  <si>
    <t>驱蚊贴有用吗</t>
  </si>
  <si>
    <t>驱蚊贴有驱蚊效果，但是效果没有蚊香液好。</t>
  </si>
  <si>
    <t>所有牌子的驱蚊贴都没有用。</t>
  </si>
  <si>
    <t>有效的情况得按地域和蚊子的免疫程度来分析，一种驱蚊贴是否管用还得看在哪里用。</t>
  </si>
  <si>
    <t>小米5是双卡双待吗</t>
  </si>
  <si>
    <t>米5是双卡但不双通。</t>
  </si>
  <si>
    <t>小米5的确是双卡双待手机，支持同时插入两张Nano-SIM卡。双Nano-SIM卡槽，任意卡槽均可设置为主卡。</t>
  </si>
  <si>
    <t>淘宝宝贝下架后再上架有影响吗</t>
  </si>
  <si>
    <t>重新上架有好处，这样做利于宝贝排名。</t>
  </si>
  <si>
    <t>一般的描述修改不影响的，如果重要的信息修改或者整个换宝贝的话属于SKU作弊，如果给系统查到会降权，影响整个店铺的运营。</t>
  </si>
  <si>
    <t>搜狐自媒体有收益吗</t>
  </si>
  <si>
    <t>搜狐自媒体还没有开通收益。</t>
  </si>
  <si>
    <t>现在自媒体平台一般都有收益方式。</t>
  </si>
  <si>
    <t>感冒能喝牛奶吗?</t>
  </si>
  <si>
    <t>由于发烧时，体内的消化和吸收功能相对较弱，消化酶分泌减少，活性也相对较低，致使牛奶中的蛋白质不易消化吸收，因此发烧时不宜喝牛奶。</t>
  </si>
  <si>
    <t>感冒时选择高品质的蛋白质能增加身体修复能力 ，牛奶容易生痰，有些人的乳糖耐受性低，也容易拉肚子，不建议以牛奶作为摄取蛋白质的来源。</t>
  </si>
  <si>
    <t>孕妇可以吃香瓜吗</t>
  </si>
  <si>
    <t>当然没问题，适量即可。</t>
  </si>
  <si>
    <t>王者荣耀铭文差距大吗</t>
  </si>
  <si>
    <t>在排位里，会觉得很乏力。因为排位段位越高，特别是钻石2开始。很多玩家都是满5级整套符文。如果是4级符文，在同等水平下，就会有差别。</t>
  </si>
  <si>
    <t>相当于开局差一件大件。比如5级夺萃十个提供16%的物理吸血，基本相当于饮血剑属性的一半了。</t>
  </si>
  <si>
    <t>外汇是骗局吗</t>
  </si>
  <si>
    <t>外汇公司要客户出的钱是存在银行客户自己的户头上，客户自己可以去所开户的银行查的。目前国内炒外汇的公司给客户开户都是香港汇丰银行，只不过是公司替客户去开的户而已。客户的资金是绝对安全的，香港汇丰在资金转出的时候只会把钱转到客户开的另一个银行的账户上，公司提供的任何其他的人的账户资金转不出去的，所以绝对不存在骗。客户资金入账的时候是自己去邮政银行或者中国银行把钱存到自己在香港汇丰银行的账户上，所以资金绝对安全。目前国内只有邮政银行和中国银行经营外汇业务，会按每笔收取一定手续费。手续费包括国内90-200RMB，汇丰11-19美金。香港汇丰银行是世界最大的外汇银行，老牌的英国资本主义银行，美国佬都搞不赢它，所以不用担心资金安全。所以说炒外汇的公司都是骗人完全是造谣的！</t>
  </si>
  <si>
    <t>外汇交易本身不是骗人的，只是投资方式的一种，类似于股票，但是比股票风险要大，对应的利润也高，算是富贵险中求吧。一般人口中的外汇交易都是指的带杠杆的外汇保证金交易，实盘交易占用资金太大，反倒没有多少人关注。</t>
  </si>
  <si>
    <t>fxbtg平台可靠吗</t>
  </si>
  <si>
    <t>FXBTG金融集团是全球知名的外汇交易商，FXBTG于2002年成立于美国华盛顿，在澳大利亚，伦敦，香港拥有全资子公司，并且拥有当地的业务牌照，接受美国期货管理委员会NFA，英国金融服务管理局（FSA）和澳大利亚证券投资委员会（AISC）的监管，2012年在中国香港成立亚洲区代表处。FXBTG的金融牌照ID是：FSP 319786。FXBTG金融集团坚持最高等级的服务，始终坚守行业操守。在不断技术创新和升级优良的客户服务的同时，确保客户可以根据严格的官方条规下通过可靠及专业的流动性提供商进行交易。FXBTG金融集团接受严格的规管条件监管，包括如何支配处理客户的款项，妥善保管金融交易以及根据国家与国际法律编制周期金融报告。</t>
  </si>
  <si>
    <t>从监管和资金安全的角度，是不太可信的。</t>
  </si>
  <si>
    <t>没学过电脑做文员难吗</t>
  </si>
  <si>
    <t>维生素e可以擦脸吗</t>
  </si>
  <si>
    <t>抹身体靠谱，抹脸不靠谱。</t>
  </si>
  <si>
    <t>一种脂溶性维生素，如果用它来选择涂脸，最好在晚上，白天涂脸上油油的容易吸附空气中的灰尘。4、维生素E内服外用去痘印。</t>
  </si>
  <si>
    <t>维生素E涂脸真的能使皮肤变好。1、维生素E+维生素C。2、维生素E按摩痘印。3、维生素E+珍珠粉去痘印。</t>
  </si>
  <si>
    <t>露娜洁面仪好用吗</t>
  </si>
  <si>
    <t>感觉不错。</t>
  </si>
  <si>
    <t>网友反映总体还行。</t>
  </si>
  <si>
    <t>电动车钥匙丢了 可以配吗</t>
  </si>
  <si>
    <t>电动车的遥控器钥匙掉了能配一个，可以直接到购买电动车位置就可以了，解码一下重新配置一个就好了。</t>
  </si>
  <si>
    <t>如果是汽车的话，有专门的地方能配这种钥匙的，500元以内应该可以搞定。如果是电动车的话，找家时间长的配钥匙的地方，可以不用钥匙配钥匙，但是估计价格会贵些，大概5-10元/把。</t>
  </si>
  <si>
    <t>当然可以配了，不过还是原装的好用。</t>
  </si>
  <si>
    <t>陪产假扣工资吗</t>
  </si>
  <si>
    <t>不扣。</t>
  </si>
  <si>
    <t>笔记本的固态硬盘和台式的是一样的吗</t>
  </si>
  <si>
    <t>笔记本硬盘可以作为台式机的硬盘使用，接口都是一样的。笔记本硬盘和台式机的硬盘主要的区别有：硬盘有两种，一种是3.5英寸硬盘，另外一种就是2.5英寸硬盘。3.5英寸一般用于台式机的主机，笔记本不能说不能用，只不过放不下而已。</t>
  </si>
  <si>
    <t>区别还是蛮大的，主要原因是大小问题，笔记本用的是2.5英寸的，这个大小才能放进笔记本。而台式机用的硬盘是3.5英寸大小，这个大小才能放进硬盘架里。</t>
  </si>
  <si>
    <t>固态硬盘一般为2.5寸，台式和笔记本电脑可以通用。安装在笔记本上，可以直接放入硬盘安装位；安装在台式机上，需要3.5寸转换架，然后再安装在机箱的硬盘位上。</t>
  </si>
  <si>
    <t>电子期刊评职称能用吗</t>
  </si>
  <si>
    <t>不行，这种电子期刊基本没什么用，要评职称还是要发表高端一点的杂志才行，一般要求核心期刊。</t>
  </si>
  <si>
    <t>一般都不认可的，评职称必须是纸质的正规期刊。</t>
  </si>
  <si>
    <t>有很多单位不认可电子期刊的，只认纸质期刊，评职称能不能用，要看你们单位的具体规定，认可就能用，不认可就不能用。</t>
  </si>
  <si>
    <t>痛风性关节炎能根治吗</t>
  </si>
  <si>
    <t>痛风并不是“不治之症”，它是可防可治的。</t>
  </si>
  <si>
    <t>打猫会记仇吗</t>
  </si>
  <si>
    <t>这还得看猫自己的性格了。</t>
  </si>
  <si>
    <t>小猫和狗狗一样，不会记仇的，但是会有条件反射的，有自我保护和报复意识。</t>
  </si>
  <si>
    <t>乌龟养久了会有怨气吗</t>
  </si>
  <si>
    <t>我觉得不会。</t>
  </si>
  <si>
    <t>乌龟无论养多久，都没法会听得懂人说话的。</t>
  </si>
  <si>
    <t>薏米水可以天天喝吗</t>
  </si>
  <si>
    <t>可以长喝，但是偶尔也可以歇息一两天。</t>
  </si>
  <si>
    <t>三国志13破解版出了吗</t>
  </si>
  <si>
    <t>破解版在3DM上面已经可以下载了，而且汉化也是自带的，所以如果只是想玩玩的话可以去3DM上面下载试玩，要是觉得好玩买个PK版的入入正版也算对游戏的支持吧。</t>
  </si>
  <si>
    <t>破解版今年已经出来很久了，可以去一些游戏网站的论坛找找，游戏网站就别去了，肯定和谐了。</t>
  </si>
  <si>
    <t>婚后父母赠与的房产属于夫妻共同财产吗</t>
  </si>
  <si>
    <t>婚后由一方父母出资为子女购买的不动产，产权登记在出资人子女名下的，视为只对自己子女一方的赠与，该不动产应认定为夫妻一方的个人财产。按照《中华人民共和国婚姻法》规定，认定为夫妻一方的财产，因此在你与男方离婚财产分割时，男方无权分割你的个人财产。</t>
  </si>
  <si>
    <t>若婚后一方父母赠予子女房产，没有明确指明归一方所有，就算夫妻共同财产；反之就是一方的个人财产。</t>
  </si>
  <si>
    <t>要看赠与协议中是否注明了该房产属于父母赠与子女的个人财产，要看办理赠与房产的房产证是否只登记了受赠方一人姓名。</t>
  </si>
  <si>
    <t>没拿到房产证的房子可以卖吗</t>
  </si>
  <si>
    <t>没有房产证的房子是不能买卖的。</t>
  </si>
  <si>
    <t>益母草颗粒可以催经吗</t>
  </si>
  <si>
    <t>益母草主要用于月经量少，对于催经效果不明显。</t>
  </si>
  <si>
    <t>没有催经作用。</t>
  </si>
  <si>
    <t>猫死前会向主人道别吗</t>
  </si>
  <si>
    <t>猫死之前通常会默默的离开，找个小的安静的地方死去。</t>
  </si>
  <si>
    <t>一般猫在临死前会预感到自己将要死去，然后他会回到他的主人家道个别，然后找个无人知晓的地方，独自死去。</t>
  </si>
  <si>
    <t>ps4可以连笔记本吗</t>
  </si>
  <si>
    <t>笔记本电脑想要做PS4的显示器的话，必须要有HDMI输入端口。虽然现在笔记本基本都有hdmi接口，但是hdmi接口是分输入接口和输出接口的。而大部分笔记本上的都是hdmi输出接口。还有一部分笔记本上面是VGA接口，VGA和HDMI一样，分输入接口和输出接口，笔记本上的一般都是输出接口。只有很少一部分笔记本是有输入接口的。这点请自己检查自己笔记本上是否有hdmi接口或者VGA接口（如果两者都没有的话就没法了的）然后咨询客服这个型号的接口是否可以输入。如果可以的话，就可以直接接PS4了的。VGA的话买个HDMI转VGA即可。如果没有输入接口的话就不行了。或者说的采集卡，采集卡其实蛮贵的，主要是用于直播PS4的，虽然也能把图像弄到电脑上，但是按键是有比较大的延迟的，比较不推荐用采集卡玩游戏。与其买采集卡，不如买个普通的电脑显示器呢，显示器都是有输入接口的。</t>
  </si>
  <si>
    <t>PS4可以连接电脑显示器的。一、如果显示器有HDMI接口。1、如果显示器自带扬声器，只需要一根HDMI连接线将PS4和电脑显示器连接即可。2、如果显示器自带耳机插孔，那可以插耳机输出声音。3、如果显示器什么也不带。①可以直接把耳机插在PS4手柄的耳机插孔上。不，一个手柄电池电量有限，另一个这样音质也很差。②买一个HDMI音频分离器，来接音箱和耳机，就是挺贵。③买一个光纤音频转换器，连接线连接PS4的光纤音频接口，然后接音箱或者耳机输出声音，音质不错而且便宜。二、如果显示器没有HDMI接口，只有VGA或者DVI接口。1、那么就需要一根HDMI转VGA或者DVI的连接线将PS4和电脑显示器连接。2、如果有DVI接口，优先使用HDMI转DVI连接线。因为DVI输出图像质量和HDMI差不多，但是VGA质量就差远了。3、因为VGA和DVI没有音频，就需要单独接出音频来，具体同上面的步骤①②③。</t>
  </si>
  <si>
    <t>新版小鹿男值得培养吗</t>
  </si>
  <si>
    <t>可以考虑使用，但实用性不大。</t>
  </si>
  <si>
    <t>心跳突然加快会猝死吗</t>
  </si>
  <si>
    <t>未成年可以买房吗</t>
  </si>
  <si>
    <t>未成年人不能直接购房，但未成年人的法定监护人可以以未成年人的名义购房。</t>
  </si>
  <si>
    <t>顺丰到付和现付价格一样吗</t>
  </si>
  <si>
    <t>顺丰运费到付和现付肯定不是一样的：一般现付属正价支付快递费，台果采取到付，那就需要付一定手续费的，两者收费是不一样的。一般到付，如果是单件应付手续费3-5元；如果是重量到付可能是加收百千分之十左右。</t>
  </si>
  <si>
    <t>当然一样。运费是同样的。</t>
  </si>
  <si>
    <t>顺丰的价格很透明，可以在顺丰官网查询，他的到付还是现付都是一样的价格，不会有不一样的。即使你打电话找快递员他报给你的价格也是和官网一样的。</t>
  </si>
  <si>
    <t>2017四级口语必须考吗</t>
  </si>
  <si>
    <t>不一定，随便。但是有人说分数低的话不允许考口语，只有分数够了才能报口语考试。</t>
  </si>
  <si>
    <t>口语必考肯定会成为一个趋势，只是现在并不是硬性的考试规定。</t>
  </si>
  <si>
    <t>不用，只要过425分就可以考六级了。</t>
  </si>
  <si>
    <t>急性支气管炎好治吗</t>
  </si>
  <si>
    <t>会治好的，急性支气管炎对抗菌药物并无明显的治疗效果，在治疗急性支气管炎患者时应避免滥用抗菌药物。但如果患者出现发热、脓性痰和重症咳嗽，则为应用抗菌药物的指征。对急性支气管炎的患者应用抗菌药物治疗，可应用针对肺炎衣原体和肺炎支原体的抗菌药物，如红霉素，也可选用克拉霉素或阿奇霉素。流行性感冒流行期间，如有急性支气管炎的表现应该应用抗流感的治疗措施。或者安全可靠的食疗食谱：1．核桃仁：取核桃仁1000克研细，补骨脂500克为末，蜜调如饴，晨起用酒调服一大匙。不能饮酒者用温开水调服，忌羊肉。适用于肺虚久嗽、气喘、便秘、病后虚弱等症。2．杏仁粥：杏仁10克去皮，研细，水煎去渣留汁，加粳米50克，冰糖适量，加水煮粥，每日两次温热食。能宣肺化痰、止咳定喘，为治咳喘之良药。3．糖水白果：取白果仁50克，小火炒熟，用刀拍破果皮，去外壳及外衣，清水洗净切成小丁。锅洗净，入清水一碗，投入白果，上旺火，烧沸后转小火焖煮片咳，入白糖50克，烧一沸滚，入糖桂花少许，即可食用。生活需注意：1加强体育锻炼，增强机体抵抗力。2早期治疗急性支气管炎，防止反复发作而形成慢性支气管炎。3不吸或少吸烟.多喝水可以配合坚持喝徳辅吣炎清茶一起调理，对支气管炎是很有帮助的，简单方便每天两杯。</t>
  </si>
  <si>
    <t>b站视频可以下载吗</t>
  </si>
  <si>
    <t>可以的，这个很简单，在网页地址的，bilibili后边加jj，变成bilibilijj，就可以进入下载页面了，能下载网站的各种元素。</t>
  </si>
  <si>
    <t>不可以，只有手机可以</t>
  </si>
  <si>
    <t>macbook pro 128g 够用吗</t>
  </si>
  <si>
    <t>1、如果只是用来安装操作系统及应用软件，128G完全够用。2、如果用来存放影音文件、大容量数据资料、大型游戏等，128G肯定不够用。</t>
  </si>
  <si>
    <t>理论上只要不安装双系统，不放大量电影是够用的。</t>
  </si>
  <si>
    <t>知乎live可以回看吗</t>
  </si>
  <si>
    <t>方块王后 辛德拉有特效吗</t>
  </si>
  <si>
    <t>没有特效</t>
  </si>
  <si>
    <t>7月1日后买车会便宜吗</t>
  </si>
  <si>
    <t>不会便宜的，买车是早买早享受，没有最低价。</t>
  </si>
  <si>
    <t>会降价的，但具体多少得看各地经销商的了。</t>
  </si>
  <si>
    <t>中国汽车消费市场逐渐饱和，汽车只能降价，要么停产倒闭。</t>
  </si>
  <si>
    <t>银行卡能异地注销吗</t>
  </si>
  <si>
    <t>异地可以结清销户。</t>
  </si>
  <si>
    <t>不能，只能在开户银行注销。</t>
  </si>
  <si>
    <t>索尼a7现在还值得买吗</t>
  </si>
  <si>
    <t>感觉索尼的全画幅微单在逐渐跑偏，新上市的几款镜头体积和重量竟然超过了普通全画幅单反镜头，这和微单的初衷背道而驰，买微单的意义也大打折扣。</t>
  </si>
  <si>
    <t>预算少，又想尝试全画幅，对焦要求不太高的，可以考虑，这是最便宜的全画幅。</t>
  </si>
  <si>
    <t>SONY的 7系列全画幅是最好的机器，只有像素的不同而已，有好几个型号，加上镜头可不算轻啊，目前索尼官网促销进行中，性价比自然不高。</t>
  </si>
  <si>
    <t>王者荣耀吕布值得买吗</t>
  </si>
  <si>
    <t>王者荣耀英雄吕布值得买，被动：锋芒毕露，吕布挥动方天画戟，拥有比其他近战更远的攻击距离。主动：方天画斩，吕布挥出一击方天画斩，造成物理伤害。</t>
  </si>
  <si>
    <t>吕布不值得入手了，因为大基本没什么用，虽然能控。但不加任何攻击。只不过后期可出肉，基本打不动。</t>
  </si>
  <si>
    <t>人人彩票网是新骗局吗</t>
  </si>
  <si>
    <t>黑彩，不安全。</t>
  </si>
  <si>
    <t>瑞兹白须有特效吗</t>
  </si>
  <si>
    <t>瑞兹所有皮肤都没特效，除了模型好看点。</t>
  </si>
  <si>
    <t>肺部有结节要紧吗</t>
  </si>
  <si>
    <t>肺部出现小结节如果没有症状可以暂不治疗，定期复查看有无变化即可。</t>
  </si>
  <si>
    <t>肺部结节有良、恶性之分，单发的结节肿瘤的可能性大，到医院做CT检查就知道了，如果是良性的就不必手术切除，当然，如果结节很大，影响肺功能就手术切除为好。恶性结节就需要手术切除，术后配合医生积极治疗，对身体影响不会很大。</t>
  </si>
  <si>
    <t>结节性质不确定，需要考虑疾病有肺结核、肺癌、肺部良性肿瘤疾病。对于患者的话则是需要采取胸部CT的检查，如果结节小的话则是可以定期复查，其次结节大的话则是需要采取穿刺活检病理证实，考虑结核疾病的话则是需要采取结核菌素试验的检查证实疾病。</t>
  </si>
  <si>
    <t>即热式电热水器安全吗</t>
  </si>
  <si>
    <t>不安全，比较危险。</t>
  </si>
  <si>
    <t>没有储藏式热水器安全。</t>
  </si>
  <si>
    <t>吃枇杷上火吗</t>
  </si>
  <si>
    <t>吃枇杷不会上火。</t>
  </si>
  <si>
    <t>竞走对膝盖有伤害吗</t>
  </si>
  <si>
    <t>会，竞走时间长伤膝盖。</t>
  </si>
  <si>
    <t>避孕套能防性病吗</t>
  </si>
  <si>
    <t>可以起到一定的预防作用，但是不一定保险。</t>
  </si>
  <si>
    <t>蜂蜜很稀是不是假的</t>
  </si>
  <si>
    <t>刚采的蜂蜜都是比较稀的。</t>
  </si>
  <si>
    <t>蜂蜜稀，可能是非成熟蜜。</t>
  </si>
  <si>
    <t>有可能是假的。</t>
  </si>
  <si>
    <t>成毅喜欢孟子义吗</t>
  </si>
  <si>
    <t>感觉不喜欢，说不定后期会有所发展，现在连微博都没有互关。</t>
  </si>
  <si>
    <t>应该喜欢，挺关心她的。微博没有互关，可能是怕有绯闻，影响不好。</t>
  </si>
  <si>
    <t>不喜欢。</t>
  </si>
  <si>
    <t>猫夏天怕热吗</t>
  </si>
  <si>
    <t>猫咪不怕热，猫的脚掌底下有已经退化的汗腺。</t>
  </si>
  <si>
    <t>害怕高温，高热的夏天，猫咪十分不耐热。</t>
  </si>
  <si>
    <t>不计免赔险有必要买吗</t>
  </si>
  <si>
    <t>小红唇上的是假货吗?</t>
  </si>
  <si>
    <t>谁都不能保证100%真货。</t>
  </si>
  <si>
    <t>刚买到假面膜，客服态度还极其恶劣。</t>
  </si>
  <si>
    <t>后入式插的更深吗?</t>
  </si>
  <si>
    <t>不如女上位深，但因为后入式对JJ下面的摩擦更刺激，后入式太刺激，坚持时间稍短。</t>
  </si>
  <si>
    <t>steam卸载后游戏还在吗</t>
  </si>
  <si>
    <t>不在。</t>
  </si>
  <si>
    <t>在。</t>
  </si>
  <si>
    <t>个人所得税可以补缴吗</t>
  </si>
  <si>
    <t>可以补缴，直接在网上进行。</t>
  </si>
  <si>
    <t>1.在当地找一个人才中介机构。2.确定自己的社保缴费基数。3.缴纳后应该查到个人社保记录。</t>
  </si>
  <si>
    <t>补交个人所得税需要收入发放单位的办税人员到其主管税务机关，递交补税申请，说清补税原因及税款和滞纳金计算表。经管理员审核后，由税务局打印缴款书，到银行缴款后，将银行回单复印件盖公章交回。</t>
  </si>
  <si>
    <t>痛风能治愈吗</t>
  </si>
  <si>
    <t>如果能够早期诊断，及时治疗，是能够治愈的。</t>
  </si>
  <si>
    <t>痛风和糖尿病一样，是终生性疾病，这种疾病是不会被根治的</t>
  </si>
  <si>
    <t>郑爽和胡彦斌分手了吗</t>
  </si>
  <si>
    <t>银河护卫队2 好看吗</t>
  </si>
  <si>
    <t>好看，故事情节紧扣，视觉效果出彩，电影原声配乐更是一大亮点。</t>
  </si>
  <si>
    <t>不错，算是一个搞笑的科幻电影，背景音乐也不错，不过还是老套路，没什么新意。</t>
  </si>
  <si>
    <t>亚龙湾海底世界好玩吗</t>
  </si>
  <si>
    <t>奔驰先享后选划算吗</t>
  </si>
  <si>
    <t>没有什么划不划算的，主要看认不认可这个方式，提前消费已经是一种趋势了，而且也是一种科学的消费方式，至少可以提前拥有一辆车了，至于尾款部分，可以支付尾款，也可以选择还车，根据经济实力而定。</t>
  </si>
  <si>
    <t>吉林大学是名牌大学吗</t>
  </si>
  <si>
    <t>是的，全国排名前十五。</t>
  </si>
  <si>
    <t>在中国算是名牌，偏中等大学。</t>
  </si>
  <si>
    <t>iphone7红色好看吗</t>
  </si>
  <si>
    <t>不喜欢全凭个人感觉。</t>
  </si>
  <si>
    <t>那是目前为止，世界上最漂亮的手机颜色和款式。</t>
  </si>
  <si>
    <t>特价属于极限词吗</t>
  </si>
  <si>
    <t>不是，特价属于促销词。</t>
  </si>
  <si>
    <t>“特价”是极限词。</t>
  </si>
  <si>
    <t>迪丽热巴整过容吗</t>
  </si>
  <si>
    <t>应该没有整。</t>
  </si>
  <si>
    <t>标婷维e乳可以擦脸吗</t>
  </si>
  <si>
    <t>现在就在脸上直接用的，用了3个月了，目前没发现什么不良现象呢。</t>
  </si>
  <si>
    <t>可以呀，还能当身体乳用呢。</t>
  </si>
  <si>
    <t>还好 应该没有的国内牌子最大的成成分就是甘油 其实是这些都是真正的好护肤品，抹在脸上没事儿的。</t>
  </si>
  <si>
    <t>绝密影院是真的吗</t>
  </si>
  <si>
    <t>手机上的影院基本都是假的。</t>
  </si>
  <si>
    <t>蓓俪芙养森有副作用吗</t>
  </si>
  <si>
    <t>纯中药，没有副作用。</t>
  </si>
  <si>
    <t>很多副作用。比如内分泌紊乱，精神亢奋，影响睡眠，抑制食欲，精神恍惚，便秘，长痘长斑等等。</t>
  </si>
  <si>
    <t>无限极产品好用吗</t>
  </si>
  <si>
    <t>用过感觉一般。</t>
  </si>
  <si>
    <t>产品蛮好的。</t>
  </si>
  <si>
    <t>成都房价会跌吗</t>
  </si>
  <si>
    <t>拿地一年比一年贵很多，怎么可能跌？成都房价迟早北上广。</t>
  </si>
  <si>
    <t>一直以来，跌的只是首付比例和贷款利率，而房价一直都是在上涨。</t>
  </si>
  <si>
    <t>肯定不会跌。除非急用钱的房东，不然不会折价卖。宁愿拿来租。但是如果等到政策放宽了再买的话。那一定会涨。</t>
  </si>
  <si>
    <t>茶叶放了三年还能喝吗</t>
  </si>
  <si>
    <t>看是什么茶，如果是轻发酵类，如绿茶、黄茶、乌龙茶（轻发酵）的茶叶，一般保持期是180天，如果保存不当，甚至已经变质。如果是后发酵，如黑茶类的普洱茶，只要保存得当，甚至放置十年，品质会越来越佳，达到有茶无味。茶叶放置三年以上，一看茶类，二看保存方法，具体问题具体分析。</t>
  </si>
  <si>
    <t>茶叶时间长了都不好，茶叶内含有大量的蛋白质，大部分均不溶解于热水，残留在茶叶中。当水温高时,茶叶上的蛋白质便会腐烂,长时间放置便会有一种酶菌生成,同时在茶中残留大量的丹宁酸。经氧化后,这些丹宁酸会变成具有刺激的强烈氧化物,对肠胃会造成刺激,引发炎症。</t>
  </si>
  <si>
    <t>如果是真空的可以喝，就是不如新茶的味道好了，如果是特别喜欢喝茶而且是经常喝的人，就不要喝了，因为时间长了就没太有什么味道了。</t>
  </si>
  <si>
    <t>海关工资高吗</t>
  </si>
  <si>
    <t>工资比较高，是属公务员。</t>
  </si>
  <si>
    <t>新进海关人员一般工资由基本工资和绩效工资构成，发工资的时候会扣除五险一金，也就是社保、医保、失业保险、工伤保险、意外保险、以及住房公积金，然后发到手里的才是实际工资，总共加起来大概有四五千吧，当然得看地区了，沿海的一线城市工资在五千左右，另外随着工龄的增加，到时候也会有工龄奖，老的员工一般在六七千以上，有的甚至过万。</t>
  </si>
  <si>
    <t>报关员的工资差距比较大，沿海发达城市工资较高一点，比如上海，宁波等，普通入行的工资1000-1500，有经验的报关员，工资在2000-4000左右，能力强一点的5000以上。</t>
  </si>
  <si>
    <t>电蚊香有毒吗</t>
  </si>
  <si>
    <t>电蚊香它的毒性很小，对一般成人来说是无害的。</t>
  </si>
  <si>
    <t>有的，没有就不能驱蚊了，但对人体够不上伤害 。</t>
  </si>
  <si>
    <t>没有。电蚊香的驱蚊原理是将除虫菊等吸入蚊香片中，加热后而蒸发，而除虫菊对人体几乎没什么影响。</t>
  </si>
  <si>
    <t>卡尔玛光明骑士有特效吗</t>
  </si>
  <si>
    <t>女性尿路感染能自愈吗</t>
  </si>
  <si>
    <t>很难。</t>
  </si>
  <si>
    <t>文成公主有孩子吗</t>
  </si>
  <si>
    <t>文成公主没有给松赞干布生育子女。松赞干布的后人是他娶的吐谷浑妃子给他生的儿子。</t>
  </si>
  <si>
    <t>文成公主没有生育子女。松赞干市复娶了香雄妃,为她建造了吞布古寺,娶了菇雍妃,建造查拉路甫窟。</t>
  </si>
  <si>
    <t>晓艾生煎是骗局吗</t>
  </si>
  <si>
    <t>晓艾生煎挺不错，很好吃，也很受欢迎。</t>
  </si>
  <si>
    <t>接触性皮炎能自愈吗</t>
  </si>
  <si>
    <t>这个是不可能自己好的，平时要注意遵医嘱物理治疗配合苓肤霜外擦，按照疗程治疗。</t>
  </si>
  <si>
    <t>乙肝大三阳能治愈吗</t>
  </si>
  <si>
    <t>乙肝不是绝症，是有机会治好的。</t>
  </si>
  <si>
    <t>合理膳食，适量运动，戒烟戒酒，心理平衡，养成良好的生活和饮食习惯，人有自愈力就会恢复。</t>
  </si>
  <si>
    <t>彻底治愈很难，但是临床治愈是可以的。</t>
  </si>
  <si>
    <t>绝地求生大逃杀用vpn吗</t>
  </si>
  <si>
    <t>宇宙中有没有奥特曼</t>
  </si>
  <si>
    <t>现实宇宙中是根本不存在的。</t>
  </si>
  <si>
    <t>维生素b12可以长期吃吗</t>
  </si>
  <si>
    <t>维生素B12没有毒副作用，因此没有危害。</t>
  </si>
  <si>
    <t>维生素b12有副作用，维生素b12虽然是人体必须的元素，但是药三分毒，物极必反。⒈可致过敏反应，甚至过敏性休克。⒉促进恶性肿瘤生长。⒊遇维生素C、重金属盐类失效。⒋偶可引起皮疹、瘙痒、腹泻及哮喘等。</t>
  </si>
  <si>
    <t>游泳减肥吗</t>
  </si>
  <si>
    <t>可以啊，每天500-600米，保守估计一个月减少1kg。</t>
  </si>
  <si>
    <t>游泳消耗的能量主要来自脂肪，从而增强了减肥的直接效果，并加快了减肥的速度，达到健康减肥的目的。</t>
  </si>
  <si>
    <t>肥胖者以每分钟游50米的速度速度坚持每天游500米，每月可消耗的脂肪数为5公斤，除去食物中补充适量的脂肪外，仍可逐步消耗体内多余的脂肪，而达到减肥。</t>
  </si>
  <si>
    <t>12306改签后还能退票吗</t>
  </si>
  <si>
    <t>在12306买火车票，每张火车票可以免费改签一次，改签过的车票不能再次改签。12306火车票网上改签后能退票。</t>
  </si>
  <si>
    <t>可以的，网上订票改签火车票以后是可以办理退票的。</t>
  </si>
  <si>
    <t>12306改签后是可以退票的，但是动车高铁改签当日班次之后，是不予退票的。</t>
  </si>
  <si>
    <t>论文查重有免费的吗</t>
  </si>
  <si>
    <t>一、首先，在百度里面搜索“paperrater论文检测”二、然后，进入网站注册账号三、注册完毕之后，登陆上账号，在里面找到【免费论文检测】功能，参加里面的活动四、活动参加完毕后，进行【提交论文】内提交文档检测五、检测完毕之后，进入【查看报告】内，下载查看检测结果。</t>
  </si>
  <si>
    <t>论文查重基本上没有免费的，唯一有可能是学校图书馆在每年毕业的时候会有一段时间的免费查重。</t>
  </si>
  <si>
    <t>事业单位有营业执照吗</t>
  </si>
  <si>
    <t>事业单位没有营业执照。具体原因如下：第一，营业执照是经营的市场主体资格的证明，事业单位不是经营主体，不用办执照。第二，法律依据《事业单位管理暂定条例》第九条，经登记的事业单位，凭《事业单位法人证书》刻制印章，申请开立银行帐户。事业单位应当将印章式样报登记管理机关备案。第三 ，事业单位的证书是事业单位法人证书，而不是营业执照，不需要办理营业执照。</t>
  </si>
  <si>
    <t>事业单位有组织机构代码,没有营业执照,因为不是经营性质的单位。</t>
  </si>
  <si>
    <t>事业单位不需要办理法人营业执照。应当办理事业单位法人登记。依据是《事业单位法人登记管理暂行条例》。</t>
  </si>
  <si>
    <t>吃罗红霉素胶囊能喝酒吗</t>
  </si>
  <si>
    <t>罗红霉素不会，但是建议你少饮酒，会一定程度影响药物吸收和代谢。</t>
  </si>
  <si>
    <t>尽量不要喝酒吃药。</t>
  </si>
  <si>
    <t>吃罗红霉素后喝酒对身体妨碍不是太大的，但还是建议您少喝酒，适可而止。</t>
  </si>
  <si>
    <t>中国银行体检刷人吗</t>
  </si>
  <si>
    <t>很有可能，一般要有内部策应吧，一般提前有人打招呼。</t>
  </si>
  <si>
    <t>体检如果没什么问题应该是正常通过的。</t>
  </si>
  <si>
    <t>新车要贴膜吗</t>
  </si>
  <si>
    <t>1.、隔热节油2、防止紫外线3、可以防爆防盗保安全。</t>
  </si>
  <si>
    <t>1、隔热防晒。贴膜能很好的阻隔红外线产生的大量热量。2、隔紫外线。紫外线中的中波、长波能穿透很厚的玻璃，贴上隔热膜能隔断99%的紫外线。防止皮肤受伤害，也能减轻汽车内饰老化。3、安全与防爆。膜的基层为聚酯膜，有非常耐撕拉防击穿的功能，加上膜的胶层，贴膜后玻璃强度能增加100倍。防止玻璃意外破碎对司乘人员造成成二次伤害。4、营造私密空间。贴膜后，距离车身一米之外看不清车内，保留隐私和安全。5、降低空调省耗。空调省耗降低近15%。贴上隔热膜空调制冷能力损失可以得到弥补，能瞬间减低车内温度，到达一定程度的节省油耗。6、增加美观。根据个人喜好，通过贴膜能个性化美观爱车。7、防眩光。保持眼睛舒适。降低因为眩光因素造成的意外情况。</t>
  </si>
  <si>
    <t>快贷网靠谱吗</t>
  </si>
  <si>
    <t>骗人的。广告说三分钟出，二十四小时也没出，让关注微信，微信更是胡说八道。</t>
  </si>
  <si>
    <t>不咋的，说最好利息是1.3分，到最后是1.55分，而且还要收8%手续费。</t>
  </si>
  <si>
    <t>蒋欣王凯在一起了吗</t>
  </si>
  <si>
    <t>没有，之前是传王凯和陈乔恩在一起，但是被否认了。</t>
  </si>
  <si>
    <t>4月12日凌晨蒋欣在网上晒出和王凯的合照，照片中两人脸贴脸，搂脖抱肩，醉意朦胧，十分亲密。发言称王凯说爱她。有人说是炒作，有人说是真的，真的也好，假的也罢，但是他们俩人目前都是单身，郎才女貌，在一起了，也不是不可能。而且从俩人出席活动的种种亲密互动，和王凯的眼神中，应该是在一起了，而且是刚刚在一起。</t>
  </si>
  <si>
    <t>没有，樊胜美（蒋欣）和王百川（张陆）在一起，后分手。赵启平（王凯）和曲筱绡（王子文）在一起，分分合合的。</t>
  </si>
  <si>
    <t>交强险价格都一样吗</t>
  </si>
  <si>
    <t>抗蓝光膜有用吗</t>
  </si>
  <si>
    <t>防蓝光手机膜，是针对蓝光辐射而研发的一种视力保护膜。蓝光手机膜采用蓝光阻断技术来对蓝光进行吸收与转化，实现对蓝光的有效阻断，达到保护视力的目的。</t>
  </si>
  <si>
    <t>真的抗蓝光钢化膜是具有护眼效果的。</t>
  </si>
  <si>
    <t>没实际用处，只是个噱头，而且影响观看屏幕的感官</t>
  </si>
  <si>
    <t>iphone6s还值得入手吗</t>
  </si>
  <si>
    <t>同样32G苹果6S与苹果7相对来说苹果6S性价比有优势。</t>
  </si>
  <si>
    <t>如果是经济实力跟不上，那就果断不用考虑了。</t>
  </si>
  <si>
    <t>不值得，等市场稳定再入手。</t>
  </si>
  <si>
    <t>复方丹参片可以长期吃吗?</t>
  </si>
  <si>
    <t>不宜久服。</t>
  </si>
  <si>
    <t>对症可以经常使用。</t>
  </si>
  <si>
    <t>没有出血性疾病可以长期吃。</t>
  </si>
  <si>
    <t>360云盘个人还能用吗</t>
  </si>
  <si>
    <t>360平台目前已经不支持个人使用。官方已经发布通告，云盘将转型为企业云。不针对个人用户。</t>
  </si>
  <si>
    <t>微商学院课程有用吗</t>
  </si>
  <si>
    <t>还是可以的，值得一听。</t>
  </si>
  <si>
    <t>车顶放水有人成功过吗</t>
  </si>
  <si>
    <t>风车茉莉有毒吗</t>
  </si>
  <si>
    <t>风车茉莉属夹竹桃科，有毒，不要泡来喝。</t>
  </si>
  <si>
    <t>王者荣耀电脑版ios可以玩吗?</t>
  </si>
  <si>
    <t>王者荣耀官网电脑版不可以玩IOS，现在只支持安卓版。</t>
  </si>
  <si>
    <t>无比滴婴儿可以用吗</t>
  </si>
  <si>
    <t>6个月以上就可以使用。</t>
  </si>
  <si>
    <t>家用甲醛检测仪靠谱吗</t>
  </si>
  <si>
    <t>可以。只要不坏掉。装修初期的话，可以多检测下然后家里喷点草本迪亚啉来去除甲醛，并且多通风。</t>
  </si>
  <si>
    <t>基本上是准确的，只是不太精确。</t>
  </si>
  <si>
    <t>还挺好用的，可以一直用。</t>
  </si>
  <si>
    <t>跳绳会让小腿变粗吗</t>
  </si>
  <si>
    <t>跳绳是最有效的有氧运动之一，长久以来有一个误区是，跳绳会导致大腿变粗，事实上，不正确的跳绳可能会导致大腿变粗，而正确的跳绳会有效的降低体脂率，会让大腿曲线更加分明，而不会使大腿变粗。</t>
  </si>
  <si>
    <t>不会的，跳绳是一种非常好的瘦身运动，会燃烧大量脂肪，而且不容易反弹。跳绳减肥虽然有诸多好处，但是很多MM都担心跳绳减肥会让小腿变粗。实际情况是绝大多数的MM跳绳后小腿没有变粗，而少数人变粗了。因为有些人的基因是怎么运动都难长肌肉的，也有少数人是稍运动就长肌肉。所以选择减肥运动要根据自己的情况而定。一般说来长期锻炼小腿肌肉，会减掉小腿脂肪，让肌肉变紧绷而不是变大，腿围减小了，曲线优美好看。</t>
  </si>
  <si>
    <t>借贷宝上征信吗</t>
  </si>
  <si>
    <t>上征信的 。</t>
  </si>
  <si>
    <t>北方工业大学是211吗</t>
  </si>
  <si>
    <t>北方工业大学不是211工程大学</t>
  </si>
  <si>
    <t>奔驰保养贵吗</t>
  </si>
  <si>
    <t>主要国内保养价格、一些更换部件的价格都是4s说了算。所以价格远远高于市场上合理的价格。加上奔驰的保养工人工时费比较高。所以总体费用也比较高。</t>
  </si>
  <si>
    <t>主要看保养的是什么东西，而且自己买好去保养和保养的地方提供的东西，价格都是不一样的。</t>
  </si>
  <si>
    <t>电竞椅舒服吗</t>
  </si>
  <si>
    <t>舒适，久坐不累。</t>
  </si>
  <si>
    <t>两只仓鼠可以在一个笼子里养吗</t>
  </si>
  <si>
    <t>仓鼠是独居动物，除了想繁殖外必须分笼。</t>
  </si>
  <si>
    <t>偶尔大便出血正常吗</t>
  </si>
  <si>
    <t>是生活中常见的一种肛肠病变。</t>
  </si>
  <si>
    <t>存款1000万家庭多不多</t>
  </si>
  <si>
    <t>当然很多。普通人家应该不是很多。</t>
  </si>
  <si>
    <t>有没有qq群发软件</t>
  </si>
  <si>
    <t>QQ免费群发无尾巴破解版。</t>
  </si>
  <si>
    <t>小麦QQ群发器。</t>
  </si>
  <si>
    <t>无敌点击狗。</t>
  </si>
  <si>
    <t>人人贷审核容易过吗</t>
  </si>
  <si>
    <t>人人贷还蛮难申请的。</t>
  </si>
  <si>
    <t>靶向治疗有副作用吗</t>
  </si>
  <si>
    <t>分子靶向治疗也会出现一系列的皮肤不良反应的，如指甲损伤、手足综合症、痤疮样皮疹等。</t>
  </si>
  <si>
    <t>微博能不能看到最近访客</t>
  </si>
  <si>
    <t>redis是数据库吗</t>
  </si>
  <si>
    <t>redis是一个开源的、使用C语言编写的、支持网络交互的、可基于内存也可持久化的Key-Value数据库。</t>
  </si>
  <si>
    <t>单独使用Redis的话，是成当不起数据库的任务。</t>
  </si>
  <si>
    <t>张家界玻璃桥死人了吗</t>
  </si>
  <si>
    <t>张家界玻璃桥暂时还没有正式开放，所以不存死人。</t>
  </si>
  <si>
    <t>危及交易安全可以申诉成功吗</t>
  </si>
  <si>
    <t>你去淘宝论坛买家地盘看看，成功的不太多</t>
  </si>
  <si>
    <t>确实违规了，就不会成功的。如果是系统误判，那可以申诉试一下</t>
  </si>
  <si>
    <t>云集是不是传销</t>
  </si>
  <si>
    <t>不是的，它是一个新兴产物电商。</t>
  </si>
  <si>
    <t>不是传销，是卖东西的平台，不过形式有点像。</t>
  </si>
  <si>
    <t>是传销，在商务部直销管理系统查不到，以倍增模式经营的，人头超过40以传销论处，相关法律已经出来了。</t>
  </si>
  <si>
    <t>云集的东西是正品吗</t>
  </si>
  <si>
    <t>是正品</t>
  </si>
  <si>
    <t>国土防线2好玩吗</t>
  </si>
  <si>
    <t>画面全特效不错，按一般玩家说算好玩。</t>
  </si>
  <si>
    <t>yunos是安卓吗</t>
  </si>
  <si>
    <t>不是。这是个误区，云OS是单独的系统。安卓是java下的模拟系统，云OS只是支持安卓应用而已。</t>
  </si>
  <si>
    <t>苏宁买iphone7 靠谱吗</t>
  </si>
  <si>
    <t>质量和官网一样。</t>
  </si>
  <si>
    <t>九字真言可以随便念吗</t>
  </si>
  <si>
    <t>这个没有什么不能念的，但是普通人就算是念一百篇也是不会有什么作用的，只能是自己无聊的时候找点事做做的了。</t>
  </si>
  <si>
    <t>柴荣不死能打下燕云十六州吗</t>
  </si>
  <si>
    <t>极有可能，当时大辽黄帝耶律述光懦弱，而且北汉被打得犹如丧家之犬。</t>
  </si>
  <si>
    <t>蚂蚁借呗影响征信吗</t>
  </si>
  <si>
    <t>树懒是水鬼吗</t>
  </si>
  <si>
    <t>郑多燕减肥有效果吗</t>
  </si>
  <si>
    <t>有效果，通过锻炼，身体健康了</t>
  </si>
  <si>
    <t>不活动，不锻炼，光吃药，没用的，吃了会反弹</t>
  </si>
  <si>
    <t>肯定有用</t>
  </si>
  <si>
    <t>萨摩耶夏天需要剪毛吗</t>
  </si>
  <si>
    <t>在给萨摩耶犬剪毛的问题上，一般允许给它狗狗适当的修毛，比如说将修长的毛发剪短一些，将浓密的毛发打薄一些。但是，在炎热的夏季是不提倡给萨摩耶犬剃毛的。一旦将毛发剃掉，狗狗的皮肤就直接裸露在外，这样反而更容易感染细菌、寄生虫，更容易受到阳光紫外线的灼伤。</t>
  </si>
  <si>
    <t>如果是为让狗狗在炎热的夏天凉爽些，完全没必要。</t>
  </si>
  <si>
    <t>蚂蚁小宝卡可以改成大宝卡吗</t>
  </si>
  <si>
    <t>可以。可登录中国联通网上营业厅，手机营业厅，通过自助服务办理“支付宝蚂蚁小宝卡升级为大宝卡”业务。</t>
  </si>
  <si>
    <t>可以的，但是大宝卡不能转成小宝卡。</t>
  </si>
  <si>
    <t>欢乐颂有第三季吗</t>
  </si>
  <si>
    <t>四个月引产痛苦吗</t>
  </si>
  <si>
    <t>有点痛。</t>
  </si>
  <si>
    <t>无痛引产由于在引产的过程使用了全身麻醉，所以在手术过程中不会有痛感，但是手术过后会麻醉效果一推，就会有所感觉。</t>
  </si>
  <si>
    <t>产假有工资吗</t>
  </si>
  <si>
    <t>产假期间用人单位应该支付劳动者原工资待遇。</t>
  </si>
  <si>
    <t>按照法律规定，有购买生育保险的，产假期间的工资由社保局支付；如果没有购买生育保险的，产假期间的工资由用人单位按照你之前的每个月实际工资足额发放。</t>
  </si>
  <si>
    <t>衔烛之龙是最强的龙吗</t>
  </si>
  <si>
    <t>按照小说的说法！就是准圣的程度！类似于镇元大仙。西方如来等程度！</t>
  </si>
  <si>
    <t>360你财富安全吗</t>
  </si>
  <si>
    <t>360产品都会有安全作为保证的，请放心使用。</t>
  </si>
  <si>
    <t>感觉不怎么可靠。</t>
  </si>
  <si>
    <t>这个是很可靠的，360是很有名气的大公司。</t>
  </si>
  <si>
    <t>枇杷是寒性的吗</t>
  </si>
  <si>
    <t>枇杷是凉性水果。枇杷，别名：芦橘、金丸、芦枝，拉丁文名：Eriobotrya japonica (Thunb.) Lindl。蔷薇科、枇杷属植物，枇杷原产中国东南部，因叶子形状似琵琶乐器而名，其花可入药。树高3～5米，叶子大而长，厚而有茸毛，呈长椭圆形，状如琵琶。别名又叫芦橘、芦枝、金丸、炎果、焦子。枇杷与大部分果树不同，在秋天或初冬开花，果子在春天至初夏成熟，比其它水果都早，因此被称是“果木中独备四时之气者”。枇杷的花为白色或淡黄色，有五块花瓣，直径约2厘米，以五至十朵成一束，可以作为蜜源作物。</t>
  </si>
  <si>
    <t>中医认为，枇杷味甘、酸，性平，有润肺止咳、止渴和胃、利尿清热等功效，用于肺痿咳嗽、胸闷多痰。 除果实外，枇杷叶及枇杷核也是常用的中药材，枇杷叶具清肺胃热、降气化痰功能，用于肺热干咳、胃痛、流鼻血、胃热呕秽；枇杷核则用于治疗疝气，消除水肿，利关节。</t>
  </si>
  <si>
    <t>雅漾的护肤品含激素吗</t>
  </si>
  <si>
    <t>雅漾的产品是不含有激素的。</t>
  </si>
  <si>
    <t>雅漾是化妆品中比较安全的一种，是没有激素的，且不会引起敏感，可以放心使用。</t>
  </si>
  <si>
    <t>吃鸡肉会不会得禽流感</t>
  </si>
  <si>
    <t>禽流感病毒在一定条件下可以存活较长的时间，它在粪便能中能够存活105天，在羽毛中能存活18天，尸体中的病毒能存活很长时间，鸡蛋里面是不会有禽流感病毒的，病毒只存活于蛋壳表面，吃煮鸡蛋的时候，要把鸡蛋放入沸水中3分钟，即可将禽流感病毒杀死，煮熟的鸡肉也不会有存活的病毒，可以放心食用。</t>
  </si>
  <si>
    <t>月经推迟两天验孕准吗</t>
  </si>
  <si>
    <t>找靓机里的手机可靠吗</t>
  </si>
  <si>
    <t>千万别买，说是有质保，机子有问题推卸责任，修还要钱，而且比外面贵。</t>
  </si>
  <si>
    <t>在主要几个二手平台里找靓机价格应该是最好的，成色也都是很好的那种。</t>
  </si>
  <si>
    <t>蓟县盘山风景区好玩吗</t>
  </si>
  <si>
    <t>蓟县盘山风景区，我觉得一般，就是爬爬山，他有名是因为清朝皇帝老去哪游玩。</t>
  </si>
  <si>
    <t>蓟县盘山风景区不错，可采摘。</t>
  </si>
  <si>
    <t>蓟县盘山风景区好玩与不好玩，我觉得每一个人的评判标准并不一样，每一个人的满足度也并不相同。出来玩，心情态好，什么都好玩。</t>
  </si>
  <si>
    <t>dnf外传任务有必要做吗</t>
  </si>
  <si>
    <t>dnf外传任务有必要做，好像加属性。</t>
  </si>
  <si>
    <t>人工学院2有手机版吗</t>
  </si>
  <si>
    <t>人工学院2貌似没出。</t>
  </si>
  <si>
    <t>微信没绑定银行卡可以转账吗</t>
  </si>
  <si>
    <t>未添加过银行卡的用户转账付款单笔单日限额200元，收款单笔单日限额3000元。</t>
  </si>
  <si>
    <t>企业年金 好还是不好</t>
  </si>
  <si>
    <t>好，一般拿年金都是很高的。</t>
  </si>
  <si>
    <t>没有学位证可以考公务员吗</t>
  </si>
  <si>
    <t>可以。看招考条件里有没有要求学位，很多岗位都是只要求毕业证书，不要求学位证书的，少数岗位要求学位证书。</t>
  </si>
  <si>
    <t>学历不够，都有学历要求的，到时候提供不出来，审核不通过。</t>
  </si>
  <si>
    <t>可以考公务员，但是有岗位限制而已。</t>
  </si>
  <si>
    <t>鹿晗胳膊真的纹身了吗</t>
  </si>
  <si>
    <t>没有，那是耍帅用的纹身贴。</t>
  </si>
  <si>
    <t>左臂上的纹身是真的，意思是我思故我在。</t>
  </si>
  <si>
    <t>血管瘤不治疗可以吗</t>
  </si>
  <si>
    <t>静脉血管瘤可以忽略不计，动脉需要注意控制。</t>
  </si>
  <si>
    <t>血管瘤是有一定自己消退几率的，但是消退速度很慢，而且消退过后一般会留疤，等待血管瘤自己消退等于守株待兔，为何不主动在血管瘤扩散之前就控制住，迅速治好避免疤痕呢。</t>
  </si>
  <si>
    <t>不治疗会一直在啊，会影响生活的，现在的人对外观那么重视怎么能放着血管瘤不管。</t>
  </si>
  <si>
    <t>股票分红后会下跌吗</t>
  </si>
  <si>
    <t>股票分红时一般会进行除权处理，导致股价“下跌”。但是除权之后股价还会不会继续下跌，主要是看大市行情是否处于牛市。目前股市进入中期调整，那么一般来说，当公司分红除权之后，股价也会随着股指下跌，如果该股盈利能力强劲，目前的市盈率也较低，建议不管该股下跌的走势，耐心持有；反之则应逢高卖出。分红或送股后股价会下调，但并不是下跌。那叫除权或除息 。</t>
  </si>
  <si>
    <t>分红就是把部分的利润分给投资者了，净值是有一部分减少，是必须履行的义务。股价也不叫下跌，叫较少净值后，价值的真实价格。 后期如果业绩能保持增长，就有希望填权。</t>
  </si>
  <si>
    <t>分红派息会导致股票的每股净资产减少，所以股价必然下跌。</t>
  </si>
  <si>
    <t>胎记能去吗</t>
  </si>
  <si>
    <t>靠自然褪去的话肯定是不可能的。</t>
  </si>
  <si>
    <t>能，胎记是可以去除的，目前选择激光治疗胎记不会出现什么危险。</t>
  </si>
  <si>
    <t>魅蓝5s玩王者荣耀卡吗</t>
  </si>
  <si>
    <t>可以，王者荣耀对手机配置并不算高，一般的手机都可以玩。</t>
  </si>
  <si>
    <t>流畅性一般吧，主要要看地方，室内手机有电时候还好。假如一直在充电或者在室外天气热的情况下，玩多一会手机明显会发热，就会开始卡屏或者不流畅的小问题出现。</t>
  </si>
  <si>
    <t>民教网的毕业证有用吗</t>
  </si>
  <si>
    <t>按照国家相关规定，是不能用的。</t>
  </si>
  <si>
    <t>民教网学历，不管是真是假，都不是真正官方的信息。真正官方的学历信息，全国唯一的权威官网是国家教育部网站。只有教育部网站查询到的学历，才是权威、准确的信息。</t>
  </si>
  <si>
    <t>不承认的。只有在学信网上能查到的学历才是国家承认的学历。包括自考、成人高考、远程网络教育等形式取得的学历才是国家承认的学历。</t>
  </si>
  <si>
    <t>武汉二手房限购吗</t>
  </si>
  <si>
    <t>取消限购。</t>
  </si>
  <si>
    <t>芒果热量高吗</t>
  </si>
  <si>
    <t>芒果的热量为32 大卡（100克可食部分），是一种含水量很高、热量很低的一种水果。</t>
  </si>
  <si>
    <t>据说很高。是所有水果中最高的。</t>
  </si>
  <si>
    <t>电荷是否存在</t>
  </si>
  <si>
    <t>是不存在的。</t>
  </si>
  <si>
    <t>电荷是客观存在的。</t>
  </si>
  <si>
    <t>电荷是真实存在的。</t>
  </si>
  <si>
    <t>保险受益人可以是朋友吗</t>
  </si>
  <si>
    <t>保险受益人只能是具有法律几继承责任的亲属配偶等，不能是其他人。</t>
  </si>
  <si>
    <t>勇敢的心艾希有特效吗</t>
  </si>
  <si>
    <t>学位证被学校扣了,编码查得到吗</t>
  </si>
  <si>
    <t>编码只能通身边的同学的号码推测，然后上网查询验证正确与否。</t>
  </si>
  <si>
    <t>学位证编号目前网上好象是无法查询的，只有到你的毕业学校才能查到。</t>
  </si>
  <si>
    <t>只是被学校扣了，是可以在网上查到信息的。</t>
  </si>
  <si>
    <t>小米血压计 准不准</t>
  </si>
  <si>
    <t>只要姿势正确还是很准的。</t>
  </si>
  <si>
    <t>如果机器是好的，那就应该比较准。</t>
  </si>
  <si>
    <t>pdf能转成ppt吗</t>
  </si>
  <si>
    <t>可以，直接改后缀的文件名就行 。</t>
  </si>
  <si>
    <t>温度计打碎了会中毒吗</t>
  </si>
  <si>
    <t>水银即汞，有毒性，易挥发，容易造成中毒。</t>
  </si>
  <si>
    <t>一般自然挥发对人体没有太大危害。</t>
  </si>
  <si>
    <t>口袋妖怪xy有pc版吗</t>
  </si>
  <si>
    <t>目前口袋妖怪XY只能在3DS上玩，还没有PC版。</t>
  </si>
  <si>
    <t>3DS模拟器吧上有的，需要64位的CPU。</t>
  </si>
  <si>
    <t>妖精的尾巴还会更新吗</t>
  </si>
  <si>
    <t>会更新。</t>
  </si>
  <si>
    <t>paperpass橙色要改吗</t>
  </si>
  <si>
    <t>如果段落中意思相近且重复的词句很多，很多都是系统根据几个关键就词认定重复了。黄色部分在知网查重时，你看一下黄色部分和什么期刊文献相似paperpass查重比较苛刻，这种的就需要修改一下。</t>
  </si>
  <si>
    <t>易思汇靠谱吗</t>
  </si>
  <si>
    <t>有没有正规的打字兼职</t>
  </si>
  <si>
    <t>都是骗人的，不要被骗。没有这种好事。</t>
  </si>
  <si>
    <t>fgo自动刷脚本封号吗</t>
  </si>
  <si>
    <t>会的，辅助一般都会封。</t>
  </si>
  <si>
    <t>不过分一般不会封，比如加倍过图双倍攻击什么的，像5秒过图百倍攻击什么的基本GG不远了。</t>
  </si>
  <si>
    <t>这个肯定是要封号的，千万不要用</t>
  </si>
  <si>
    <t>笑气是毒品吗</t>
  </si>
  <si>
    <t>不是，一种氧化剂。</t>
  </si>
  <si>
    <t>不算是，应该算是半成品。</t>
  </si>
  <si>
    <t>慢跑减肥需要天天跑吗</t>
  </si>
  <si>
    <t>其实只要坚持一个原则就好了，就是消耗大于摄入。运动这个东西刚开始的时候最好是每天坚持，因为这个时候还没有形成习惯，一旦停下来，可能以后就懒得跑了，尽量每天都跑，一旦形成习惯了，就不会考虑哪天该不该运动了，自然的就会去跑了。</t>
  </si>
  <si>
    <t>慢跑，每天跑并不累，每天都要跑。</t>
  </si>
  <si>
    <t>一周3-4次为佳，其他几天配合以全身运动最好。按时定量吃饭，规律休息，坚持运动。</t>
  </si>
  <si>
    <t>绝地求生大逃杀要加速器吗</t>
  </si>
  <si>
    <t>如果延迟丢包比较严重，可以使用加速器。</t>
  </si>
  <si>
    <t>藏獒皮肤病能治好吗</t>
  </si>
  <si>
    <t>真菌性皮肤病是狗狗常见的体外皮肤病，春天到了，各种菌类开始蔓延了，如果藏獒的了皮肤病，可以试试犬菌清这个药比较有效，平时要注意好狗狗的卫生，这样狗狗才不容易得皮肤病。</t>
  </si>
  <si>
    <t>皮肤病最难治了。就相当于人类的癣，到宠物医院让医生看下才能知道到底是什么类型的皮肤病，医生会给你拿对症的药膏。</t>
  </si>
  <si>
    <t>第二，对藏獒本身进行彻底的清洁，毛发要清洗干净。注意，在清洁的过程中还要彻底消除引起皮肤病的病原菌。例如跳蚤、虱子、螨虫等。此外要帮助杀死这些寄生虫，可以让藏獒每天坚持晒晒太阳，因为阳光中的紫外线就是很好的杀菌手段。</t>
  </si>
  <si>
    <t>奇异果和爱奇艺一样吗</t>
  </si>
  <si>
    <t>奇异果会员时用在电视上的，爱奇艺会员用在电脑和手机上，不是通用的，但是购买奇异果会员会赠送同等时长的爱奇艺会员，需要去个人中心手动领取，一个月内有效。</t>
  </si>
  <si>
    <t>上海五官科医院周六周日有门诊吗</t>
  </si>
  <si>
    <t>有的，普通门诊和专家门诊都有，且只有上午有。</t>
  </si>
  <si>
    <t>星期天上午没有门诊，只有星期六上午有门诊。</t>
  </si>
  <si>
    <t>周日没有门诊，只有急诊。</t>
  </si>
  <si>
    <t>红米4x可以插内存卡吗</t>
  </si>
  <si>
    <t>视频比特率是不是越高越好</t>
  </si>
  <si>
    <t>视频比特率是指图象的传送指标，比特率越高，传送的数据越大，视频质量越好，就如同音频比特率。在同分辨率下画面色域,细节都会更好，不过想要更清晰，大分辨率才是王道，在比特率相同的情况下。</t>
  </si>
  <si>
    <t>对于码率通俗一点的理解就是取样率，单位时间内取样率越大，精度就越高，处理出来的文件就越接近原始文件所以视频的码率越高越清晰，码率和质量成正比，但是文件体积也和码率成正比，但是码率超过一定数值，对图像的质量就没有多大影响，好比就像现在的手机或电脑屏幕，高像素密集度，所铸造的视网膜屏幕，像是一个极限码率的视频，高于它，人眼也无法分辨，但是现在几乎所有的网络上的在线视频，都追求“最低标准”，就是保证用最低的码率描绘最具性价比的图像质量。但对于一些超高码率的电影、视频，看起来是绝对要比普通码率的看起来要爽的。</t>
  </si>
  <si>
    <t>首先要了解码率的具体概念，即一秒的时间里面所包含的视频里面有好多帧，一般只要达到24，基本上眼睛就分辨不出来其中的微小停顿，就是码率越大；理论上就越流畅，但是还要看转换的源文件，如果源文件不行，再高的码率也不行，还有就是码率越高，文件就越大，所以并不是码率越高就越好，还有就是码率和分辨率，与清晰度无关。</t>
  </si>
  <si>
    <t>蜥蜴养了有感情吗</t>
  </si>
  <si>
    <t>跟冷血动物，很难培养感情的，大多数都是一厢情愿的。</t>
  </si>
  <si>
    <t>不再紧张的表现就是接受了。就像变色龙不再用鼓肚子来表示害怕威胁一样的哦。</t>
  </si>
  <si>
    <t>雅漾保湿润肤水好用吗</t>
  </si>
  <si>
    <t>雅漾保湿润肤水是比较滋润的。从成分上来说建议混合型肌肤以及干性肌肤使用，皮肤过敏以及角质层薄者不建议使用。</t>
  </si>
  <si>
    <t>1.好大一瓶，够用很久。还有就是有点润，用化妆棉抹完后，拍两下，吸收的还比较快。2.水水看着很清，拍在脸上时滋润度却很够，很舒服。3. 比较适合敏感肌肤的MM，用完肌肤凉凉的，保湿也不错。</t>
  </si>
  <si>
    <t>保湿效果很好并且刺激性很小。</t>
  </si>
  <si>
    <t>qq注册必须要手机号码吗</t>
  </si>
  <si>
    <t>电脑上可以不用手机号。</t>
  </si>
  <si>
    <t>电脑上不要登录任何一个QQ，这样在注册新QQ的时候，有时不会需要手机验证。</t>
  </si>
  <si>
    <t>凤凰鸟真的存在过吗</t>
  </si>
  <si>
    <t>有，就是孔雀，它又被人们称为凤凰。</t>
  </si>
  <si>
    <t>没有，只是《山海经》里的传说。</t>
  </si>
  <si>
    <t>卧底归来 禁播了吗?</t>
  </si>
  <si>
    <t>据说现在已经可以看了。</t>
  </si>
  <si>
    <t>公租房可以买吗</t>
  </si>
  <si>
    <t>公租房在进行改革，部分地区部分房源可以出售。</t>
  </si>
  <si>
    <t>在重庆承租公共租赁住房的承租人，在其租赁满5年后，可选择申请购买居住的公租房。</t>
  </si>
  <si>
    <t>业主住满5年后，可以成本价＋银行利息购买自住，购房时可以选择一次性付款或者分期付款。</t>
  </si>
  <si>
    <t>车膜自己能贴吗</t>
  </si>
  <si>
    <t>是需要专业人员才可以贴得。</t>
  </si>
  <si>
    <t>可以啊，但是肯定贴不好。</t>
  </si>
  <si>
    <t>维生素c白天吃会变黑</t>
  </si>
  <si>
    <t>不会的，维生素C和黑色素沉淀没有直接关系。</t>
  </si>
  <si>
    <t>变黑不是因为吃维生素C，Vc是水溶性的，吃Vc最好的时间是早餐之后,易于吸收。</t>
  </si>
  <si>
    <t>s7灵活组排有奖励吗</t>
  </si>
  <si>
    <t>S7赛季中单双排和灵活组排只要有一个青铜白银黄金段位，如果两个排位都达到了黄金以上，赛季哦=末会有奖励。</t>
  </si>
  <si>
    <t>到结算的时候会有守护眼和皮肤奖励。</t>
  </si>
  <si>
    <t>召唤师在灵活排位中的表现，系统有可能根据当前配池中的情况、匹配池 、排位分段 ，不一定能满足一支完整队伍所有位置需求、未来的排位奖励 都各自独立。</t>
  </si>
  <si>
    <t>途虎养车的东西正规吗</t>
  </si>
  <si>
    <t>途虎养车的东西保证正规的，途虎养车上所售卖的任何产品都保证正品，轮胎、机油、蓄电池等都能保证正品。也就是说，如果你想买汽车用品，完全可以放心购买哦。除此之外，途虎养车还能够提供正规的养车服务。</t>
  </si>
  <si>
    <t>宜信指旺理财是否合法</t>
  </si>
  <si>
    <t>既然是大公司出的就可以放心啦。现在出了很多各种理财APP，理财网站，利率再高我都不敢买。投资这个事情还是要相信大平台大公司，不会跑路。宜信最近还跟中信银行合作了。有银行托管，又增加了点安全性。</t>
  </si>
  <si>
    <t>宜信旗下的理财APP，大公司做的不可能是诈骗的。我有朋友就在里面上班，指旺好像是他们今年刚推出的一个理财APP，已经好几亿了。P2P这个行业确实鱼龙混杂，去年也有不少公司跑路，不过像宜信、陆金所、人人贷这些做了好多年的大公司是不会随便跑路的，尤其是宜信好歹也是国内第一个做P2P的。</t>
  </si>
  <si>
    <t>自费的疫苗有必要打吗</t>
  </si>
  <si>
    <t>比特币交易平台能提现吗</t>
  </si>
  <si>
    <t>去交易平台把你的比特币卖掉，然后用交易平台支持的银行账户提现。</t>
  </si>
  <si>
    <t>平安惠普贷款靠谱吗</t>
  </si>
  <si>
    <t>农村光伏发电能挣钱吗</t>
  </si>
  <si>
    <t>实用的地方目前在农业方面有太阳能水泵，太阳能大棚，还有太阳能灭蚊灯。太阳能路灯可以看着用，看地方支持力度，以及可以接受的成本！太阳能晚上和雨天就发不了电了，不跟电网连接，蓄电池也要不少钱。最好算下账，看实际条件。</t>
  </si>
  <si>
    <t>目前来说，在农村推广不现实。并网发电系统，成本回收要在15年左右；带蓄电池的离网发电系统，成本更高，回收时间那更是没边了。</t>
  </si>
  <si>
    <t>肯定靠谱，国家有优惠政策，有专项补贴，只是一次性投资较大！</t>
  </si>
  <si>
    <t>系统队列中的windows错误报告文件能删吗</t>
  </si>
  <si>
    <t>系统自检的，可以放心清理。</t>
  </si>
  <si>
    <t>身份证过期了能买高铁票吗</t>
  </si>
  <si>
    <t>不可以，但可以通过户口本、学生证等其它有效证明购买。</t>
  </si>
  <si>
    <t>h1z1要用vpn吗</t>
  </si>
  <si>
    <t>以前是要现在据说可以直接连了。</t>
  </si>
  <si>
    <t>外国倒是需要</t>
  </si>
  <si>
    <t>是的必须链接VPN才可以进入游戏，因为游戏只有外服。</t>
  </si>
  <si>
    <t>十月馨对胎儿有好处吗</t>
  </si>
  <si>
    <t>十月馨是一多种维生素多种矿物质片。不建议私自进行服用的。最好是在服用之前做一下检查。看身体是否缺乏。如缺乏过多的情况下。可以通过药物进行补充。但是需要在医生的指导下进行补充。不可以私自补充。</t>
  </si>
  <si>
    <t>真的不错哦！孕期一直吃，孕期什么症状都没有，宝宝出生了，可省事了，奶水也好，检查说宝宝发育的很好，体重也没长多少。</t>
  </si>
  <si>
    <t>甲状腺结节需要手术吗</t>
  </si>
  <si>
    <t>一般讲单发结节如果是实性结节，无论有没有包膜或钙化及血流异常，超过1厘米就有了外科可以手术的指征，如果不到1厘米，但超声显示结节形态不规则，有钙化或血流异常，也应该手术治疗，如果结节是囊肿，则可以放宽到3厘米左右再手术，因为再大就会出现压迫症状，并可能给将来手术带来困难和增加损伤几率。另外如结节是高功能性质，无论大小都应该手术。</t>
  </si>
  <si>
    <t>甲状腺结节是否手术治疗主要看：1、甲状腺结节是否有钙化；2、甲状腺结节血流信号是否明显增强；3、甲状腺囊肿内是否出现增生性凸起病变；4、甲状腺功能亢进。这四种情况均有癌变可能，建议尽快手术治疗，提问者描述情况没有到必须手术治疗的时候。但甲状腺结节或囊肿属于外科病，手术治疗是最佳治疗手段。</t>
  </si>
  <si>
    <t>建议手术，很小的伤口，很快痊愈，那个部位一般不建议长期保留增生物。</t>
  </si>
  <si>
    <t>2017买苹果5s划算吗</t>
  </si>
  <si>
    <t>5s只能说已经被淘汰了，性价比蛮高的也很便宜，如果没有太多钱值得入手，苹果手机用久了不会像安卓那样卡顿，所以主要还在于个人。</t>
  </si>
  <si>
    <t>如果要买A1530，就可以，便宜，还实用，开车使用5S非常方便，而6和7的屏幕都太大了。</t>
  </si>
  <si>
    <t>汤哥生发真的管用吗</t>
  </si>
  <si>
    <t>可能有效果，后期效果不明显。</t>
  </si>
  <si>
    <t>效果不太好。</t>
  </si>
  <si>
    <t>4s店会卖翻新车吗</t>
  </si>
  <si>
    <t>不会卖。</t>
  </si>
  <si>
    <t>有卖。</t>
  </si>
  <si>
    <t>歌唱家和歌手有区别吗</t>
  </si>
  <si>
    <t>歌唱家是特指歌手中成就大、贡献大、资历高的那部分人。感染力很高，易于引起共鸣。歌手，泛指演唱歌曲及其他声乐作品的娱乐业人士，作为职业有一个规范的叫法"歌唱演员"。</t>
  </si>
  <si>
    <t>王雷李小萌有孩子吗</t>
  </si>
  <si>
    <t>省考有补录吗</t>
  </si>
  <si>
    <t>libreoffice好用吗</t>
  </si>
  <si>
    <t>LibreOffice虽然免费开源，但对于国人而言操作上比较难适应。</t>
  </si>
  <si>
    <t>好。开源，免费，自由，跨平台。</t>
  </si>
  <si>
    <t>买单侠是正规公司吗</t>
  </si>
  <si>
    <t>千万别在这种店里消费，非常坑爹！店与买单侠两方面都要拿佣金，可想利息的高度，他们的利息远超规定标准。</t>
  </si>
  <si>
    <t>现在买单侠都上征信的，我也办理的分，咨询过银行，根据征信中心银行下发的通知，逾期一天就会记录在个人的征信报告中，会严重的影响以后个人信用，身份信息拉入黑名单，以后只要需要身份证的都办不了。</t>
  </si>
  <si>
    <t>paperfree检测准吗</t>
  </si>
  <si>
    <t>还行吧，其实只要是你自己写的都不用担心。</t>
  </si>
  <si>
    <t>金刚狼3死了吗</t>
  </si>
  <si>
    <t>10658888和包是诈骗吗</t>
  </si>
  <si>
    <t>阿里云支持ipv6吗</t>
  </si>
  <si>
    <t>支持ipv6协议。</t>
  </si>
  <si>
    <t>国内区域全都不支持，国外区域香港以外的都可以。</t>
  </si>
  <si>
    <t>原始火刃豹 绝版了吗</t>
  </si>
  <si>
    <t>没有，推荐尽快入手。</t>
  </si>
  <si>
    <t>糖尿病人能吃粽子吗</t>
  </si>
  <si>
    <t>对于糖尿病患者最好不吃或少吃粽子，否则有可能造成病情加重或导致更严重的后果。</t>
  </si>
  <si>
    <t>不能吃粽子的。因粽子多用糯米做成的，糯米的碳水化合物含量较高,与普通大米或粳米相比,其不易消化,不适合糖尿病患者尤其是血糖控制不佳的时候食用。糖尿病患者主食一般以米,面为主,最好是增加粗杂粮如燕麦,麦片,玉米面等的比例,这些食物富含膳食纤维。</t>
  </si>
  <si>
    <t>如果是含糖的粽子不要吃。</t>
  </si>
  <si>
    <t>qq被收回能不能拿回来</t>
  </si>
  <si>
    <t>被回收了就无法找回了。</t>
  </si>
  <si>
    <t>逍遥丸男人可以吃吗</t>
  </si>
  <si>
    <t>男人可以吃。</t>
  </si>
  <si>
    <t>体外射精可靠吗</t>
  </si>
  <si>
    <t>不安全，而且对男生不太好。</t>
  </si>
  <si>
    <t>1．精子细胞通常在射精前从尿道口流出几滴，每滴内含有精子约五万个，如果流入阴道，有一滴精液就足可使女子的一个卵子受精。2．在冲刺到最紧张的阶段，抽出阴茎的时机可能因男人依恋快感而失之太迟，使一部分精液射在阴道内。3．有时在体外射精后，男子立刻用手指来抚摸女子的阴部，使她达到高潮，或隔不了多久就进行第二次性交。在这两种情形下，手指和阴茎都可能把精子带进阴道。</t>
  </si>
  <si>
    <t>即使戴套也只有97%的避孕成功率，体外射精也是一种避孕方式，简单有效，但是仍有可能怀孕。</t>
  </si>
  <si>
    <t>孕妇可以吃山竹吗</t>
  </si>
  <si>
    <t>不能一概而论，要区分不同孕妇体质。体质适合吃山竹的孕妇也要注意一天不能吃太多，两、三个为宜。</t>
  </si>
  <si>
    <t>山竹性寒，而女人的身体多多少少也有都寒气，实在嘴馋的话吃一两个就得了，不吃最好。</t>
  </si>
  <si>
    <t>可以，孕妈食之能补充更多营养也能均衡营养。</t>
  </si>
  <si>
    <t>汇银乐虎有假货吗</t>
  </si>
  <si>
    <t>拍拍贷查征信吗</t>
  </si>
  <si>
    <t>拍拍贷不用查征信，但公司会在网查看你的公积金余额.</t>
  </si>
  <si>
    <t>马桶移位器容易堵吗</t>
  </si>
  <si>
    <t>建议不用使用移位器，特别是虹吸式马桶，很容易堵塞或是产生不了虹吸效果。</t>
  </si>
  <si>
    <t>使用马桶移位器容易引起马桶堵塞，并且安装移位器后；由于弯道变多，气压变大，容易引起回流。</t>
  </si>
  <si>
    <t>很容易</t>
  </si>
  <si>
    <t>王者荣耀体验英雄可以打排位吗</t>
  </si>
  <si>
    <t>这些英雄体验卡并不能进行排位，排位的英雄必须要是永久的，排位需要玩家拥有5个及以上永久英雄就能进行。</t>
  </si>
  <si>
    <t>不能，只能用自己拥有的英雄，排位需要玩家拥有5个及以上永久英雄才能进行。</t>
  </si>
  <si>
    <t>不行，排位是要有自己的永久英雄的。</t>
  </si>
  <si>
    <t>云交易是骗局吗</t>
  </si>
  <si>
    <t>不是，云交易是一种操作最简单、最流行的金融交易品种之一。</t>
  </si>
  <si>
    <t>斗牛犬凶吗?</t>
  </si>
  <si>
    <t>为世界十大凶犬之一，属于猛禽类，此犬比较危险类。</t>
  </si>
  <si>
    <t>斗牛犬是斗犬，以前性格凶猛，现已经温顺了很多，虽有原始凶悍的外表，但性情已变得善良、忠诚、顺从。</t>
  </si>
  <si>
    <t>对主人不凶，对外人凶。</t>
  </si>
  <si>
    <t>王者荣耀英雄能赠送吗</t>
  </si>
  <si>
    <t>不能。只能赠送皮肤。</t>
  </si>
  <si>
    <t>可以在其他商城购买，然后再赠送给他人。</t>
  </si>
  <si>
    <t>飞机上可以玩ipad吗</t>
  </si>
  <si>
    <t>完全可以的，商务舱甚至可以上网的。</t>
  </si>
  <si>
    <t>飞行中不能使用电子产品。</t>
  </si>
  <si>
    <t>2017车损险有必要买吗</t>
  </si>
  <si>
    <t>最好提前一两个月买。</t>
  </si>
  <si>
    <t>如果车技熟练且规矩，车险可以不买。</t>
  </si>
  <si>
    <t>这年头，马路杀手太多了，你不撞他，他撞你，小心使得万年船，必须买。</t>
  </si>
  <si>
    <t>来月经能喝咖啡吗</t>
  </si>
  <si>
    <t>女性在月经期间尽量不要喝咖啡，因为咖啡中的咖啡因会影响内分泌，造成月经紊乱或者痛经。</t>
  </si>
  <si>
    <t>女性经期喝咖啡是不当的选择。女性长期过多饮咖啡容易患心肌梗塞，月经前喝咖啡会会使乳房胀痛，引起焦虑、易怒与情绪不稳，同时更消耗体内储存的维他命B，从而破坏了碳水化合物的新陈代谢。</t>
  </si>
  <si>
    <t>月经期间少量喝咖啡的好处:1、咖啡中含有较多咖啡因，月经来潮时，机体的内环境会发生一定程度的改变，在这个时候，少量的咖啡因可缓解女孩月经期的不适；2、咖啡因由于有刺激中枢神经和肌肉的作用，所以可以振作精神、增强思考能力，恢复肌肉的疲劳。作用在心血管系统，可提高心脏功能，使血管舒张，促进血液循环。月经期间过量喝咖啡的坏处:1、月经前和经期喝咖啡会会使乳房胀痛，引起焦虑、易怒与情绪不稳，同时更消耗体内储存的维他命B，因此破坏了碳水化合物的新陈代谢；2、女性经期喝咖啡不好。因为经期喝咖啡咖啡会增加体内的雌性荷尔蒙，使一些妇科疾病加重，比如子宫内膜异位以及乳房肿胀等，甚至还会影响生育。经期喝咖啡会使体内雌性荷尔蒙明显上升，影响卵巢内卵子的数量，使卵巢老化，也会加快人体所有机能老化；3、咖啡中含有的咖啡因属于刺激性物质，容易刺激神经和心血管，以致会产生月经疼痛、经期延长和经血过多的可能。</t>
  </si>
  <si>
    <t>蝾螈是娃娃鱼吗</t>
  </si>
  <si>
    <t>蝾螈不是娃娃鱼，蝾螈指、趾前四后五，而娃娃鱼指、趾前五后四。另外，蝾螈腹面为朱红色，还有不规则的黑斑，而娃娃鱼腹面颜色浅淡，这两个特征是蝾螈与娃娃鱼的最大区别。</t>
  </si>
  <si>
    <t>指纹锁安全吗</t>
  </si>
  <si>
    <t>指纹锁相比于传统机械锁，确实更安全了一些。</t>
  </si>
  <si>
    <t>婴儿推车可以带上飞机吗</t>
  </si>
  <si>
    <t>根据民航规定，每个婴儿都可以带一部免重的婴儿推车，还可以到机舱门口才托运，下飞机在行李托运处领取。</t>
  </si>
  <si>
    <t>不可以，要办理行李托运。</t>
  </si>
  <si>
    <t>看有多大了，如果不能折叠防盗机舱顶部的储物空间里面就不可以带上飞机，因为不固定住会在飞机颠簸时造成危险隐患。</t>
  </si>
  <si>
    <t>马尔济斯犬好养吗</t>
  </si>
  <si>
    <t>马尔济斯犬属于小型的玩赏犬种，性格开朗活泼，对环境很饮食的要求也不是太高。饲养应该不是一件难事。</t>
  </si>
  <si>
    <t>用心就都不难养。</t>
  </si>
  <si>
    <t>ipad充电器可以给iphone充电吗</t>
  </si>
  <si>
    <t>ipad的充电器充iphone肯定没问题，电压一样的，只是ipad的充电器负载能力强，可以输出的电流大，注意是可以输出的电流，而不是有些人理解的2.1A的输出电流大会充坏iphone，这个输出电流的大小要看负载的情况，跟电源没有关系。</t>
  </si>
  <si>
    <t>表格中iPad使用的苹果10W和12W的USB电源适配器，是兼容iPhone所有机型的，即可以给iPhone充电的;</t>
  </si>
  <si>
    <t>化妆品可以带上飞机吗</t>
  </si>
  <si>
    <t>只要是液体，除了化妆品、其它都不可以随身携带。但可以托运。化妆品随身携带的话，看瓶子上面的容积标志，100毫升以内的都可以带，带几瓶都随便。只要瓶子上的标识超过100毫升的就都不可以，只能放在行李箱去托运。就拿你的沐浴乳和洗发水来说，本身都是超过100毫升的包装瓶，所以只能去托运。</t>
  </si>
  <si>
    <t>有点限制。 现在已经可以携带上飞机了，只要液体加起来不超过1000ML就可以，航空规定的液体总量不超过1000ml的，单件不超过100ml，而且是瓶子容量就不能超过100ml ，不过为了保险起见，其实托运的话，可以为省些力气 。</t>
  </si>
  <si>
    <t>化妆品容积不超过1000ml是可以带上飞机的。国家民航总局规定：旅客可以携带少量旅行自用的化妆品，每种化妆品限带一件，其容器容积不得超过100ml。所有液体产品都需装进1000ml带拉锁的透明袋里，且每位旅客只能随身携带一个透明袋上飞机。如果超过规定的容积，不能随身携带进入航空器，需办理托运手续。</t>
  </si>
  <si>
    <t>肝血管瘤严重吗</t>
  </si>
  <si>
    <t>肝血管瘤也称肝脏血管瘤，一般情况下属于良性肿瘤，无需治疗，只有超过5公分并伴有症状的肝血管瘤才应该考虑治疗。</t>
  </si>
  <si>
    <t>小肝血管瘤，目前对身体基本没影响，刚检查出来，不必急于治疗。</t>
  </si>
  <si>
    <t>血管瘤本身是一种良性肿瘤，一般情况下是不会危及到生命健康的。</t>
  </si>
  <si>
    <t>安225在中国生产真实吗</t>
  </si>
  <si>
    <t>微信撤回消息能恢复吗</t>
  </si>
  <si>
    <t>消息撤回后是无法恢复的。</t>
  </si>
  <si>
    <t>成都棕南妇科医院好不好</t>
  </si>
  <si>
    <t>樱桃和车厘子 是一样的吗</t>
  </si>
  <si>
    <t>车厘子就是cherry(樱桃)的音译，也特指进口樱桃，属于樱桃但种类不同。</t>
  </si>
  <si>
    <t>从外形到口感都不一样。</t>
  </si>
  <si>
    <t>没有区别，是一种东西。</t>
  </si>
  <si>
    <t>我的世界村民会睡觉吗</t>
  </si>
  <si>
    <t>不会睡觉哦 因为要随时为玩家服务</t>
  </si>
  <si>
    <t>不会，因为村民只是一个npc</t>
  </si>
  <si>
    <t>华义娟道歉了吗</t>
  </si>
  <si>
    <t>没有公开道歉。</t>
  </si>
  <si>
    <t>两万毫安的充电宝能带上飞机吗</t>
  </si>
  <si>
    <t>苹果有模拟器吗</t>
  </si>
  <si>
    <t>由于苹果iOS不像Android OS一样是开源的系统，因此无法做到在其他平台模拟iOS，也就不会有iOS模拟器。</t>
  </si>
  <si>
    <t>苹果目前还没有出模拟器。</t>
  </si>
  <si>
    <t>王子文有孩子吗</t>
  </si>
  <si>
    <t>王子文已经有了老公和孩子。</t>
  </si>
  <si>
    <t>双倍余额递减法 考虑净残值吗</t>
  </si>
  <si>
    <t>不需要考虑。</t>
  </si>
  <si>
    <t>双倍余额递减法也是需要考虑残值的，只是在最后2年在考虑。</t>
  </si>
  <si>
    <t>不考虑固定资产的预计净残值。</t>
  </si>
  <si>
    <t>机油加到上限位置行吗</t>
  </si>
  <si>
    <t>机油加到上限位置需要抽出来。</t>
  </si>
  <si>
    <t>可以的，但是不要超过太多，容易损坏催化器。</t>
  </si>
  <si>
    <t>不超过就行， 加多了压力大，阻力大 ，废汽油 。</t>
  </si>
  <si>
    <t>神秘海域4有pc版吗</t>
  </si>
  <si>
    <t>神秘海域这个IP就是PS平台独占的，除非索尼倒闭，否则不可能出PC版.</t>
  </si>
  <si>
    <t>学慧网是真的还是假的</t>
  </si>
  <si>
    <t>假的，自学比较好。</t>
  </si>
  <si>
    <t>学慧网特别不靠谱，报考心里咨询师明明报考的是本省考试，结果报成外省，还不给解决，互相推脱。</t>
  </si>
  <si>
    <t>dnf推荐号不是一个区的可以吗</t>
  </si>
  <si>
    <t>软组织密度影是肿瘤吗</t>
  </si>
  <si>
    <t>一般肺部见软组织密度影主要是肺部肿瘤，但肺部肿瘤有良性的肿瘤及恶性的肿瘤之分。</t>
  </si>
  <si>
    <t>承包快递片区赚钱吗</t>
  </si>
  <si>
    <t>快递需要业务支撑，必须有固定客户发货支撑，否则一年内不赚钱。</t>
  </si>
  <si>
    <t>每个片区情况不同，有的赚钱，有的收支平衡，有的亏本关门。</t>
  </si>
  <si>
    <t>由收派多少货量决定是否赚钱。</t>
  </si>
  <si>
    <t>芦荟一片叶子能栽活吗</t>
  </si>
  <si>
    <t>芦荟一片叶子不能栽活。</t>
  </si>
  <si>
    <t>完全可以插活,但要注意让切口风干、收水后再插,最好是春天,插后不要浇水,两天后浇小水,慢慢让它荫潮就行了,千万不能浇大水。</t>
  </si>
  <si>
    <t>世界上真的有鬼吗</t>
  </si>
  <si>
    <t>鬼应该是没有的，那只不过是一种心理作用。</t>
  </si>
  <si>
    <t>世界上有鬼存在。</t>
  </si>
  <si>
    <t>极光世界烧钱吗</t>
  </si>
  <si>
    <t>都说极光是RMB的世界    其实也没有那么夸张，只要花个5千基本上就强力了。</t>
  </si>
  <si>
    <t>不准备投个万把千的、去了也只是被RMB玩家虐的。</t>
  </si>
  <si>
    <t>巴沙鱼吃了有害处吗</t>
  </si>
  <si>
    <t>只要不是在污染的水中养鱼，应该没么不好吧。</t>
  </si>
  <si>
    <t>巴沙鱼吃了对人体没有害处。</t>
  </si>
  <si>
    <t>巴沙鱼生鱼片小孩不适合吃。</t>
  </si>
  <si>
    <t>血小板偏高是白血病吗</t>
  </si>
  <si>
    <t>血小板高可以是血液疾病引起，也可以是疾病急性期的表现，所以血小板高不一定是白血病。</t>
  </si>
  <si>
    <t>不会的，虽然都是血液成分发生了改变，但是两种疾病，互相之间没有因果关系。</t>
  </si>
  <si>
    <t>火源好玩吗</t>
  </si>
  <si>
    <t>火源计划，火源计划的背景设计并不是太完全，有职业：刺客，狂猎，先锋，游侠，但是没有近身攻击，看来就比较单一了，但是萝卜白菜各有所爱。</t>
  </si>
  <si>
    <t>没时间就不要玩这游戏，太浪费时间。</t>
  </si>
  <si>
    <t>雨林木风倒闭了吗</t>
  </si>
  <si>
    <t>倒不了,之前赚几百万了养个网站还是养得起的,现阶段只是避风头。</t>
  </si>
  <si>
    <t>没有啊，都还能进去呢。</t>
  </si>
  <si>
    <t>喷雾可以带上高铁吗</t>
  </si>
  <si>
    <t>不可以的，无论多少剂量，都不允许带上高铁的。</t>
  </si>
  <si>
    <t>不是易燃品不要紧。</t>
  </si>
  <si>
    <t>首先要了解你的补水喷雾是什么瓶子装的，如果是和香水一样瓶装液体喷剂就没问题，如果是罐装高压的压缩气体类型的就不行，比如灭蚊器，这就属于易燃易爆品。</t>
  </si>
  <si>
    <t>丝瓜苦的能吃吗</t>
  </si>
  <si>
    <t>苦的丝瓜可以正常食用。</t>
  </si>
  <si>
    <t>有的苦丝瓜不能。</t>
  </si>
  <si>
    <t>飞猪抢票靠谱吗</t>
  </si>
  <si>
    <t>抢火车票还是靠谱的，热门路线热门时间抢到票是需要运气的。</t>
  </si>
  <si>
    <t>比较知名都还是可靠的。</t>
  </si>
  <si>
    <t>香港可以用支付宝吗</t>
  </si>
  <si>
    <t>有的店铺支持，有的店铺不支持。</t>
  </si>
  <si>
    <t>dnf攻击时附加伤害能叠加吗</t>
  </si>
  <si>
    <t>附加伤害没有冲突，可以叠加</t>
  </si>
  <si>
    <t>摩洛哥安全吗</t>
  </si>
  <si>
    <t>很安全，而且他们对中国的印象都挺好。</t>
  </si>
  <si>
    <t>还好吧 。 那边是旅游地权，再说清真本地人应该都是很好的。也没有外部势力去破坏，还算安定吧。</t>
  </si>
  <si>
    <t>今年端午节高速免费吗</t>
  </si>
  <si>
    <t>2016年端午节高速公路是照常要收过路费、不会免费的。</t>
  </si>
  <si>
    <t>2016年端午节放假高速公路是照常要收过路费、不会免费的。</t>
  </si>
  <si>
    <t>2016年端午节高速公路是照常要收费、没有免过路费的。</t>
  </si>
  <si>
    <t>碰碰香可以水培吗</t>
  </si>
  <si>
    <t>碰碰香是使用扦插法繁殖的，也可以水培。</t>
  </si>
  <si>
    <t>母亲节是国际节日吗</t>
  </si>
  <si>
    <t>1913年5月10日，美国参众两院通过决议案，由威尔逊总统签署公告，决定每年5月的第二个星期日为母亲节。这一举措引起世界各国纷纷仿效，至1948年贾维斯谢世时，已有43个国家设立了母亲节。</t>
  </si>
  <si>
    <t>源自西方的，现在全球化了，世界的任何角落都有母亲。</t>
  </si>
  <si>
    <t>大多数国家把每年5月的第二个星期日定为母亲节，这已经成为国际性的一个庆祝节日了。</t>
  </si>
  <si>
    <t>孕妇促甲状腺激素偏高对胎儿有影响吗</t>
  </si>
  <si>
    <t>孕妇促甲状腺激素偏高对胎儿有影响。考虑应该对孩子发育的情况影响较大，必要时在医生的指导下选择用药帮助改善甲状腺功能异常的情况，低盐低脂饮食。</t>
  </si>
  <si>
    <t>促甲状腺激素偏高就是亚临床甲减,，胎儿在前6周是不能自己合成甲状腺素的，所以需要母体的供给。如果孕妇甲减会造成胎儿神经系统发育的障碍，影响智力，</t>
  </si>
  <si>
    <t>孕妇甲状腺激素高一点，应该对胎儿影响不大，可以查明原因。促甲状腺激素高应该快速调整治疗。</t>
  </si>
  <si>
    <t>autodesk桌面应用程序可以卸载吗</t>
  </si>
  <si>
    <t>可以卸载。打开电脑卸载或更改程序，直接打开我的电脑就可以看到。找到Autodesk ReCap软件，双击卸载它，打开它之后，可以卸载了。</t>
  </si>
  <si>
    <t>移动硬盘可以当电脑硬盘使用吗</t>
  </si>
  <si>
    <t>可以的。移动硬盘就是以标准硬盘为基础的。两者最大的区别就在于移动二字，但是本质是相同的。市场上绝大多数的移动硬盘都是以标准硬盘为基础的，而只有很少部分的是以微型硬盘(1.8英寸硬盘等)，但价格因素决定着主流移动硬盘还是以标准笔记本硬盘为基础。因为采用硬盘为存储介质，因此移动硬盘在数据的读写模式与标准IDE硬盘是相同的。但是，具体将移动硬盘装在电脑上使用需要注意以下几点：1、电脑和硬盘的USB适配。2、如果要内置移动硬盘，要注意大小合适的问题。3、作为内置硬盘对硬盘转速要求较高。</t>
  </si>
  <si>
    <t>可以，只需购买一个硬盘盒将硬盘装在一硬盘盒里就能当做普通移动硬盘使用。随着网络和多媒体的迅速发展，人们越来越经常遇到以GB为单位的大容量数据交换，面对这样大块头的数据，硬盘无疑是最佳的载体，然而普通硬盘是安装在机箱中，并且安装了操作系统，因此不易于移动。硬盘盒的作用就是对一块硬盘起到物理保护作用，同时使用便于移动的连接方式，实现移动硬盘的作用。</t>
  </si>
  <si>
    <t>可以，但不安全。1、移动硬盘，毕竟是放在外面的，很容易被磕碰。硬盘是最怕震动和碰撞的，所以，长时间使用，一定要注意安全。使用是可以的，但必须确保不被误碰。2、像一些3.5寸的移动硬盘，使用了比较重的底座和外壳，就比较适合长期外挂使用。像WD的mybook系列。3、另外，usb接口转的Sata，现在全是sata2，速度上有一定的损失。</t>
  </si>
  <si>
    <t>房门对房门好不好</t>
  </si>
  <si>
    <t>两门相冲、必有一凶。</t>
  </si>
  <si>
    <t>卧室门与卧室门相冲 家中两卧室门相对冲的格局，容易引起家人互相的口舌、产生矛盾等不利家人相处的影响。</t>
  </si>
  <si>
    <t>打通小周天要禁欲吗</t>
  </si>
  <si>
    <t>王者荣耀可以送好友英雄吗</t>
  </si>
  <si>
    <t>在商城里面。下面显示“购买和赠送”。</t>
  </si>
  <si>
    <t>王者荣耀玩家是不能购买英雄送给好友的，只能购买皮肤送给好友，总的来说各位是送不了英雄的，尤其是用金币送更加不可能，除非你直接给好友充值点券这样才行，王者荣耀各方面都可以说是相当优秀，无论是制作还是给玩家的体验，都很棒。打完一局有种发泄的感觉。</t>
  </si>
  <si>
    <t>不能，只能赠送皮肤。</t>
  </si>
  <si>
    <t>艾灸会加速癌症扩散吗</t>
  </si>
  <si>
    <t>支付宝借呗利息高吗</t>
  </si>
  <si>
    <t>可以借到钱但利息挺高的。</t>
  </si>
  <si>
    <t>放高利贷犯法吗</t>
  </si>
  <si>
    <t>贵阳房价有升值空间吗</t>
  </si>
  <si>
    <t>贵阳属三线城市，现已升为准二线城市，二、三线城市的房价走向呈平稳上升趋势，城市的发展、人口的增多、商业的多样化都会使房价上涨。所以，商品的价格都会涨，房价自然也在其中。因为需求与供应的关系是永远存在的，市场是饱和再到不饱和的过程，房价只会涨上去。</t>
  </si>
  <si>
    <t>人民的名义不是55集吗</t>
  </si>
  <si>
    <t>TV版和网络版不一样的，两版的时长也不一样。购买了在线播映权的PPTV上可以看到TV版（52集）、网络版（55集）和无尿点版（55集，剪去片头片尾）其他网站都是再从PPTV上购买的播放权，剪辑不同，时长不同。</t>
  </si>
  <si>
    <t>treasure可数吗</t>
  </si>
  <si>
    <t>名词n.金银财宝,财富[U]不可数，贵重物品[C]可数，【口】不可多得的人才[C]可数。</t>
  </si>
  <si>
    <t>荣耀战魂好玩吗</t>
  </si>
  <si>
    <t>游戏无论是玩法的剧情上都很好玩。</t>
  </si>
  <si>
    <t>好不好玩看自己是否喜欢。</t>
  </si>
  <si>
    <t>红茶热量高吗</t>
  </si>
  <si>
    <t>红茶热量294.00卡 ，不算高。</t>
  </si>
  <si>
    <t>有点，相当于5个苹果。</t>
  </si>
  <si>
    <t>滴滴顺风车合法吗2017</t>
  </si>
  <si>
    <t>江苏警官学院包分配吗</t>
  </si>
  <si>
    <t>不包分配，但他们学校里的公安类专业入警率都在90%以上。所以，只要自己努力，入警基本还是有保障的。</t>
  </si>
  <si>
    <t>本科类警官学院毕业入警率91%以上，毕业不包分配，但是考公务员警察太容易了，太有优势了，不要怕没有关系，面试不过，只有极少数人因为自身原因不想干警察，有的考了其他单位公务员和事业编制，所以才降低了入警率，还有极少数极少数因为成绩不达标原因的没能通过公务员考试，只要认真一点点可以说正常情况下只要想干警察的都能继续穿警服，中国警力目前严重不足，也可以这样说只要高考考上本科警官学院只要自己想当警察的，基本上都是百分之百公务员铁饭碗，和军校区别不大，入警率91%以上铁饭碗，公务员考试是全省统一招考的，你要是在学校是尖子生，还没毕业就被公安厅提前招了，人才都抢着要。</t>
  </si>
  <si>
    <t>江苏警官学院毕业生不分配的，都是自己找工作。</t>
  </si>
  <si>
    <t>鹿晗结婚了吗</t>
  </si>
  <si>
    <t>ios10.3能降级吗</t>
  </si>
  <si>
    <t>现在是可以进行降级的。如果想降级就尽快。趁着接口没有关闭。</t>
  </si>
  <si>
    <t>可以的，只要历史系统版本的验证还没有关闭的话，那就是完全可以降级的。</t>
  </si>
  <si>
    <t>固定资产清理科目期末有没有余额</t>
  </si>
  <si>
    <t>固定资产清理科目在处理中会有余额，处理后不会有余额。</t>
  </si>
  <si>
    <t>如果清理工作在年末没有完成，此账户是有余额的。</t>
  </si>
  <si>
    <t>固定资产清理科目应该没有余额，清理完毕后净收益转入“营业外收入”账户；净损失转入“营业外支出”账户。</t>
  </si>
  <si>
    <t>经期可以跑步吗</t>
  </si>
  <si>
    <t>女性月经期间不宜快跑或者做剧烈运动，但是能不能跑步根据个人的具体情况而定。</t>
  </si>
  <si>
    <t>可以跑，视个人情况而定，少女初经期不宜多跑。</t>
  </si>
  <si>
    <t>凡是身体健康、月经正常的女性，经期适当的运动有助于神经系统的平衡。月经的前3天根据自己的情况来决定运动形式，尽量以舒缓放松为主，月经的前3天根据自己的情况来决定运动形式，尽量以舒缓放松为主。</t>
  </si>
  <si>
    <t>林依晨真实身高155吗</t>
  </si>
  <si>
    <t>林依晨像大众宣布的数字是162cm，但从她参加的综艺节目中都可以看出一些“端倪”来，在早期林依晨参加《康熙来了》的时候，她和小S比过身高，当时2人都穿着差不多高的高跟鞋，林依晨比小S高出4-5cm左右，穿上鞋子大概有160cm，真实身高是157cm左右。</t>
  </si>
  <si>
    <t>身高：162cm；出生地：台湾省宜兰县。林依晨（ArielLin），1982年10月29日出生于台湾省宜兰县，中国台湾女演员、歌手。</t>
  </si>
  <si>
    <t>160，他在康熙来了里面说过的。</t>
  </si>
  <si>
    <t>职来职往停播了吗</t>
  </si>
  <si>
    <t>没有停播，还在更新当中。该节目每周四、五晚上9点38分播出。</t>
  </si>
  <si>
    <t>ddr3和ddr4可以一起用吗</t>
  </si>
  <si>
    <t>兼容主板不同，DDR4和DDR3内存无法通用。</t>
  </si>
  <si>
    <t>映客用电脑能直播吗</t>
  </si>
  <si>
    <t>可以在电脑端直播的</t>
  </si>
  <si>
    <t>不能的</t>
  </si>
  <si>
    <t>只有手机APP播，你可以在电脑上弄模拟器</t>
  </si>
  <si>
    <t>集资房可以买卖吗</t>
  </si>
  <si>
    <t>存在风险。由于集资房的转让存在以上诸多限制，因此购买者在购买集资房时应特别注意以下几个问题：首先，外单位的人如果有意购买集资建房单位有集资资格员工的集资房，其必须仔细审阅该单位与职工签订的《集资建房协议》，查明以下情况：单位是否同意员工转让集资房?是否对员工的转让行为设定了限制条件?设定了哪些条件?单位是否保留优先购买权?其次，要清楚购买集资房存在风险，尤其是购买尚未取得房产证集资房风险更大。集资房不能随便买卖，有很多的限制，一般外单位的人不知道，容易被骗。同时产权明晰是集资房上市出售的基本条件，集资者只有拥有全部产权才处分，同时其必须取得合法的房、地两证后方可依法进入二级市场交易。故购买者在购买前必须先查明房屋的产权情况。</t>
  </si>
  <si>
    <t>有房产证的集资房可以买，但必须注意以下事项：1.别买违章建筑集资房。如果是违章建筑，那就意味着自己花钱买下的房子本身就是违法的，没有法律保障，所住的房子会有随时被拆掉的风险。2.为了避免不应有的损失，看市政规划，向开发商询问是否办了报建手续。有无建筑规划许可证是非常重要的。一般建筑一定会在红线内建房，而符合市政规划的集资房用地还是获得政府保护的。3.要找专业开发商了解集资房开发商的的背景十分重要，这是让自己的各方面权利得到最大限度的保障的重要关键。在单位集资房买卖过程中，您需要注意以下问题：1、房主是否有房产证;2、需经单位同意，集资房出售单位有优先购买权;3、此套房产必须是全产权，如果是部分产权，需补交一定的价款变成全产权才可以出售，出售时需要缴纳土地出让金。</t>
  </si>
  <si>
    <t>小米金融上征信吗</t>
  </si>
  <si>
    <t>目前小米贷款APP没有明确说明逾期是否上征信，但是对于这类的互联网小额贷款，借钱容易逾期利息高，并且逾期同样也会影响个人的信用。</t>
  </si>
  <si>
    <t>小米金融上征信的。</t>
  </si>
  <si>
    <t>电子普通发票可以报销吗</t>
  </si>
  <si>
    <t>电子发票同普通发票一样，采用税务局统一发放的形式给商家使用，发票号码采用全国统一编码，采用统一防伪技术，分配给商家，在电子发票上附有电子税局的签名机制。可以作为报销凭证入账。</t>
  </si>
  <si>
    <t>一般都能，印有国税或地税通用机打发票都行。</t>
  </si>
  <si>
    <t>只要是正规发票都是可以报销的，报销只是相对于企业内部来说的，有些票例如单位发生的业务接待类的发票所得税前是不能完全抵扣的。</t>
  </si>
  <si>
    <t>西安地铁你们还敢坐吗</t>
  </si>
  <si>
    <t>国债逆回购周末计息吗</t>
  </si>
  <si>
    <t>是没有利息的。</t>
  </si>
  <si>
    <t>周六周日有无利息，要根据具体买的代码来说的。</t>
  </si>
  <si>
    <t>乳胶漆墙面可以直接贴壁纸吗</t>
  </si>
  <si>
    <t>不可以，需要经过处理。</t>
  </si>
  <si>
    <t>建行快贷是按月还款吗</t>
  </si>
  <si>
    <t>是的，按天利息，随时还也可以。</t>
  </si>
  <si>
    <t>2017年杭州房价会降吗</t>
  </si>
  <si>
    <t>目前杭州房价稳定，个别楼盘有特价房。</t>
  </si>
  <si>
    <t>房价可能可能会涨。房价的影响因素很多。</t>
  </si>
  <si>
    <t>贷款买的房子能卖吗</t>
  </si>
  <si>
    <t>可以卖。银行通常规定贷款未满一年的要付违约金，满一年的不用付。可用买房人付的首付款去银行提前还贷，办理解押手续，之后再办理过户</t>
  </si>
  <si>
    <t>贷款没还完，房子不可以出售，需要贷款还完办理完房产证才可以出售。</t>
  </si>
  <si>
    <t>可以，需要以下条件：第一、卖方有能力还贷的，先卖方还清贷款，注销抵押，然后再交易过户。第二、卖方没能力还贷的，而买方有能力的，可以协商让买方先还清贷款，然后再交易过户。这种方法对买方有一定的风险性，不过可以通过有诚信有资质的中介公司并要求卖方做公证委托等来消除风险。第三、买卖双方都没能力或不愿意还贷的，可以通过找第三方专门的担保公司，由担保公司还清贷款再交易过户，然后再还钱给担保公司，不过这需要一笔担保赎楼费用。</t>
  </si>
  <si>
    <t>刷机对手机有影响吗</t>
  </si>
  <si>
    <t>只要刷机就一定存在风险。首先肯定的是刷机是不会损坏手机硬件的。其次刷机可以解决手机有些莫名奇妙的毛病、升级手机硬件驱动（就象升级电脑的BIOS）、为手机增加无数DIY功能，但是不当的刷机方法可能带来不必要的麻烦，比如无法开机、开机死机、功能失效等后果，所以刷机是一件严肃的事情。</t>
  </si>
  <si>
    <t>没有影响，如果升级的是更新的系统反而对机器的硬件有好处，可以最好的发挥它的性能。</t>
  </si>
  <si>
    <t>没有影响，就像电脑重装系统一样。</t>
  </si>
  <si>
    <t>填海建房会不会沉降</t>
  </si>
  <si>
    <t>填海地完成后再长期积水是会影响沉降的。</t>
  </si>
  <si>
    <t>糖尿病人可以吃蜂蜜吗</t>
  </si>
  <si>
    <t>糖尿病患者在血糖控制较理想时可适当服用蜂蜜，但要同时减少其他淀粉类食品的摄入。</t>
  </si>
  <si>
    <t>玺蜂蜂蜜糖尿病人是可以吃的，每天使用量不得高于30g。</t>
  </si>
  <si>
    <t>蜂蜜有滋阴润燥的功效，糖尿病患者在病情稳定的前提下，吃一些蜂蜜不但没有坏处，而且还有辅助治疗的作用。</t>
  </si>
  <si>
    <t>2017游戏工作室赚钱吗</t>
  </si>
  <si>
    <t>现今游戏并不像五六年前那样，如今不景气。</t>
  </si>
  <si>
    <t>公允国际是合法的吗</t>
  </si>
  <si>
    <t>不要进去，圈钱而已，现在已经不能提现了。</t>
  </si>
  <si>
    <t>合法，百度上都能查到。</t>
  </si>
  <si>
    <t>公允国际就是个大骗子。</t>
  </si>
  <si>
    <t>深圳德家是传销吗?</t>
  </si>
  <si>
    <t>不是，是直销。</t>
  </si>
  <si>
    <t>其实是违法的，一进去就必须住宿舍，还有人跟着，出去要打报告被人盯着，这应该是传销。</t>
  </si>
  <si>
    <t>微信删除对话框等同于清空聊天记录吗</t>
  </si>
  <si>
    <t>删除之后还可以找回。</t>
  </si>
  <si>
    <t>不是，点击头像进去，记录还在。</t>
  </si>
  <si>
    <t>达泊西汀片可以根治吗</t>
  </si>
  <si>
    <t>治标不治本的，缓解一时而已。</t>
  </si>
  <si>
    <t>不可以，只有中药才能根治。</t>
  </si>
  <si>
    <t>6月份去九寨沟好吗</t>
  </si>
  <si>
    <t>九寨沟四季都十分迷人，这个月来也挺好的。</t>
  </si>
  <si>
    <t>不是最好, 但九寨全年都值得去。</t>
  </si>
  <si>
    <t>6月去九寨沟不错的。</t>
  </si>
  <si>
    <t>蒙古国还能回归中国吗</t>
  </si>
  <si>
    <t>现在中国政府大概不愿让外蒙回归了。1.中俄中间缺乏一个战略缓冲带。2.外蒙回归会严重拖累中国经济。3.中国人在蒙古形象很不好。4.蒙古人动机不纯。</t>
  </si>
  <si>
    <t>支付宝保险有用吗</t>
  </si>
  <si>
    <t>支付宝账户安全险   支付宝别盗取  或通支付宝快捷式盗刷银行卡  所损失钱   保险公司理赔    额度100W</t>
  </si>
  <si>
    <t>小米6充电重启解决了吗</t>
  </si>
  <si>
    <t>这是高通835的毛病，据说高通已经派人进驻小米了，估摸着近期能够修复。已经出现重启的，也不用太过于忧虑，先忍一段时间，毕竟又不是不能用。</t>
  </si>
  <si>
    <t>小米6手机充电重启的原因可能是骁龙835提供的电压有问题。目前高通已经派人入驻小米了，正在努力解决此问题。</t>
  </si>
  <si>
    <t>论文致谢词查重吗</t>
  </si>
  <si>
    <t>论文致谢一般不查重。但是要看自己学校的要求，建议问问辅导员，或者指导老师。一般是正文够多少字就可以，不算摘要和致谢。</t>
  </si>
  <si>
    <t>不查的，致谢都是固定格式，附录很多时候都是原著的摘录，没法查重的。</t>
  </si>
  <si>
    <t>前列腺高潮有危害吗</t>
  </si>
  <si>
    <t>男性的高潮有多个方面，前列腺在男性生殖器当中是属于一个很重要的部分，这方面主要是控制排尿以及性功能方面的疾病的，这个不建议你长期的刺激，前列腺经常高潮对身体不好。</t>
  </si>
  <si>
    <t>硼酸溶液敷脸有伤害吗</t>
  </si>
  <si>
    <t>消毒洗剂（3%硼酸），可以用来敷脸消毒。硼酸为白色结晶性粉末或无色微带珍珠状光泽的鳞片，有刺激性，可以用作化学试剂和生产蟑螂、甲虫杀虫剂，在医药上用作止血和防腐剂。硼酸未被允许作为食品添加剂，但民间常有将硼砂或硼酸掺入粮食中作为杀虫防腐剂使用的现象，早年也有将硼酸用作食品防腐剂和膨松剂的的问题。由于硼酸在体内蓄积排泄很慢，影响消化酶作用，每日食用0.5g硼酸即可引起食欲减退，妨碍营养物质的吸收，以致体重下降。成人食用1～3g即可引起中毒，主要表现有恶心、呕吐、腹痛、腹泻等胃肠道症状，有些人会还有中枢神经系统和皮肤症状，包括嗜睡、头痛、肌肉痉挛和皮疹等症状。 用毛巾或者面膜巾沾3%硼酸水敷脸，消肿褪红效果很好，价格便宜，而且没有副作用，硼酸水在冰箱里冷藏效果更好 。另外如果早起眼睛肿的话用来敷眼睛效果很明显的。一般情况下，硼酸对铝质材料只是为了使表面更光滑和更具有延性，没有助烧作用。</t>
  </si>
  <si>
    <t>长期反复应用，可能发生慢性中毒，其表现为乏力、厌食、皮疹、脱发等，小心眉毛。</t>
  </si>
  <si>
    <t>狼队ol倒闭了吗</t>
  </si>
  <si>
    <t>是的，4月27日23.59分停止运营。</t>
  </si>
  <si>
    <t>oppoa57玩王者荣耀卡吗</t>
  </si>
  <si>
    <t>很流畅，不过有时可能会受地区信号的影响。</t>
  </si>
  <si>
    <t>oppo a57玩王者荣耀不卡的，a57搭载的是八核的cpu，3g的运行内存，玩一般手机游戏，没有多大问题，前提是网速得好。</t>
  </si>
  <si>
    <t>兴业银行领取虚拟卡,信用卡是通过了吗</t>
  </si>
  <si>
    <t>西芹籽能治痛风吗</t>
  </si>
  <si>
    <t>不可以，平时多注意饮食。</t>
  </si>
  <si>
    <t>西芹有助于尿酸排出体外，在一定程度上有属于改善痛风和结实。</t>
  </si>
  <si>
    <t>可以的。西芹籽可以缓解关节炎，痛风，风湿痛，消除尿素。</t>
  </si>
  <si>
    <t>路由器upnp要不要开启</t>
  </si>
  <si>
    <t>upnp是一种即插即用的端口技术，对电驴，bt等的上传下载有一定得影响，建议打开，可以提高获得到high id的机率。</t>
  </si>
  <si>
    <t>UPNP是统一即插即用的意思，它的开启可以方便各种设备的自动连接，在新添加需要连接的傻瓜化设备时有一点儿帮助（对会设置的人来说它就没用）。如果你确定你要和路由器连接的设备都已经正确连接的话，就不用打开它。</t>
  </si>
  <si>
    <t>UPnP  应该打开，主要提高P2P类下载加速，如BT。</t>
  </si>
  <si>
    <t>房租到期不搬110管吗</t>
  </si>
  <si>
    <t>一般是管的，但不是那种抓人的管，而是民事协商明。</t>
  </si>
  <si>
    <t>管的，属于民事纠纷都要管，110就是做这些的。</t>
  </si>
  <si>
    <t>不属于110管理的内容。</t>
  </si>
  <si>
    <t>肝囊肿可以消失吗</t>
  </si>
  <si>
    <t>小的肝囊肿而又无症状者不需要特殊处理。大而出现症状者，应适当治疗，常用方法是在B超引导下肝囊肿穿刺抽液。肝囊肿切除适用于肝边缘部位，带蒂突向腹腔的肝囊肿。肝左叶巨大肝囊肿可作甘叶或肝部分切除。多发性肝囊肿一般不主张手术治疗，仅在引起明显症状的大的肝囊肿作穿刺抽液，缓解症状。</t>
  </si>
  <si>
    <t>一般不会，但是一般也不会影响肝功能，建议定期复查，如果没有长大的趋势并且不影响功能，不用理会。</t>
  </si>
  <si>
    <t>dnf坐飞机会封号吗</t>
  </si>
  <si>
    <t>查出来肯定会封。</t>
  </si>
  <si>
    <t>360还能升级win10吗</t>
  </si>
  <si>
    <t>目前的情况确实是这样的，360卫士和腾讯管家均已经暂停了升级Win10系统的计划，原因很简单就是问题多多，目前使用上述软件升级之后，有不少人遇到了升级失败、反复重启、蓝屏等问题，导致不能正常使用计算机。360给出的理由与腾讯电脑管家差不多，“目前由于部分计算机对Windows10的兼容支持还不完善，部分用户升级后出现了不能正常启动，一直重启的现象。”“为了更安全的为用户升级，360将暂缓对Win10的升级，已经预约的用户会保留其优先权。待与微软共同找到相应解决方案后，我们将进一步加大力度为用户带来一个更安全、更稳定的升级体验。”</t>
  </si>
  <si>
    <t>可以通过360免费升级成win 10。首先确保系统已经激活。如果系统没有激活，先用小马激活或KMS激活软件激活系统。安装360安全卫士，打开360安全卫士，选择主界面右下角的更多，进入工具箱，滚动鼠标到最后，选择免费升级win10。点击后，会添加这个工具，然后会立即检测。检测成功后会提示安装win10，按照提示操作即可。</t>
  </si>
  <si>
    <t>360卫士已经暂停了升级Win10系统的计划，原因很简单就是问题多多，目前使用上述软件升级之后，有不少人遇到了升级失败、反复重启、蓝屏等问题，导致不能正常使用计算机。2015-07-30号360发布最新公告，暂缓Win10升级助手服务。升级win10的方法：进入到Win7系统的控制面板；单击“系统和安全”选项；在下图中找到“检测更新”按钮；在检测到的更新包中选择Win10，并单击更新按钮，此过程中需要保持联网状态；下载完成升级安装包后重启电脑；重启电脑后可根据系统中文提示完成升级操作。</t>
  </si>
  <si>
    <t>appdata文件夹可以删除吗</t>
  </si>
  <si>
    <t>系统文件夹最好别动，可以用 360安全卫士 清理。</t>
  </si>
  <si>
    <t>不能删，很多公用信息全在那里面，部分软件信息也在里面。</t>
  </si>
  <si>
    <t>其实appdata里有在各种程序里的自定义设置,包括程序里，可以个性化设置而不能影响其他用户的文件,临时文件夹,快速启动文件夹等.是重要的系统文件夹,建议别删,删了会出问题的。</t>
  </si>
  <si>
    <t>电脑上能玩ios手游吗</t>
  </si>
  <si>
    <t>iOS版本的手游不能在电脑上玩的.</t>
  </si>
  <si>
    <t>宋小宝是不是得癌症了</t>
  </si>
  <si>
    <t>铜钱贷有下款的吗</t>
  </si>
  <si>
    <t>那是中介不下款的。</t>
  </si>
  <si>
    <t>population可数吗</t>
  </si>
  <si>
    <t>可数指全部人口，用单数。指部分人口用复数。如：What's the population of China.75% of the populations of China are peasants.</t>
  </si>
  <si>
    <t>可数的a population of 100 million</t>
  </si>
  <si>
    <t>轮毂刮花有必要修复吗</t>
  </si>
  <si>
    <t>要依情况而定：1、轮毂材质：电镀、抛光的轮毂无法修复。因为电镀、抛光轮毂表面都是那种很亮很亮的，无法修复。2、刮擦程度：如果没有露底漆，那只会影响美观，没有其它危害，所以这样的可以不修复；但如果轮毂刮擦已经露底漆了，那么是需要修复的，因为露底漆后如果不修复，那么长时间后，刮擦部位会起皱并且范围扩大，而且还会生锈腐蚀。</t>
  </si>
  <si>
    <t>在河里钓鱼用甩杆行吗</t>
  </si>
  <si>
    <t>甩干钓鱼并非通用，是用于大河（指宽河）钓鱼。</t>
  </si>
  <si>
    <t>护腰带可长期使用吗</t>
  </si>
  <si>
    <t>医院里的护腰遵医嘱，保健理疗护腰只要不耽误你正常生活，可以长期佩戴。</t>
  </si>
  <si>
    <t>网易云音乐会员下载歌曲 过期后还能听吗</t>
  </si>
  <si>
    <t>下载到本地就是你的资源了，当然什么时候都可以听。</t>
  </si>
  <si>
    <t>架设vpn服务器犯法吗</t>
  </si>
  <si>
    <t>犯法，最高可处五年徒刑。</t>
  </si>
  <si>
    <t>是用域名访问的话建议进行域名备案就好了。服务器不用备案的。只要让人能够查到正规的信息就好。</t>
  </si>
  <si>
    <t>生蚝可以生吃吗</t>
  </si>
  <si>
    <t>生蚝体内确实存在寄生虫，最好不要生吃。</t>
  </si>
  <si>
    <t>企业之间可以借贷吗</t>
  </si>
  <si>
    <t>企业之间是不可以相互借贷的。国家的相关规定如下：《贷款通则》第二条规定：本通则所称贷款人，系指在中国境内依法设立的经营贷款业务的中资金融机构。本通则所称借款人，系指从经营贷款业务的中资金融机构取得贷款的法人、其他经济组织、个体工商户和自然人。本通则中所称贷款系指贷款人对借款人提供的并按约定的利率和期限还本付息的货币资金。本通则中的贷款币种包括人民币和外币。《贷款通则》第六十一条规定：各级行政部门和企事业单位、供销合作社等合作经济组织、农村合作基金会和其他基金会，不得经营存贷款等金融业务。企业之间不得违反国家规定办理借贷或者变相借贷融资业务。《贷款通则》第七十三条规定：行政部门、企事业单位、股份合作经济组织、供销合作社、农村合作基金会和其他基金会擅自发放贷款的；企业之间擅自办理借贷或者变相借贷的，由中国人民银行对出借方按违规收入处以1倍以上5倍以下罚款，并由中国人民银行予以取缔。之规定，对出借方取得的利息予以收缴，同时对出借方处以所取得利息l倍以上5倍以下的罚款，对借款方处以相当于银行利息的罚款。</t>
  </si>
  <si>
    <t>1、企业与企业之间可以相互借款，借贷行为是合法的。2、以前基于1996年央行发布的《贷款通则》的规定，认为企业与企业之间的借贷会破坏金融秩序，企业之间借贷的合同是无效的。但《合同法》和《物权法》出台后，物权的权利人有权依法自由的处分自己的财产，货币资金当然是属于他的财产，他当然可以处分。所以，明确规定企业之间的借贷有条件地认定为有效。这个条件就是为生产和经营需要而订立的借款合同。3、《合同法》第四十四条依法成立的合同，自成立时生效。4、《物权法》第三十九条　所有权人对自己的不动产或者动产，依法享有占有、使用、收益和处分的权利。5、《最高人民法院关于审理民间借贷案件适用法律若干问题的规定》第十条 除自然人之间的借款合同外，当事人主张民间借贷合同自合同成立时生效的，人民法院应予支持，但当事人另有约定或者法律、行政法规另有规定的除外。 6、《最高人民法院关于审理民间借贷案件适用法律若干问题的规定》第十一条 法人之间、其他组织之间以及它们相互之间为生产、经营需要订立的民间借贷合同，除存在合同法第五十二条、本规定第十四条规定的情形外，当事人主张民间借贷合同有效的，人民法院应予支持。7、《最高人民法院关于审理民间借贷案件适用法律若干问题的规定》第十二条 法人或者其他组织在本单位内部通过借款形式向职工筹集资金，用于本单位生产、经营，且不存在合同法第五十二条、本规定第十四条规定的情形，当事人主张民间借贷合同有效的，人民法院应予支持。</t>
  </si>
  <si>
    <t>food可数吗</t>
  </si>
  <si>
    <t>food既是可数名词又是不可数名词。仅仅指"食物、食品"的时候是不可数名词。强调食物的种类时就是可数名词。</t>
  </si>
  <si>
    <t>吃木瓜真的能丰胸吗</t>
  </si>
  <si>
    <t>不但可以美容减肥还可以丰胸。</t>
  </si>
  <si>
    <t>可以的，但是主要是青木瓜效果大。那种青皮白心没有成熟的木瓜。木瓜酶是最多的，对促进乳房是有效果的。成熟的木瓜效果就不大了。</t>
  </si>
  <si>
    <t>tcp/ip netbios helper 可以禁用吗</t>
  </si>
  <si>
    <t>如果网络不用 Netbios 或WINS，就关闭；关了也能正常上网，就可以禁止；网吧客户机放心禁止。</t>
  </si>
  <si>
    <t>如果你的家庭并没有用路由器，那么可以禁掉。</t>
  </si>
  <si>
    <t>如果你要使用局域网的话这个服务不能关闭的。</t>
  </si>
  <si>
    <t>自由之战真的要倒闭吗</t>
  </si>
  <si>
    <t>老玩家还有很多，肯定不会倒闭。</t>
  </si>
  <si>
    <t>莫干山好玩吗</t>
  </si>
  <si>
    <t>可以去一下，住山上，很多山庄和饭店。上面有几个景点，剑池和毛蒋故居。第二天可以去下渚湖坐坐船。或者直接去下渚湖，然后附近吃个饭住在农家。</t>
  </si>
  <si>
    <t>莫干山玩的比较多，莫干山峡谷漂流、夏日避暑、风景好，一年四季都可以玩，是典型的旅游胜地。</t>
  </si>
  <si>
    <t>好玩，一天玩不够的，住个两三天，自己走走竹林小道，看看竹海，早晨的鸟叫声，清凉的水从毛竹接过来洗下脸很舒服，看到一大片竹海，心情愉快。许多名人别墅。</t>
  </si>
  <si>
    <t>王子文身高是149吗</t>
  </si>
  <si>
    <t>王子文身高：162cm。</t>
  </si>
  <si>
    <t>吃山芋会发胖吗</t>
  </si>
  <si>
    <t>属于粗纤维食物，利于消化和吸收，对消化道有清洁功能，不会发胖的。</t>
  </si>
  <si>
    <t>吃红薯，吃多了肯定会长胖，因为含糖量高。</t>
  </si>
  <si>
    <t>合理的吃红薯是不会发胖的。</t>
  </si>
  <si>
    <t>个人网站不备案可以吗</t>
  </si>
  <si>
    <t>可以，用国外空间，不用备案；国内必须备案。</t>
  </si>
  <si>
    <t>2017年狗狗币会升值吗</t>
  </si>
  <si>
    <t>过敏性咳嗽能自愈吗</t>
  </si>
  <si>
    <t>过敏性咳嗽可能自愈。</t>
  </si>
  <si>
    <t>离婚了女人该要孩子吗</t>
  </si>
  <si>
    <t>抚养孩子是父母的法定义务，尤其是一个母亲不应该轻易放弃孩子的直接抚养权。</t>
  </si>
  <si>
    <t>结合父母双方的抚养能力和抚养条件等具体情况妥善解决。</t>
  </si>
  <si>
    <t>俄罗斯换头手术成功吗</t>
  </si>
  <si>
    <t>没有，这个技术还有待成熟。</t>
  </si>
  <si>
    <t>钱放在余额宝里安全吗</t>
  </si>
  <si>
    <t>风险很小（理论上每种投资理财产品均有风险）。</t>
  </si>
  <si>
    <t>笔记本可以换显卡吗</t>
  </si>
  <si>
    <t>1.通常笔记本显卡都焊接在主板不能更换，对于一般独立显卡，笔记本其显卡都直接焊接主板，不能更换独立显卡即便更换相对麻烦。由于涉及焊接点很多，不容易操作，会导致显卡短路损坏等。显卡芯片焊接在主板上是不能更换的。只有采用MXM插槽的笔记本，显卡才单独更换。2、按照理论上说独立显卡更换显卡。</t>
  </si>
  <si>
    <t>不能一概而论，市面上大部笔记本确实不支持更换显卡，而少部工作站笔记本及高端游戏本支持自主升级显卡。</t>
  </si>
  <si>
    <t>真不可以换。</t>
  </si>
  <si>
    <t>婚后买房写一方名字属于共同财产吗</t>
  </si>
  <si>
    <t>婚后买房写一方名字是否属于共同财产，分以下两种情况：属于共同财产的：1、在夫妻婚姻存续期间购买的房子，夫妻双方没有明确约定的话，房产证上只写其中一个人的名字，应认定为夫妻共同财产；2、由双方父母出资购买的不动产，产权登记在一方子女名下的，该不动产可认定为双方按照各自父母的出资份额按份共有，但当事人另有约定的除外。不属于共同财产的：婚后由一方父母出资为子女购买的不动产，产权登记在出资人子女名下的，可按照婚姻法的规定，视为只对自己子女一方的赠与，该不动产应认定为夫妻一方的个人财产。</t>
  </si>
  <si>
    <t>按照新婚姻法规定，不论房产证上是一方的名字，还是双方的名字，只要是夫妻双方婚后共同出资（包括贷款）取得的房屋产权，均为共同财产。</t>
  </si>
  <si>
    <t>雪纳瑞毛全剃光好吗</t>
  </si>
  <si>
    <t>夏天剃光好。</t>
  </si>
  <si>
    <t>无极膏含激素吗</t>
  </si>
  <si>
    <t>无极膏里面含有微量的激素，但这个激素量涂抹在皮肤上不足以影响到全身。</t>
  </si>
  <si>
    <t>您好，无极膏含丙酸倍氯米松，有激素，建议不要在面部使用，可能导致色素沉着等不良反应。</t>
  </si>
  <si>
    <t>二级建筑师好考吗</t>
  </si>
  <si>
    <t>二级建筑师考试是比较难的，考试项目有：场地与建筑设计(作图)。建筑构造与详图(作图)。建筑结构与设备。法律、法规、经济与施工。</t>
  </si>
  <si>
    <t>相对于来说，不怎么好考，不过如果在考试前2个月一直在看书的话，有可能通过。</t>
  </si>
  <si>
    <t>健身的人长寿吗</t>
  </si>
  <si>
    <t>可以，因为新陈代谢快。</t>
  </si>
  <si>
    <t>大量的研究表明，有规律的体育锻炼可以延年益寿。</t>
  </si>
  <si>
    <t>冰粉粉对人有没有害</t>
  </si>
  <si>
    <t>不管是什么牌子的冷东西吃多了是不好的。虽然舒服了人，却苦了胃。</t>
  </si>
  <si>
    <t>坏处不至于有。仅是一种地方特色的小吃，淀粉为主，营养有限。</t>
  </si>
  <si>
    <t>肯定有害，化学的东西吃多了会有害。</t>
  </si>
  <si>
    <t>ez冰川勇者有特效吗</t>
  </si>
  <si>
    <t>迷你仓有前景吗</t>
  </si>
  <si>
    <t>驱蚊器有用吗</t>
  </si>
  <si>
    <t>电子驱蚊器有用！但是注意对身体有害，最绿色环保的就是蚊帐了。</t>
  </si>
  <si>
    <t>超声波驱蚊器感觉不错。</t>
  </si>
  <si>
    <t>有两种观点，来支持电子驱蚊器。第一种观点认为，雌蚊在怀卵期间讨厌雄蚊，雄蚊发出的21～23KHz超声波，会使雌蚊避开。第二种观点认为，蚊子的天敌蝙蝠挥发出超声波，蚊子一听到就会吓跑。这两种观点核心就是产生一种超声波，让蚊子躲开。</t>
  </si>
  <si>
    <t>msdn下载的系统能用吗</t>
  </si>
  <si>
    <t>比在其他网站下载的镜像更干净，一般家用不会存在什么问题。</t>
  </si>
  <si>
    <t>MSDN里面的系统是原版镜像，文件是以iso为结尾的格式，这就等于原版系统，其稳定性和兼容性更好。</t>
  </si>
  <si>
    <t>乳房有硬块严重吗</t>
  </si>
  <si>
    <t>严重。若是女性朋友出现这样的情况，建议患者直接去医院进行检查确定病情，千万不能够掉以轻心，或者是等疾病自己痊愈。通过检查才能够准确的判断患者的病情，才能够知道这个疾病本身到底严不严重，判断出需要治疗的方式。因此，一旦女性朋友出现这样的情况，千万不能够任由病情发展，万一患上了肿瘤的话，病情会很快扩散，给女性的健康带来严重的影响。——乳房有硬块可能患上乳腺纤维瘤如果患者触摸的时候没有感觉到疼痛的话，很有可能是患上了乳腺纤维瘤，这种疾病发生在乳腺小叶内的纤维组织以及腺上皮的混合性肿瘤，是乳房良性肿瘤里面特别常见的一种。它很有可能会发生在青春期之后各个年龄段的女性身上，但是最常见的便是18-25岁的女性。事实上，这种疾病跟女性内分泌激素失调有很大的关系，一旦雌激素升高就会造成这种疾病。　　总之，只要女性朋友发现自己的乳房出现肿块，必须要及时的去医院进行检查，这样才能够更早的进行病情的治疗。</t>
  </si>
  <si>
    <t>lol改名卡下架了?</t>
  </si>
  <si>
    <t>由于改名卡存在机制缺陷，需要临时下架处理。我们的技术人员正在紧急修复，待修复后重新上架，请关注后续公告，因此给您带来的不便，我们非常抱歉，感谢您的理解与支持。</t>
  </si>
  <si>
    <t>吸黑头仪器有用吗</t>
  </si>
  <si>
    <t>美容院吸黑头的仪器斯媚尔就建议不能随便听人家说的而是要自己去体验一下，同时注意以下几点：先看看自身的肌肤问题，不同的情况引起的黑头处理方式不同。做两手准备，使用仪器吸黑头的好处就是清理之后，使用另外一个功能帮助紧致肌肤，改善肌肤缺水等问题。做好日常的护理，现在的仪器技术比较成熟，去正规一点的美容院就没什么问题</t>
  </si>
  <si>
    <t>有啊，试过做超微小气泡</t>
  </si>
  <si>
    <t>移动硬盘长时间连接电脑会坏吗</t>
  </si>
  <si>
    <t>税收滞纳金可以税前扣除吗</t>
  </si>
  <si>
    <t>不能税前扣除。《中华人民共和国企业所得税法》第十条 在计算应纳税所得额时，下列支出不得扣除： （一）向投资者支付的股息、红利等权益性投资收益款项； （二）企业所得税税款； （三）税收滞纳金； （四）罚金、罚款和被没收财物的损失； （五）本法第九条规定以外的捐赠支出； （六）赞助支出； （七）未经核定的准备金支出； （八）与取得收入无关的其他支出。</t>
  </si>
  <si>
    <t>1、滞纳金主要是指企业未按时缴纳或归还某类款项，从而按照款项金额、比例和天数对应向未归还企业收取的一种款项。其中较为普遍的是税收滞纳金和贷款滞纳金。2、目前规定为:现行企业所得税法第十条明确的不得在计算企业应纳税所得额时扣除的项目中，第三项为税收滞纳金、第八项为与取得收入无关的支出，因此判断企业缴纳的滞纳金能否在税前扣除，应主要参考上面两项规定。3、在实际工作中，如果企业缴纳的滞纳金是因未足额缴纳税款，那么根据企业所得税法第十条第三款的规定，此项滞纳金是不得扣除的。4、另外，如果此项滞纳金与企业取得收入无关，比如是企业法人或股东向银行借款未按时归还产生的滞纳金，则也不能在企业计算所得税前扣除此类滞纳金。5、综上，企业缴纳的滞纳金能否在所得税前扣除只要看两方面：（1）是否是税款滞纳金，如果是则不能扣除；（2）在不是税款滞纳金的前提下，产生滞纳金的行为是否与企业取得收入相关，如果不相关也不得扣除。其他情况下滞纳金则可以在所得税前扣除。</t>
  </si>
  <si>
    <t>例假第三天可以洗头吗</t>
  </si>
  <si>
    <t>经期洗头的这个问题似乎会有非常多的女性都在困扰着，长时间不洗头会非常不舒服，但是经期洗头确实是会对女性产生影响的，最好就是能避免这种情况了。西医上认为，经期不可以洗头这种说法缺乏医学根据，但是中医则认为，人的头部是六阳之首，子宫是任脉的起点。女性经期的时候，血液的循环差，此时洗头会导致血液都集中到头部上，使得子宫的血液循环受到影响，子宫中的血液无法排出干净，会减少经期血量，引起痛经症状。另外，在洗头的时候，毛根上的毛孔会张开，这样就导致人非常容易会受到风寒，引发头痛症状，特别如果在晚上或者是在睡觉之前洗头。因为晚上是阴，而头部又是六阳之首，这样阴阳相背的状况，头痛症状会更加严重。如果晚上洗头头发未干就睡觉，会导致身体的抵抗力下降，引起诸多病症。其实，经期并不是左右的时间都不可以洗头，要保持这样对女性而言非常难，可以变通一下。就是洗头的时候尽量在白天、中午的时候，在洗头的时候应注意缩短洗头的时间，洗完之后再用吹风筒吹干。洗完头之后不要马上就出门，要出门应该带上帽子，以防止头部受到风寒。</t>
  </si>
  <si>
    <t>可以洗，保持头皮清爽干净有利健康，但是必须记住不能着凉，然会腰疼的，要确定不会着凉，洗后一定得吹干就行。</t>
  </si>
  <si>
    <t>来月经是可以洗头的，一般是坐月子不能洗，来月经时只要别弄感冒就行了，并不像坐月子时那样虚弱，指导意见:所以这个可以洗的，只要水热一些，洗好后快速的弄干就行了，不会造成什么疾病的。</t>
  </si>
  <si>
    <t>筱崎爱有拍过av吗</t>
  </si>
  <si>
    <t>暂时还没有，请耐心等待</t>
  </si>
  <si>
    <t>小爱是不拍AV的</t>
  </si>
  <si>
    <t>筱崎爱好像从来没有。</t>
  </si>
  <si>
    <t>毒霸网址大全是病毒吗</t>
  </si>
  <si>
    <t>不是病毒。</t>
  </si>
  <si>
    <t>人的寿命是注定的吗</t>
  </si>
  <si>
    <t>不是，这跟生活环境和意外情况而定。</t>
  </si>
  <si>
    <t>应该是靠自己把握，不管是命运还是命注定，生命然既属于自己，就应该拥改变的权利。</t>
  </si>
  <si>
    <t>去大勤实业上班靠谱吗</t>
  </si>
  <si>
    <t>是传销骗子公司。</t>
  </si>
  <si>
    <t>公司发展前景很乐观，做销售的，想提升自己的能力及薪水和发展的，是一个不错的选择。</t>
  </si>
  <si>
    <t>挺好的，要是是做销售的话，给予的发展平台还是蛮大的。</t>
  </si>
  <si>
    <t>包粽子要放碱吗</t>
  </si>
  <si>
    <t>不需要放碱，放碱会破坏营养成份，也影响口感。</t>
  </si>
  <si>
    <t>千万不要放碱。</t>
  </si>
  <si>
    <t>高抬腿可以瘦腿吗</t>
  </si>
  <si>
    <t>高抬腿只能拉长腿部线条，做好之后一定要轻拍腿部，以免形成肌肉。这个方法不是最好的瘦腿方法。运动最健康，最安全，也很有必要。</t>
  </si>
  <si>
    <t>可以，没事也可以敲敲大腿外侧，是可以瘦腿的。</t>
  </si>
  <si>
    <t>高抬腿可以瘦腿，但是效果不太明显，而且需要长期坚持。原地高抬腿跑的训练目的是为了加强短跑运动员抬腿能力，锻炼步频，对加大步幅也有很好的效果。建议运动瘦腿：以立正的姿势站着、两手放在身体两侧。弯曲膝盖，两手碰触脚趾（此时，不要太用力）。诀窍在于，不弯曲背部肌肉，只弯曲膝盖。再轻轻回到原来的姿势。这个动作大约为3秒，刚开始做的时候，以1O秒钟做3次为目标，习惯后再加速。</t>
  </si>
  <si>
    <t>小二判决了还能申诉吗</t>
  </si>
  <si>
    <t>要根据实际情况，看看是否有误判。不过人家后台都有数据的，一目了然，认为是误判的话可以继续申诉，找他们的高级专员处理。</t>
  </si>
  <si>
    <t>可以。继续申诉。</t>
  </si>
  <si>
    <t>可以继续举证。</t>
  </si>
  <si>
    <t>口交会传染艾滋吗?</t>
  </si>
  <si>
    <t>不会，除非你有很严重的口腔溃疡跟口腔溃烂，唾液本身就是杀菌的。</t>
  </si>
  <si>
    <t>艾滋病传染主要是通过性行为，体液的交流而传播;体液主要有：精液，血液,阴道分泌物,乳汁、脑脊液和有神经症状者的脑组织中。</t>
  </si>
  <si>
    <t>机箱风扇有必要装吗</t>
  </si>
  <si>
    <t>电脑上的风扇一般来说有好几种类型。一般常见的不外是电源上的风扇，这个单上是没有的，算在电源里面。CPU风扇，如果是盒装的就算在CPU里面，没写明CPU风扇的都算在里面。显卡风扇，多数为显卡自带。硬盘风扇，除非是骨灰级玩家才会去考虑这个。为了机箱散热而特意加装的风扇，如果你的CPU是英特尔的话可以不必考虑。AMD也不一定要，除非是散热真的有问题，是属于可有可无的那种。</t>
  </si>
  <si>
    <t>一般不需要，如果你用的是高端显卡，你经常超频或者你的电脑放在环境温度很高的地方，那么建议你加装机箱风扇辅助散热，要不没必要。补充一点，如果你要超频CPU，一定要换CPU散热器，原装的平时用用还可以，超频就不行了。</t>
  </si>
  <si>
    <t>电脑机箱上的散热风扇是否需要安装与电脑散热情况有关。机箱上的风扇安装位是为了降低机箱内部硬件温度而设计的，如果电脑散热能力够用，硬件温度正常，那么可以不装。如果电脑硬件温度偏高，整机散热能力不够，就需要加装机箱散热风扇以加强电脑的散热能力。</t>
  </si>
  <si>
    <t>tommy算奢侈品牌么</t>
  </si>
  <si>
    <t>不是奢侈品牌，但是地地道道的大牌。</t>
  </si>
  <si>
    <t>是一线大牌，但是不是奢侈品牌。</t>
  </si>
  <si>
    <t>在国内算是海外轻奢品，在国外比较大众。</t>
  </si>
  <si>
    <t>不夜城韩剧是百合剧吗</t>
  </si>
  <si>
    <t>并不是，只不过是有双女主而已，讲的是关于欲望的，对钱和权利的欲望。</t>
  </si>
  <si>
    <t>三笠和艾伦在一起了吗</t>
  </si>
  <si>
    <t>没在一起。</t>
  </si>
  <si>
    <t>艾伦和 兵长在一起了，没艾伦什么事了。</t>
  </si>
  <si>
    <t>显示器144hz和60hz差别大么</t>
  </si>
  <si>
    <t>提升巨大，144hz之于60hz就好比固态硬盘和机械硬盘的差别一样，用过144hz之后就再不想用60hz的了，说144hz没有用的人都是没用过的酸人或者没有经过fps游戏训练过的肉眼。具体的，60hz是一秒在屏幕里面刷新60次，144就是144次，好比一个刹那，对手从掩体里面拉了一个身位，60hz的也许还是模糊的身影，而144hz的可以看到比较清晰的身影，模糊的身影也许并不会瞬间意识到那是对手，而清晰的身影只要不是瞎子都能看出来是对手，就是这一瞬间的差别决定的是一局的成败。</t>
  </si>
  <si>
    <t>大也就只有画面撕裂而已，也就是垂直同步之类的选项有没有开。</t>
  </si>
  <si>
    <t>win32/trojan.97a 是病毒吗</t>
  </si>
  <si>
    <t>这个是普通的病毒，是特洛伊木马 。</t>
  </si>
  <si>
    <t>是病毒。</t>
  </si>
  <si>
    <t>曹妃甸还能起来吗</t>
  </si>
  <si>
    <t>同一个地区同一片热土同样的条件同样的政策，有的发展迅速蓬勃生机日新月异，有的死气沉沉怨声载道，就是管理的问题。这个问题解决了，曹妃甸的腾飞指日可待了。</t>
  </si>
  <si>
    <t>剑侠情缘手游好玩吗</t>
  </si>
  <si>
    <t>可玩性非常高。</t>
  </si>
  <si>
    <t>无糖可乐会发胖吗</t>
  </si>
  <si>
    <t>常喝会发胖，因为可乐里含有大量糖。</t>
  </si>
  <si>
    <t>青春期女生会湿吗?</t>
  </si>
  <si>
    <t>这个是正常的，青春期的女生都会有。</t>
  </si>
  <si>
    <t>青春期女孩都会有白带排出，私处会湿。</t>
  </si>
  <si>
    <t>叮咚钱包安全吗</t>
  </si>
  <si>
    <t>平台背景实力和收益都不错，收益比余额宝高很多，看介绍是上市公司背景的，相对更安全些。</t>
  </si>
  <si>
    <t>叮咚钱包是由上市公司富贵鸟股份有限公司重金打造，活期收益高达8.8%。全国首家对接供应链金融（安全级别最高的理财项目，银行汇票刚性兑付）的活期理财APP</t>
  </si>
  <si>
    <t>孕妇可以喝蒲公英泡水吗</t>
  </si>
  <si>
    <t>可以喝。不建议一次不要喝太多。另外阳虚外寒、脾胃虚弱者忌用。</t>
  </si>
  <si>
    <t>烟可以快递吗</t>
  </si>
  <si>
    <t>国内快递目前除了部分地区的顺丰不接烟以外。申通、圆通、韵达、包括邮政EMS、E邮宝等等这些普通快递，都是可以发烟的。但是数量有限制，一般一个包裹一次最对发3条，有的地方是两条。</t>
  </si>
  <si>
    <t>香烟可以快递，但是限制两条以内</t>
  </si>
  <si>
    <t>可以的。物流是10条的限制，快递是2条的限制，国家对于同一个人当天收到的香烟条数也是有规定的。</t>
  </si>
  <si>
    <t>菠萝蜜的核可以吃吗</t>
  </si>
  <si>
    <t>可以吃，而且很好吃，放点盐用水煮熟就可以吃了，吃的时候把外皮剥掉。</t>
  </si>
  <si>
    <t>菠萝蜜的核可以吃，把外边黄色的软膜去掉后洗净，用水煮熟或者像炒栗子一样炒熟后剥掉白色的皮就能够吃了，比板栗还好吃。</t>
  </si>
  <si>
    <t>菠萝蜜的核可以直接吃，但是味道不是很好。</t>
  </si>
  <si>
    <t>赵丽颖真实身高是153吗</t>
  </si>
  <si>
    <t>她的真实身高只有156cm。</t>
  </si>
  <si>
    <t>估计是154~158。</t>
  </si>
  <si>
    <t>赵丽颖身高：165cm</t>
  </si>
  <si>
    <t>儿童哮喘能根治吗</t>
  </si>
  <si>
    <t>只能够控制，不能够被根治。</t>
  </si>
  <si>
    <t>轻度脂肪肝可以痊愈吗</t>
  </si>
  <si>
    <t>如果是轻微的脂肪肝，每天健步行走15000步，坚持6个月，然后再到医院抽血复查。一般的情况下脂肪肝都会痊愈。</t>
  </si>
  <si>
    <t>坚持多运动，不喝酒，在饮食上多控制就可以了</t>
  </si>
  <si>
    <t>脂肪肝并不可怕，早期发现积极治疗，一般都能痊愈，且不留后遗症。</t>
  </si>
  <si>
    <t>过期牛奶能洗脸吗</t>
  </si>
  <si>
    <t>可以用来洗脸洗澡</t>
  </si>
  <si>
    <t>红牛是泰国的吗</t>
  </si>
  <si>
    <t>1966年诞生于泰国，最初名称为krating  daeng。</t>
  </si>
  <si>
    <t>雷蛇必须要用雷云吗</t>
  </si>
  <si>
    <t>雷蛇的新外设都得用雷云，不要都没法正常用。</t>
  </si>
  <si>
    <t>试用期可以随时辞职吗</t>
  </si>
  <si>
    <t>1、按劳动合同法规定，劳动者在试用期内提前三日通知用人单位，可以解除劳动合同；2、具体来说，按公司流程办理完工作交接，要求用人单位为你出具离职证明后可以离开用人单位。</t>
  </si>
  <si>
    <t>《劳动合同法》第十九条：劳动合同期限三个月以上不满一年的，试用期不得超过一个月；劳动合同期限一年以上不满三年的，试用期不得超过二个月；三年以上固定期限和无固定期限的劳动合同，试用期不得超过六个月。以完成一定工作任务为期限的劳动合同或者劳动合同期限不满三个月的，不得约定试用期。 试用期包含在劳动合同期限内。劳动合同仅约定试用期的，试用期不成立，该期限为劳动合同期限。第三十七条 劳动者提前三十日以书面形式通知用人单位，可以解除劳动合同。劳动者在试用期内提前三日通知用人单位，可以解除劳动合同。</t>
  </si>
  <si>
    <t>试用期是指包括在劳动合同期限内，劳动关系还处于非正式状态，用人单位对劳动者是否合格进行考核，劳动者对用人单位是否符合自己要求也进行考核的期限，这是一种双方双向选择的表现。用人单位或者劳动者一方，在试用期内对对方有不满意的，可以提请辞职、离职，结算工资。</t>
  </si>
  <si>
    <t>艾琳王者荣耀绝版了吗</t>
  </si>
  <si>
    <t>是的绝版了，内测玩家专属。</t>
  </si>
  <si>
    <t>闪修侠修苹果好吗</t>
  </si>
  <si>
    <t>可以的。维修师傅比较专业。</t>
  </si>
  <si>
    <t>玄冰400压得住7700k吗</t>
  </si>
  <si>
    <t>完全没有问题，一般都在25~35度之间。</t>
  </si>
  <si>
    <t>不要考虑这个级别的散热器，过于低端了，除非不超频用。6600k小超都很难压得住。</t>
  </si>
  <si>
    <t>压的住。</t>
  </si>
  <si>
    <t>红绿色弱可以考驾照吗</t>
  </si>
  <si>
    <t>只要能分辨红绿灯，就可以报考的。这需要向驾校说明或直接交钱。</t>
  </si>
  <si>
    <t>如果色弱程度能够完整的分辨红绿灯，是可以报考并取得驾驶执照的。</t>
  </si>
  <si>
    <t>草根投资是非法集资吗</t>
  </si>
  <si>
    <t>要看具体情况吧，但一般都是违法的。</t>
  </si>
  <si>
    <t>ins好用吗</t>
  </si>
  <si>
    <t>0是不是偶数</t>
  </si>
  <si>
    <t>0是偶数，也是自然数。</t>
  </si>
  <si>
    <t>小学阶段：在自然数中，能被2整除的数，叫做偶数。初中阶段：整数中，能够被2整除的数，叫做偶数。因此，偶数包括正偶数、负偶数和0。</t>
  </si>
  <si>
    <t>现在规定是偶数，因为0可以被任何数整除。</t>
  </si>
  <si>
    <t>广发臻尚白金信用卡免年费吗</t>
  </si>
  <si>
    <t>发卡90天内计积分刷卡消费3笔，每笔满88元，免首年年费；一年内刷卡满12次，免次年。</t>
  </si>
  <si>
    <t>鼻窦炎会出血吗</t>
  </si>
  <si>
    <t>鼻腔及呼吸道粘膜很娇嫩，粘膜下的血管比较丰富，遇到外界刺激很容易充血、发炎及破裂出血。出血部位大多数和在鼻中隔前下部的易出血区（利特尔动脉丛），过敏性鼻炎一般不会引起鼻出血，如果由于擦鼻涕等等部注意，损伤了鼻部粘膜的血管也会引起出血。祖国医学称“鼻衄”，多由于“肺燥血热”，引起鼻腔干燥，毛细血管韧度不够，破裂所致。从中医学的角度来说，流鼻血的成因可分为燥热及虚弱两类。如果你除经常流鼻血外，亦患有鼻敏感，流出黄色或绿色的鼻涕，又或嘴唇经常殷红、有口气，便是很燥热。首先当然要清热，更重要的是平日不要让他吃过量香口的食物，零食如巧克力、曲奇饼、薯条等，亦非常燥热，应尽量少吃。</t>
  </si>
  <si>
    <t>鼻窦炎常继发于上感或急性鼻炎，这时原有症状加重，出现畏寒、发热、食欲不振、便秘、周身不适等。鼻窦炎是会引起鼻腔出血的，鼻窦炎会导致鼻粘膜发生一系列的变化，鼻粘膜充血加重，如果受到碰撞，鼻腔过于干燥、上火等情况极易发生鼻出血的情况，因此鼻窦炎要及时治疗。药物治疗：消炎药刚开始服用的时候，有一定的疗效，但是效果慢，且消炎药吃太多，多人体的副作用大，给患者的机体新陈代谢造成紊乱，降低人体的免疫力，容易造成其他的并发症。手术治疗：一般的传统手术治疗，对尖鼻窦炎这样的顽固症，一般都只是治标不治本，很难治疗效果好，易于复发，给患者增加痛苦的同时，也给了患者很大的精神压力和沉重的经济负担。微波治疗：采用微波手术治疗机，这种治疗方法比前两者先进，但只是由于只祛除表面，而无法达到有效治疗，同样易于复发。所以专家建议采用手术疗法。通过？相信鼻窦炎患者都知道答案了吧，患有鼻窦炎的朋友一定要尽快到医院检查治疗。</t>
  </si>
  <si>
    <t>应该不会吧，一般来说鼻窦炎癌变的几率是不大的，不过出血肯定是严重了，你可以根据自己的情况去灯塔医生上面去咨询下同仁耳鼻喉科的医生看看，看看医生是怎么说的，现在网上说什么的都有，大部分都不可信，你还是看看医生的建议比较靠谱。</t>
  </si>
  <si>
    <t>华中科技大学考研难吗</t>
  </si>
  <si>
    <t>看所选择的专业的排名，要是排名靠前，报考人数多，那么自然难考。</t>
  </si>
  <si>
    <t>税前工资包括公司缴纳的五险一金部分吗</t>
  </si>
  <si>
    <t>税前工资包括公司缴纳的五险一金。</t>
  </si>
  <si>
    <t>不包括的</t>
  </si>
  <si>
    <t>不包括，税前工资包含你自己要承担的那部分社保自缴费用和公积金的自缴费用。</t>
  </si>
  <si>
    <t>海洋有比蓝鲸大的吗</t>
  </si>
  <si>
    <t>最大是蓝鲸。</t>
  </si>
  <si>
    <t>大王乌贼。</t>
  </si>
  <si>
    <t>傲游浏览器好用吗</t>
  </si>
  <si>
    <t>1.傲游浏览器。傲游浏览器是一个整合了国内外浏览器的多样功能的浏览器，插件也很多，适合高级玩家。不过这是它的缺点也是它的优点，功能多造成问题也多，功能众多，但做的精的功能较少，浏览器整体性能欠佳，假死卡死崩溃严重，但是由于这个死穴导致用。户逐渐大量流失，虽然现在市场占有率还是在前几位，不过逐渐受到几个新兴浏览器的威胁，地位不保，正在走向下坡。</t>
  </si>
  <si>
    <t>傲游浏览器（傲游1.x、2.x为IE内核，3.x为IE与Webkit双核）是一款多功能、个性化多标签浏览器。它能有效减少浏览器对系统资源的占用率， 提高网上冲浪的效率。经典的傲游浏览器2.x, 拥有丰富实用的功能设置。支持各种外挂工具及插件。傲游3.x采用开源Webkit核心，具有贴合互联网标准、渲染速度快、稳定性强等优点，并对最新的HTML5标准有相当高支持度，可以实现更加丰富的网络应用。</t>
  </si>
  <si>
    <t>还不错，和IE其实没什么好比的。遨游用的也是IE内核 功能整合的多一点罢了。比较不占资源也标签这个功能很方便。</t>
  </si>
  <si>
    <t>apple pencil ipad air能用吗</t>
  </si>
  <si>
    <t>可以是可以，但是有些功能不能实现。</t>
  </si>
  <si>
    <t>2017年招标师取消了吗</t>
  </si>
  <si>
    <t>没有取消。</t>
  </si>
  <si>
    <t>壁虎吃蟑螂吗</t>
  </si>
  <si>
    <t>壁虎会吃蟑螂。</t>
  </si>
  <si>
    <t>很大个的壁虎才能吃蟑螂。</t>
  </si>
  <si>
    <t>榨胡萝卜汁需要煮熟吗</t>
  </si>
  <si>
    <t>胡萝卜榨汁需要煮熟。</t>
  </si>
  <si>
    <t>只要骨折就十级伤残吗</t>
  </si>
  <si>
    <t>肯定不是了 有些地方的骨折，比如手指头，这地方骨折了，还是比较容易接好的，恢复的也很快，恢复的好，基本不会对生活带来什么影响，压根算不上伤残。 要在治疗结束后，看这个伤情具体对本人产生了什么样的生活影响，然后医学上有各个标准，结合评判。</t>
  </si>
  <si>
    <t>不一定。只能说大多数骨折都可以评定为10级。《劳动能力鉴定 职工工伤与职业病致残等级》10级第12项 身体各部位骨折愈合后无功能障碍或轻度功能障碍者如果是轻微骨折是不够等级的，例如：手指，脚趾等末端轻微骨折，就不够等级，手指末端达到粉碎性骨折或者离断的才够等级。《劳动能力鉴定 职工工伤与职业病致残等级》10级第5项 一手指除拇指外，任何一指远侧指间关节离断或功能丧失;。</t>
  </si>
  <si>
    <t>1、按工伤伤残鉴定的依据来看，发生骨折的，一般都是可以评定为伤残十级的。2、法律依据《职工工伤与职业病致残程度鉴定标准》十级：14)身体各部位骨折愈合后无功能障碍；</t>
  </si>
  <si>
    <t>一级棒客源是骗局吗</t>
  </si>
  <si>
    <t>我们是正规公司，有售后服务的</t>
  </si>
  <si>
    <t>挺好用的，第二天就出单了</t>
  </si>
  <si>
    <t>兴米粥能减肥吗</t>
  </si>
  <si>
    <t>能减肥的，不过食用多少可以减多少这个是因人而异的。</t>
  </si>
  <si>
    <t>不能减肥，没效果。</t>
  </si>
  <si>
    <t>一档起步要不要加油门</t>
  </si>
  <si>
    <t>建议要加油门。</t>
  </si>
  <si>
    <t>需要加油门的，不然容易熄火。</t>
  </si>
  <si>
    <t>一挡时，可以稍加油门。</t>
  </si>
  <si>
    <t>微信可以批量删除好友吗</t>
  </si>
  <si>
    <t>目前微信还没有批量删除好友这个功能。</t>
  </si>
  <si>
    <t>经常流鼻血是白血病的先兆吗</t>
  </si>
  <si>
    <t>不一定。导致流鼻血的原因有很多</t>
  </si>
  <si>
    <t>光流鼻血肯定就不是白血病</t>
  </si>
  <si>
    <t>不会如果血流不止血友病</t>
  </si>
  <si>
    <t>本科毕业论文会入库吗</t>
  </si>
  <si>
    <t>会入学校论文库。</t>
  </si>
  <si>
    <t>集体户口可以买房吗</t>
  </si>
  <si>
    <t>学校集体户口属于临时户口,可以在北京买商住两用房。</t>
  </si>
  <si>
    <t>garageband可以删除吗</t>
  </si>
  <si>
    <t>可以删。但是在删除之前，确认自己以后不会用到garageband。</t>
  </si>
  <si>
    <t>可以删，但是以后要安装就得花钱买了。</t>
  </si>
  <si>
    <t>苹果手机可以下载两个微信吗</t>
  </si>
  <si>
    <t>苹果手机安装两个微信需要用到第三方软件。</t>
  </si>
  <si>
    <t>可以下载微信共存版，实现两个微信。</t>
  </si>
  <si>
    <t>枇杷上火</t>
  </si>
  <si>
    <t>京东非自营靠谱吗</t>
  </si>
  <si>
    <t>需要店址等认证，注册费也比较高昂，是比较靠谱的。</t>
  </si>
  <si>
    <t>太阳神 产品靠谱吗</t>
  </si>
  <si>
    <t>不可靠，因为这家公司不是合法的 。</t>
  </si>
  <si>
    <t>还可以，不过不同产品搭配使用的效果也是不同的。</t>
  </si>
  <si>
    <t>产品夸大，没有实际效果。</t>
  </si>
  <si>
    <t>dnf悬案回忆自选礼盒是永久的吗</t>
  </si>
  <si>
    <t>30分钟效果30分钟冷却，可以永久使用的，不会消失。</t>
  </si>
  <si>
    <t>去健身房需要请教练吗</t>
  </si>
  <si>
    <t>不必要，健身房都是为了赚钱</t>
  </si>
  <si>
    <t>在经济条件允许的情况下请一位私人教练是有必要的</t>
  </si>
  <si>
    <t>如果是随便玩玩就没有什么必要了，如果想长期健身，就要有专业的人员按照具体的身体情况进行指导了</t>
  </si>
  <si>
    <t>菲拉格慕是奢侈品吗</t>
  </si>
  <si>
    <t>是的，菲拉格慕(Ferragamo) 意大利的女鞋王国，创造力、激情和韧性是Ferragamo家族恒久不变的价值观，并代代相传。因为Salvatore Ferragamo异常关注质量和细节，他赢得了"明星御用皮鞋匠"的称号。</t>
  </si>
  <si>
    <t>支付宝里的余额宝安全吗</t>
  </si>
  <si>
    <t>存少些进去不怕，存多了不是很安全。</t>
  </si>
  <si>
    <t>混合动力汽车值得买吗</t>
  </si>
  <si>
    <t>不推荐，普遍占用后备箱空间，实用性不大。</t>
  </si>
  <si>
    <t>不建议买，都是企业为了骗保才生产的。</t>
  </si>
  <si>
    <t>王者荣耀qq和微信能一起玩吗</t>
  </si>
  <si>
    <t>如果想要和微信好友一起游戏的话，使用你的微信号登陆游戏就可以了，但是要注意QQ登陆的和微信登陆的游戏数据不关联哦。你可以用微信登陆，权当开个小号玩玩，或者让你的好友用微信进行游戏。</t>
  </si>
  <si>
    <t>腾讯所有的游戏QQ和微信都不能一起玩，两个不同的平台。</t>
  </si>
  <si>
    <t>QQ和微信不能一起玩。</t>
  </si>
  <si>
    <t>switch会出中文吗</t>
  </si>
  <si>
    <t>主机加入中文菜单可能性不大</t>
  </si>
  <si>
    <t>肯定会出。</t>
  </si>
  <si>
    <t>中文系统可能后续通过补丁增加。</t>
  </si>
  <si>
    <t>守望先锋能退款吗</t>
  </si>
  <si>
    <t>韩国导游工资高吗</t>
  </si>
  <si>
    <t>如果带的团多的话，工资挺高的。</t>
  </si>
  <si>
    <t>导游有两种，一种签在某个公司，专门负责这个公司的团，不灵活，基本工资低，收入稳定，带团少的话收入就低；二是自由导游，自己接团，这个需要有关系有能力有资源，收入不稳定，高能很高，少就没收入。无论哪一种，导游都很耗费体力和精神，要权衡好利弊。</t>
  </si>
  <si>
    <t>豆豆钱上征信吗</t>
  </si>
  <si>
    <t>特朗普是犹太人吗</t>
  </si>
  <si>
    <t>美国本土。</t>
  </si>
  <si>
    <t>触宝电话真的免费吗</t>
  </si>
  <si>
    <t>下载触宝再拨打电话确实是免费的，不过实话实说，音质没有正常通话来的好，WIFI下质量是最好的，刚注册会赠送500分钟通话时间，这是与非触宝用户的通话时间，要是与触宝用户通话就无限免费了。</t>
  </si>
  <si>
    <t>触宝电话确实免费，但通话质量肯定与运营商稍有差距。最新的触宝只能通过阅读新闻做任务获得分钟数了。安全方面，触宝和华山论剑等多家手机商有合作，安全方面还是比较靠谱的。</t>
  </si>
  <si>
    <t>目前触宝是完全免费的，没有收取任何费用，也完全不需要额外充值激活其他功能。</t>
  </si>
  <si>
    <t>经济适用房能贷款吗</t>
  </si>
  <si>
    <t>可以申请银行贷款。《经济适用房管理办法》第九条规定：购买经济适用住房的个人向商业银行申请贷款，除符合《个人住房贷款管理办法》规定外，还应当出具市、县人民政府经济适用住房主管部门准予购房的核准通知。购买经济适用住房可提取个人住房公积金和优先办理住房公积金贷款，一般首付30%左右。</t>
  </si>
  <si>
    <t>经济适用房一般都是可以申请贷款的，根据商业贷款和公积金贷款，产生的首付会不同。 如果是商业贷款的话，经济适用房的首付一般为30%，最多不超过50%，主要是贷款银行根据贷款的有限工作时间和偿还能力进行确定。 如果是经济适用房，首付最少2-3成，面积小于90平的，最少是可以首付2成的。</t>
  </si>
  <si>
    <t>ps4的游戏要买吗</t>
  </si>
  <si>
    <t>需要购买。如果有psn的会员，每月应该有几个免费游戏。</t>
  </si>
  <si>
    <t>ae软件好学吗</t>
  </si>
  <si>
    <t>其实很容易的,多看教程就可以。</t>
  </si>
  <si>
    <t>挺难的，还是找个教程吧。</t>
  </si>
  <si>
    <t>孕妇能吃山竹吗</t>
  </si>
  <si>
    <t>可以，不过每日食用山竹不超过3个为宜。</t>
  </si>
  <si>
    <t>关闭浏览器session 会不会失效</t>
  </si>
  <si>
    <t>这个cookie是在浏览器关闭的时候就失效的，自动登录的cookie需要设置成为关闭浏览器后还有效的那种。</t>
  </si>
  <si>
    <t>桃花妖暴击伤害有用吗</t>
  </si>
  <si>
    <t>桃花妖没什么太大用处。</t>
  </si>
  <si>
    <t>变更税号后 旧增值税专票还能认证吗</t>
  </si>
  <si>
    <t>变更税号后，对于纳税人税号变更而言，变更前开的发票，对方可以认证；但是对方开给本公司的发票，在变更后就不能认证了，只能退回去让对方重新开票。</t>
  </si>
  <si>
    <t>75男人帮找妹子靠谱吗</t>
  </si>
  <si>
    <t>按年纪应该靠谱了。</t>
  </si>
  <si>
    <t>猫虱子会到人的身上吗</t>
  </si>
  <si>
    <t>短期内不会。长期生活在一起，会。</t>
  </si>
  <si>
    <t>会的，虱子是一种可以寄生于人和有毛动物的寄生虫。一旦传染给人就非常麻烦，要除去毛发，使用百部酊软膏或者硫磺软膏。如果是宠物的话，可以用少量乙醚加入猫咪的洗澡水中虱子很快便会四处乱窜，最麻烦的是除卵要记得勤洗澡。值得注意的是，不同驱虫药的作用时间和周期是不同的，有些驱虫效果好，维持周期比较长，然而也有些驱虫效果比较缓慢，维持周期也比较长。平时主人要做到定期给猫咪驱虫，而不是真的等到有了寄生虫然后在想办法去驱除。此外，给猫咪驱除虱子，也要注意药物剂量的使用，要严格按照标准要求来。不要简单的认为药剂量越大效果就越好。当药物过量的时候，虽然能狗狗驱除虱子等寄生虫，但是对宠物猫也会造成一定的伤害，这样的驱虫就不可许，更不健康。</t>
  </si>
  <si>
    <t>会的。但是洗一次澡把衣服换掉那些蚤子就不会再在身上了。猫咪要勤洗澡，保持它的窝干净。可以在衣柜之类的地方放点沙姜。跳蚤害怕这种味道的。猫咪可以帮它戴个除蚤颈圈的。那样就不怎么会有蚤子了。</t>
  </si>
  <si>
    <t>倩碧小黄油能当乳液吗</t>
  </si>
  <si>
    <t>不建议。黄油相当于打底的。一般是黄油后再用精华或乳液。</t>
  </si>
  <si>
    <t>世界上有龙吗证据大全</t>
  </si>
  <si>
    <t>以前有，现在没有了。</t>
  </si>
  <si>
    <t>冰箱上面可以放东西吗</t>
  </si>
  <si>
    <t>不同种类的冰箱，有的可放置，有的不可放置：对于使用机械温控器的冰箱，其顶盖可以承受一定的重量，例如，可以放置一台微波炉。对于带有电子显示的冰箱，由于电路板放置在顶盖下部，因此不能重压，以免损坏电路板。</t>
  </si>
  <si>
    <t>放东西是没有问题的，这个是没有问题的，现在的冰箱都是U壳一体成型，内部填充发泡料，基本顶部没有什么东西（除了温控管），所以只要不把冰箱压扁的重物，放在顶部是没有任何影响的。注意侧面板是散热用的，不要离物品太近。</t>
  </si>
  <si>
    <t>冰箱上能放东西。冰箱顶放东西的注意事项：1、一些易碎的东西不能放上去，很容易由于开关门用力过大，而摔下来。2、不能放太重的东西，很容易将冰箱顶部压变形的。3、一些易燃物品也不适合放冰箱顶部，以防出现电路短路或者别的情况发生火灾。4、像微波炉这种带有电磁辐射也不要放在冰箱上面，以免破坏冰柜的磁辐射。</t>
  </si>
  <si>
    <t>女朋友出轨了还能要吗</t>
  </si>
  <si>
    <t>可以参考对方以前的表现和是否真心改正来决定是否还能要。如果以前表现很好，可以考虑原谅，毕竟人没有不犯错误的。否则，可以考虑分手了。因为如果对方不真心改正，即使将来结婚了，也很有可能会离婚。</t>
  </si>
  <si>
    <t>原谅一次，看她以后的表现。</t>
  </si>
  <si>
    <t>不能要，分手</t>
  </si>
  <si>
    <t>择天记陈长生改命成功了吗</t>
  </si>
  <si>
    <t>择天记陈长生改命成功了。</t>
  </si>
  <si>
    <t>平安陆金所可靠吗</t>
  </si>
  <si>
    <t>陆金所还是非常靠谱、安全的，目前看算行业的龙头老大。</t>
  </si>
  <si>
    <t>甲醛有气味吗</t>
  </si>
  <si>
    <t>甲醛是无色气体，有特殊的刺激气味。</t>
  </si>
  <si>
    <t>甲醛无色，有强刺激性气体气味，福尔马林味。</t>
  </si>
  <si>
    <t>低浓度的情况下很多人是闻不到的。浓度高时是明显的刺鼻的味道。</t>
  </si>
  <si>
    <t>移动硬盘需要分区吗</t>
  </si>
  <si>
    <t>需要放到移动硬盘中的文件很多很杂，需要分类整理，那最好分区。如是只是单一用途，那就不必分区。</t>
  </si>
  <si>
    <t>不需要。移动硬盘属于移动设备，就一个分区。</t>
  </si>
  <si>
    <t>硬盘采用NTFS格式，不管移动不移动，硬盘分区都是没有意义的。</t>
  </si>
  <si>
    <t>核磁共振对人有害吗</t>
  </si>
  <si>
    <t>目前国际上的研究结果证明，磁共振对人体没有影响，但是有10%的人会在磁共振封闭的空间内诱发幽闭空间恐惧综合症，会觉得有窒息感觉，呼吸急促的表现。磁共振增强剂也相对于CT来说比较安全。所以，MRI是一种绿色的对人体无害的高清检查方式。</t>
  </si>
  <si>
    <t>qqpcmgr可以删除吗</t>
  </si>
  <si>
    <t>这是电脑管家，可以删除的。</t>
  </si>
  <si>
    <t>美国驾照在中国能用吗</t>
  </si>
  <si>
    <t>需要换成国内驾，办理国外驾照更换成国内驾照手续 。</t>
  </si>
  <si>
    <t>不能，任何国家、国际组织无权向别国公民签发国际驾照。它不能单独使用，必须和本国驾照一起使用才有效。 境外驾照须换照后在国内使用 车管所副所长李建民说，目前，各国中只有比利时的驾照在我国相关车辆管理部门备案签字后可以直接使用，其他境外驾照持有人需要在国内使用驾照的，必须按照我国有关规定办理换照手续。</t>
  </si>
  <si>
    <t>能！国内的一些租车网站比如惠祖车说是100%支持中国驾照。</t>
  </si>
  <si>
    <t>小米账号刷机能刷掉吗</t>
  </si>
  <si>
    <t>小米手机账户，刷机是可以刷掉小米账户的。1、下载小米手机的最新安装包，官方上提供的有刷机包下载，（注意：要下载卡刷包，因为小米手机的刷机包分为卡刷包和线刷包，在这里选择卡刷包），把卡刷包下载到电脑上，如果下载下来的刷机包是rar格式的包话就再解压一下，如果直接是zip格式的包的话，就不用解压了，然后找到zip格式的包，然后把这个zip格式的包重命名为update.zip，然后把再把update.zip包直接拷贝至手机的内置存储的根目录下。2、手机进入recovery（些时的recovery一定要是方的recovery，因为官方的recovery才能刷小米官方的刷机包），然后手机在关机状态下，同时按住手机的音量上键 + 电源键（两键同时按住），屏幕亮起松开按键即可进入。3、选择简体中文并确认，在recovery界面里 音量键表示选择 电源键表示确认，可以用音量键选择第二个，清除数据，按一下电源键确认进入，然后用音量键选择上方三个清空的选项，这就是三清，按电源键确认，依次清除。4、三清之后，回到recovery主界面，选择将update.zip安装至系统一并确认，选择确认等待完成，选择重启系统即可。</t>
  </si>
  <si>
    <t>液体是晶体吗</t>
  </si>
  <si>
    <t>生化危机6是最后一部吗</t>
  </si>
  <si>
    <t>化危机7游戏正在开发中。</t>
  </si>
  <si>
    <t>河道管理费取消了吗</t>
  </si>
  <si>
    <t>各地可能不同上海凡在本市行政区域范围内缴纳增值税、营业税、消费税的企业（包括外商投资企业）、事业单位、社会团体和个人（以下简称缴费者），均须按本办法规定缴纳河道管理费。</t>
  </si>
  <si>
    <t>车辆年审能提前吗</t>
  </si>
  <si>
    <t>车辆可提前年检。</t>
  </si>
  <si>
    <t>车辆年检可以提前60天进行。</t>
  </si>
  <si>
    <t>依据现在的交通法规，车辆可以提前三个月进行年审。</t>
  </si>
  <si>
    <t>白百何偷东西是真的吗</t>
  </si>
  <si>
    <t>假的，白百合已经把发布假消息的网站起诉了。</t>
  </si>
  <si>
    <t>空调开除湿比开制冷省电吗</t>
  </si>
  <si>
    <t>单纯以时间长短来计除湿模式比制冷模式省电。空调除湿模式运行时室内风机电机以低风挡运转，风机电机本身的耗电量变小，小风量运转空调蒸发压力降低，相应的冷凝压力降低，压缩机工作时候的压缩比较低，压缩机耗电量变小；所以与空调制冷工况运行比较起来除湿模式更加省电。但是，空调除湿模式的主要作用是降低室内空气湿度，对温度调节的作用非常有限，除湿模式和制冷模式是没法相互替代的；也就是说在取得同等制冷效果的情况下，空调制冷模式运行要比除湿模式节省很多电力。</t>
  </si>
  <si>
    <t>同等条件下，制冷会更加费电。空调器通电后，制冷系统内制冷剂的低压蒸汽被压缩机吸入并压缩为高压蒸汽后排至冷凝器。同时轴流风扇吸入的室外空气流经冷凝器，带走制冷剂放出的热量，使高压制冷剂蒸汽凝结为高压液体。高压液体经过过滤器、节流机构后喷入蒸发器，并在相应的低压下蒸发，吸取周围的热量。同时贯流风扇使空气不断进入蒸发器的肋片间进行热交换，并将放热后变冷的空气送向室内。如此室内空气不断循环流动，达到降低温度的目的。</t>
  </si>
  <si>
    <t>空调在除湿模式下是比制冷模式省电，因为压缩机是断续工作，而一般制冷时设定温度大多在27℃以下，在环境温度高于35℃时压缩机几乎不会停，在除湿模式时，压缩机定时开和关，间断工作，所以省电些。一般说，压缩机启动不会太频繁，更不会发生抱轴，压缩机的设计应该能承受除湿工况的。</t>
  </si>
  <si>
    <t>初级会计题库有原题吗</t>
  </si>
  <si>
    <t>会计考试原题题库等于是在海量的辅导书复习资料里面，没有说浓缩的一个题库在市面流传，这样才能保证考试的公平公正。</t>
  </si>
  <si>
    <t>这个只有相似题型。课本不能丢的。</t>
  </si>
  <si>
    <t>婴儿坐飞机要买票吗</t>
  </si>
  <si>
    <t>未满两周岁婴须购买婴儿票，不单独占用座位；如需要单独占用座位时，须购买儿童票。具体票价请向售票人员咨询。每名成人能携带两名不超过十二周岁的旅客（包括儿童和婴儿）旅客携带婴儿超过一名的，另一名婴儿须购买儿童票。</t>
  </si>
  <si>
    <t>婴儿坐飞机,如果还没有报户口的话要有孩子的出生证,需要买票,票价为全价票10%。</t>
  </si>
  <si>
    <t>早产儿长大后有缺陷吗</t>
  </si>
  <si>
    <t>只要早产儿生后追赶生长发育正常，生后没有明显缺氧，窒息。就没什么事，由于天生身体发育不良，小儿时期经常体质弱，但后天的精心护理和营养均衡，长大后和常人没有区别的。</t>
  </si>
  <si>
    <t>早产儿除了身体比较弱，个头跟不上之外，没什么缺陷。</t>
  </si>
  <si>
    <t>万艾可有没有副作用</t>
  </si>
  <si>
    <t>一般的副作用有头发热，视物偏蓝，第二天可能会轻微头痛口干等。</t>
  </si>
  <si>
    <t>如果长期时候的话会对这种药物有依赖，一旦停止使用就完全不行了。</t>
  </si>
  <si>
    <t>有副作用，依赖性。</t>
  </si>
  <si>
    <t>乌龟白眼病会自愈吗</t>
  </si>
  <si>
    <t>白眼病还是需积极处理的，大龟容易好，小龟容易加重！</t>
  </si>
  <si>
    <t>自愈不了。</t>
  </si>
  <si>
    <t>2017广州限外地车牌吗</t>
  </si>
  <si>
    <t>现在还没有，2017年年内会确定内容。</t>
  </si>
  <si>
    <t>小车不限，不过黄标车月中已经禁止进入广州城区了。</t>
  </si>
  <si>
    <t>合拍红包是真的吗</t>
  </si>
  <si>
    <t>合拍抢红包是真的，不过截止到4月15日，最多是几块钱，有的还没有，且投资500元以上才能用。</t>
  </si>
  <si>
    <t>真的，但是有很多道程序，不要盲目。</t>
  </si>
  <si>
    <t>极品飞车19破解了吗</t>
  </si>
  <si>
    <t>没破解版。</t>
  </si>
  <si>
    <t>2017年西塘要门票吗</t>
  </si>
  <si>
    <t>西塘门票统一100/张，有些客栈是旅游公司的会员单位，可以以优惠价格购买，现在基本维持在55/张左右。</t>
  </si>
  <si>
    <t>西塘需要买门票的。西塘旅游门票是嘉兴西塘景区的门票。分为2种：一种是景区票，价格50元/张，另一种是联票（含景区票+小景点票），价格100元/张。</t>
  </si>
  <si>
    <t>西塘上午8点之前与下午4点之后进去就不用门票的呢，因为看门卖票的保安都下班了。</t>
  </si>
  <si>
    <t>中英人寿保险可靠吗</t>
  </si>
  <si>
    <t>保险公司都是可靠的。</t>
  </si>
  <si>
    <t>中英人寿保险很好。</t>
  </si>
  <si>
    <t>没有假的保险公司，所有保险公司都是在国务院备案的这你可以放心。中英人寿实际上是一家很不错的公司，在中国的外资保险公司里排名也非常高。</t>
  </si>
  <si>
    <t>拉横幅抗议是否违法</t>
  </si>
  <si>
    <t>关键是横幅内容，如是无理由攻击某人就会让人告。</t>
  </si>
  <si>
    <t>违法的，信访应当遵守相关规定。</t>
  </si>
  <si>
    <t>面膜可以天天敷吗</t>
  </si>
  <si>
    <t>这个其实是根据自己的实际情况来的，如果皮肤缺水或出现一些问题，可以连续使用。但是皮肤状态正常的情况下，还是不要每天都敷。</t>
  </si>
  <si>
    <t>补水的可以，功效性的不行。</t>
  </si>
  <si>
    <t>一般面膜的正常使用频率在一周2次左右。面膜是护肤品中的大餐，虽然效果很好，但除非有特别要求，原则上不能天天用。有些面膜有明确标示的周期，比如5天一疗程，或是10天3片。若想达到最佳效果，应该严格遵守才好。</t>
  </si>
  <si>
    <t>冲天火好看吗</t>
  </si>
  <si>
    <t>冲天火电影还好吧，感觉这次吴彦祖的角色特帅，再配上他这张脸，感觉帅帅的。吴彦祖的演技真心没的说</t>
  </si>
  <si>
    <t>不好，胡编乱造，完全不讲逻辑，故事一盘散沙，毫不夸张的说电影除了打肿脸充胖子用拙劣的特效做到动作片的常用套路外，一无是处。</t>
  </si>
  <si>
    <t>中医是伪科学吗</t>
  </si>
  <si>
    <t>中医的方法论是玄学式的，未使用科学的方法论（逻辑+实证），故中医不是科学，即所谓之非科学。所以，中医是不是伪科学，取决于是否把它宣称为科学。</t>
  </si>
  <si>
    <t>不是，只是中医太多不能公开的秘密。</t>
  </si>
  <si>
    <t>furmark会烧坏显卡吗</t>
  </si>
  <si>
    <t>不会的，因为显卡和cpu都有过热保护，一般不会烧坏的，除非是人为因素或者显卡老化。</t>
  </si>
  <si>
    <t>furmark软件一般来说不会烧坏显卡，最多是温度过高自动关机或重启。不排除极端情况下会烧坏显卡。</t>
  </si>
  <si>
    <t>1，FurMark对显卡有一定的影响。2，FurMark是一个烤机软件，主要是使得显卡满载，看温度能去到多高（越低越好）。3，如果长时间运行FurMark烤机，对显卡也是有害的。</t>
  </si>
  <si>
    <t>有免费的翻墙软件吗</t>
  </si>
  <si>
    <t>大部分是付费的。</t>
  </si>
  <si>
    <t>考拉海购网是正品吗</t>
  </si>
  <si>
    <t>是正品，我买过，像这种海淘电商都是直接从国外向厂商、经销商进货的，所以没有问题，是网易的忠实粉丝，相信网易，而且网易都是承诺100%正品的。</t>
  </si>
  <si>
    <t>省委书记是副国级吗</t>
  </si>
  <si>
    <t>目前北京、上海、广东、天津、重庆、新疆六个省级行政区的党委主要负责人同时是中央政治局委员，级别为国家级副职。</t>
  </si>
  <si>
    <t>省委书记一般情况下都是正省级等同于正部级，不算副国级。除了极个别省份的省委书记兼任中央政治局委员，那么这样的话就是副国级领导干部，位列党和国家领导人之列。</t>
  </si>
  <si>
    <t>网上能挂失身份证</t>
  </si>
  <si>
    <t>现在江西和湖南等省份开通了网上补办二代身份证。网上登入江西外出务工人员身份证遗失受理平台就可以申请挂失和补办。</t>
  </si>
  <si>
    <t>象山是宁波最穷的吗</t>
  </si>
  <si>
    <t>宁波是浙江第二大城市，全国二线城市，浙江较为落后的县市大多在衢州和丽水，那是浙江经济最落后的两个市。</t>
  </si>
  <si>
    <t>宁海县、象山县最穷。</t>
  </si>
  <si>
    <t>宁波市现在下辖6个区（海曙区、江北区、北仑区、镇海区、鄞州区、奉化区）、2个县级市（余姚市、慈溪市）、2个县（象山县、宁海县）：鄞州区最富，北仑区次之；宁海县最穷，奉化区次之。</t>
  </si>
  <si>
    <t>帕洛驱蚊手环有用吗</t>
  </si>
  <si>
    <t>驱蚊手环是一种散发100%自然香气具有驱蚊功效的时尚手环，具有装饰驱蚊双重作用。</t>
  </si>
  <si>
    <t>首先要承认，驱蚊手环在刚开始的时候真的是有效果的，当精油挥发完成，也就是香味不在的时候，驱蚊手环也就变成一个纯粹的装饰物了，更重要的是，精油本来就是一个极易挥发的物质，特别是香茅精油，本身就是高速挥发型，一般而言，1ml的香茅精油不到两个钟头，就会挥发的一干二净，这也意味着您购买的驱蚊手环只有两个小时的功效。</t>
  </si>
  <si>
    <t>有用的，但是效果不持久。</t>
  </si>
  <si>
    <t>短信猫违法吗</t>
  </si>
  <si>
    <t>发的内容是违法或者用了违法的设备就是违法的。</t>
  </si>
  <si>
    <t>贷款年限越长越好吗</t>
  </si>
  <si>
    <t>个人建议还是把还款期拉的越长越好，虽然貌似付出了很多的利息，但是仔细算算还是很划算的。</t>
  </si>
  <si>
    <t>年限长好。</t>
  </si>
  <si>
    <t>期限短点好。</t>
  </si>
  <si>
    <t>微信可以定时发送消息吗</t>
  </si>
  <si>
    <t>登录微信网页版，进行操作。</t>
  </si>
  <si>
    <t>没有这个功能。</t>
  </si>
  <si>
    <t>借助第三方微信助手可以。</t>
  </si>
  <si>
    <t>喂奶期吃菜花好吗</t>
  </si>
  <si>
    <t>可以。除了含有添加剂的饮料，普通人平时吃的食物，都可以吃。为了有充足的奶水，平时应多吃汤类，</t>
  </si>
  <si>
    <t>妈妈吃十字花科的蔬菜时，宝宝更容易胀气。所以，哺乳妈妈应该少吃卷心菜、菜花等十字花科的食物。</t>
  </si>
  <si>
    <t>合生元益生菌好不好?</t>
  </si>
  <si>
    <t>可以提高抵抗力。</t>
  </si>
  <si>
    <t>lol中国队拿过世界冠军吗</t>
  </si>
  <si>
    <t>截止到2017年，大陆还未获得英雄联盟世界总决赛冠军，台湾地区的台北暗杀星（TPA)夺取过S2的总冠军。</t>
  </si>
  <si>
    <t>1.中国的TPA战队获得英雄联盟S2赛季世界冠军。2.中国的WE战队获得英雄联盟IPL5世界冠军。</t>
  </si>
  <si>
    <t>拿过一次LPL5世界性总冠军 但不是S2世界冠军。</t>
  </si>
  <si>
    <t>p10值得买吗</t>
  </si>
  <si>
    <t>P10屏幕5.1英寸系统是华为EMUI 5.1+AndroidTM 7.0 标配4GB运行内存搭载麒麟960 8核+ 微智核I6手机运行起来更流畅  支持SD卡热插拔，可以扩展256GB的大内存，P10后置两颗摄像头是2000万黑白+1200万彩色F2.2光圈徕卡镜头，支持OIS光防抖自动对焦前置摄像 800 万像素F1.9 光圈固定焦距 拍照更清晰 支持NFC 、电池容量3200mAh续航时间长 支持华为超级快充关键LTE四天线和WIFI双天线，上网更快，很不错的一款手机</t>
  </si>
  <si>
    <t>孕妇吃枇杷对胎儿好吗</t>
  </si>
  <si>
    <t>1、能增进食欲、消暑解渴 枇杷能刺激消化腺分泌、对增进食欲、帮助消化吸收、止渴解暑有很好的作用，这对于食欲不好，消化功能下降的孕妇来说是很有帮助的，特别是在夏季，孕妇吃枇杷还可以止渴解暑。2、能补充维生素A 枇杷除富含维生素C和B族维生素外，还含有碳水化合物、蛋白质、脂肪、纤维素、果酸、苹果酸、柠檬酸等，其中所含的胡萝卜素为鲜果中最高，其中的β胡萝卜素在体内可以转化为维生素A，是维生素A安全来源。3、能预防感冒 枇杷的果实和叶有抵制流感病毒的作用，因此孕妇吃枇杷可以预防流行性感冒。4、能够缓解孕吐 枇杷叶晾干后制成茶叶，可以辅助治疗各种呕吐呃逆，在孕早期吃点枇杷可以改善恶心呕吐的症状。5、能治疗咳嗽 枇杷有很好的药用价值，如可以润肺止咳、祛痰、治疗各种咳嗽。 孕妇吃枇杷的注意事项：孕妇吃枇杷不能过量，因为枇杷性凉，吃多了反而不好。孕妇多吃枇杷会助湿生痰、继发痰热，所以孕妇最好不要一次吃太多枇杷。</t>
  </si>
  <si>
    <t>色戒真的做了吗</t>
  </si>
  <si>
    <t>当然不是真做,那是借位演绎的。</t>
  </si>
  <si>
    <t>传闻是，而且删掉了那个关键镜头。</t>
  </si>
  <si>
    <t>金星变性会影响寿命吗</t>
  </si>
  <si>
    <t>由于做了变性手术，她的寿命会相对延长。</t>
  </si>
  <si>
    <t>钢琴好学吗</t>
  </si>
  <si>
    <t>不好学。</t>
  </si>
  <si>
    <t>不知道你的年龄，不过学钢琴的最佳年龄是5～15岁左右，因为儿童的生长发育是先由大肌肉活动开始，再到小肌肉的细腻动作，而弹琴需要的是很具技巧性的小肌肉动作，需要相当的耐性，年龄太小的宝宝协调性稍差且坐不住，此时学琴无异于拔苗助长。因此，过早送宝宝去学钢琴、电子琴、小提琴等乐器是不适宜的。</t>
  </si>
  <si>
    <t>学钢琴难易程度因人而异，个人认为难度不小。</t>
  </si>
  <si>
    <t>星露谷物语可以联机吗</t>
  </si>
  <si>
    <t>可以支持最多4个人联机,现在作者还没有把联机系统给做出来。</t>
  </si>
  <si>
    <t>目前游戏版本尚未开启联机，联机还没做好。</t>
  </si>
  <si>
    <t>毕业论文答辩难吗</t>
  </si>
  <si>
    <t>这要看是哪类的毕业答辩，本科答辩只要导师对你的论文比较满意，你自身能够在答辩上让评审老师感到言之有物、契合论点的话，一般情况下是不会有太大的问题。</t>
  </si>
  <si>
    <t>好过，一般都不会问太难得问题，而且问的问题，都是跟你论文相关的</t>
  </si>
  <si>
    <t>不是很难，只要掌握下面的方法很容易就通过了：1、论文工作的目的是要使学生在科学研究方面受到较全面的基本训练，培养从事科学研究或独立担负专门技术工作的能力。2、应在导师指导下由学生本人独立完成。几个人合作研究一个课题时，论文内容应侧重本人所做的工作，共同部分应加以说明。3、一般包括：中、外文摘要、目录、前言、正文、结论、参考文献和附录等。4、论文必须在理论分析、计算方法、数据处理、实验方法 、测试技术、仪器设备、工艺方法和应用等某一方面提出新的见解、改进或革新内容，或用已经有的理论解决新的问题，应体现作者具有坚实的理论基础，较强的独立从事科学研究和专门技术工作的能力。5、论文要求概念清楚、条理分明、分析严谨、论证明确、实验数据真实可靠、计算正确无误、文句通顺精练、文本工整、图表整齐清晰。</t>
  </si>
  <si>
    <t>不同城市买房算二套房吗</t>
  </si>
  <si>
    <t>属于二套房。</t>
  </si>
  <si>
    <t>美人鱼真的存在吗</t>
  </si>
  <si>
    <t>目测是存在的。</t>
  </si>
  <si>
    <t>并不存在，传说中的美人鱼就是海牛，是一种哺乳动物。</t>
  </si>
  <si>
    <t>可能存在也可能不存在，有可能在生物学上没有这个动物。但是也有可能是一种十分稀有的动物，只是人们没有发现。</t>
  </si>
  <si>
    <t>小花钱包审核打电话吗</t>
  </si>
  <si>
    <t>小花额度是线上自动审批，不会打电话。</t>
  </si>
  <si>
    <t>婚假包括双休日吗</t>
  </si>
  <si>
    <t>法定婚假根据有关规定：1、按法定结婚年龄(女20周岁，男22周岁)结婚的，可享受3 天婚假。2、符合晚婚年龄(女23周岁，男25周岁)的，可享受晚婚假15天(含3天法定婚假)。3、结婚时男女双方不在一地工作的，可视路程远近，另给予路程假4、在探亲假(探父母)期间结婚的，不另给假期。5、婚假包括公休假和法定假。因此，根据上文的介绍，婚假是包括周末和法定节假日的。</t>
  </si>
  <si>
    <t>休假期限包括每周的公休日，不包括国家规定的法定假日。年休假与产假、婚假、丧假等国家规定的假期分别计算。 婚假以连续请假为原则。</t>
  </si>
  <si>
    <t>1）婚假包括周末和法定节假日。2）根据《婚姻法》及《计划生育法》的规定，国家法定婚假如下：国家关于婚假的规定1、按法定结婚年龄(女20周岁，男22周岁)结婚的，可享受3天婚假。2、符合晚婚年龄(女23周岁，男25周岁)的，可享受晚婚假15天(含3天法定婚假)。3、结婚时男女双方不在一地工作的，可视路程远近，另给予路程假。4、在探亲假(探父母)期间结婚的，不另给假期。5、婚假包括公休假和法定假。6、再婚的可享受法定婚假，不能享受晚婚假。</t>
  </si>
  <si>
    <t>侠客风云传前传好玩吗</t>
  </si>
  <si>
    <t>鹿晗整过容吗</t>
  </si>
  <si>
    <t>韩国艺人有的动的刀比较多，有的只是微调而已，鹿晗可能微调过吧，因为跟上高中时差别不大（其实人瘦下来自然颜值就高了），灿烈和鹿晗都是业界良心，整的很少。</t>
  </si>
  <si>
    <t>鹿晗没有整。</t>
  </si>
  <si>
    <t>赵士程和唐琬有孩子吗</t>
  </si>
  <si>
    <t>迪丽热巴有兄弟姐妹吗</t>
  </si>
  <si>
    <t>迪丽热巴的家庭信息没有公布，可能是独生女。</t>
  </si>
  <si>
    <t>她有一个弟弟。</t>
  </si>
  <si>
    <t>负重绑腿可以全天戴吗</t>
  </si>
  <si>
    <t>不建议全天带。</t>
  </si>
  <si>
    <t>visual studio 2017 免费吗</t>
  </si>
  <si>
    <t>Visual Studio，现已免费。</t>
  </si>
  <si>
    <t>VS从2012版开始推出社区免费版，在之前的都收费，只不过不同版本的收费不同。</t>
  </si>
  <si>
    <t>尿酸500算高吗</t>
  </si>
  <si>
    <t>当然高，大多数医院的指标在150—430之间。</t>
  </si>
  <si>
    <t>大熊猫只有中国才有吗</t>
  </si>
  <si>
    <t>封阳台算违建吗</t>
  </si>
  <si>
    <t>一般不算违建，但是这个范畴很模糊。</t>
  </si>
  <si>
    <t>招行闪电贷影响房贷吗</t>
  </si>
  <si>
    <t>是否会影响之后的商业房贷，要看贷款经办行的综合审核，每个人的情况都不一样，不能一概而论。</t>
  </si>
  <si>
    <t>不影响的。</t>
  </si>
  <si>
    <t>住房公积金能取出来吗</t>
  </si>
  <si>
    <t>做时时彩代理犯法吗</t>
  </si>
  <si>
    <t>颈椎牵引器有用吗</t>
  </si>
  <si>
    <t>坚持使用有缓解作用。</t>
  </si>
  <si>
    <t>余额宝转账到银行卡收费吗</t>
  </si>
  <si>
    <t>从2016年10月12日起，余额新转入余额宝里的款项，后续只能转回余额里的，无法转出到卡。银行卡转入余额宝里的款项（含12号之前已有的余额宝款项），余额宝资金转出到本人银行卡依然免费，不受影响。但需要区分的是：转账到卡使用余额宝支付，仍是会占用额度的，超出额度会收费。余额宝转出到卡，是不影响，仍然免费。</t>
  </si>
  <si>
    <t>从2016年10月12日起，支付宝将对个人用户超出免费额度的提现收取一定比例的服务费。不少用户担心余额宝会不会受影响。天弘基金相关负责人表示，余额宝转出不收费，转出包括转出到本人银行卡和支付宝余额，均将继续免费。</t>
  </si>
  <si>
    <t>支付宝2016年10月12日开始取现收费，但是2016年10月12日前转进余额宝的钱转账到银行卡是不收费的。10月12日以后转入余额宝或支付宝的钱转账到银行卡是收费的。</t>
  </si>
  <si>
    <t>孕晚期胎动减少正常吗</t>
  </si>
  <si>
    <t>正常，一般在20周时，12小时平均的胎动次数约为200次，在32周时增加到575次，在40周时减少到282次。</t>
  </si>
  <si>
    <t>胎动一般在孕18-20周孕妇自已感觉到，约3-5次/分，随着孕周增加逐渐活跃。到孕晚期胎动逐渐减少。所以孕晚期胎动减少是正常的，但是如果胎动过少，12小时小于10次，则是胎儿窘迫的一个重要指标。所以孕晚期监测胎动是有必要的，可以预知胎儿安危。如果胎动异常，及时去医院进行产前检查。</t>
  </si>
  <si>
    <t>神农架无人区能进去吗</t>
  </si>
  <si>
    <t>可以跟户外团去。</t>
  </si>
  <si>
    <t>找向导带进去。</t>
  </si>
  <si>
    <t>lol赠送英雄可以用金币吗</t>
  </si>
  <si>
    <t>不能，金币是自己赚来的，LOL为了不给别人开小号，刷金币买给自己的号，所以不能用金币送别人英雄。</t>
  </si>
  <si>
    <t>飞猪500元大礼包有用吗</t>
  </si>
  <si>
    <t>淘宝联盟可以自己推广自己买吗</t>
  </si>
  <si>
    <t>干槽症能自愈吗</t>
  </si>
  <si>
    <t>不能自愈，需要治疗。</t>
  </si>
  <si>
    <t>天衍录烧钱吗</t>
  </si>
  <si>
    <t>不烧钱，前期需求小，后期的装备靠战场，任何游戏都一样。</t>
  </si>
  <si>
    <t>孕妇能吃绿豆吗</t>
  </si>
  <si>
    <t>绿豆属偏寒凉食品，孕妇不宜多吃，但酌量吃用可清热解毒，在夏天犹为适用，总的来说，偶尔吃用并无大碍。</t>
  </si>
  <si>
    <t>国税稽查局查账厉害吗</t>
  </si>
  <si>
    <t>一般开业不到一年，不大会来查帐，可能有下列情况： 1.有人举报：是否得罪什么人，或者同行捣乱 2.你们公司税务、财务报表出现很明显的漏洞 3.随机抽查，正好抽到你们公司 4.遇到行业税务检查 5.可能其他意想不到的原因 如果没问题，当然不要罚款；如果查出问题，那就要补税并罚款了。 有一点要说明，税务局来查账帐，会找出问题来的。</t>
  </si>
  <si>
    <t>易升win10是正版的吗</t>
  </si>
  <si>
    <t>易升的 WIN 10 是纯净版的。如果永久激活了就是正版的。如果不激活就是盗版的。就是说，在正版 WIN 10 的电脑上用易升重装或升级，就是正版的。在盗版的WIN 10上重装就是盗版的。</t>
  </si>
  <si>
    <t>是的，前提升级前的系统必须是激活的。易升和各种升级助手都不怎么靠谱，速度慢，成功率低，建议自己下载win10映像升级安装。</t>
  </si>
  <si>
    <t>1、快捷键Win+R，弹出窗口中输入winver后回车，再次弹出窗口中查看内部版本号是否是10240，如果版本号低于10240，则在开始按钮右侧输入框中输入 更新 然后回车，在弹出窗口中检查更新，更新到102402、当内部版本号已经是10240后，在开始按钮右侧输入框中输入 更新选项 然后回车，在弹出窗口中查看会员版本那是开始还是停止，如果是开始，那就已经是正式版了。如果还是停止，那按停止，重启就是正式版了。</t>
  </si>
  <si>
    <t>hpv51阳性可怕吗</t>
  </si>
  <si>
    <t>HPV51引起的尖锐湿疣若得不到及时的治疗，或治疗不当会有癌变的可能。因此，希望感染了HPV51病毒阳性的患者一定要引起足够的重视，及早的到医院进行治疗是关键。</t>
  </si>
  <si>
    <t>hpv51属于高危型，可导致宫颈癌，建议您早治疗。</t>
  </si>
  <si>
    <t>不严重，什么事儿都没有，也不用治疗。</t>
  </si>
  <si>
    <t>用ipod shuffle丢人吗</t>
  </si>
  <si>
    <t>不丢人，用的舒心不是为了炫耀。</t>
  </si>
  <si>
    <t>吴亦凡约炮是真的吗</t>
  </si>
  <si>
    <t>万达快钱钱包靠谱吗</t>
  </si>
  <si>
    <t>不靠谱，尤其是快钱商城。买一个手机半个月也不发货，打客服电话就是一个字，等！投诉没有专席，钱扣了，货不给，找万达，万达不受理，找315，无商铺地址315无法介入，下一步我准备找律师起诉了。</t>
  </si>
  <si>
    <t>靠谱，万达的。</t>
  </si>
  <si>
    <t>共享单车加私锁犯法吗</t>
  </si>
  <si>
    <t>实际上就是非法把车辆所有权变为私有占有。犯法。</t>
  </si>
  <si>
    <t>双相障碍能治愈吗</t>
  </si>
  <si>
    <t>双相障碍是完全可以治好的，疾病不易治愈且容易复发的主要原因是没有去除心理因素,药物只是控制了某些疾病的症状,当遇到社会心理因素的刺激时又可能复发,需要在医生的指导下，同时配合心理治疗从根本上治疗疾病，才能取得满意的治疗效果,疾病反复发作的原因就是没有治疗心理因素,只有去除心理因素,才能达到根治.</t>
  </si>
  <si>
    <t>首先不会遗传，但是如果在孕期发作会不会造成什么不好的后果就不好说了，要坚持服药，切需要家人监督，不能擅自停药，精神类疾病初犯时治愈几率较大，反复停药会影响治愈效果。</t>
  </si>
  <si>
    <t>天下没有绝对的事，你吃一次感冒药就一辈子不得感冒，需要不断的保养和锻炼才能做到。你可以类比到双相障碍上。</t>
  </si>
  <si>
    <t>日利率0.05%高吗</t>
  </si>
  <si>
    <t>自己的钱借给别人看风险才能决定高不高，要不回来本就低，有把握要回来就高。借别人的钱你能多少天还，时间长就高，时间短就低。</t>
  </si>
  <si>
    <t>长沙房价会跌吗</t>
  </si>
  <si>
    <t>上涨。</t>
  </si>
  <si>
    <t>这个说不准。</t>
  </si>
  <si>
    <t>白云山蹦极有死过人吗</t>
  </si>
  <si>
    <t>并没有。白云山的蹦极设备还不错。</t>
  </si>
  <si>
    <t>有！ 去年有一个小伙子蹦极绳子意外断裂。</t>
  </si>
  <si>
    <t>韩庚有钱吗</t>
  </si>
  <si>
    <t>肯定有钱的，但不一定会很多，因为SM公司貌似很克扣旗下的明星的收入</t>
  </si>
  <si>
    <t>算不上穷，但是不富裕，据说他在韩国的日子过得很辛苦，唱片一张才挣5分钱</t>
  </si>
  <si>
    <t>i保养的机油是真的假的</t>
  </si>
  <si>
    <t>感觉像山寨货，壳牌好像没有这么一款型号的机油，建议去壳牌官网看看他们有没有出品这款机油。</t>
  </si>
  <si>
    <t>和机油厂家签约生产的，就是壳牌厂家生产的润滑油，然后在包装上贴上i保养字样，和普通同类的壳牌油品，没什么本质区别。</t>
  </si>
  <si>
    <t>阴茎增大器有用吗?</t>
  </si>
  <si>
    <t>的确有很好的效果。</t>
  </si>
  <si>
    <t>效果是有的只是需要长时间的使用。</t>
  </si>
  <si>
    <t>那是骗人的。</t>
  </si>
  <si>
    <t>小米路由器pro值得买吗</t>
  </si>
  <si>
    <t>小米路由器现在有两款，一百多的那一款mini版还是值得买的，699的路由器功能很强大，但是好多功能还没有放开，信号也不是很稳定。</t>
  </si>
  <si>
    <t>小米路由器一直在市场上的口碑都不错的，性价比也是很高的，还是值得购买啦。</t>
  </si>
  <si>
    <t>qq现金贷是信而富吗</t>
  </si>
  <si>
    <t>都是信富发起现金贷服务。</t>
  </si>
  <si>
    <t>阳痿早泄能治吗</t>
  </si>
  <si>
    <t>阳痿早泄是男性当中的常见病，要及时到正规医院治疗，但是具体怎么治疗，医生还要根据您的病情来确定治疗方案，这样才能使您尽快恢复健康。</t>
  </si>
  <si>
    <t>1.西医治疗： 1）药物治疗：抗抑郁及镇静剂 2）心理治疗：分析导致早泄的精神因素，然后进行心理疏导 3）行为治疗：使用药物或加强训练，使用安全套等 2.中医治疗： 1）辨证论治 2）按摩疗法 3）外治疗法 4）饮食疗法</t>
  </si>
  <si>
    <t>阳痿分为先天和后天的因素，比如手淫以及心理因素导致的阳痿都是可以治好的。</t>
  </si>
  <si>
    <t>变形金刚5是最后一部吗</t>
  </si>
  <si>
    <t>上海海同科技可信吗</t>
  </si>
  <si>
    <t>非常认认可的。</t>
  </si>
  <si>
    <t>玻璃险出险影响明年吗</t>
  </si>
  <si>
    <t>一般来说不影响。</t>
  </si>
  <si>
    <t>逆战神秘契约到后面会不会成为永久</t>
  </si>
  <si>
    <t>神秘契约后，每月消耗一定数额的月劵续签，即可永久拥有神秘契约。但当获得神秘契约后如7天内未签订契约，失去签到神秘契约的机会。</t>
  </si>
  <si>
    <t>送外卖赚钱吗</t>
  </si>
  <si>
    <t>具体看一天送的数量。</t>
  </si>
  <si>
    <t>美团外卖一个月3000多。</t>
  </si>
  <si>
    <t>精液能吃吗</t>
  </si>
  <si>
    <t>一般情况还是可以的，还是不会有什么影响的。</t>
  </si>
  <si>
    <t>能吃的, 里面主要是水分和蛋白质。</t>
  </si>
  <si>
    <t>可以有蛋白成分比较恶心。</t>
  </si>
  <si>
    <t>呼啦圈便秘吗</t>
  </si>
  <si>
    <t>可以说它能也可以说它不能.能的是因为摇的时候可以不停的压迫肚子.不能的是因为它不正当的压迫有可能让自己更不能上厕所.</t>
  </si>
  <si>
    <t>黄灯闪烁时冲过去算不算闯红灯</t>
  </si>
  <si>
    <t>不算。1、闯红灯是指机动车在信号控制的交叉路口和路段上违反红灯相位禁止通行规定，越过停止线并继续行驶的行为。2、2012年10月8日，公安部修订发布《机动车驾驶证申领和使用规定》，违反道路交通信号灯通行等违法记分将由3分提高到6分。闯红灯照片闯黄灯将被视作闯红灯，也要被记6分，还要交罚款;不给120急救车让道，将要被记3分。此外，路考第5次预约还不合格，其他科目成绩全部作废。2013年1月1日起，被称为"史上最严交规"的公安部123号令将实施。3、123号令中关于校车驾驶人管理的内容自发布之日起施行，123号令中的其他规定将于2013年1月1日起正式施行。</t>
  </si>
  <si>
    <t>黄灯闪烁时通过不算闯红灯，是闯黄灯。公安部《机动车驾驶证申领和使用规定》等两个新部令2013年1月1日实施后，受到社会广泛关注。从实施的效果来看，新规在规范驾驶行为、减少交通违法、预防重大交通事故等方面的积极作用已初步显现。一些群众比较集中地对“闯黄灯”的相关处罚规定提出了意见和建议。对此，公安部高度重视，感谢广大人民群众对道路交通管理工作的关心、支持。2013年1月6日，公安局下发通知，要求各地交管部门对违反黄灯信号的，以教育警示为主，暂不予以处罚。</t>
  </si>
  <si>
    <t>以前算，现在不算闯红灯。只要过黄灯时不出交通事故，都没事，要是有交通事故，要负全责。</t>
  </si>
  <si>
    <t>超能战甲第二季出了吗</t>
  </si>
  <si>
    <t>超能战甲max steel第2季在2014年播映26集</t>
  </si>
  <si>
    <t>男人出轨后能爱老婆吗</t>
  </si>
  <si>
    <t>男人出轨后是否能爱老婆，要看老婆如何做。作为老婆首先要找自身原因，同时要告诉对方那样做是不对的，男方若回心转意，会仍然爱老婆。</t>
  </si>
  <si>
    <t>看情况，大部分因为一时糊涂，寻求刺激。但男方认为婚姻是失败的，就不再爱了。</t>
  </si>
  <si>
    <t>男人出轨并不一定不爱老婆。出轨有出轨的因素。很多男性出轨与性有关系。但并不能说明不爱老婆了。</t>
  </si>
  <si>
    <t>360漏洞需要修复吗</t>
  </si>
  <si>
    <t>1：建议不要修复。2：这些安全卫士在运行的时候发现与自身软件有冲突的地方就会提示有漏洞，然后进行所谓的系统更新。这样做只会使得电脑本身良好的运行环境和兼容性发生变化。3：只需更新windows系统的补丁即可，不要轻易相信任何软件的任何信息。系统真的有漏洞的话微软会及时发布信息。</t>
  </si>
  <si>
    <t>病毒在变异，系统会有漏洞，病毒木马就会乘虚而入，漏洞就是系统的弊端、弱点。容易被攻击、被攻击者掌握家电脑的主动权。可以用360安全卫士进行全盘检查，他有智能修复功能如果它提示系统漏洞要修复，那就是应该要修复的有的漏洞不用修复他就会忽所以不必在意。这样不会影响系统的运行。</t>
  </si>
  <si>
    <t>360提示的系统高危漏洞建议进行修复。通过安装软件公司发布的补丁程序，来修补或修复此软件的缺陷，都叫“漏洞修复”。狭义的说，漏洞修复主要是指修复系统漏洞，除了通过打补丁的形式以外，系统漏洞有部分可以通过安装防火墙、限制用户权限、停止不需要的系统服务解决。</t>
  </si>
  <si>
    <t>孕妇可以吃西瓜吗</t>
  </si>
  <si>
    <t>适量可以吃。</t>
  </si>
  <si>
    <t>少吃。</t>
  </si>
  <si>
    <t>在孕早期吃西瓜可以，但是，头3个月是保胎期，最好不要吃。</t>
  </si>
  <si>
    <t>多肉夏天能晒太阳吗</t>
  </si>
  <si>
    <t>多肉在夏天要晒太阳，但不能暴晒。</t>
  </si>
  <si>
    <t>早晨和傍晚时可以的，这时候阳光温和，日间的光照比较毒辣，还是不要晒了，会晒伤晒死。所以夏天很多肉友都要特地拉遮阳网来抵挡毒辣的日光的。</t>
  </si>
  <si>
    <t>多肉植物喜欢凉爽的半荫环境，主要生长期在春、秋季节，为多肉植物中的“中间型”品种。耐干旱，不耐寒，忌高温潮湿和烈日暴晒，怕荫蔽，也怕土壤积水。生长期应给予充足的光照，若过于荫蔽，会造成株形松散，不紧凑，叶片瘦长，“窗”的透明度差。如光照过强，则叶片生长不良，呈浅红褐色，有时强烈的直射阳光还会灼伤叶片，留下难看的斑痕。</t>
  </si>
  <si>
    <t>信托理财产品可靠吗</t>
  </si>
  <si>
    <t>信托理财基本是比较可靠的。</t>
  </si>
  <si>
    <t>中控台防晒垫有用吗</t>
  </si>
  <si>
    <t>中控台防晒的话最好还是贴一个前挡风太阳膜，效果最好，当然如果加个防晒垫也是可以的，这样工作起来，不会因为刺眼也影响驾驶。</t>
  </si>
  <si>
    <t>有用，但是要买专车专用的。不然用着感觉很不舒服。</t>
  </si>
  <si>
    <t>马上贷怎么样 靠谱吗</t>
  </si>
  <si>
    <t>可靠的，马上贷无论是审核标准还是下款额度都给人比较安心的感觉。</t>
  </si>
  <si>
    <t>细菌性阴道炎严重吗</t>
  </si>
  <si>
    <t>不仅带来生活上的困扰而且对身体健康也具有极打的损害。第1、致其继发妇科疾病第；2、可导致继发性不孕。</t>
  </si>
  <si>
    <t>一般不是严重的疾病，买几瓶洁尔阴，和消炎药吃吃就好了，并且建议需要治愈后再怀孕。</t>
  </si>
  <si>
    <t>细菌性阴道炎就是对女性的危害比较大的阴道炎的种类之一，是传播性比较强的阴道炎的种类，同时也是非常顽固的，所以女性一定要引起高度的重视，出现细菌性阴道炎初期的一些症状的时候就应该及时的到正规妇科医院进行全面的检查和治疗。</t>
  </si>
  <si>
    <t>瑞倪维儿的产品可靠吗</t>
  </si>
  <si>
    <t>瑞倪维儿其实就是传销，拉人头赚钱的。</t>
  </si>
  <si>
    <t>win10家庭版好用吗</t>
  </si>
  <si>
    <t>win10家庭版面向大多数用户设计，它将具备我们能够见到的绝大多数功能，包括Cortana数字助理（小娜）、Edge浏览器、Continuum平板电脑模式、Windows Hello人脸、虹膜、指纹登录、Xbox One流媒体游戏等。支持PC、平板、笔记本电脑、二合一电脑等各种使用。</t>
  </si>
  <si>
    <t>win10家庭版是最基础的，功能相对最少，但也最便宜，适合普通用户。</t>
  </si>
  <si>
    <t>adsafe败诉后还能用吗</t>
  </si>
  <si>
    <t>好像是不能用了。</t>
  </si>
  <si>
    <t>王者荣耀亚瑟厉害吗</t>
  </si>
  <si>
    <t>玩好了还蛮厉害的。</t>
  </si>
  <si>
    <t>会用才厉害。</t>
  </si>
  <si>
    <t>天道 好看吗</t>
  </si>
  <si>
    <t>可以说是近几年来最好看的电视剧了。</t>
  </si>
  <si>
    <t>有些人说好看，有些人说不好，取决于个人品味。</t>
  </si>
  <si>
    <t>桃子皮能吃吗</t>
  </si>
  <si>
    <t>可以吃的，有药用功能，桃皮可以祛火、桃皮含纤维素和果胶可以加快肠胃蠕动，可以排除体内毒素</t>
  </si>
  <si>
    <t>桃子的皮是由植物纤维，糖蛋白组成的，很有营养的，前提是一定要洗净。</t>
  </si>
  <si>
    <t>桃子的果皮含有很多营养物质，很多水果都是这样。所以如果吃果皮还是不错的，前提是皮是干净的，在营养与干净之间需要自己来衡量。</t>
  </si>
  <si>
    <t>韩国张瑞希结婚了吗</t>
  </si>
  <si>
    <t>韩国张瑞希至今还未结婚。</t>
  </si>
  <si>
    <t>考拉上的东西是正品吗</t>
  </si>
  <si>
    <t>肯定有假货，要注意分辨。</t>
  </si>
  <si>
    <t>奶牛家的奶粉是正品吗?</t>
  </si>
  <si>
    <t>这个很难说，有正品，也有不好的。</t>
  </si>
  <si>
    <t>c919敢坐吗</t>
  </si>
  <si>
    <t>C919要投入运行的话，必须获得国际航空联盟颁发的许可证，也就是FAA认证，FAA的认证是非常严格的，波音、空客都要经过相关验证才能运营，C919通过相关认证，飞机安全是有保障的。</t>
  </si>
  <si>
    <t>甲状腺亢进能治好吗</t>
  </si>
  <si>
    <t>甲亢是可以治愈的。</t>
  </si>
  <si>
    <t>土地使用税每年都交吗</t>
  </si>
  <si>
    <t>只要有应税土地，土地使用税每年都要缴纳。</t>
  </si>
  <si>
    <t>6月份好找工作吗</t>
  </si>
  <si>
    <t>不好找工作，因为六月份是各高校毕业季，要跟大学生一起抢工作吗？</t>
  </si>
  <si>
    <t>有经验的应该是比较好找的，但是去到一个陌生的环境，能力还未得到认可，肯定也不会好到哪儿去。</t>
  </si>
  <si>
    <t>有毕业证书和社会经验，关键是态度和责任心。如果面试表现好的话，试用期积极，认真。一般还是没问题的</t>
  </si>
  <si>
    <t>英国allbeauty是正品吗</t>
  </si>
  <si>
    <t>赛乐赛减肥安全吗</t>
  </si>
  <si>
    <t>安全无副作用。</t>
  </si>
  <si>
    <t>人工性荨麻疹能自愈吗</t>
  </si>
  <si>
    <t>不能，除非能改变过敏体质，但可以尝试脱敏治疗。</t>
  </si>
  <si>
    <t>人工慢性荨麻疹是完全可以彻底根治的。这个病治疗不需要人到外省看病，直接对症用药就可以达到真正的彻底康复。首先要明确的是，这个病属于病毒性皮肤病，这种病毒是潜伏在人体的体表而不在体内，而且发病呈不规则性，所以想治疗康复，首先需要通过外洗的中药表出病毒，然后使用外抹的中药把病毒杀死，这样一个相互配合的过程，就可以让这个病达到真正的彻底康复。</t>
  </si>
  <si>
    <t>人工性荨麻疹也是属于过敏引起的的，与自身的血液有着直接的关系。治疗的话，可以口服依巴斯丁四妙丸扑尔敏等抗组胺的药物，但需要长期坚持用药，这样才能完全治愈。</t>
  </si>
  <si>
    <t>上海迪士尼能带水果吗</t>
  </si>
  <si>
    <t>水果应该是不能带的。因为规定只能带原装密封的食物。而水果一般都是散装的，即使超市里购买的包装水果，应该也不能算原装密封。如果是切开装在密封盒子里的，肯定更加不行，因为不是原装的了。</t>
  </si>
  <si>
    <t>据说不可以，但也有人偷偷带苹果黄瓜之类的，有些安检不严的就打开包，掏一掏就放行了，有些很严格，搜出来只能扔掉了。可以考虑藏在身上（腰后面藏根黄瓜），或者包里面的夹层。</t>
  </si>
  <si>
    <t>除了酒类，其他食品是可以带进迪士尼的。</t>
  </si>
  <si>
    <t>颞颌关节紊乱能自愈吗</t>
  </si>
  <si>
    <t>可以，但以后要注意。</t>
  </si>
  <si>
    <t>知豆汽车能上高速吗</t>
  </si>
  <si>
    <t>邮币卡受骗有立案的吗</t>
  </si>
  <si>
    <t>警察不立案，若有对方诈骗证据的话，可以去法院起诉。诈骗罪直接由受害人起诉至法院一般需要满足以下条件：第一，有公安局出据的不予立案通知书或检查院出据的不予起诉通知书；第二，有证明犯罪嫌疑人诈骗事实的证据。只有这两项条件都满足，才可以直接向法院提起刑事自诉。</t>
  </si>
  <si>
    <t>诈骗3000元即达到数额较大，警方应当立案侦办。</t>
  </si>
  <si>
    <t>百度云就是百度网盘吗</t>
  </si>
  <si>
    <t>百度网盘已经改名叫百度云网盘。百度云网盘是百度云的一部分，百度云包括百度云网盘、百度通讯录、百度相册、百度音乐、百度短信、百度文库。</t>
  </si>
  <si>
    <t>红枣水能天天喝吗</t>
  </si>
  <si>
    <t>对女生来说很好，可以经常喝。每天喝一点可以，不用喝太多。</t>
  </si>
  <si>
    <t>红枣功效主要是补血保肝，经常喝应该是没有问题的，可以提高免役力，但实践证明，吃多了会伤脾。</t>
  </si>
  <si>
    <t>支付宝上的基金靠谱吗</t>
  </si>
  <si>
    <t>风险小，收益率一般，比活期存款利率高。目前还是安全的，但是也有支付宝失窃案例，支付宝应该会做出一定补偿。</t>
  </si>
  <si>
    <t>当然靠谱，不过有风险。</t>
  </si>
  <si>
    <t>乐事薯片是乐天的吗</t>
  </si>
  <si>
    <t>不是，乐事薯片是美国百事公司旗下的。</t>
  </si>
  <si>
    <t>综合用地的房子能买吗</t>
  </si>
  <si>
    <t>新车可以跑高速吗</t>
  </si>
  <si>
    <t>新车应当避免高速行驶、长途行驶和满载行驶。</t>
  </si>
  <si>
    <t>当然可以上了</t>
  </si>
  <si>
    <t>新车不建议跑高速，一般车商厂家建议新车的发动机别在固定的转速保持的太久，但也没有明确的规定。</t>
  </si>
  <si>
    <t>家里养乌龟好吗</t>
  </si>
  <si>
    <t>好，乌龟用意在中国古代传说，麒麟、凤凰、龙和龟这四灵是瑞兽，都是吉祥，仁寿的象征，但是前三灵全是虚构的图腾，并不存在于真实环境里，而且只能为帝皇权贵所用，普通老百姓对它们只能敬而远之。然而只有乌龟存在于现实之中，也只有乌龟最实在，可以与我们长相左右。</t>
  </si>
  <si>
    <t>三方协议一定要签吗</t>
  </si>
  <si>
    <t>三方协议到底需不需要签，可以根据自身的情况自己定夺。</t>
  </si>
  <si>
    <t>维生素b和c可以一起吃吗</t>
  </si>
  <si>
    <t>干眼症能治好吗</t>
  </si>
  <si>
    <t>天猫海外旗舰店靠谱吗</t>
  </si>
  <si>
    <t>现在的天猫国际审核非常严格，如果是在旗舰店买，基本很少会出现假货。怎么证明是不是进口的很简单，看买的东西的物流记录，上面有清关记录的都是进口的。这个天猫后台也不会作假的。所以可以放心。</t>
  </si>
  <si>
    <t>要知道天猫的旗舰店审批手续是相当严格的，尤其是国际品牌的旗舰店，基本上都是公司直营或者公司直接找的代运营公司，货都是公司直接发的，出售假货的概率几乎没有，这个被查出来不是罚款的问题，直接被清退的。</t>
  </si>
  <si>
    <t>带烘干的洗衣机好吗</t>
  </si>
  <si>
    <t>1，如果没有地方晾衣服而且因为其他原因不方便晾衣服的话选择带烘干的好。2，如果有地方晾衣服而且没有其他原因不方便晾衣服的话选择带不烘干的好。因为太阳晒得比较健康，舒服，烘干的毕竟不是自然的。如果有点潮湿会容易生病的。</t>
  </si>
  <si>
    <t>带烘干洗衣机，最好的是在潮湿天气里，直接可以干衣。而且，烘干使用的是加热空气，所以轰出来的衣物就是干燥的，说得不好听，直接就可以穿着了。当然，由于增加了一套系统。而且，系统优势跟高温有关的，所以，洗衣机其他部件的要求，就会比一般的洗衣机高，这个也就是价格会比普通洗衣机高很多的原因。只要价格可以承受，而且所在地有这种季节会非常潮湿，衣物不容易自然风干的，最好还是买带有这个功能的洗衣机。</t>
  </si>
  <si>
    <t>带烘干的波轮洗衣机不要买，滚筒机可以。带烘干的洗衣机，毕竟多出来一种功能，这个功能还是挺实用的。另一方面说，多一个功能也多一个故障点。话说回来，多出来的价格，估计还不如单独买个普通洗衣机和干衣机。比洗干一体的使用更快捷方便。</t>
  </si>
  <si>
    <t>在校大学生可以考教师资格证吗</t>
  </si>
  <si>
    <t>在校大学生报考教师资格证需大学三年级及以上才可报考，所以大一是不可以报考教师资格证的，但是如果现在就决定报考教师资格证的话，现在可以开始准备。</t>
  </si>
  <si>
    <t>1、暂时不可以。2、本科在校生报考教师资格考试需要大三及以上。3、专科在校生报考教师资格考试需要大二及以上。</t>
  </si>
  <si>
    <t>（1）报考幼儿园教师资格。应当具备幼儿师范学校毕业及以上学历；（2）报考小学教师资格，应当具备大学专科毕业及以上学历；（3）报考初级中学、初等职业学校文化、专业课教师资格，高级中学，中等专业学校、技工学校、职业高中文化课教师资格，应当具备大学本科及以上学历；（4）报考中等专业学校，技工学校和职业高中学生实习指导教师资格的，应当具备大学专科毕业及以上学历，同时还应具备相当于助理工程师以上专业技术资格或中级以上工人技术等级。（5）在校生仅限毕业年级生报考，报考时应提供学校出具的在籍学习证明。</t>
  </si>
  <si>
    <t>理财猫安全吗</t>
  </si>
  <si>
    <t>还不错 7.5-13%利率。</t>
  </si>
  <si>
    <t>凯迪拉克ats-l保养贵吗</t>
  </si>
  <si>
    <t>正常保养，一次1200元，一年四次，需4800元。</t>
  </si>
  <si>
    <t>癌症病人能吃人参吗</t>
  </si>
  <si>
    <t>可以，增强天然杀伤癌细胞的作用。</t>
  </si>
  <si>
    <t>可以，尽量在医生的辅导下食用。</t>
  </si>
  <si>
    <t>不建设直接吃。</t>
  </si>
  <si>
    <t>翼支付安全吗</t>
  </si>
  <si>
    <t>目前未发现翼支付账户存在任何安全性风险。使用翼支付账户消费均需要输入支付密码，您只需保护好个人信息不泄露。</t>
  </si>
  <si>
    <t>其产品本身具有较好的安全性，在使用是建议用户保护好自身的信息安全，防止个人信息泄漏。</t>
  </si>
  <si>
    <t>是安全的，不过还是支付宝好用。</t>
  </si>
  <si>
    <t>飞机上可以玩手机吗</t>
  </si>
  <si>
    <t>如果你的手机像PDA，在飞机平飞时，就可以玩手机了。</t>
  </si>
  <si>
    <t>在“飞行模式”下就可以。</t>
  </si>
  <si>
    <t>绝地求生用vpn吗</t>
  </si>
  <si>
    <t>多数人用的是加速器。</t>
  </si>
  <si>
    <t>这个需要测试的，考虑vpn的稳定性和安全性。</t>
  </si>
  <si>
    <t>美容院清理毛孔有效吗</t>
  </si>
  <si>
    <t>没用的。</t>
  </si>
  <si>
    <t>不要去什么美容院，都是一开始效果不错后面就反弹了，去整容医院他们的设备不是美容院可以比的。</t>
  </si>
  <si>
    <t>价格贵，而且只能解决一时的作用，解决不了根本问题。</t>
  </si>
  <si>
    <t>gpu是显卡吗</t>
  </si>
  <si>
    <t>不是的，GPU是显示处理单元，和CPU一样，只是一颗芯片，显卡是以这颗芯片为中心的一张PCB电路板。</t>
  </si>
  <si>
    <t>图形处理器（GPU），又称显示核心、视觉处理器、显示芯片，是一种专门在个人电脑、工作站、游戏机和一些移动设备（如平板电脑、智能手机等）上图像运算工作的微处理器。</t>
  </si>
  <si>
    <t>GPU是显卡的核心,中文名图像处理器而显卡，则是由GPU，显存，电路板，还有BIOS软件组成的所以GPU不等于显卡GPU是显卡上的一部分。</t>
  </si>
  <si>
    <t>颈椎病能彻底治好吗</t>
  </si>
  <si>
    <t>颈椎病完全能治愈。</t>
  </si>
  <si>
    <t>目前颈椎病只能缓解，不能治愈。</t>
  </si>
  <si>
    <t>颈椎病分很多类型，神经根型可手术根治，其他类型不易根治。</t>
  </si>
  <si>
    <t>吃榴莲会胖吗</t>
  </si>
  <si>
    <t>榴连的营养价值很高，除含有很高的糖份外，还有蛋白质，脂肪，维生素C，钙，铁和磷等。榴莲含热量及糖分较高，因此肥胖人士宜少吃。</t>
  </si>
  <si>
    <t>苹果6s主板坏了能修吗</t>
  </si>
  <si>
    <t>能维修，就是贵点。</t>
  </si>
  <si>
    <t>易烊千玺整容了吗</t>
  </si>
  <si>
    <t>没整容。</t>
  </si>
  <si>
    <t>未成年可以办银行卡吗</t>
  </si>
  <si>
    <t>未满16周岁要由法定监护人陪同才可以办理银行卡，年满16周岁但是未满18周岁一般不予开通网上银行功能。</t>
  </si>
  <si>
    <t>未成年是可以办理的，但是需要监护人代办，如不满16周岁，应由监护人代办注册个人网银。办理时监护人需提供所需注册网银的卡/账户、监护人和本人的有效身份证件以及证明监护关系的户口簿或当地公安机关出具的其他有效证明材料到开户当地办理。居住在中国境内16岁以上的中国公民，应出据居民身份证或临时身份证到开户当地办理。</t>
  </si>
  <si>
    <t>16岁以下未成年人可以办银行卡的。办理方法：1：本人携带自己的身份证或户口簿到需要办理银行卡的银行。2：根据要求填申请表,到银行柜台办理银行卡,工本5元,年费10元。3：根据需要提交费用即可办理成功。</t>
  </si>
  <si>
    <t>奇迹mu还有人玩吗</t>
  </si>
  <si>
    <t>应该还有一些吧，不过现在很多人都玩3D奇迹了。</t>
  </si>
  <si>
    <t>官服没什么人玩了，都去玩私服了。</t>
  </si>
  <si>
    <t>奇迹mu曾经是很经典，现在私服网站还有很多服务器，主要看服务器的设置怎么样，人气才好。</t>
  </si>
  <si>
    <t>动脉斑块能消除吗</t>
  </si>
  <si>
    <t>动脉斑块可以消除，用外科手术治疗，具体名称颈动脉内膜切除术。斑块，也可服用药物延缓其继续增大，用降脂类药物，用药同时要注意控制饮食，降低脂肪摄入，加强身体锻炼，增强脂肪代谢。</t>
  </si>
  <si>
    <t>所谓动脉斑块是沉积在动脉内壁的脂肪等小颗粒，一般可以输液治疗；一般是先要查个血，看看有没有血稠，治疗可以输活血化瘀的药物，改善循环，平时饮食要以清淡为主。</t>
  </si>
  <si>
    <t>王者荣耀安琪拉厉害吗</t>
  </si>
  <si>
    <t>1技能冷却短，伤害高，二技能配合闪现防止被秒，大招aoe伤害爆表。</t>
  </si>
  <si>
    <t>清宫疼吗</t>
  </si>
  <si>
    <t>清宫貌似是疼，可以问问能不能无痛人流那样清宫。</t>
  </si>
  <si>
    <t>做无疼的清宫手术，就不疼了。</t>
  </si>
  <si>
    <t>清宫术是一种创伤性手术，会有一定的疼痛。</t>
  </si>
  <si>
    <t>kmspico是永久激活吗</t>
  </si>
  <si>
    <t>算是。</t>
  </si>
  <si>
    <t>激活后，最多每180天要重新激活。</t>
  </si>
  <si>
    <t>爱奇艺上传视频能赚钱吗</t>
  </si>
  <si>
    <t>等人气高了，会有广告商找，自己也可以打广告，就能赚钱了。</t>
  </si>
  <si>
    <t>可以的，不过不是自已版权的东东上传要注意的。</t>
  </si>
  <si>
    <t>宫颈炎能治愈吗</t>
  </si>
  <si>
    <t>只要你按以下方法治疗是可以痊愈的: 1)灭滴灵片，1片放阴道内，每日1次。7～10日为一疗 程。对滴虫性阴道炎有效，对一般细菌感染亦有效。 (2)妇炎灵栓剂，1粒放阴道内，每日1次。1～2周后，即可痊愈。 (3)炎症明显，分泌物多，可用1: 5000呋喃西林液阴道灌洗后，局部喷药，如喷呋喃西林粉等。但灌洗时应注意无菌操作，以免交叉感染。 (4)有全身症状者，如下腹疼痛、腰痛、尿频等，可采用抗生素治疗。 (5)注意外阴卫生，防止交叉感染，急性期禁止性生活，注意适当休息。</t>
  </si>
  <si>
    <t>治疗之时须以磺胺类药物及抗生素控制感染，轻者可采取局部用药，重者一定得全身用药。当急性炎症与子宫内膜炎或特殊性阴道炎并存时，应首先处理主要疾病。慢性宫颈炎其实就是宫颈部的慢性糜烂或增殖性发炎，属于宫颈糜烂的范畴，治疗前夕应分清糜烂程度，依据病情的轻重选择适合的治疗方法。轻度糜烂可采用药物先行控制，若无显效，须及时接受物理治疗。中重度糜烂则以物理疗法为主，先去除糜烂组织之后，再以药物辅助康复。</t>
  </si>
  <si>
    <t>可采用妇科纯中药外敷膏药治疗，效果不错。</t>
  </si>
  <si>
    <t>打蜡对车漆有影响吗</t>
  </si>
  <si>
    <t>打蜡对车漆不会有伤害。打蜡是一种最传统、最经济的车漆保护方法。主要作用是抑制外界有害成分对车漆的氧化，抗紫外线，能提升一定车漆光亮度。但保持时间较短，一般在1个月左右，而且怕水，遇到下雨或洗车就会失去作用。</t>
  </si>
  <si>
    <t>一般采用质量好的车蜡，技术过关的话，是对车漆有保护作用的。车蜡的副作用主要来自两方面，一方面是车蜡本身的成分，绝大部分是石油系提炼物，也有比较少的车蜡是树脂，树脂类车蜡比较贵，因为这类物质比较容易氧化，而车漆的主要成分也是树脂，也容易氧化，所以车蜡除了保护期短以外，经常打蜡可能不但保护不了车漆甚至会加速车漆的氧化。第二方面就是车蜡的种类，譬如有些车蜡的增亮还往往是由于里边含了研磨剂的作用，涂抹同时起到研磨作用，这类车蜡更多了一种打磨的损害，细心的人会发现，刚打完车蜡很亮，但是一洗车发现多了很多细小的划痕，这就是研磨类车蜡打的结果，有些美容店为了增加短时的漆面亮度也用此类车蜡。</t>
  </si>
  <si>
    <t>南京扬子江隧道外地车可以走吗</t>
  </si>
  <si>
    <t>不能走，南京扬子江遂道是禁行外地牌照的小汽车的。</t>
  </si>
  <si>
    <t>扬子江隧道外地车可以进入的，只要是小轿车就可以。</t>
  </si>
  <si>
    <t>大桥封闭后，扬子江隧道外地车辆不论大小车都不能走了。</t>
  </si>
  <si>
    <t>泥鳅不用杀可以吃吗</t>
  </si>
  <si>
    <t>不用杀可以吃。</t>
  </si>
  <si>
    <t>统站部部长有实权吗</t>
  </si>
  <si>
    <t>实际权力却很小，相对比较弱势。</t>
  </si>
  <si>
    <t>专有名词前加the吗</t>
  </si>
  <si>
    <t>专有名词前面都需要加the；用不定冠词的情况 ；表示某国人,某个说话人但不清楚是谁的人.（只知其名） ；表示某一家庭成员或某一名人的作品。</t>
  </si>
  <si>
    <t>除了一些特殊的专有名词，一般前面不能用定冠词。以下的专有名词可以用定冠词：地理名词（山川、河流、湖泊、岛屿、海湾等）；由普通名词构成的专有名词；表示某人一家。</t>
  </si>
  <si>
    <t>在一日三餐前不用The；在表示四季的名词前不用The；在国名前不用The；在星期，月份前不用The； 复数可数名词表示一般意义时前不用The；在专有名词前不用The； 在人名及称呼语前不用The； 在表示头衔或职务的名词前不用The；在用This,that,my,your,some,any,no every,each,whose,which等修饰的名词前不用The；在表示棋类，球类运动的名词前不用The； 在某些固定搭配的短语中不用The。</t>
  </si>
  <si>
    <t>深圳康辉旅行社靠谱吗</t>
  </si>
  <si>
    <t>热咳刮痧后背管用吗</t>
  </si>
  <si>
    <t>没用！</t>
  </si>
  <si>
    <t>新风系统有必要吗</t>
  </si>
  <si>
    <t>要是你家里室外空气比较好，装修了，常通风也是可以的，或者装个简单负压新风机也行，但只要有以下几种情况，一、所在地区或者居小区附近室外空气质量较差，二、家里有孕妇、小孩、老人，三、入住了刚装修的新房屋，四、空调时常运行着，室内空气流通性不好，五、部分房型空气不流通，如地下室，储物间，因空气不流通家具，衣物发霉，需要装新风系统。</t>
  </si>
  <si>
    <t>主要看自身经济实力和实际需求。</t>
  </si>
  <si>
    <t>对空气的污染程度也会慢慢严重，那么治理空气污染也将会是个很漫长的过程。所以现在考虑是很有必要的，特别是房子还没有装修或正准备装修时就一次考虑到位是最好的，毕竟后期再买移动式的那些净化器，效果肯定都不如预安装好的新风，移动的空气净化器只是作为辅助设备，是来应急的。建议尽量考虑，对家人，特别家里有老人和小孩非常有用。</t>
  </si>
  <si>
    <t>屁股长毛正常吗?</t>
  </si>
  <si>
    <t>雀斑能去掉吗</t>
  </si>
  <si>
    <t>遗传的雀斑是不能完全去除的，但是可以淡化雀斑</t>
  </si>
  <si>
    <t>先天性雀斑应该不能完全消除，但是可以用一些护肤品来淡化雀斑，夏天要做好防晒措施。</t>
  </si>
  <si>
    <t>秘方一：食盐祛斑法我们平时吃的食盐竟然有去斑的作用。具体做法：食盐一茶匙，白芷粉六茶匙，菊花粉三茶匙，白醋半茶匙，混和加水成糊状，敷于面部斑迹之处，隔日一次。&gt;02秘方二:茶叶祛斑法1、茶汤洗脸晚上洗脸后，泡一杯茶，把茶汤涂到脸上、轻轻拍脸，或者将蘸了茶汤的棉布附在脸上，再用清水洗。脸上的茶色经过一夜能够自然消除，能够去除色斑、美白皮肤。2、茶叶面膜把面粉1匙和蛋黄1个，拌匀后加绿茶粉1匙。把它均匀地抹在洗净的脸上，20分钟后洗脸。还可把糖茶汤1匙和面粉1匙调匀，做成面膜15到20分钟后洗脸。能够消除粉刺，去除油脂。&gt;03秘方三：柠檬片祛斑法将柠檬切片放入密闭的容器中，放入蜂蜜，加入凉水使得淹没柠檬片，盖好容器，放入冰箱。隔天拿出两片即可泡水了，一个柠檬能喝一个星期左右。柠檬含丰富的维生素C，可以很好的淡化黑斑、色斑，并有部分美白的效果。柠檬的美白功能不能小看，经常喝柠檬水美白绝对有惊人效果。柠檬皮还有丰富的钙质，所以为了达到理想的效果，最好还是连皮榨汁最有营养。</t>
  </si>
  <si>
    <t>淘宝大学vip课程有用吗</t>
  </si>
  <si>
    <t>还可以吧，可以学到很多东西。</t>
  </si>
  <si>
    <t>没有什么用，学不到些什么。</t>
  </si>
  <si>
    <t>血刃和破败叠加吗</t>
  </si>
  <si>
    <t>可以叠加的效果：血刃是最大生命值伤害，破败是当前生命值伤害，两者不会冲突。</t>
  </si>
  <si>
    <t>深圳公积金可以全部取出来吗</t>
  </si>
  <si>
    <t>销户就可以全部提取出来。</t>
  </si>
  <si>
    <t>非深户转走社保才能全部取出来，在外地买房可以取到只剩下一个月在账户里。深户只能买房才能全部取出来。</t>
  </si>
  <si>
    <t>符合销户要求的可以全部提取。</t>
  </si>
  <si>
    <t>三方协议随便签有事没</t>
  </si>
  <si>
    <t>三方协议一经签订，就具有一定的法律效益，违约需要付违约金；三方协议是高校进行毕业生就业管理、编制就业方案以及毕业生办理就业落户手续等有关事项的重要依据，随便签订将影响相关部门的统计；就业协议是由国家教育部或各省、市、自治区就业主管部门统一制表，签订后不会再分发第二份，所以当你真的需要签订一个公司时候，就会用到。</t>
  </si>
  <si>
    <t>要是将来还有进入国有企业的可能、还有考公务员的打算、还有报考事业编制的想法，随便签订了三方协议，就是已经就业了，就是这些资格；要是自己一生创业、或者在个体企业打工谋生（没有贬义），随便签了也就没什么后果。</t>
  </si>
  <si>
    <t>不能随便签三方协议。三方协议对于毕业生来说很重要。三方协议是《普通高等学校毕业生、毕业研究生就业协议书》的简称，它是明确毕业生、用人单位、学校三方在毕业生就业工作中的权利和义务的书面表现形式，能解决应届毕业生户籍、档案、保险、公积金等一系列相关问题。协议在毕业生到单位报到（凭《全国普通高等学校本专科毕业生就业报到证》或《全国毕业生研究生报到证》）、用人单位正式接收后自行终止。三方协议一旦签署，就意味着大学生第一份工作就基本确定。因此，应届毕业生要特别注意签约事项。大学生签三方协议前，须认真查看用人单位的隶属，国家机关、事业单位、国有企业一般都有人事接收权。民营企业、外资企业则需要经过人事局或人才交流中心的审批才能招收职工，协议书上要签署他们的意见方能有效。应届毕业生还要对不同地方人事主管部门的特殊规定有所了解。</t>
  </si>
  <si>
    <t>蒋英和李双江的事是真的吗</t>
  </si>
  <si>
    <t>余额宝转到银行卡收费吗</t>
  </si>
  <si>
    <t>支付宝余额宝转出到卡不收费，但是从2016年10月12日起，通过支付宝账户余额转入余额宝的资金只能转出到账户余额、消费或者通过转账到卡功能转入他人银行卡，无法通过余额宝转出到卡功能转到银行卡。通过余额宝转入功能使用银行卡直接转入余额宝的资金，可以操作转出到卡，不收费。为了持续提升支付宝的服务能力给您提供更多的优质服务,2016年10月12日起转账到卡（包括本人和他人卡）收费规则如下：1.同一身份证下的多个支付宝实名账户终身共享2万元基础免费额度（含转账到银行卡、账户余额提现），超过额度后，超出金额按照0.1%收取服务费，最低0.1元/笔。2.非实名账户目前无基础免费额度，转账到卡金额按照0.1%收取服务费，最低0.1元/笔，为了给您提供更好的服务建议您尽快完成实名认证。温馨提示：1.如您的基础免费额度使用完结后，实名用户可在手机支付宝上使用蚂蚁积分兑换免费额度（1积分=1元免费额度）。2.手机操作转账到支付宝账户、给自己的信用卡还款不收费、从余额宝页面操作转出到银行卡不收费。3.10月12日起在电脑端操作转账到卡不支持余额宝付款，手机端操作转账到卡（转入本人银行卡不支持余额宝付款）选择余额宝支付要收费。</t>
  </si>
  <si>
    <t>从2016年10月12日起，支付宝将对个人用户超出免费额度的提现收取一定比例的服务费。不少用户担心余额宝会不会受影响。天弘基金相关负责人表示，余额宝转出不收费，转出包括转出到本人银行卡和支付宝余额，均将继续免费。天弘余额宝货币基金无申购赎回费，对应在余额宝业务中，也不会收取转入转出费用。本次调整，天弘基金不会向用户收取任何费用，支付宝收取服务费的业务仅涉及余额“提现”和“转账到银行卡”两个产品。您使用的余额宝相关业务，以及消费、理财、手机充值、还款、水电煤缴费等均将继续免费。用户用余额宝资金购买理财产品，在不收取服务费的基础上，还可以实现余额宝“钱生钱”。而理财产品赎回到账后的资金，在转出时也不会收取服务费。需要注意的是，2016年10月12日起，从余额新转入余额宝的资金，转出时只能转回到余额，这部分资金可以随时用来直接消费支付，余额提现超过免费额度则支付宝需收费。从银行卡转入余额宝的资金在转出时，依然可以转出到个人任意银行卡，不收费。如果用户的支付宝余额里有闲钱担心被收费，在新规则实施前即10月12日前把钱转入余额余额宝则是一个明智选择。支付宝规则调整后，如果余额宝中既有来自银行卡转入的钱，又有来自余额转入的钱，在用余额宝消费时，优先消耗余额申购的余额宝。</t>
  </si>
  <si>
    <t>余额宝的资金是银行卡转入的，转出到本人名下的银行卡不收费。从2016年10月12日起，余额新转入余额宝里的款项，后续只能转回余额，然后申请提现，按照支付宝的规定，超过免费额度，收取费用。但是银行卡转入余额宝里的款项，余额宝资金转出到本人名下的银行卡依然免费，不受影响。</t>
  </si>
  <si>
    <t>胶质瘤有治愈的吗</t>
  </si>
  <si>
    <t>脑胶质瘤确实比较难治，在临床上治愈的比例很少，但是有效率是非常高的，至少中药可以帮助患者减轻痛苦，延长生命，提高生存质量，进一步达到带瘤生存，甚至肿瘤消失。</t>
  </si>
  <si>
    <t>肯定是有治愈的希望的，除早期肿瘤小且位于适当部位者外，难以作到全部切除，一般都主张综合治疗，即术后配合以放射治疗、化学治疗等，可延缓复发及延长生存期。肿瘤病人身体往往比较虚弱，加强营养是非常必要的。原则上强调高营养、全面营养。从治疗意义上讲，要多选择补益性食品。所以在治疗的同时服用体恒|健牌硒维康口嚼片进行辅助，有利于降低癌细胞转移的可能性。</t>
  </si>
  <si>
    <t>由于胶质瘤的生长曾浸润性生长，手术可做到影像学全切，但仍无法完全消灭肿瘤细胞，可以辅助以放疗、化疗巩固。低级别胶质瘤若治疗得当5年存活率较高，个别病例可到达数十年；高级别胶质瘤治疗效果差，胶质母细胞瘤平均生存期仅11个月左右，当然随着技术水平提高，生存期在不断延长。总之胶质瘤是神经外科治疗的一个难点，也是一个热点，需要一个正规的治疗策略。</t>
  </si>
  <si>
    <t>达尔优机械键盘很差吗</t>
  </si>
  <si>
    <t>还不错，跟雷柏等品牌一样，大概在国产里面还算不错的品牌，感觉性价比都很高。</t>
  </si>
  <si>
    <t>初三下学期努力还晚吗</t>
  </si>
  <si>
    <t>只要努力一定有用 要相信自己啊 奇迹是自己来创造的！！记得曾听说过一个事 一个人以最后一名考进一所不太好的高中 然后从高一开始发奋 最后成了这所学校有史以来唯一一个考进清华的学生。所以  一切皆有可能 只要你肯努力！！语文就是多背多读吧 加油。厚积薄发吧！不要想以前了 从现在开始 好好努力 在自己的基础上进步就好 一定要说开始就开始 说努力就落实到实际行动上去 现在你就给我去做三道数学题去 快去 ，当别人不愿意做题不愿意学习的时候 你学习了 你就成功了</t>
  </si>
  <si>
    <t>肯定是有点晚的，但是也要看你自己的决心，多多努力吧，多争取一点分数就是一点分数。</t>
  </si>
  <si>
    <t>现在就努力还来的及，先把会的题做对，基础题一定不能失分，然后把不会的题分类，列个表出来，每天努力解决一点，做好计划，这很重要，不要怕吃苦，另外就是坚持，一定不要放弃。只有自己知道哪些不会，才能做好计划，时间很紧，自己努力了才不后悔，不要管时间够不够了。</t>
  </si>
  <si>
    <t>孕妇能吃杏吗</t>
  </si>
  <si>
    <t>孕妇是禁食杏仁的。</t>
  </si>
  <si>
    <t>为孕妇之大忌。少吃为宜。</t>
  </si>
  <si>
    <t>可以吃，但不要吃太多。</t>
  </si>
  <si>
    <t>骶髂关节炎能治愈吗</t>
  </si>
  <si>
    <t>是否能治愈，要结合具体病情，并且边治疗才能边观察。</t>
  </si>
  <si>
    <t>骶髂关节炎要看是什么性质的（骨性、细菌感染、自身免疫的），最难治疗的是强直性脊柱炎引起的，其他对症下药都能治愈。</t>
  </si>
  <si>
    <t>骶髂关节是完全可已治愈。</t>
  </si>
  <si>
    <t>挖财理财产品安全吗</t>
  </si>
  <si>
    <t>挖财提供的只是一个渠道，不保证安全，基金理财需谨慎，记账一定要到位。</t>
  </si>
  <si>
    <t>不安全。到期了本金不能按时到帐就是有问题。</t>
  </si>
  <si>
    <t>相对比其他P2P理财要安全些，但仍然存在一定风险。</t>
  </si>
  <si>
    <t>3ds模拟器有手机版吗</t>
  </si>
  <si>
    <t>知网查重查互联网吗</t>
  </si>
  <si>
    <t>知网查重是包括互联网上的内容的，从知网查重报告中列出的比对库可以看出来其包含了互联网资源这个比对库。</t>
  </si>
  <si>
    <t>西瓜糖分高吗</t>
  </si>
  <si>
    <t>西瓜含糖量不高。</t>
  </si>
  <si>
    <t>法定节假日包括双休日吗</t>
  </si>
  <si>
    <t>不包括。</t>
  </si>
  <si>
    <t>移动空调好吗</t>
  </si>
  <si>
    <t>移动空调很费电，前面吹冷风，后面吹热风，跟本没用，还是不要买。</t>
  </si>
  <si>
    <t>囊肿严重吗</t>
  </si>
  <si>
    <t>囊肿是一种良性疾病，一般说来肝囊肿对人体健康没有多大影响。</t>
  </si>
  <si>
    <t>一般囊肿都是良性的东西，不会有太多的问题。</t>
  </si>
  <si>
    <t>余额宝转到自己银行卡收费吗</t>
  </si>
  <si>
    <t>超过限额外就要收费的，没有超过限额内就不收费的，</t>
  </si>
  <si>
    <t>不收。余额宝是指与支付宝余额无关的那部分免费，也即直接使用银行卡购买的余额宝，这部分财富从未经支付宝余额系统，自然谈不上从支付宝提现。所以余额宝转到自己银行卡是不要收费的。</t>
  </si>
  <si>
    <t>现在收费的是个人支付宝提现，余额宝转入转出都不要钱。</t>
  </si>
  <si>
    <t>科目四补考要交钱吗</t>
  </si>
  <si>
    <t>一般每次补考需交补考费用。</t>
  </si>
  <si>
    <t>科目四第一次补考不需要交钱、第二次过后每次需要缴纳150-300不等的费用，这个也要看驾校来的。具体数额要看你报考的驾校了。</t>
  </si>
  <si>
    <t>科四挂了应该不用交钱的。 一般驾校会有个固定的时间考试科四。所以说到下周直接预约就可以了。</t>
  </si>
  <si>
    <t>眼睛异物能自己排出吗</t>
  </si>
  <si>
    <t>可以，轻轻地眨眼睛，不要用手揉。</t>
  </si>
  <si>
    <t>电脑上有苹果模拟器吗</t>
  </si>
  <si>
    <t>由于苹果iOS不像Android OS一样是开源的系统，因此无法做到在其他平台模拟iOS，也就不会有iOS模拟器。iOS从第一代开始就是非开源的，Android OS可以在PC上模拟是因为它的源代码对第三方开放。</t>
  </si>
  <si>
    <t>银行卡丢了能补办和之前一样的卡号吗</t>
  </si>
  <si>
    <t>储蓄卡办理过正式挂失后，卡号不存在。新卡的卡号随即产生。信用卡在卡片生成后卡号一直在。</t>
  </si>
  <si>
    <t>h1z1生存模式有中文吗</t>
  </si>
  <si>
    <t>生存模式目前还没有中文。</t>
  </si>
  <si>
    <t>化糖方是真的吗</t>
  </si>
  <si>
    <t>小米手环2值得买吗</t>
  </si>
  <si>
    <t>白俄罗斯是发达国家吗</t>
  </si>
  <si>
    <t>白俄罗斯属于发展中国家。</t>
  </si>
  <si>
    <t>欧皇光环有用吗</t>
  </si>
  <si>
    <t>垃圾货，没用。</t>
  </si>
  <si>
    <t>孕妇可以泡脚吗</t>
  </si>
  <si>
    <t>华润置地是国企吗</t>
  </si>
  <si>
    <t>国企分为两种，一个是地方性国企，还有一种就是央企。华润集团属后一种，华润置地隶属于华润集团。华润的历史最早可以追溯到1938年在香港成立的「联和行」，现总部位于香港。自50年代起，华润就作为中国内地各进出口公司在香港的总代理，是新中国开展对港澳和世界各国贸易的窗口。今天，华润已发展成为中国内地与香港地区最具实力的多元化的企业之一。现由国务院国有资产监督管理委员会直接监管，副部级中央企业。</t>
  </si>
  <si>
    <t>是的，是央企。华润置地有限公司（HK 1109）是华润集团旗下的地产业务旗舰，是中国内地最具实力的综合型地产开发商之一，从2010年3月8日起香港恒生指数有限公司把华润置地纳入恒生指数成分股，成为香港43只蓝筹股之一。截至2009年底，公司总资产超过960亿港元，净资产超过390亿港元，土地储备面积超过2210万平方米，是中国地产行业规模最大、盈利能力最强的地产企业之一。截止到2010年3月，华润置地已进入中国内地25个城市，正在发展项目超过50个。</t>
  </si>
  <si>
    <t>是国企的性质。华润置地是华润集团的下属子公司。华润集团是国务院国资委直接监管的中央所属国有企业，著名的四大驻港中资企业之一。所以说中央所属国有资本对华润置地有最终的控股权，华润置地是国企的性质。</t>
  </si>
  <si>
    <t>崩坏3单抽有保底吗</t>
  </si>
  <si>
    <t>西南风钓鱼好吗</t>
  </si>
  <si>
    <t>夏季刮西南风一般情况是气温高，湿度大，气压低。鱼是驱温动物，温度太高鱼不适应，湿度大气压低，水的溶养量不足，因而鱼不活越，不爱上钩，因此夏季刮西南风不好钓鱼。</t>
  </si>
  <si>
    <t>这个季节刮西南风很正常的。只要不是大风大雨，都是适合钓鱼的。如果风不大，可以找风口下竿也可以，因为温度高。开阔的地方会凉爽一点。风太大，不好抛竿，那就只好找一个顺风避风的地方了。</t>
  </si>
  <si>
    <t>现在的西南风是湿风凉爽，适合钓鱼，这种天气其实阴天最好钓鱼的。</t>
  </si>
  <si>
    <t>非典型鳞状细胞严重吗</t>
  </si>
  <si>
    <t>意义不明确的非典型鳞状细胞一般是由于炎症引起的，还有可能是宫颈上皮病变或癌前病变。这个病变不用太担心，不是恶性的，只是癌前病变，建议做阴道镜检查，如果发现异常部位病检可以确诊，如果发现的上皮内瘤变，早期切除就可以了，可以根治。建议复查。</t>
  </si>
  <si>
    <t>这个原因比较多，大部分都是病毒感染导致的。非典型鳞状细胞由於子宫颈发炎而引致细胞变异，属非典型细胞类别，医生多会在数月后重复抹片检查以确定原因。非典型鳞状细胞病人有子宫颈上皮鳞状细胞病变，变会导致细胞变异。较轻微的病变显示病人曾受人类乳头状瘤病毒感染，又或病人已出现低程度的子宫颈上皮内瘤，这类情况演变成子宫颈癌的机会少过百分之一。较严重的病变则显示病人有高程度的子宫颈上皮内瘤，其演变成子宫颈癌的危险则可达百分之五。</t>
  </si>
  <si>
    <t>非典型鳞状细胞绝大部分是由于炎症所引起，真正合并宫颈癌前病变的，仅占很小的比例。建议按照医生的建议定期去复查，如果自己感觉有什么不舒服的症状，可以在医生的指导下用药缓解。</t>
  </si>
  <si>
    <t>饥荒石头可以再生吗</t>
  </si>
  <si>
    <t>1.石头是不可再生资源</t>
  </si>
  <si>
    <t>妤字取名好吗</t>
  </si>
  <si>
    <t>从字音字形和字意上来看很适合女孩子用。</t>
  </si>
  <si>
    <t>来月经能洗头吗</t>
  </si>
  <si>
    <t>尽量避免在月经量最多的头两天洗头，同时，洗头用热水，30-40度为宜，洗头速度要快，洗头后要尽快吹干。</t>
  </si>
  <si>
    <t>月经期间不宜洗头。</t>
  </si>
  <si>
    <t>可以洗头。</t>
  </si>
  <si>
    <t>cpu主频越高越好吗</t>
  </si>
  <si>
    <t>1，CPU主频越高，那么CPU性能就越高。2，但决定性能的最高指标不是主频，而是CPU架构。3，CPU架构对一个CPU的性能影响力很大。4，例如Haswell架构对比Thuban架构，无论是那一项测试都是Thuban要差一些。</t>
  </si>
  <si>
    <t>通常来讲，在同系列微处理器，主频越高就代表计算机的速度也越快，但对于不同类型的处理器，它就只能作为一个参数来作参考。另外CPU的运算速度还要看CPU的流水线的各方面的性能指标。由于主频并不直接代表运算速度，所以在一定情况下，很可能会出现主频较高的CPU实际运算速度较低的现象。因此主频仅仅是CPU性能表现的一个方面，而不代表CPU的整体性能。</t>
  </si>
  <si>
    <t>同代同系列的CPU，肯定是主频越高越好。不同代，不同系列，不同架构的CPU，就不一定了。比如老P4，P4D，4G的双核也比不上酷睿2的2G双核快。这是因为不同代，不同架构。</t>
  </si>
  <si>
    <t>信用卡退款算还款吗</t>
  </si>
  <si>
    <t>用信用卡购物，退款还会返回信用卡，上面会显示是“购物退款”，不算还款。</t>
  </si>
  <si>
    <t>账单日前入账算还款，账单日后入账不算，算在下一期里的一笔交易，作为溢缴款使用。</t>
  </si>
  <si>
    <t>直接退换到卡里，不算还款，也不算消费。</t>
  </si>
  <si>
    <t>玻璃胶有甲醛吗</t>
  </si>
  <si>
    <t>只要有胶的成分。多多少少都是有甲醛的。</t>
  </si>
  <si>
    <t>有，而且还比较严重，对小孩老人孕妇的危害是很大的。</t>
  </si>
  <si>
    <t>dnf名将之兵书好吗</t>
  </si>
  <si>
    <t>特性技能+1 就是用tp点的技能+1 通俗点就是很多职业的一些技能伤害提升10% 是可遇不可求的装备。</t>
  </si>
  <si>
    <t>好不错吧，已加的特性技能的等级提升一级，可以增强主要输出技能的伤害，在没有更好的左槽的前提下是不错的选择。</t>
  </si>
  <si>
    <t>举高高有污的意思吗</t>
  </si>
  <si>
    <t>举高高是说把你抱起来，脚离地。</t>
  </si>
  <si>
    <t>有点污的意思，不是特别污，污就是黄的意思</t>
  </si>
  <si>
    <t>形容一个人的思想略有点脏，很多时候可能是一句玩笑话</t>
  </si>
  <si>
    <t>长了针眼会自己消退吗</t>
  </si>
  <si>
    <t>会自行消退。</t>
  </si>
  <si>
    <t>不能自行消退。</t>
  </si>
  <si>
    <t>微信卸载后聊天记录还在吗</t>
  </si>
  <si>
    <t>没有了，但是可以找回1、首先进行微信升级或者换手机，安装最新的微信软件。2、安装完后，先不用进行内容的恢复，而要先登录微信上线。会发现漂流瓶、聊天记录等等都没有。3、登录微信账号后点击“设置”，然后选择“退出登录”，这个步骤主要是生成微信的系统文件。4、然后root备份的文件，删除新生成的乱码文件，然后把原来的备份文件复制到这个文件夹，如果没有删除，就一定要完全覆盖。5、然后把手机通过USB线连接，打开sdcardTencentMicroMsg 文件夹，删除新生成的备份文件，把之前备份的旧的聊天记录文档复制进去，如果没有删除，就一定要完全覆盖。6、完成后，关闭文件夹，重新登录微信，就会发现聊天记录回来了。</t>
  </si>
  <si>
    <t>要恢复微信聊天记录。\tencent\MicroMsg\e6480ecde7e94b4a7a1dd66b5576362a\路径中。音频文件是arm格式以msg开头我的文件夹中是保存在voice2目录下。下面我们就将手机连接上电脑，打开360安全卫士，找到功能大全区域，点击“更多”选项在功能大全界面下，找到“文件恢复”图标；如果没有的话可以在下面的未添加功能列表中找到。打开“360文件恢复”功能，选择微信聊天记录文件夹所在的磁盘，点击开始扫描扫描完毕后，就可以看到手机中所有被删除的文件。其中以msg开头的就是我们想要恢复的文件。为了省事我直接点击全选了，如果文件太多，您可以只点击msg开头的文件。点击恢复选中的文件。保存在电脑上的一个盘符中。不要保存在手机上的盘符。以免出现覆盖。正在恢复文件。如果提示文件已存在如何处理的情况，请看它的文件名是不是msg开头的，如果是选择重命名，以免漏恢复。如果不是就直接跳过。打开刚才保存的目录。由于我刚才选择的是全选。其中包括了音频文件，还有图片以及视频文件。</t>
  </si>
  <si>
    <t>微信卸载以后，里面的数据系统就自动清空删除，自动删除微信的缓存数据，导致用户重新安装微信软件，无法通过任何方法恢复用户的任何微信聊天记录信息。</t>
  </si>
  <si>
    <t>微信不加好友能转账吗</t>
  </si>
  <si>
    <t>可以转账，不需要添加微信好友。</t>
  </si>
  <si>
    <t>可以的，可以扫一扫直接付款的。</t>
  </si>
  <si>
    <t>身份证过期了能住酒店吗</t>
  </si>
  <si>
    <t>每一家不一样，较高星级的更加严格，可提前打电话咨询，若无法使用，可办理临时身份证。</t>
  </si>
  <si>
    <t>过期身份证是无效证件，不能登记入住，可用其他证件。驾驶证、护照、海员证、士兵证等。</t>
  </si>
  <si>
    <t>身份证过期之后就不能入住宾馆。身份证使用日期到期后会被公安机关注销，不能继续使用。身份证有效期结束后，公安机关会将身份证信息注销，也就意味着持有者不能继续使用，这对他们外出购买车票、机票、投宿乃至办理金融、劳动的相关业务，都会造成不便。相应的身份验证系统在扫描身份证时，会显示无效。为不影响正常使用，居民应在有效期满之日的3个月前，到户口所在地的派出所重新申报换领新证。</t>
  </si>
  <si>
    <t>非苹果电脑能用macos吗</t>
  </si>
  <si>
    <t>可以安装。</t>
  </si>
  <si>
    <t>百度上ysl官网是真的吗</t>
  </si>
  <si>
    <t>榨果汁要加水吗</t>
  </si>
  <si>
    <t>榨梨汁的时候不能加水，否则容易腹泻，其他水果均可以加水。</t>
  </si>
  <si>
    <t>视情况而定，一般榨汁机上都有说明，找最适合这款机器的方法做。也可以根据自己的喜好决定。</t>
  </si>
  <si>
    <t>郑州集体户口可以买房吗</t>
  </si>
  <si>
    <t>根据政策，只要有郑州户籍可以买。</t>
  </si>
  <si>
    <t>螺内酯片能长期服用吗</t>
  </si>
  <si>
    <t>没有出现特殊情况的话是可以的，不过用药期间如出现高钾血症，应立即停药。</t>
  </si>
  <si>
    <t>王者荣耀体验卡可以打排位吗</t>
  </si>
  <si>
    <t>玩排位只能选择自己拥有的英雄，体验卡和限免的英雄都不可以使用的。</t>
  </si>
  <si>
    <t>不能的，体验卡英雄是时限的，不等于玩家自己拥有。</t>
  </si>
  <si>
    <t>不可以，一定要自己用钻石，金币，或其他途径获得英雄才可以用在排位，体验卡只能用在匹配（皮肤体验卡可以用在排位）。</t>
  </si>
  <si>
    <t>怀孕能吃荔枝吗</t>
  </si>
  <si>
    <t>没有太大关系，不过不要吃太多，容易上火。</t>
  </si>
  <si>
    <t>集成墙面有缺点吗</t>
  </si>
  <si>
    <t>集成墙面存在铝层氧化、金属辐射、金属导电、铝层软不耐撞击、造型不方便，运输不方便等缺点。</t>
  </si>
  <si>
    <t>集成墙面作为新型的装修材料，目前还没有什么缺点。</t>
  </si>
  <si>
    <t>集成墙面铝材厚度不够，色彩单一，时间久了容易变色，容易刮伤，不易修补，更换照价高。</t>
  </si>
  <si>
    <t>孕妇可以吃香蕉吗</t>
  </si>
  <si>
    <t>适当吃，特别是便秘的孕妈妈可以吃点的。</t>
  </si>
  <si>
    <t>孕初期要少吃，中后期吃香蕉好，但是要适度，不能喜欢吃太多。而且在测血糖前吃太多香蕉会导致血糖数据偏高。</t>
  </si>
  <si>
    <t>可以吃的。医生说蔫的香蕉不能吃，吃新鲜的没事。</t>
  </si>
  <si>
    <t>2000年以前的学历能查询真假吗</t>
  </si>
  <si>
    <t>除了到所属省级教育部门查询，其它办法无法查询。</t>
  </si>
  <si>
    <t>2000以前的毕业证需要把资料邮寄到北京认证机构审核，审核合格后会在学信网上能查到。</t>
  </si>
  <si>
    <t>可以查到，只需要做学历认证报告。</t>
  </si>
  <si>
    <t>前列腺结石能排出吗</t>
  </si>
  <si>
    <t>小的能排出，大的结石需要做手术。</t>
  </si>
  <si>
    <t>胃癌晚期能治好吗</t>
  </si>
  <si>
    <t>胃癌如果能早期发现的话，治愈率是挺高的，如果是晚期才发现，治愈率就会很低，存活时间也会相对比较短。</t>
  </si>
  <si>
    <t>不确定可能有奇迹。</t>
  </si>
  <si>
    <t>一元夺宝违法吗</t>
  </si>
  <si>
    <t>是游走在法律边缘的，说不定哪天就被封了。</t>
  </si>
  <si>
    <t>这个是官方的，一般都是正规的。</t>
  </si>
  <si>
    <t>知网查重查公式吗</t>
  </si>
  <si>
    <t>默认公式不查重  知网查重时，只查文字部分，“图”、“mathtype编辑的公式”、“word域代码”是不查的。</t>
  </si>
  <si>
    <t>不会，查的是文字复制比。</t>
  </si>
  <si>
    <t>公式你如果是直接复制的，肯定会查重，想办法换个写法。</t>
  </si>
  <si>
    <t>现在qq注册必须要手机号了吗</t>
  </si>
  <si>
    <t>不用的，但是需要手机验证。</t>
  </si>
  <si>
    <t>是的。现在申请新的QQ号码必须要绑定手机号码才可以的。</t>
  </si>
  <si>
    <t>阿奇霉素是抗生素药吗</t>
  </si>
  <si>
    <t>阿奇霉素是抗生素，是用来治疗相应疾病的。</t>
  </si>
  <si>
    <t>金尊皇帝油有效果吗</t>
  </si>
  <si>
    <t>效果很好。</t>
  </si>
  <si>
    <t>看个人吧， 因人而异。</t>
  </si>
  <si>
    <t>永乐票务靠谱吗</t>
  </si>
  <si>
    <t>订购的的确是永乐票务的话。他们代理过很多大型演唱会，口碑还算不错。其实说白了就是抢个先，就是在各大网站还没订的时候他们先来个预定，等出票了大家又都是在他们那订的票，也就直接在他们那买了。其实只是一个消息，别的网站可能都是在拿到票才开始卖的。可以先预定，反正只是留个手机号，也不用交钱。到时候出票了他们会联系你，那会看看位置怎么样，要是不好了也可以不用买，去别的票务网站看看，反正也没有损失。</t>
  </si>
  <si>
    <t>永乐票务是正规的票务公司，可以放心购买。</t>
  </si>
  <si>
    <t>亲测靠谱。</t>
  </si>
  <si>
    <t>京东网购好不好</t>
  </si>
  <si>
    <t>京东商城也是一个类似淘宝的地方，货品齐全、品种繁多，很适合购物。</t>
  </si>
  <si>
    <t>巴西龟认识主人吗</t>
  </si>
  <si>
    <t>通常情况下，每天陪陪巴西龟，逗乐逗乐它，在20~30天会认主人的。</t>
  </si>
  <si>
    <t>认识。</t>
  </si>
  <si>
    <t>择天记能看到全集吗</t>
  </si>
  <si>
    <t>在轩锦影院网站有。</t>
  </si>
  <si>
    <t>没有全集。</t>
  </si>
  <si>
    <t>南京交通科技学校乱吗</t>
  </si>
  <si>
    <t>不乱，学校管理制度挺严的，是省重点学校，是经江苏省人力资源和社会保障厅批准成立的正规学校，在同等院校里最大的一家学校。</t>
  </si>
  <si>
    <t>小赢卡贷上征信吗</t>
  </si>
  <si>
    <t>会上的。</t>
  </si>
  <si>
    <t>这个好像上征信的。</t>
  </si>
  <si>
    <t>李易峰女友是吴昕吗</t>
  </si>
  <si>
    <t>截至目前是单身。</t>
  </si>
  <si>
    <t>李易峰现在没有女朋友。</t>
  </si>
  <si>
    <t>小龙虾的黄能吃吗</t>
  </si>
  <si>
    <t>从健康的角度来说，确实不建议吃虾的头部，除了泥沙难以除净以外，还可能有寄生虫等风险，而虾腹部背面的那条黑线是它的肠子，里面当然是虾便便，烹饪前也应该去掉。</t>
  </si>
  <si>
    <t>不能吃，这个和蟹黄是完全不一样的，蟹黄是最有营养的，而小龙虾的黄是他的大便，还有要把小龙虾尾部的那条筋抽出来。</t>
  </si>
  <si>
    <t>吃龙虾，不少人最爱的就是虾黄，但是专家提醒说，小龙虾一旦遭遇到污染，头部往往更容易聚集重金属等，所以小龙虾的黄尽量少吃，最好不吃。</t>
  </si>
  <si>
    <t>江西吉安穷吗</t>
  </si>
  <si>
    <t>整体来说不算穷，现在发展挺快的。</t>
  </si>
  <si>
    <t>穷，还没解放呢</t>
  </si>
  <si>
    <t>异地能开无犯罪证明吗</t>
  </si>
  <si>
    <t>不能开，必须得去户籍所在地。</t>
  </si>
  <si>
    <t>无犯罪记录证明原则上由户籍所在地公安机关办理，长期在外居住的，如能提供相关证明暂住证居住一年以上，居住地公安机关可予以办理。</t>
  </si>
  <si>
    <t>汽车改灯违法吗</t>
  </si>
  <si>
    <t>是违法的。《道路交通安全法》第十六条规定：任何单位或者个人不得有下列行为：（一）拼装机动车或者擅自改变机动车已登记的结构、构造或者特征；而汽车改氙气灯很明显是擅自改变机动车原有已登记的结构、构造或者特征，因此，这是违法的。</t>
  </si>
  <si>
    <t>咨询当地车辆检测站，每个地方政策不一样。</t>
  </si>
  <si>
    <t>包皮过长可以不割吗</t>
  </si>
  <si>
    <t>如果包皮过长不会影响到性生活，平时能够翻过来清洗，那么可以选择不割；对于那些影响到性生活的包皮过长者，最好选择割除，以免伤害自身。</t>
  </si>
  <si>
    <t>完全不用割。</t>
  </si>
  <si>
    <t>包皮过长首先不卫生,小孩的话会影响发育，大人会影响性生活，建议手术。</t>
  </si>
  <si>
    <t>昆明治疗癫痫医院好吗</t>
  </si>
  <si>
    <t>昆明国防医院还行。</t>
  </si>
  <si>
    <t>月经期能喝咖啡吗</t>
  </si>
  <si>
    <t>经期喝咖啡容易导致乳房胀痛，引起焦虑、易怒与情绪不稳定，同时更消耗体内储存的维他命B，因此破坏了碳水化合物的新陈代谢。而且，咖啡中含有的咖啡因属于刺激性物质，容易刺激神经和心血管，这时候喝的话会很容易引起经量增多和姨妈痛。</t>
  </si>
  <si>
    <t>经常喝红牛有危害吗</t>
  </si>
  <si>
    <t>饮料中的钠等元素还可能增加机体负担，造成心脏负荷加大，血压升高等负面影响，所以，有高血压和心脏病的人群最好别喝。  孩子不能经常喝。运动饮料中大多含有防腐剂或者各种食品添加剂。</t>
  </si>
  <si>
    <t>正常人没什么害处。</t>
  </si>
  <si>
    <t>会上瘾，副作用明显，可造成失眠和肝脏损伤。</t>
  </si>
  <si>
    <t>全险撞人还用掏钱吗</t>
  </si>
  <si>
    <t>在保险限额内可以获得100%赔付。先由承保交强险的保险公司在责任限额范围内予以赔，不足的部分，由承保商业三者险的保险公司根据保险合同予以赔偿；仍有不足的，依照道路交通安全法和侵权责任法的相关规定由侵权人予以赔偿。但在某些情况下，保险公司也会不赔付。根据《保险法》和《交强险条例》以及相关的保险合同，下列情况下保险人不赔付：没有有效驾驶证的(包括行驶证、驾驶证没有年检的);酒后驾驶的;无证驾驶的;驾驶员吸毒、被药物麻醉后驾驶车辆发生保险事故的;所驾驶的车辆与驾驶证上准驾车型不符的;持地方驾驶证驾驶军队或武警部队车辆的；另外，由于地震造成的损失，精神上的损失，修车期间的损失，发动机进水造成的损失，单独的零部件损坏或丢失，没有经过保险人定损自己报修的，放弃承担全责的肇事人的，拖带没有投保的车辆发生交通事故的。</t>
  </si>
  <si>
    <t>如司机没有无证驾驶，酒驾，毒驾等交通违法驾车,在保额内扣除医疗费用中的非医保费用需车主承担，其他由保险公司100%赔偿。</t>
  </si>
  <si>
    <t>补胎后能跑高速吗</t>
  </si>
  <si>
    <t>如果修补后没有出现漏气，可以正常在高速公路行驶，但要注意经常检查。</t>
  </si>
  <si>
    <t>轮胎损伤到什么程度？如果只是胎面损伤，侧壁完好，那么补好之后还可以用，可以上高速，但是不要放在前轮。如果侧壁损伤，或者台面损伤很厉害，那就直接报废。</t>
  </si>
  <si>
    <t>一般从安全的角度出发专业店胎侧是不建议补的，因为轮胎在行驶中胎侧壁承受的压力最大，而胎侧壁本身又比较薄，不要说高速，连高架都不建议跑，所以安全起见还是把轮胎换掉。然后补过的轮胎一般建议放后轮，因为前轮是方向轮，一旦爆胎马上就会无法把控方向，后果是不堪设想的，而后轮爆胎对方向的影响不会很大。生命只有一次。</t>
  </si>
  <si>
    <t>支付宝要上传身份证是真的吗</t>
  </si>
  <si>
    <t>需要的，要卖东西，首先需要申请实名认证，在我的淘宝，左边界面中选择，我是卖家—免费开店，就会出现要你实名认证的点击，输入你的资料，当然需要身份证照片或扫描件，户口本也可以。</t>
  </si>
  <si>
    <t>是真实的哦！一直都是需要的哦，主要是用作实名认证和开店前的认证。这边按照规矩操作即可。</t>
  </si>
  <si>
    <t>支付宝没有身份证可以注册也可以接受转账，但转入的钱无法提现或者转账消费。只有上传了身份证实名认证的支付宝才可以享受支付宝的收款功能，建议上传身份证进行认证。</t>
  </si>
  <si>
    <t>科目三难吗</t>
  </si>
  <si>
    <t>科目三不难通过。</t>
  </si>
  <si>
    <t>科三难，科目三则被形容成闭卷考试，因为科目三是要上大路去考试的，情况都千变万化的。</t>
  </si>
  <si>
    <t>过了就不难，没过补考一次难过一次（压力大），将每一个项目分解成一个个小细节，每个小细节练熟，练到自然反应。</t>
  </si>
  <si>
    <t>大唐天下的模式可靠吗</t>
  </si>
  <si>
    <t>资金盘，金融诈骗。</t>
  </si>
  <si>
    <t>某资金盘团队由于分赃不均，分裂出来做的一个盘。不懂勿碰。</t>
  </si>
  <si>
    <t>apm monaco是奢侈品吗</t>
  </si>
  <si>
    <t>不算奢侈品，就是一个手工的首饰，比较小众，在欧洲算是亲民的价格。</t>
  </si>
  <si>
    <t>算轻奢品，饰品在几百到三四千的，偶尔买一件还是能接受，对比卡地亚这些算是很便宜了。</t>
  </si>
  <si>
    <t>神秘海域电脑能玩吗</t>
  </si>
  <si>
    <t>当然可以玩。</t>
  </si>
  <si>
    <t>微信只能用手机注册吗</t>
  </si>
  <si>
    <t>现在申请都需要手机号的。</t>
  </si>
  <si>
    <t>微信除了用手机号注册还可以在微信登录界面直接输入QQ号和密码，根据提示完成注册。</t>
  </si>
  <si>
    <t>文章标题能用标点符号吗</t>
  </si>
  <si>
    <t>可以使用：逗号，破折号，引号，感叹号这些标点。</t>
  </si>
  <si>
    <t>文章的标题不用句号，使用其它标点要由标题的本身来决定，不能随意乱用。</t>
  </si>
  <si>
    <t>全民k歌能赚钱吗</t>
  </si>
  <si>
    <t>那游戏是腾讯出的，你看哪个腾讯游戏能赚钱的。</t>
  </si>
  <si>
    <t>是的，全民K歌可以赚钱，只要你成为了认证歌手或者认证主唱，上传个人信息并且绑定银行卡，在直播间收入，就可以跟全民K歌官方七三分成，官方7，个人3。</t>
  </si>
  <si>
    <t>金香缘米线可靠吗</t>
  </si>
  <si>
    <t>金香缘米线可以说是汲取了中国餐饮文化的传承，采用了先民“火烧罐罐米线”的形式制作米线。文化慢煮，无需厨房，而且60秒就能吃到美味的米线。有人开了家金香缘米线店，听说5天就能学会米线馆技术了。</t>
  </si>
  <si>
    <t>必利劲停药后会反弹吗</t>
  </si>
  <si>
    <t>这个药是作用于神经的，停药后血液中药物浓度会越来越低，当没有足够浓度抑制神经兴奋时药物就失效了。</t>
  </si>
  <si>
    <t>确实有点反弹的!建议还是不要迅速停药！可以减量。</t>
  </si>
  <si>
    <t>会的，这个无法根治。停止后，一两天后恢复本来状况。</t>
  </si>
  <si>
    <t>龙之谷手游ios和安卓互通吗</t>
  </si>
  <si>
    <t>龙之谷手游手游iOS和安卓数据是不互通的。</t>
  </si>
  <si>
    <t>孕妇湿疹会影响胎儿吗</t>
  </si>
  <si>
    <t>对于湿疹这种常见病，一般正确用药都会有较好的疗效，但对于孕妇来说，一些药物使用之后有可能对胎儿有不良影响。</t>
  </si>
  <si>
    <t>孕妇患湿疹，属于皮肤过敏性疾病，由于它有一定的遗传因素，分娩以后，宝宝湿疹的可能性也是比较高的；平时要注意过敏原，海鲜、蝉幼虫、蚕蛹、蚂蚱类的动物蛋白类容易过敏的食物，尽量不要吃，如果出现严重的过敏反应，对胎儿是不利的。</t>
  </si>
  <si>
    <t>对胎儿没有影响。</t>
  </si>
  <si>
    <t>资本主义能拯救自己吗</t>
  </si>
  <si>
    <t>不能。但可以遏制。而根治资本主义经济危机的唯一方法就是又社会主义制度取代资本主义制度。</t>
  </si>
  <si>
    <t>北京交的公积金可否在外地买房</t>
  </si>
  <si>
    <t>北京缴纳的公积金可以外地买房，但是要符合购房当地住房公积金管理中心的公积金异地贷款政策才可以，不同城市的公积金，异地贷款的情况也是不一样。目前暂未全国统一实施。</t>
  </si>
  <si>
    <t>可以 。申请条件：1、申请人须在户籍本地购买自住住房且为所购房屋的产权人或共有人。2、申请人须正常、足额缴存住房公积金六个月以上。3、申请人及配偶没有未还清的住房公积金贷款。(含住房公积金缴存地)。4、提供市住房公积金管理中心认可的担保手续。5、符合住房公积金贷款的其他条件。</t>
  </si>
  <si>
    <t>可以使用的。公积金贷款的准入条件是公积金个人缴纳300以上交满6个月，征信良好就可以贷款，贷款年龄是25到55岁，需要携带的资料是本人身份证、婚姻证明、收入证明、银行流水、住址证明、公积金卡。</t>
  </si>
  <si>
    <t>人人车怎么样靠谱吗</t>
  </si>
  <si>
    <t>说二手车水深是因为本地有很多车贩低价收了事故车翻修一遍就往出卖，或者欺负有的人不懂车，价格卖得高。但是这两个问题人人车普遍不存在，因为人人车有专门的评估师，拒绝事故车，至于价格是买家和卖家协商的，人人车不参合，所以这两点都跟人人车都没什么关系。除此之外人人车售后也不错，14天两万公里质保。</t>
  </si>
  <si>
    <t>一楼的房子能买吗</t>
  </si>
  <si>
    <t>绿化树木会导致采光条件不太好。有可能比较吵。不太适合开窗户（隐私或物品安全）。蚊虫会较多。好处是不怕停电爬楼梯，一楼比较凉快（老年人有可能会畏寒）。</t>
  </si>
  <si>
    <t>买一楼比二楼强,1、一楼可以做一个地下室,不知你想过没有,我给很多人在一楼做地下室,增加面积,冬暖夏凉,也不错呀。2、一楼如有私家花园的话或有可能建花园的话也不错呀。</t>
  </si>
  <si>
    <t>还可以，一楼挺方便的。只不过有点偏阴。建议二楼三楼比较好。</t>
  </si>
  <si>
    <t>三文鱼生吃有寄生虫吗</t>
  </si>
  <si>
    <t>没有料理好的就会有，一定要吃熟的，而且少吃，那东西很容易有寄生虫附在上面。</t>
  </si>
  <si>
    <t>不一定，但是几率很大。</t>
  </si>
  <si>
    <t>蜂窝移动数据选项 漫游要不要开</t>
  </si>
  <si>
    <t>数据漫游不用打开，如果是4G卡打开4G网速快，费电也要快很多。1、数据漫游是只有出境时才会用到，平时可以关掉，关掉后不影响国内的正常使用。2、4G网络可以打开，可以关闭，主要看用户是否需要，有些人选择关闭主要是因为怕跑流量，4G网络跑流量会快一些。如果手机设置的细致，也不会出现太多跑流量的情况。3、不打开4G功能，4G关掉属于正常现象。</t>
  </si>
  <si>
    <t>数据漫游是指在手机卡开户地以外的省市使用数据业务的权限，目前国内运营商都是免费漫游的（除了购买的套餐里特别说明是本地使用流量这种情况），所以开开没关系，不开的话通常情况也会被网络给自动纠正。如果关闭数据漫游，则在外地有可能不能使用套餐内数据业务。无锁的iPhone4s只要打开移动蜂窝数据即可上网，需要同时打开数据漫游的，是属于国外有锁的iPhone4s，类似于美版日版iPhone4s。打开这个开关之后才可以正常上网的，只要在国内打开此选项，是不产生其他资费的。</t>
  </si>
  <si>
    <t>这个“数据漫游”对于我们不出国的人而言，它就是一个摆设，并没有任何作用。当然如果你要出国的话，记得在出国前检查一下它是否为关闭状态。</t>
  </si>
  <si>
    <t>子宫长息肉严重吗</t>
  </si>
  <si>
    <t>宫颈息肉是宫颈粘膜局限性增生而形成的堆集，是妇科常见的疾病，较大的息肉可能出现一定的临床症状，较小的息肉可无任何症状，只是在妇科检查时被发现。</t>
  </si>
  <si>
    <t>子宫内膜息肉是属于慢性炎症的一种，必须要手术才能治疗，如果还没有生育过，一定要积极治疗避免影响以后的生育能力，如果已经生育过年龄偏大也要引起重视，息肉很容易导致癌变。</t>
  </si>
  <si>
    <t>宫颈息肉出现恶变的可能性比较小，但是患者往往有性生活出血现象，而且疾病的发生和慢性炎症感染没有一定关系，通常都检查手术摘除后再配合一定的药物治疗。</t>
  </si>
  <si>
    <t>孕妇喝牛奶好吗妈妈爱</t>
  </si>
  <si>
    <t>当然好了，怀孕中后期是宝宝骨骼发育关键期，这时候孕妈妈由于缺钙遭受腿抽筋折磨，适补充牛奶可以满足妈妈和宝宝对钙质的需求。牛奶中的乳酸菌有利于促进肠道蠕动和消化，缓解孕期便秘。</t>
  </si>
  <si>
    <t>好，睡得香</t>
  </si>
  <si>
    <t>看自己的</t>
  </si>
  <si>
    <t>红牛饮料有壮阳作用吗</t>
  </si>
  <si>
    <t>报到证一定要去报道吗</t>
  </si>
  <si>
    <t>最好去报道下1.报到证跟档案虽然没有什么大关系，但是工作的话，档案最好跟着人走2.跟事业单位无影响，但是据说这个东西，算工龄的。</t>
  </si>
  <si>
    <t>如果报到证是学校在毕业之后发给你们的，有报到证不是一定要去报道，但是建议最好去一下，因为报到证是和当地的人才服务中心签订档案保管合同所需的东西，如果不签档案保管合同的话，以后档案除了问题是要自己负责的，建议最好去报道一下。</t>
  </si>
  <si>
    <t>布艺沙发味道大有毒吗</t>
  </si>
  <si>
    <t>不会有，没事的，要有毒的话早就被查封了。</t>
  </si>
  <si>
    <t>正常是胶水的味道，你可以在通风处凉个两三天，能去除就没问题，如果去除不了，那就是不料和里面的板材有问题，这个甲醛含量比较高，对人体是有害的。建议去找售后。</t>
  </si>
  <si>
    <t>只要有异味，就会对身体无益处。</t>
  </si>
  <si>
    <t>南桥新城是拆迁房吗</t>
  </si>
  <si>
    <t>疯狂的小狗狗粮好吗</t>
  </si>
  <si>
    <t>是天然粮，主要是看狗儿更适应喜欢哪种。</t>
  </si>
  <si>
    <t>购买盗版者是否应负法律责任</t>
  </si>
  <si>
    <t>第一要看在购买和使用的时候是否知道是盗版；第二要看使用是个人还是在公共场所，是否是以盈利为目的，如果只是购买自己使用是不用负法律责任的。</t>
  </si>
  <si>
    <t>买盗版的危害，简单地说，就是帮助销赃，严重盗版行为是犯罪。</t>
  </si>
  <si>
    <t>应该说购买盗版不用于营利只自己使用是不承担法律责任的，但是如果是以营利为目的，购买后用于营利那不一样了，就应该负侵犯版权的法律责任了，这是侵犯知识产权的侵权，是民事责任。</t>
  </si>
  <si>
    <t>铁观音是绿茶吗</t>
  </si>
  <si>
    <t>铁观音不是属于绿茶，属于青茶。</t>
  </si>
  <si>
    <t>金钱树有毒是真的吗</t>
  </si>
  <si>
    <t>有些人为能有一棵金钱树而自豪。且不知道它是剧毒，更不知道夺命符已经一步一步的接近你，它的杀伤力随时会在你的健康中爆发。 它是一种剧毒植物，比断肠草还厉害。它的叶汁如果沾在敏感的皮肤上，五官、牙齿就会肿胀；荒原的植物、飞禽走兽、飞蝶爬虫，都不接近它；同时生长在周边的植物，也会枯死。可见其毒之厉害。所以如果发现有其他可以食用的草本同盆生长，千万别药用和食用，否则就会死的不明不白。家有此类植物的人士，绝对要小心处理，不要把金钱树的泥土加入其它食用的本草中，它的毒人在泥土中，否则就会遗患无穷。 如果你买了这种植物，舍不得放弃，最好摆在院子里，不要让老小碰着它，并且不要摆在窗子下，避免它的毒气影响到屋里人的身体健康。</t>
  </si>
  <si>
    <t>金钱树本身含有植物碱，虽然部分体质比较敏感者碰触后可能产生皮肤和黏膜的刺激，但前提是要破坏植物，接触到汁液才可能造成这种现象。台北花市课长陈根旺表示，金钱树是花市前三大热门盆栽，卖金钱树卖了二十多年来还没听过含剧毒、排毒气的事情。 开设园艺行的李玉婷表示，金钱树并非食用植物，民众不会误食，自然不会有中毒疑虑，这应该是无稽之谈。</t>
  </si>
  <si>
    <t>金钱树属于南天星科植物，会流出含有草酸钙的乳汁，这种汁液中含有一种叫做植物碱的成分，具有一定的刺激性，部分体质较为敏感的人群触碰了之后，会引起五官，牙床肿胀不适。但平时作为家庭种植不触碰或误食它的汁液是没有毒害的，大家可放心种植。现在很多人再养，栽培史也很长了，没有听到金钱树中毒的报道。</t>
  </si>
  <si>
    <t>zol商城买手机可靠吗</t>
  </si>
  <si>
    <t>社保滞纳金可以税前扣除吗</t>
  </si>
  <si>
    <t>企业发生的、与生产经营有关的社保滞纳金则可以税前扣除。</t>
  </si>
  <si>
    <t>一路一带纪念币有收藏价值吗</t>
  </si>
  <si>
    <t>是中国人民银行发行的可以收藏，不是就不可以收藏。</t>
  </si>
  <si>
    <t>不是国家正规发行的东西，没有收藏价值。</t>
  </si>
  <si>
    <t>有收藏价值。</t>
  </si>
  <si>
    <t>天天钻是不是真的</t>
  </si>
  <si>
    <t>亲身经历后，醒悟后发现原来大家都天天钻被坑啊。做试玩平台千万别玩垃圾天天钻，等把你养肥了，充了钱等到要提现的时候——给来个提现异常，扣除你应得的钱。并且客服电话/QQ/QQ群都一直不在线，根本不回应任何信息。</t>
  </si>
  <si>
    <t>吃土豆会胖吗</t>
  </si>
  <si>
    <t>正常摄入的情况下，不会导致肥胖。当然，如果过量摄入，可能变为脂肪。</t>
  </si>
  <si>
    <t>不会，相反的，多吃土豆有益减肥。</t>
  </si>
  <si>
    <t>汤唯 色戒 是真的吗</t>
  </si>
  <si>
    <t>山东英才是野鸡大学吗</t>
  </si>
  <si>
    <t>挺好的 虽然是民办的。</t>
  </si>
  <si>
    <t>不是野鸡大学，这所学校虽然是民办学校但是胜过于有些公办学校。</t>
  </si>
  <si>
    <t>雪花银可以泡水喝吗</t>
  </si>
  <si>
    <t>不行，雪花银就是白银。</t>
  </si>
  <si>
    <t>有千足银，但是925不是千足银，925银也不能泡水喝，只有999雪花银可以泡水。</t>
  </si>
  <si>
    <t>雪花银是直接可以用来泡水喝的。</t>
  </si>
  <si>
    <t>痛风能吃小龙虾吗</t>
  </si>
  <si>
    <t>不可以，一旦诊断为痛风病，肉、鱼、海鲜都在限食之列。辛辣、刺激的食物也不宜多吃。</t>
  </si>
  <si>
    <t>流产可以报销生育险吗</t>
  </si>
  <si>
    <t>流产可以报销生育保险。</t>
  </si>
  <si>
    <t>飘窗算建筑面积吗</t>
  </si>
  <si>
    <t>飘窗伸出墙外超超1.5m，按半面积计算，不超1.5m，不计算建筑面积。</t>
  </si>
  <si>
    <t>如果本市城市规划部门与房管部门没有详细解释的话，可按照国标不计算面积；否则应按地方标准执行。</t>
  </si>
  <si>
    <t>thunder network可以删除吗</t>
  </si>
  <si>
    <t>Thunder Network是迅雷的安装文件夹。如果不需要使用迅雷软件，可以删除。</t>
  </si>
  <si>
    <t>Thunder Network是迅雷网络的意思,不能删除.删除后,安装的迅雷旗下的软件不能工作.</t>
  </si>
  <si>
    <t>迅雷下载后默认第一分区保存文件的文件夹 ，可以删除。</t>
  </si>
  <si>
    <t>睡前喝水好吗</t>
  </si>
  <si>
    <t>睡前喝水并没有坏处，关键是适量。</t>
  </si>
  <si>
    <t>晚上睡觉喝水伤身体，早上起来一杯水对身体好，睡前两到三小时内不要喝水就可以了，如果口很渴了可以喝点水，晚上喝水，早上会浮肿，长此以往就会增加肾脏的负担。</t>
  </si>
  <si>
    <t>晚上喝太多水，半夜会不停撒尿，影响睡眠，造成阴分无法休息，热象会更重更渴。</t>
  </si>
  <si>
    <t>南京大报恩寺值得去吗</t>
  </si>
  <si>
    <t>肺大泡能治好吗</t>
  </si>
  <si>
    <t>肺大泡能治愈。</t>
  </si>
  <si>
    <t>微微一笑很倾城有第二部吗</t>
  </si>
  <si>
    <t>没有了，电视剧完了，觉得不过瘾，你可以去看看《微微一笑很倾城》的同名小说，番外等，还有肖大神和微微的两个小孩的描写。</t>
  </si>
  <si>
    <t>淘宝知网查重可靠吗</t>
  </si>
  <si>
    <t>某宝相对于一些查重网站来的更靠谱同，因为多了一个保证。</t>
  </si>
  <si>
    <t>在某宝买知网系统的账号，并不靠谱，有一定的风险，毕竟这种账号不是普遍人人都有的。</t>
  </si>
  <si>
    <t>儿童节放假吗</t>
  </si>
  <si>
    <t>儿童节不属于国家法定节假日。根据国务院《全国年节及纪念日放假办法》中的第三条，第三点规定，六一儿童节(6月1)不满14周岁的少年儿童放假1天。</t>
  </si>
  <si>
    <t>微信没有实名认证可以收红包吗</t>
  </si>
  <si>
    <t>可以，收红包是不需要实名的，提现才需要实名制。</t>
  </si>
  <si>
    <t>不可以。强制要求实名制才可使用支付类功能。</t>
  </si>
  <si>
    <t>小米手环防水吗</t>
  </si>
  <si>
    <t>小米手环光感版为IP67级别的防水等级，可用于日常生活的防水。IP67等级防水是电气产品中较高的防水等级，对于日常使用的防水效果较好，IP67的防水等级指的是：小米手环光感版由2部分组成，腕带及主体，小米手环的主体为聚碳酸酯材质，腕带为硅胶材质，均可达到日常生活的防水。</t>
  </si>
  <si>
    <t>P67防水级别6：灰尘尘埃无法进入7：短暂时浸泡，常温常压下，可承受1米的水深。也就是说不能游泳，洗手/洗澡是没有问题的。</t>
  </si>
  <si>
    <t>可以防水，防护等级ip68已经很高了，日常使用完全没问题。</t>
  </si>
  <si>
    <t>亚马逊个人能开店吗</t>
  </si>
  <si>
    <t>美国站可以个人申请。欧洲不行。收费方面，有专业和一般两种，专业是交月租，一般是卖一件扣一次费用，且有销售数量的限制。</t>
  </si>
  <si>
    <t>拆迁安置房能买吗</t>
  </si>
  <si>
    <t>尚未取得房产证的拆迁安置房，房屋属于不动产，不动产产权以房地产管理部门登记备案为准，没有登记备案的，除法律特殊规定的情形外，不具有物权法上的产权效力。也就是说此类安置房还没有取得房产权，对外出售是不合法的。</t>
  </si>
  <si>
    <t>爱钱进是不是要跑路了</t>
  </si>
  <si>
    <t>爱钱进由爱钱进（北京）信息科技有限公司（以下简称爱钱进）于2014年3月推出，是普惠金融信息服务（上海）有限公司（以下简称普惠金融）旗下的全资子公司。成立至今，依托母公司普惠金融行业领先的量化风控体系，保证了产品更好的安全性与高效性，是近期发展最快的P2P平台。总之，这还是一家有实力的正规金融公司，跑路是不可能的了。</t>
  </si>
  <si>
    <t>果泥属于液体吗</t>
  </si>
  <si>
    <t>由其词来看，为水果的泥状流体形态。</t>
  </si>
  <si>
    <t>泰国需要转换插头吗</t>
  </si>
  <si>
    <t>二脚不需要，三脚需要转换器。</t>
  </si>
  <si>
    <t>隔夜咖啡能喝吗</t>
  </si>
  <si>
    <t>隔夜的咖啡不能喝了，放在冰箱里就更不能喝，会伤人的。</t>
  </si>
  <si>
    <t>不可以，里面好多物质都转化了，最好不要喝了。</t>
  </si>
  <si>
    <t>取保候审会留案底吗</t>
  </si>
  <si>
    <t>取保候审本身不会留下案底，但是判决会留下案底的。同时，即使没有判决，被拘留就有居留证明和释放证明，同样会记入档案里。</t>
  </si>
  <si>
    <t>取保候审并不中断对案件的侦察、起诉和审理，是否有案底，主要看最终法院审理判决。</t>
  </si>
  <si>
    <t>百度理财才安全吗</t>
  </si>
  <si>
    <t>不安全，真心的不好，理财赎回出现问题，也不能积极处理。</t>
  </si>
  <si>
    <t>百度理财产品是安全的。购买百度理财产品，资金只能在个人帐户中流动。不能转给其他人。百度理财产品购买的是基金和银行协议存款，所以基本没什么风险。</t>
  </si>
  <si>
    <t>百度理财安全性是可以的。毕竟百度是大公司，技术实力很强。网络安全方面做得很到位。</t>
  </si>
  <si>
    <t>鳌拜是忠臣吗</t>
  </si>
  <si>
    <t>鳌拜从忠臣到奸臣，从功臣到权臣。</t>
  </si>
  <si>
    <t>本科答辩有不过的吗</t>
  </si>
  <si>
    <t>不会通不过，本科来说老师一般不会为难学生。当然你的论文也不能写的太差，最起码老师问的基本问题得能够知道并且回答才行。</t>
  </si>
  <si>
    <t>一辩通不过，二辩一般会让过的，学校也不会太为难学生。</t>
  </si>
  <si>
    <t>答辩非常容易过，学校要保证学校的毕业率，所以，只有很少的一部分人，的确太稀烂的，才会通不过推迟毕业。</t>
  </si>
  <si>
    <t>win10 可以安装ie8吗</t>
  </si>
  <si>
    <t>可以。第一步：点击“我的电脑”进入我电脑页面，选择“卸载或更新程序“。 第二步：在”程序卸载”中左侧菜单栏找到“已安装更新”，直接卸载“IE 10”（不用卸载中文包），重启电脑后就会变回“IE 8”（win8的默认安装就是IE 8版本）。</t>
  </si>
  <si>
    <t>汇付天下安全吗</t>
  </si>
  <si>
    <t>是安全的。</t>
  </si>
  <si>
    <t>电子登机牌可以直接过安检吗</t>
  </si>
  <si>
    <t>安检需要登机牌，登机时也需要出示登机牌。</t>
  </si>
  <si>
    <t>自助拿到登机牌是不需要去值机口，值机是办理登机牌和托运的！如果没托运可以直接安检，然后找登机口上飞机。</t>
  </si>
  <si>
    <t>语音软件兼职是真的吗</t>
  </si>
  <si>
    <t>是真的，但是也有假的。</t>
  </si>
  <si>
    <t>剑灵烧钱吗</t>
  </si>
  <si>
    <t>如果时间多 ，不烧钱 。</t>
  </si>
  <si>
    <t>如果要是PVP打比武，那就不需要花钱。如果玩PVE和野战的话，那就必须得花钱。</t>
  </si>
  <si>
    <t>如果是没亲友团的野人，又要求能组到队刷所有本的话，那肯定很烧钱。要求能组到队过上个版本的所有本，那么要花费起码几千软妹币，或者花不知几何的时间。如果是有亲友团的，那么起步可以快些，装备搞起来的花费少些而已。</t>
  </si>
  <si>
    <t>香芋和芋头是一样的吗</t>
  </si>
  <si>
    <t>不一样</t>
  </si>
  <si>
    <t>内存条频率不一样能一起用吗</t>
  </si>
  <si>
    <t>只要都是同一代的内存就可以一起用，但是频率高的内存会降为频率低的组成双通道，两个内存控制器可相互独立工作，每个控制器控制一个内存通道。</t>
  </si>
  <si>
    <t>可以，但是会让频率高的内存条降频至低的频率使用。</t>
  </si>
  <si>
    <t>可以运行，会按低频率的内存条运行。这样安装的话，计算机卡住的可能性会提高。</t>
  </si>
  <si>
    <t>易物点合法吗</t>
  </si>
  <si>
    <t>首先加入这个平台呢 是买的这个商城的广告点位 然后配送我们一个可以升值的易物点 而任何国家 买卖广告都是合法的。</t>
  </si>
  <si>
    <t>入场买的是mface和mbater商城的广告空间点  任何国家地区买卖广告点位都是合法的  我们的易物点是另外送的 当然没有问题咯。</t>
  </si>
  <si>
    <t>梦幻西游手游指定交易会被抢吗</t>
  </si>
  <si>
    <t>这个是可以抢的，其他玩家可以用一口价来抢指定交易的东西，不管是不是玩家指定的id，只要你有钱，那就能抢，下面是怎么抢指定交易的操作方法：1.先关注指定交易商品，指定交易上架以后一样会出现在公示期，玩家可以看一下有没有自己想要的，指定交易只针对珍品宝宝+珍品装备。2.如果看中商品了标记一下，等它上架了就用一口价去买，一口价是系统根据卖家指定的价格自动生成的，一定会比指定价格高出一点，之前说是高出50%，但是实际数字未必会刚好。3.如果卖家设定指定交易时间为3天，3天以后指定买家没来买，那么玩家就可以用卖家指定的价格买这个商品了，这时候就不需要一口价。但记住必须是指定交易时间已经超时的情况下。</t>
  </si>
  <si>
    <t>360手机好吗</t>
  </si>
  <si>
    <t>360手机作为手机市场性价比之王，不管硬件配置，还是外观设计，都是目前市场性价比最高的，1300万像素，铝合金金属外壳，适合年轻人的需求，360OS系统，安全省电轻快，减少死机发生，指纹识别功能也是目前最火，最便利的设计。</t>
  </si>
  <si>
    <t>系统UI很一般，集成360的服务太多了，至于质量做工方面也不如一线的华为小米好。</t>
  </si>
  <si>
    <t>营业执照会自动注销吗</t>
  </si>
  <si>
    <t>公司不经营了，营业执照是不会自动注销的。只有等到公司登记机关，发现公司不按照规定接受年度检验，经行政处罚并限期接受年度检验；逾期仍不接受年度检验的，吊销营业执照。或是工商监管人员发现你公司无正当理由，超过自行停业连续6个月以上时，吊销营业执照。营业执照被吊销的后果是：公司的所有股东、法定代表人将被列入黑名单。被列入黑名单的人信誉受损，在以后办理业务时，会因“一处违规，处处受限”。因此，正确的作法是：公司不经营了，向公司登记机关提出申请，办理公司注销登记，缴销营业执照。</t>
  </si>
  <si>
    <t>个体户营业执照到期会自动注销。个体工商户营业执照分长期和临时两种。个体工商户长期营业执照有效期为四年，每年元月一日至三月三十一日须验照，过期不验照者营业执照作废；个体工商户临时执照有效期为一年，到期后重新办照。个体工商户营业执照无论是长期还是临时的，在办照过程中，所需手续是一样的，其费用也是一样的，只是有个验照和新办的区别（一年）。个体长期营业执照办好后，一个月内须到当地税务机关办理税务登记证。</t>
  </si>
  <si>
    <t>不会自动注销，而是会被吊销。超过一定年限没有年检，会被工商局吊销营业执照。同时因为营业执照被吊销的，该公司的法人会被列入黑名单，三年内不能担任企业高管、法人。建议去注销该营业执照。</t>
  </si>
  <si>
    <t>香菇黑了还能吃吗</t>
  </si>
  <si>
    <t>香菇发黑不能吃。</t>
  </si>
  <si>
    <t>公积金是否强制缴纳</t>
  </si>
  <si>
    <t>不是强制缴纳的。</t>
  </si>
  <si>
    <t>腾泰商城是传销吗</t>
  </si>
  <si>
    <t>这个机构是骗人的，千万不要信。</t>
  </si>
  <si>
    <t>晚上吃水果会胖吗</t>
  </si>
  <si>
    <t>晚上睡觉之前吃水果会长胖。</t>
  </si>
  <si>
    <t>不会。大多数水果对身体是有好处的。</t>
  </si>
  <si>
    <t>要看吃什么水果.。</t>
  </si>
  <si>
    <t>tgp没有战绩查询了吗</t>
  </si>
  <si>
    <t>最近暂停服务了，过些日子会有的。</t>
  </si>
  <si>
    <t>樱桃糖尿病人能吃吗</t>
  </si>
  <si>
    <t>大樱桃适合糖尿病人吃。樱桃含有一种促进胰岛素分泌的化学物质。这种化学物质叫做花青素，天然存在于樱桃内，使其呈现鲜艳的红色。花青素是其他有鲜艳红色、蓝色、紫色的水果、蔬菜。花的着色机制。食用含有这种化学物质的水果可以减少心脏病发病。研究者最近从樱桃中提取出花青素，并从啮齿类动物体内取出制造胰岛素的胰腺细胞，检测花青素对这些细胞的作用。接触花青素后，细胞的胰岛素生成会升高一半。有1例在接触花青素后胰岛素生成增加将近1倍。结果是令人振奋的，但是在推荐进入糖尿病治疗之前还要做动物和临床实验。不止是樱桃含有花青素，红葡萄、草莓、蓝莓、蔬菜、葡萄酒、苹果酒、茶叶中也有。但是促进胰岛素作用最强的是来自樱桃中的花青素。</t>
  </si>
  <si>
    <t>樱桃可以适量就好。</t>
  </si>
  <si>
    <t>彩礼是给女方父母的吗</t>
  </si>
  <si>
    <t>给女方父母。</t>
  </si>
  <si>
    <t>95 98能混加吗</t>
  </si>
  <si>
    <t>黄头龟不设晒台行吗</t>
  </si>
  <si>
    <t>行。</t>
  </si>
  <si>
    <t>科颜氏孕妇可以用吗</t>
  </si>
  <si>
    <t>一般是适合的，科颜氏的产品是比较温和，还有就是不含有任何的刺激添加物，孕妇也可以使用。</t>
  </si>
  <si>
    <t>最好是别用护肤品，对宝宝伤害大。</t>
  </si>
  <si>
    <t>香油有消炎的作用吗</t>
  </si>
  <si>
    <t>香油是不能起到消炎的作用。</t>
  </si>
  <si>
    <t>确实管用。</t>
  </si>
  <si>
    <t>没有消炎止痛的功效。</t>
  </si>
  <si>
    <t>手机进水能修好吗</t>
  </si>
  <si>
    <t>拿到维修去，专业清洗处理。拖得时间越长越难修复，只要腐蚀不严重修好还是可以继续使用的。</t>
  </si>
  <si>
    <t>如果进水不是特别严重是可以修好的，先自己用吹风把水吹干，切记不要马上开关机，否则容易短路。</t>
  </si>
  <si>
    <t>应该可以，只不过会贵点，如果手机款式旧，那价格就便宜。</t>
  </si>
  <si>
    <t>田七和海带能一起吃吗</t>
  </si>
  <si>
    <t>田七可以和海带一起煮汤。</t>
  </si>
  <si>
    <t>大陆手机香港能用吗</t>
  </si>
  <si>
    <t>内地的手机卡到香港都是能用的，但是要看套餐开没开通相关服务。</t>
  </si>
  <si>
    <t>可以的，去找之前找营业厅开通港台漫游服务，不然过去通话、流量、短信都会漫游，资费很贵的。</t>
  </si>
  <si>
    <t>可以，去买张卡就可以了。</t>
  </si>
  <si>
    <t>王者荣耀需要补刀吗</t>
  </si>
  <si>
    <t>不用，在附近就可以分享钱。</t>
  </si>
  <si>
    <t>王者荣耀即将更新补刀键功能，补刀键作用非常重要。</t>
  </si>
  <si>
    <t>天津坤如玛丽医院坑吗</t>
  </si>
  <si>
    <t>医院比较不错，价格也比较不错。属于中高端私立妇产医院。</t>
  </si>
  <si>
    <t>生育保险已经开通了，专家就是直接原中心妇产的专家，但环境、服务要比中心妇产好的多。</t>
  </si>
  <si>
    <t>千万别去，骗人的私立医院，说是50块钱化验网上预约的特惠，到医院一堆化验，夸大病情，一共花了600多，到正规医院说根本没这么严重，花钱是小，主要是心理还紧张，这种破医院还是别去了，建议去正规医院。</t>
  </si>
  <si>
    <t>一个apple id可以在两部手机上使用吗</t>
  </si>
  <si>
    <t>完全可以的。一个apple id账号可以同时登陆在五台设备。</t>
  </si>
  <si>
    <t>同一个apple ID可以用在两台(苹果）手机上。同一个apple ID可以应用于不同的苹果设备上。</t>
  </si>
  <si>
    <t>墙绘需要有绘画功底吗</t>
  </si>
  <si>
    <t>墙绘有点绘画基础功底就可以了。</t>
  </si>
  <si>
    <t>定额发票2017还能用吗</t>
  </si>
  <si>
    <t>12月份的话，2017年是可以用的。</t>
  </si>
  <si>
    <t>2016年销售发票一般是入到2016年度的账上。2016年进项发票，2017年还是可以认证抵扣与入账的。</t>
  </si>
  <si>
    <t>工程管理mem有价值吗</t>
  </si>
  <si>
    <t>有的,MEM工商管理硕士，不管是对自己的提升还是升职加薪，都非常有帮助。</t>
  </si>
  <si>
    <t>衣原体阳性好治吗</t>
  </si>
  <si>
    <t>非常好治。</t>
  </si>
  <si>
    <t>并非特别难治愈。</t>
  </si>
  <si>
    <t>衣原体和支原体较易治愈。</t>
  </si>
  <si>
    <t>霍金获得过诺贝尔奖吗</t>
  </si>
  <si>
    <t>霍金的理论很难用实验验证，所以霍金没有获得诺贝尔奖（观点：非）</t>
  </si>
  <si>
    <t>电蚊拍好用吗</t>
  </si>
  <si>
    <t>不安全不好用。</t>
  </si>
  <si>
    <t>可以啊，就是浪费时间和电费啊。</t>
  </si>
  <si>
    <t>还好吧，比蚊香好用点。</t>
  </si>
  <si>
    <t>比智高吃了有副作用吗</t>
  </si>
  <si>
    <t>没好处，也没副作用。</t>
  </si>
  <si>
    <t>没有危害的，比智高是十年的品牌了，帮助超过700万的矮小者长高。</t>
  </si>
  <si>
    <t>孕妇能坐飞机吗</t>
  </si>
  <si>
    <t>孕妇应尽量避免乘坐飞机，孕12-32周之间是相对安全的。</t>
  </si>
  <si>
    <t>可以的，但是如果到了晚期，建议还是不要坐。多注意安全哦。</t>
  </si>
  <si>
    <t>楼上小孩乱跑算扰民吗</t>
  </si>
  <si>
    <t>没吵就不算</t>
  </si>
  <si>
    <t>扰民了吧，可以去楼上说下，或者是和管理处反应下，小孩跑来跑去的噪声也大不了哪里去的。和楼上协商下。</t>
  </si>
  <si>
    <t>锤子系统好用吗</t>
  </si>
  <si>
    <t>系统性能不错。</t>
  </si>
  <si>
    <t>基于安卓深度定制的锤子系统，界面很友好，适合国人使用。</t>
  </si>
  <si>
    <t>系统好用、美观、人性化。</t>
  </si>
  <si>
    <t>多肉夏天可以阴养吗</t>
  </si>
  <si>
    <t>室内养，也需要一定阳光，不然肯定会徒长的，有一些确实是不能照射太强烈太阳光的，如玉露静夜这类。</t>
  </si>
  <si>
    <t>首先因品种而异。例如番杏科植物就比景天科植物耐受的温度要低，番杏科植物大概到28℃~30℃，再高就要遮阴避晒，而景天科植物大多可以耐受到32℃，超过了就需要遮阴避晒，仙人掌、仙人球还可以耐受更高些的温度。</t>
  </si>
  <si>
    <t>csgo卖刀能提现吗</t>
  </si>
  <si>
    <t>不可以，违反用户协议。</t>
  </si>
  <si>
    <t>不可以，只能转到steam钱包里。也可以通过淘宝交易。</t>
  </si>
  <si>
    <t>个人银行卡可以向企业账户转账吗</t>
  </si>
  <si>
    <t>个人卡是可以转账给单位账户的。</t>
  </si>
  <si>
    <t>长期吃蜂胶好吗</t>
  </si>
  <si>
    <t>蜂胶是不能长期服用的，因为里面含有抗生素物质。数千年来，蜂胶因其杰出的抗菌抗病毒的功效，被人们誉为“天然抗生素”。殊不知，这个美名却经常让蜂胶背上“抗生素”的“黑锅”。自从2004年某媒体借专家的名义指出“蜂胶是一种典型的天然抗生素，健康人群不宜长期服用。”后，“蜂胶是抗生素”的话题就常常出现在不同的媒体上，而且每次必是“专家指出”，使消费者对蜂胶产生一种负面的印象。那么，蜂胶究竟是不是抗生素？健康人群是不是可以长期服用蜂胶呢？让我们来客观地分析一下。首先，如果蜂胶是抗生素，那它应该含抗生素的成份。抗生素是特指某些菌类（微生物）的代谢产物或其衍生物，为小分子单一结构。目前世界各国医学专家对蜂胶的研究表明，蜂胶由近四百种物质组成，其中最出名的是类黄酮和萜烯类物质，但尚未有有关在蜂胶中发现抗生素物质的报道。第二，我们可以让实验老鼠不断地吃蜂胶，然后观察抗生素在这些实验老鼠身上抗细菌或病毒的能力。如果与对照组相比，其抗细菌或病毒的能力有明显下降，那可以断言长期吃蜂胶会产生对抗生素的耐药性。但是，目前我们并没有看到任何有关的实验报道。显然，这个所谓的“专家”也从未做过类似的实验。那么他又如何作出“蜂胶不能长期服用”的结论呢？第三，假定如“专家指出”的那样，细菌和病毒对蜂胶能够象对一般抗生素那样产生抗体，那么蜂胶就不能起到保护蜂巢的重要作用。因为蜜蜂已经在自然界存在了数千万年，不管细菌和病毒对蜂胶所产生的抗体有多么微弱，这么漫长岁月的积累，也会使细菌和病毒（包括其进化后的变种）对蜂胶产生足够的抗体，从而能轻易侵袭和破坏蜂巢，因而蜜蜂也不复存在。但现在蜜蜂仍然存在，那只有两种可能：一是细菌和病毒对蜂胶不能产生抗体；二是蜂胶抗菌抗病毒功能提高的速度要超过病毒和细菌产生抗体的速度。但不管是哪种可能，长期服用蜂胶都不会降低人体对细菌和病毒的抵抗力。第四，针对有关“蜂胶是抗生素”的媒体报道，中国蜂产品协会和中国养蜂学会特别召开有几十家媒体参加的记者会，对上述错误观点予以澄清。那么以后媒体在继续有关“蜂胶是抗生素”的报道时，是否同时也客观地把中国最权威的蜂产品专家的观点告诉读者？无视国家权威蜂产品专家的观点而引用一个非权威“专家”的一家之言，至少是对读者不负责任。第五，国家质检总局对进口的蜂胶产品是以食品分类来审批。既是食品，则可长期食用，且不分男女老少。质检总局是国家对各种产品质量管理的最高行政机构。如果忽视国家最高质量管理机构的立场而听信于一个仅“专家指出”的观点，似乎也太轻率了。第六，在美国，蜂胶是按照食品补充物来销售的。可是美国联邦食品药品监督管理局对药品管理的严格是出了名的，如果蜂胶是抗生素，它决不会视之不管。最后，按照这位“专家”有关“被誉为天然抗生素就是抗生素”的逻辑，我们今天回家就不能吃大蒜了。因为大蒜也被誉为“天然抗生素”。您说这逻辑荒唐不荒唐。蜂胶与一般抗生素有着以下本质的区别：自然性:蜂胶本身不含有抗生素物质，其抗菌消炎作用是因为蜂胶含有大量具有良好抗菌抗病毒功效的类黄酮等物质；广谱性:一般抗生素不能对细菌、真菌和病毒同时有效，而蜂胶则具有同时抗细菌、抗真菌和抗病毒的功效；自然调节性:蜂胶在杀灭有害真菌的同时不损伤有益菌；长期性:服用蜂胶不会产生抗药性和耐药性；无毒性:蜂胶对人体肝肾无副作用，并有保肝护肝的功效。那种认为“被誉为天然抗生素”就是抗生素的简单逻辑，是绝对错误的。</t>
  </si>
  <si>
    <t>蜂胶基本没有什么副作用，对身体还不错，但是要提醒一点有的女性朋友消耗不了那么多激素，蜂胶所补充的多余的激素可能会作用在乳房和子宫增加肿块的几率，所以还是要根据自己情况适量进行补充</t>
  </si>
  <si>
    <t>蜂胶可以长期食用，无毒副作用。蜂胶是一个天然的小“药库”，它能预防和治疗疾病，同时无毒无副作用，没有抗药性，温和缓慢，安全可靠，长期服用对人体只有好处，没有坏处，它对人体各脏器都有一个全面调节和修复的作用。蜂胶性平无毒，可放心食用。调节血脂、改善血液循环。糖尿病患者大多伴随高脂血症，血管老化速度比正常人快，很容易引发微循环障碍、脑血栓、心脏病，出现心脑血管系统并发症。蜂胶中丰富的黄酮类物质有很好的降血脂、降低毛细血管的渗透性、软化血管、保护血管的作用，能保护血管不过早地变脆、变硬，失去弹性，并有效地净化血液。因此，服用蜂胶有利于控制糖尿病患者视力下降、防止血管系统并发症出现。吃蜂胶要注意一些小细节。对于湿性的蜂胶，可以滴在馒头等主食上一起吃；对于胶囊的蜂胶，早晚各吃一粒（或两粒），温水服下。请注意：食用之前，要做过敏试验，如用蜂胶喷雾剂往咽喉喷喷看，如无反应，就可以吃了。严重过敏体质者慎用或停用：由于个性差异，约万分之三的患者使用蜂胶液有不同程度的过敏现象（不会产生生命危险）。内服不必试敏，外用者，使用一周内，每天一滴涂抹患处试敏。对因体外涂抹引起的皮肤红肿发痒及皮炎者，可以用1%~2%碳酸氢钠（小苏打）溶液冲洗发病区，然后用氧化锌糊膏或皮质醇激素（强的松软膏）涂敷，时间不长即可治愈。对内服蜂胶引起呼吸困难、盗汗、恶心等过敏反应者，一般时间不会很长即自愈，过敏反应严重者，到医院进行治疗。如果出现轻微瘙痒、皮肤红疹、患部肿胀，则可服用苯海拉明等脱敏药，过敏现象即可消失。待过敏现象消失后，可转为内服，同样可以收到良好的效果。孕妇禁服：孕妇食用蜂胶后，会刺激子宫，引起宫缩，干扰胎儿正常的生长发育。不能和茶水一起服用：吃药时一般不能用茶水送服，是因为有些药中的有效成分容易与茶中的单宁酸等物质起反应，有些药含有咖啡因，若用茶水冲服，会使咖啡因的作用过强，实践证明，蜂胶可以和茶水一起饮用，只是茶水的色、香、味会受到影响，同时蜂胶易粘在杯壁上，造成浪费。</t>
  </si>
  <si>
    <t>延迟退休政策出台了吗</t>
  </si>
  <si>
    <t>截止到2017-5-3日，延迟退休政策还未出台。</t>
  </si>
  <si>
    <t>没有，估计2017年会公布，2022年才可能实施。</t>
  </si>
  <si>
    <t>延迟退休政策还没出台。</t>
  </si>
  <si>
    <t>hpv阳性能治好吗</t>
  </si>
  <si>
    <t>可以治疗好的。</t>
  </si>
  <si>
    <t>这个是可以靠自己免疫力清除的。</t>
  </si>
  <si>
    <t>钕磁铁对人有害吗</t>
  </si>
  <si>
    <t>磁本身对人是没有害处的。</t>
  </si>
  <si>
    <t>健康猫合法吗</t>
  </si>
  <si>
    <t>根据相关新闻，健康猫获得了广东省2016创业创新大赛二等奖，健康猫是合法公司。</t>
  </si>
  <si>
    <t>守望先锋要钱吗</t>
  </si>
  <si>
    <t>一般来说是的，要买了游戏才能玩，有时候暴雪会出免费周末，就是周末限时免费。</t>
  </si>
  <si>
    <t>要钱的。最便宜的198，还有贵的500多。</t>
  </si>
  <si>
    <t>好像有免费试玩的、不过想永久玩打排位之类的就需要一个有权限的战网号、自己注册一个战网号，再去官网买权限最低198。</t>
  </si>
  <si>
    <t>微信朋友圈可以发gif吗</t>
  </si>
  <si>
    <t>微信能够发送动态图。</t>
  </si>
  <si>
    <t>目前无法上传。</t>
  </si>
  <si>
    <t>2017会有再见王沥川吗</t>
  </si>
  <si>
    <t>2016年9月在京举办粉丝答谢会，主演高以翔、焦俊艳亮相，制片人现场宣布，由原班人马出打造的续集《再见王沥川》将在年底开拍，预计2017年情人节与观众见面。此外，《遇见王沥川》的舞台剧也将启动，高以翔已确定出演。</t>
  </si>
  <si>
    <t>陈乔恩和王凯分手了吗</t>
  </si>
  <si>
    <t>王凯辟谣说是假的。</t>
  </si>
  <si>
    <t>开网咖能赚钱吗</t>
  </si>
  <si>
    <t>一年之类有利润应该没什么压力</t>
  </si>
  <si>
    <t>按100台的机器算,最小也的租个150平的房间，大概6年你能赚到70-100万左右</t>
  </si>
  <si>
    <t>吸入式灭蚊灯有用吗</t>
  </si>
  <si>
    <t>当然有用，主要看你会不会用。吸入式灭蚊器要配合黑猫神蚊香、六神驱蚊花露水、高档蚊帐才能使用</t>
  </si>
  <si>
    <t>基本没用，和其它灭蚊器没区别</t>
  </si>
  <si>
    <t>有用的，在关门关窗人离开，室内仅留一个灯的时候，效果最好</t>
  </si>
  <si>
    <t>ipad自带软件可以删除吗</t>
  </si>
  <si>
    <t>苹果iPad系统自带的软件是无法删除的，除非对ios系统越狱。只有手机越狱之后才能删除自带软件，使用工具ifunbox即可删除。</t>
  </si>
  <si>
    <t>方法：1、打开同步助手并连接设备。点击上方的“文件”并没看到系统应用。这个方法是需要越狱的。打开左侧的“文件/iPad上的文件/Applications”。找到“Reminders“文件夹。右键点击删除。2、回到根目录，依次打开”System”“Library”“AccessibilityBundles“删除Reminders-Assistant.axbundle和Reminders.axbundle3、再回到根目录依次打开”System”“Library”“PreferenceBundles“删除RemindersSettings.bundle。4、删除完毕后重启设备。5、删除其它自带程序的思路也是一样的。在“Applications””System”“Library”“AccessibilityBundles“”System”“Library”“PreferenceBundles“这三个目录寻找与目标程序有关的文件夹删除即可。为方便查看应用名可以先把设备的语言调成英文。</t>
  </si>
  <si>
    <t>预装的软件的话不可以删除，但是可以隐藏一部分，在设置-通用-限制（我的是英文的...所以不知道是不是限制，您看到类似意思的就打开）就在这里面，把不想用的隐藏（限制）。</t>
  </si>
  <si>
    <t>每天跑步十公里科学吗</t>
  </si>
  <si>
    <t>健身跟跑步都是为了健康，没啥好不好的，只有哪个更适合。</t>
  </si>
  <si>
    <t>中国国籍很难拿吗</t>
  </si>
  <si>
    <t>中国国籍是世界上最难入的。</t>
  </si>
  <si>
    <t>如果是中国人，那自然很容易，到所在地派出所提供出生证居委会证明就可以。如果不是中国人，要拿户籍，就困难很多，毕竟中国不缺人，也不是移民国家，但有些人还是有办法办理的，但骗人的很多。</t>
  </si>
  <si>
    <t>好拿，比外国的都好拿。</t>
  </si>
  <si>
    <t>a1530支持联通4g吗</t>
  </si>
  <si>
    <t>档案回原籍还算工龄吗</t>
  </si>
  <si>
    <t>工龄是按照本人在公司或者政府部门任职的时间来定的。档案保管和工龄没有直接关系。</t>
  </si>
  <si>
    <t>不计算，需要办理档案人事代理，问问人事局或者问问人事代理机构（人才中心、人力资源公司）。只要把档案从人事局转出当地人才存档，每月缴费，过一年做个转正定级就正式算工龄了。现在不是事业单位、公务员，工龄对于年轻人已经无用，将来都是要看交纳社保情况确定退休待遇的。</t>
  </si>
  <si>
    <t>tmp文件可以删除吗</t>
  </si>
  <si>
    <t>可以直接将其删除。</t>
  </si>
  <si>
    <t>端午节要送礼吗</t>
  </si>
  <si>
    <t>最好不要端午节一般都送安康，不要送快乐，历史上好多悲剧都是端午节发生，要送就送安康最合适。</t>
  </si>
  <si>
    <t>该送就送。这是好机会名正言顺。</t>
  </si>
  <si>
    <t>不一定看你心意。</t>
  </si>
  <si>
    <t>三国杀手机版和pc版能互通么</t>
  </si>
  <si>
    <t>三国杀在手机平台上共有两款官方应用：手机三国杀和三国杀online移动版。手机三国杀是自己独立的服务器；三国杀online移动版则是和网页版共享数据的。</t>
  </si>
  <si>
    <t>手机可以下载三国杀ol移动版是和电脑版互通的。</t>
  </si>
  <si>
    <t>这个不一定。因为由于游戏版本和服务器之间的差异，pc端申请的账号到手机端，未必能够通用。</t>
  </si>
  <si>
    <t>保鲜膜减肥有用吗</t>
  </si>
  <si>
    <t>裹上保鲜膜，出更多的汗，减下去的也只是水分而不是脂肪，并不会比单纯的体育运动效果更好。</t>
  </si>
  <si>
    <t>没用，只是出汗，出汗不代表脂肪燃烧。</t>
  </si>
  <si>
    <t>没有科学性，非但不能从根本上达到减肥的效果，还可能引发多种皮肤病。</t>
  </si>
  <si>
    <t>胶囊药可以去壳吃吗</t>
  </si>
  <si>
    <t>甩脂机有用吗</t>
  </si>
  <si>
    <t>没什么太大的效果， 不过可能起到一点点塑身的作用吧!</t>
  </si>
  <si>
    <t>要通过它达到燃烧脂肪的目的，简直就是痴人说梦。</t>
  </si>
  <si>
    <t>骗人的，不可能把脂肪甩掉。</t>
  </si>
  <si>
    <t>中央承认善心汇吗</t>
  </si>
  <si>
    <t>善心汇合法合规的，合理的，中央台，法制日报都有报道。</t>
  </si>
  <si>
    <t>不是国家承认的合法机构。</t>
  </si>
  <si>
    <t>户口和档案不在同一个地方可以吗</t>
  </si>
  <si>
    <t>荷叶灰真的能减肥吗</t>
  </si>
  <si>
    <t>这个效果不错的。</t>
  </si>
  <si>
    <t>减肥不要花这种巧心思，没什么用。</t>
  </si>
  <si>
    <t>20年的老房子值不值买</t>
  </si>
  <si>
    <t>地段好就买</t>
  </si>
  <si>
    <t>边境牧羊犬咬人吗</t>
  </si>
  <si>
    <t>边境牧羊犬有自己的个性和原则，一般不会主动的攻击人类，在触碰到它的底线之后，也会呲牙咧嘴或者咬人。</t>
  </si>
  <si>
    <t>边牧性格温和，待人友善，训练有素，是不会咬人的，除非伤害它。</t>
  </si>
  <si>
    <t>女王之刃好看吗</t>
  </si>
  <si>
    <t>一般吧，纯卖肉，又不太H剧情还可以，不过基本没男的就是了。</t>
  </si>
  <si>
    <t>绝对不好看，比较无聊。</t>
  </si>
  <si>
    <t>沪c能上外环高速吗</t>
  </si>
  <si>
    <t>可以。S20和以外地方都能行驶，S20以内不可以。</t>
  </si>
  <si>
    <t>可以上外环，在外环上开，不能进外环。沪C牌号车辆禁止进入外环(可沿线)，沪C牌号的出租车除外，内环禁止一切的沪C牌号车辆和无环保标志的车辆。</t>
  </si>
  <si>
    <t>可以的，中环内环和沪闵高架禁上。</t>
  </si>
  <si>
    <t>梦幻西游挖宝图能赚钱吗</t>
  </si>
  <si>
    <t>一直赚钱，挖宝图不会亏的，尤其是现在召唤兽内丹涨价。新区就看运气了，因为新区装备不值钱！但是挖的多也不会亏多少。老区稳赚，前提是你挖的多。</t>
  </si>
  <si>
    <t>这个问题要拆开来讲。首先，自己打图肯定是赚钱的。不然就不会有工作室和普通玩家去打图来卖了。尤其是高级骷髅女DT，又省钱出图率又高。其次，就是挖图到底赚不赚？在少量挖图的情况下，赚和亏是十分考手气的。在大量挖图的情况下，个人觉得是有赚的。</t>
  </si>
  <si>
    <t>首先挖图是必赚的，主要是处理自己挖到的东西麻烦，各种东西都需要分类处理。卖商人的话又比较不划算。卖图直接就换成游戏币了，处理起来比较简单。</t>
  </si>
  <si>
    <t>女皇艾希有特效吗</t>
  </si>
  <si>
    <t>没有一点特效。</t>
  </si>
  <si>
    <t>华为mate9防水吗</t>
  </si>
  <si>
    <t>mate9防水等级为国际标准IPX2，能应付生活中的汗液和短时间中小雨淋场景，但还不能应对手机掉入水盆、水池等整个浸入水中的情况，如果掉水里了，建议马上关机。</t>
  </si>
  <si>
    <t>st的股票能买吗</t>
  </si>
  <si>
    <t>要先开通风险警示板，才可以买ST股票。在交易软件里面，或者登入网上营业厅，签署风险警示板的协议后，就可以买ST股票了。</t>
  </si>
  <si>
    <t>微信能用qq注册吗</t>
  </si>
  <si>
    <t>现在所有版本的微信都不可以使用QQ直接注册申请，只能通过手机号申请注册，因为微信注册系统已经更新了，关闭了QQ注册通道。</t>
  </si>
  <si>
    <t>不可以了，只能用手机号注册，但是申请到微信号以后手机号可以解除绑定。</t>
  </si>
  <si>
    <t>从2015年开始就不可以了。只能手机号注册了。</t>
  </si>
  <si>
    <t>酒酿蛋真能丰胸吗</t>
  </si>
  <si>
    <t>能，有一定的辅助作用。</t>
  </si>
  <si>
    <t>据说大姨妈那几天吃酒酿蛋丰胸效果杠杠滴。</t>
  </si>
  <si>
    <t>王者荣耀好友观战 对方知道吗</t>
  </si>
  <si>
    <t>两个单眼皮的父母可以生出双眼皮的孩子吗</t>
  </si>
  <si>
    <t>有可能，几率有点小。</t>
  </si>
  <si>
    <t>电脑王者荣耀和手机同步吗</t>
  </si>
  <si>
    <t>同步。</t>
  </si>
  <si>
    <t>深圳艾艾贴合法吗</t>
  </si>
  <si>
    <t>是真的，就是因为效果显著，所以假冒产品很多，只要认准是深圳前海艾艾贴就行了。</t>
  </si>
  <si>
    <t>觉得有点夸张，真的艾灸文化就这样别错误的传播。那个压根就是一炷香。</t>
  </si>
  <si>
    <t>三亚有共享单车吗</t>
  </si>
  <si>
    <t>iphone7plus 32g够用吗</t>
  </si>
  <si>
    <t>不下载大型游戏，基本够用的。</t>
  </si>
  <si>
    <t>方舟生存进化好玩吗</t>
  </si>
  <si>
    <t>除了摔死的判定很坑还有动作僵硬以外，还可以。</t>
  </si>
  <si>
    <t>联机版好玩，可以一群人玩，总比一个人刷图有意思。而且貌似会遇到老外。</t>
  </si>
  <si>
    <t>带避孕套可以防止艾滋病吗</t>
  </si>
  <si>
    <t>正确佩戴的时候就可以减少艾滋病的传染，不能完全防止。</t>
  </si>
  <si>
    <t>不可以，避孕套最大的作用的避孕，不是防止艾滋病。</t>
  </si>
  <si>
    <t>悉地国际工资很低吗</t>
  </si>
  <si>
    <t>应届毕业生第一年是没奖金的。想赚钱就别来这个地方了。北京结构这边新入职的人近三年基本没留住一个人。12年入职的基本全走没了。没办法，就怕人比人。跟同行一比，满满的全是泪，一年就干巴巴的工资，福利待遇不要想。而且待遇很不人性化，很多人都赚不够吃饭的钱。CCDI人员流动是十分惊人的。入职3年身边的人走了好几拨了，反正知道早晚都是走，所以人际关系很冷漠。机电那边据说更寒心，还有2000多块的，离职都是一个部门一个部门，人都走空了。但是公司大，禁得住折腾。所以他们不怕走。去年没人干活了，他们可以从上海调过来一个团队在北京住快捷酒店。这就是规模大的好处。建筑那边不太了解，感觉刚来单位还有点牛人，现在配合时候刚开始那批老人也都走没了，这批人感觉明显不如以前。得追着要图，对图，问题一大堆，否则不管出了多大问题他们都跟没事似的，一批不如一批。总之CCDI底层的人，确实是比较悲催的。</t>
  </si>
  <si>
    <t>去委内瑞拉打工安全吗</t>
  </si>
  <si>
    <t>委内瑞拉现已经离崩溃不远，当地人的安全都无法保证更何况语言不通的中国人。</t>
  </si>
  <si>
    <t>委内瑞拉本身是个治安堪忧的家国家，由于各地基本物资供应出现严重短缺，物价大幅上升，一些地区出现哄抢事件。</t>
  </si>
  <si>
    <t>近年来该国形势非不妙，物质条件极差。</t>
  </si>
  <si>
    <t>尿糖3个加号严重吗</t>
  </si>
  <si>
    <t>正常人的尿是没有葡萄糖的，只有血糖达到一定的高度才能尿中漏出糖，肾脏能够从尿排出葡萄糖的最低浓度，称为"肾糖阈"。正常人的肾糖阈8.9～10.0mmo/L，也就是说,血糖≥8.9～10.0mmo/L时，尿糖现阳性,化验单表示+、++、+++、++++、+越对，说明尿葡萄糖含量越多。三个加号，是强阳性，这种情况必须要引起重视，建议进一步检查血糖。</t>
  </si>
  <si>
    <t>回力在国外很受欢迎吗</t>
  </si>
  <si>
    <t>当然，现在是潮流鞋。</t>
  </si>
  <si>
    <t>小米手环2好用吗</t>
  </si>
  <si>
    <t>网上可以交违章罚款吗</t>
  </si>
  <si>
    <t>剑灵好玩吗</t>
  </si>
  <si>
    <t>这个游戏很无聊。</t>
  </si>
  <si>
    <t>过了试用期不转正是否默认转正</t>
  </si>
  <si>
    <t>试用期满后，是自动转正的。</t>
  </si>
  <si>
    <t>试用期过了之后单位必须按照正式合同期支付工资，不需要再另行办理转正手续。</t>
  </si>
  <si>
    <t>超过试用期的，员工自动转正，法律上没有办理转正手续的规定。劳动合同中约定试用期内的，试用期内双方按试用期约定处理劳动关系；试用期结束后，用人单位没有因劳动者不符合录用条件而解除劳动合同的，劳动者自动转正，有权享受转正的工资及福利待遇。</t>
  </si>
  <si>
    <t>上海蜡像馆值得去吗</t>
  </si>
  <si>
    <t>值得一玩。</t>
  </si>
  <si>
    <t>没啥好玩的。</t>
  </si>
  <si>
    <t>电子公章有法律效力吗</t>
  </si>
  <si>
    <t>传统的印章有相关的管理法规，而电子印章的相关管理法规尚未出台。</t>
  </si>
  <si>
    <t>百香果孕妇可以吃吗</t>
  </si>
  <si>
    <t>孕妇是可以吃百香果的。</t>
  </si>
  <si>
    <t>人又前世吗</t>
  </si>
  <si>
    <t>有，可以参见《佛说见正经》。</t>
  </si>
  <si>
    <t>信者有，不信者无。一个怎样的人呢？人死后灵魂化为灵魂粒子，因此我并不信，但从某个方面讲我信，这是一种寄托呢。况且这世界有那么多未知，人生也是。其实，世界上有人转世记得上一世的记忆的，还不少，一直信，科学什么的还是有没发现的呀。</t>
  </si>
  <si>
    <t>弱精能治吗</t>
  </si>
  <si>
    <t>治疗弱精症需要坚持。只有连续的治疗才有效果。</t>
  </si>
  <si>
    <t>是可以治好的。</t>
  </si>
  <si>
    <t>斯巴鲁森林人故障多吗</t>
  </si>
  <si>
    <t>斯巴鲁的车型故障率普遍都很低的，不过出现故障普通的修理厂是无法修理的，水平对置发动机的维修技术现在还不是很普及！</t>
  </si>
  <si>
    <t>支付宝定期理财安全吗</t>
  </si>
  <si>
    <t>是由包括保险公司、银行在内的权威金融机构作为增信机构提供本息保障措施，理财产品全部为依法设立的权威金融机构发布，并由金融机构负责投机管理和收益兑付，主要为保本低风险类型，还是比较安全的。</t>
  </si>
  <si>
    <t>个人感觉还是相对可靠的，但是周期较长，建议拿50%的资金投资就可以，这个是稳定收益理财，风险相当低。</t>
  </si>
  <si>
    <t>支付宝理财还是相对安全的，都是没有问题的。</t>
  </si>
  <si>
    <t>华为p10双卡双待吗</t>
  </si>
  <si>
    <t>根据插卡的不同，华为p10可以是单卡单待（插1个SIM卡+1个SD卡)，也可以是双卡双待（插2个SIM卡)。</t>
  </si>
  <si>
    <t>华为P10手机是双卡双待</t>
  </si>
  <si>
    <t>身份证复印件能贷款吗</t>
  </si>
  <si>
    <t>身份证复印件不可以办理任何银行业务。</t>
  </si>
  <si>
    <t>盐城东台是不是很穷啊</t>
  </si>
  <si>
    <t>相对周边的县市，确实比较穷。</t>
  </si>
  <si>
    <t>中游以下水平。</t>
  </si>
  <si>
    <t>今年有闰月吗</t>
  </si>
  <si>
    <t>2017：闰六月大</t>
  </si>
  <si>
    <t>善心汇本金能拿回来吗</t>
  </si>
  <si>
    <t>是100%能收回来的，本身善心汇会员诚信度就很高达到99%，即使有不诚信的功德主会接单，平台也会接单的，所以完全不用担心收不回来。</t>
  </si>
  <si>
    <t>中北大学是211吗</t>
  </si>
  <si>
    <t>柬埔寨博彩业合法吗</t>
  </si>
  <si>
    <t>港版6s支持电信吗</t>
  </si>
  <si>
    <t>从苹果香港官网提供的数据来看，港版iPhone 6s共有A1633和A1688两个型号。其中A1633是支持电信4G网络，但不支持电信3G/2G网络，支持移动/联通的4G/3G/2G网络，所以这个型号虽然支持电信网络，但并不支持全网通。而A1688则和国行版的网络制式一样，支持移动/联通/电信的所有4G/3G/2G网络，是一款真正意义上的全网通智能手机。</t>
  </si>
  <si>
    <t>港版的苹果手机都不支持电信，香港没有电信网络。</t>
  </si>
  <si>
    <t>按照苹果香港官网的说法，“已解锁的iPhone并不支持CDMA网络”，所以在香港官网购买的港版iPhone 6S和iPhone 6S Plus是无法支持电信CDMA网络的，理论上电信4G也会被软屏蔽。</t>
  </si>
  <si>
    <t>希芸化妆品被曝光了吗</t>
  </si>
  <si>
    <t>希芸气垫被曝光了。</t>
  </si>
  <si>
    <t>吃花生会胖吗</t>
  </si>
  <si>
    <t>适量吃花生不会胖。建议每天20克左右。</t>
  </si>
  <si>
    <t>会。因为花生里含油脂。每天吃15颗以内还好。多了，就会长胖。</t>
  </si>
  <si>
    <t>ipad边充电边玩好吗</t>
  </si>
  <si>
    <t>肯定不好，特别是在玩手机时突然来电话，电流电容突然加大可能会造成爆炸。</t>
  </si>
  <si>
    <t>以放心充电玩。</t>
  </si>
  <si>
    <t>当然可以，但不建议，对电池的损害很大。</t>
  </si>
  <si>
    <t>苹果直营店可以维修吗</t>
  </si>
  <si>
    <t>在职员工可以注册公司吗</t>
  </si>
  <si>
    <t>私营企业职员可以注册，但是具体的看你们的就业合同上有没有明确你工作之余不允许注册公司，公务员是不允许注册的。</t>
  </si>
  <si>
    <t>1.只要不是国家机关，国企企业在职员工都是可以注册公司的。2.注册公司的经营业务和自己所任职的公司不可以相同。</t>
  </si>
  <si>
    <t>县级以上包括县级吗</t>
  </si>
  <si>
    <t>包括。</t>
  </si>
  <si>
    <t>机关事务管理局好不好</t>
  </si>
  <si>
    <t>如今到体制内没有说的那么好，但是还是进去看看比较好。因为这个门好出难进，你到省里上上班比一般的基层要好多了，再说你若进去工作不满意随时可以退出来的，好不好只有你自己才知道。要知道多少人为了“权”拼了老命也要往里跳。但是你的想明白：玩政治风险是很高的，利润我就不说了。如果你以后不想在官场混，那就择一个好时机出来做自己想做的事。</t>
  </si>
  <si>
    <t>还可以吧，没什么实权，但是能够接近领导，管理领导的私事比较多！把握好，升值的空间还是比较大的！</t>
  </si>
  <si>
    <t>开保时捷macan算有钱吗</t>
  </si>
  <si>
    <t>半边轻微面瘫能自愈吗</t>
  </si>
  <si>
    <t>面瘫是种顽固性疾病，一般情况很难自愈，建议及时就医，以免延误病情，造成不必要的后果。</t>
  </si>
  <si>
    <t>抓紧治疗患者，对治愈有帮助。</t>
  </si>
  <si>
    <t>果耽误了最佳治疗时机，容易造成面瘫后遗症。每个患者的情况不一样，治疗的时候也不一样。很难一概而论。面瘫治疗得当的话，一周见效，一月治愈。</t>
  </si>
  <si>
    <t>泥螺有寄生虫吗</t>
  </si>
  <si>
    <t>黄泥螺里有很多寄生虫，因为螺类是寄生虫的宿主。</t>
  </si>
  <si>
    <t>什么都会有寄生虫，或多或少而已。</t>
  </si>
  <si>
    <t>2017年是否取消营运证</t>
  </si>
  <si>
    <t>只要是用于营运的机动车，2017年都不会取消营运证。</t>
  </si>
  <si>
    <t>不在4s店保养 还有保修吗</t>
  </si>
  <si>
    <t>可以呢，如果4s店说不能享受保质服务，可以维权。</t>
  </si>
  <si>
    <t>车辆保修期内不去4s店保养合适，首保去4S店保养就可以，后续可以自主选择，4s店无权干涉，也不能以此为由不予保修。</t>
  </si>
  <si>
    <t>是完全可以的，建议你找比较好的正规的快修店进行保养。4s店有其自身的优势，外面的店面一般都有级别优势。</t>
  </si>
  <si>
    <t>晚上吃水果好吗</t>
  </si>
  <si>
    <t>晚上吃水果不好。</t>
  </si>
  <si>
    <t>动态心电图能玩手机吗</t>
  </si>
  <si>
    <t>最好别，免得影响健康。</t>
  </si>
  <si>
    <t>不行，这不会影响到测量结果。</t>
  </si>
  <si>
    <t>可以，影响不大。</t>
  </si>
  <si>
    <t>销售收入是营业收入吗</t>
  </si>
  <si>
    <t>一般来说财务报表上的主营业务收入就是销售收入,但是销售收入可能还包括其他业务收入。</t>
  </si>
  <si>
    <t>销售收入也叫营业收入或者经营收入：是指企业发生在商品产品、自制半成品或提供劳务，使商品产品所有权转到客户，收到货款、劳务价款或取得索取价款凭证，而认定的收入。</t>
  </si>
  <si>
    <t>销售收入包含主营业务收入，新准则下取消了主营业务收入的说法，取而代之的是营业收入，营业收入与其他业务收入共同构成了销售收入。</t>
  </si>
  <si>
    <t>杭州西溪湿地好玩吗</t>
  </si>
  <si>
    <t>我是去年清明节前后去的 那时候西溪湿地分成两个区 一边是人文景观 一边是自然景观 但是自然景观那边开发的相当一般 只是一些乱七八糟的小路加上标了名字的植物 并没什么好玩的 人文景观那边就是有一些看着很古典的建筑啦 塔啦 还有拍非诚勿扰的船都作为一个景点出现了= = 还有一些小店卖的纪念品 还有 那里应该是有船可以乘的 就像非诚勿扰里面拍的一样 但是那天我去的太晚了 游船关门了。 总的来说西溪湿地也就一般 今年如果有新的开发可能会给人新的感受吧</t>
  </si>
  <si>
    <t>西溪湿地一期二期是东区，三期是西区，两边虽然是分别买票，但是有条新闻说是东区的票也可以去西区辅窢滇喝鄄估殿台东郡，西区的票也可以去东区，但是貌似那种套票里的船，就不能通用了，西区是西区的船票，东区是东区的船票，电瓶车票好像是可以通用的，但也有说半路被轰下来的。 可以一次都去了，两个区域是挨着的，里面有路可以走过去。另外二期的大部分景点是不要票可以看的。所谓通票，就是两个区分别买的大门票，两边都可以进的。至于哪边好，仁者见仁，说法不一。都去看看就是了。</t>
  </si>
  <si>
    <t>试用期不交社保违法吗</t>
  </si>
  <si>
    <t>1、根据《劳动合同法》规定，试用期包含在劳动合同期限内。既然试用期属于劳动合同期限的范围，员工就有权享受各项社会保险，即养老保险、工伤保险、医疗保险等等。2、如果单位没有在职工试用期期间缴纳社会保险，可以在正式签订劳动合同之后为职工补缴。</t>
  </si>
  <si>
    <t>违法的。按照社保法和劳动合同法相关条款，员工和企业建立劳动关系后，就应该为员工缴纳社保，因此社保的缴纳与试用期无关。有些企业可能从试用期后才为员工缴纳社保，但需要补缴试用期内的社保。具体法律条款（社保法）：第五十八条　用人单位应当自用工之日起三十日内为其职工向社会保险经办机构申请办理社会保险登记。未办理社会保险登记的，由社会保险经办机构核定其应当缴纳的社会保险费。</t>
  </si>
  <si>
    <t>这个要看试用期的时间，国家社保暂行条例中有规定是员工入职一个月内公司需给员工买社保，如果试用期为一个月的话，可以转正后再买。但如果试用期超过一个月，必须在一个月内买社保。否则就违法了。</t>
  </si>
  <si>
    <t>gpt转mbr数据会丢失吗</t>
  </si>
  <si>
    <t>全部丢失。</t>
  </si>
  <si>
    <t>鼎益丰投资可靠吗</t>
  </si>
  <si>
    <t>独创性地把禅、易、道引入资本运营创新和金融博弈，创造了金融投资界的传奇。至2014年8月集团注册资本4.61亿，管理资产超50亿人民币，在中国金融界影响力已经初步显现。</t>
  </si>
  <si>
    <t>子宫肌瘤影响生育吗</t>
  </si>
  <si>
    <t>子宫肌瘤会影响正常的生育能力。</t>
  </si>
  <si>
    <t>子宫肌瘤根据生长的部位不同分为浆膜下、肌壁间、粘膜下三类。当发生肌壁间肌瘤和粘膜下肌瘤时，可以引起不孕。</t>
  </si>
  <si>
    <t>贝窝一键海淘靠谱吗</t>
  </si>
  <si>
    <t>不靠谱，千万别用，东西邮不到。钱还不退。</t>
  </si>
  <si>
    <t>迅游破解版是真的吗</t>
  </si>
  <si>
    <t>保存过一个迅游破解版，现在还可以用，玩LOL的时候都开着浔阳破解版加速的。</t>
  </si>
  <si>
    <t>要是真的有破解版的 人家迅游就不用赚钱了， 都去用，怎么可能会有破解版。既然是付费的，人家就有足够的自己保证自己的东西不会被破解 不然养那一堆程序员干嘛，所以真花钱的话就买个正版的，要是嫌价格贵，就买玲珑加速器 一样好用，我就比较喜欢用这个加速器。</t>
  </si>
  <si>
    <t>奥买家是不是正品</t>
  </si>
  <si>
    <t>高考有人作弊成功了吗</t>
  </si>
  <si>
    <t>玩得好还有替考的，没钱打点考场就好好靠自己的，作弊的也有，很少，而且看监考严不严了，地区有差异，不过这些都不是万全方法，别想多了，努力吧。</t>
  </si>
  <si>
    <t>高考作弊，历年都有发生，未必全部都会被发现或得到处理。</t>
  </si>
  <si>
    <t>高考都有监控，并且前后都有老师盯着？？即使你给钱再多，我看又没人会冒险给你作弊的吧。</t>
  </si>
  <si>
    <t>档案回原籍需要报到吗</t>
  </si>
  <si>
    <t>不想返回原籍报到，因此可以不用回去报到。</t>
  </si>
  <si>
    <t>香港百老汇有假货吗</t>
  </si>
  <si>
    <t>本兮有没有死</t>
  </si>
  <si>
    <t>死了，官方给了消息。</t>
  </si>
  <si>
    <t>榴莲和酸奶能一起吃吗</t>
  </si>
  <si>
    <t>吃了榴莲喝酸奶是不会有事的，这两种食物不会产生反应。</t>
  </si>
  <si>
    <t>可以，没有问题。</t>
  </si>
  <si>
    <t>最好不要，对于胃肠道不好的人容易腹泻。</t>
  </si>
  <si>
    <t>火疗是传销吗</t>
  </si>
  <si>
    <t>权健火疗是传销，请果断离开。</t>
  </si>
  <si>
    <t>比特币交易平台可靠吗</t>
  </si>
  <si>
    <t>比特币中国、okcoin、火币网，都很可靠。</t>
  </si>
  <si>
    <t>国外平台比较安全。</t>
  </si>
  <si>
    <t>原谅老婆出轨能幸福吗</t>
  </si>
  <si>
    <t>原谅老婆出轨，后半生活在阴影里，不会幸福，而且这种事以后还会发生。想幸福，离婚换新的。</t>
  </si>
  <si>
    <t>五证合一必须办理吗</t>
  </si>
  <si>
    <t>目前可以不办，2017年前必须办理。</t>
  </si>
  <si>
    <t>办理过三证合一的企业不需要办五证合一。</t>
  </si>
  <si>
    <t>没毕业的大学生可以签订劳动合同吗</t>
  </si>
  <si>
    <t>没有毕业说明仍然属于学生，学生不具备相关法规规定的主体资格，不能够签劳动合同，可以和用人单位签订实习协议或者就业协议。</t>
  </si>
  <si>
    <t>劳部发〔1995〕309号文件第12条规定："在校生利用业余时间勤工助学，不视为就业，未建立劳动关系，可以不签订劳动合同。"这就是说在校学习的学生尚不具有劳动主体的资格，其勤工俭学期间与用人单位之间不存在劳动关系，因此可以不签订劳动合同，不适用劳动法律规定，如社会保险、最低工资等规定。</t>
  </si>
  <si>
    <t>可以，只不过是合同生效日或履行起始日应在学生毕业之后。</t>
  </si>
  <si>
    <t>揉胸会变大么</t>
  </si>
  <si>
    <t>男生揉胸会变大，和异性在一起刺激孕激素分泌，刺激乳房发育，自己揉不会变大，但自己揉有益健康。</t>
  </si>
  <si>
    <t>揉胸会出现三种结果：1. 变大：如果对方是你喜欢的对象，会让你性欲提高，脑内会分泌更多女性荷尔蒙，这对乳腺的发育和胸部成长就有很好的效果。2. 不变：乳房90%都是脂肪，无论对脂肪做什么按摩脂肪都是不会变大的。即使是性兴奋产生的荷尔蒙也十分少量，根本不会出现肉眼可见的影响，且增加荷尔蒙的方式大多是暂时性的，很快就会恢复。即使是一天揉10个小时以上，也只会疼痛而已。3. 变小：揉捏脂肪等于是让脂肪做运动，运动是让脂肪燃烧的一种方法，可能会变小。</t>
  </si>
  <si>
    <t>有可能，也不是绝对。</t>
  </si>
  <si>
    <t>近视可以恢复吗</t>
  </si>
  <si>
    <t>要看是真性近视还是假性近视，可以先到医院散瞳确定，假性近视有恢复的可能，真性近视基本不可能恢复，但可以通过手术或角膜塑形镜将视力调整到正常。</t>
  </si>
  <si>
    <t>近视看度数是多少了，如果度数低的还是建议矫正，如果高的话，可以到专业的医疗机构检测，基本近视是不可逆的。</t>
  </si>
  <si>
    <t>活检是不是确定就是癌</t>
  </si>
  <si>
    <t>活检只是检查看是否是癌症，一般用于不太确诊的病因，活检可以做最后确诊，看是否存在癌细胞。</t>
  </si>
  <si>
    <t>不能确定性质才进行活检的，所以活检不能说就确定是癌。</t>
  </si>
  <si>
    <t>活检，严格来说是为了排除癌症。</t>
  </si>
  <si>
    <t>笔记本改水冷意义大吗</t>
  </si>
  <si>
    <t>意义不大。</t>
  </si>
  <si>
    <t>点点盒子会封号吗</t>
  </si>
  <si>
    <t>会，所有第三方软件都有被封的可能，正常使用被封的概率会很低。</t>
  </si>
  <si>
    <t>信用卡借给朋友刷了不还能报案吗</t>
  </si>
  <si>
    <t>如果金额较大，是可以报警处理的。</t>
  </si>
  <si>
    <t>信用卡借给别人刷后别人不还款，属于民事纠纷，搜集证据，协商不成，到法院起诉解决。</t>
  </si>
  <si>
    <t>没用。信用卡本身就是不可以外借的，谁的卡银行找谁还，朋友用属于自己跟朋友的债务关系，跟银行无关。银行找的是持卡人。</t>
  </si>
  <si>
    <t>20000毫安的充电宝能带上飞机吗</t>
  </si>
  <si>
    <t>可以带上飞机，但不能托运，只能随身携带。</t>
  </si>
  <si>
    <t>微信支付安全吗</t>
  </si>
  <si>
    <t>个人觉得不安全，用微信支付的话，只需要输入支付密码即可完成支付，这意味着要保护好密码和手机。</t>
  </si>
  <si>
    <t>滑板好学吗</t>
  </si>
  <si>
    <t>新手阶段是最难的，很难学。</t>
  </si>
  <si>
    <t>挺容易的。</t>
  </si>
  <si>
    <t>宠物猪和人有感情吗</t>
  </si>
  <si>
    <t>肯定会啊，从小的时候就开始照顾，伴随左右，而且的智商比狗狗高，怎么会不通人性。</t>
  </si>
  <si>
    <t>夜来香有毒吗</t>
  </si>
  <si>
    <t>放在室内时间太长，由于香味过分浓，会使人感觉到头晕。晚上停止光合作用，排出的废气对人体不利。</t>
  </si>
  <si>
    <t>有毒，其夜间停止光合作用，排出大量废气，有害人体。且花香中含有一种有害物质，长期摆放客厅卧室中，可使人头昏、气喘、咳嗽和失眠，尤其使高血压和心脏病人格外憋闷难受。夜来香、百合等具有浓烈香气的花卉同样不宜在儿童房摆放，会对儿童神经系统产生影响，造成儿童注意力不集中等现象。</t>
  </si>
  <si>
    <t>夜来香香味有毒。</t>
  </si>
  <si>
    <t>网赚是真的吗</t>
  </si>
  <si>
    <t>有真的有假的。</t>
  </si>
  <si>
    <t>少女前线ios和安卓互通吗</t>
  </si>
  <si>
    <t>少女前线ios和安卓能一起玩， ios和安卓数据不互通。</t>
  </si>
  <si>
    <t>所有的游戏安卓和IOS的数据都是分开的，没有数据互通这一说法。</t>
  </si>
  <si>
    <t>小米手环2苹果手机可以用吗</t>
  </si>
  <si>
    <t>1、组织并戴上手环，根据步骤取出手环主体，把手环主体装入腕带，将腕带佩戴到手腕上，左手或者右手都行。2、在iphone手机上安装小米手环软件，可以到appstore里面搜索和下载。3、启动手机上得手环APP软件，打开蓝牙，如果需要升级到最新构件，那就升级一下，在按照上面得提示登录小米账号并搜索手环即可正常使用。</t>
  </si>
  <si>
    <t>可以连接的。绑定方法如下：1、下载小米运动App，并搜索手环。2、搜到后触摸按键确认绑定即可。3、如果出现搜索失败的情况，打开手机得蓝牙列表。4、选择忽略该设备，并重新进入小米运动搜索。</t>
  </si>
  <si>
    <t>小米手环是可以连接苹果手机使用的；即小米手环可以适配运行 iOS系统 7.0 及以上版本的 iPhone 4s / 5 / 5c / 5s / 6 / 6 Plus等苹果手机。</t>
  </si>
  <si>
    <t>潘玮柏背鬼是真的吗</t>
  </si>
  <si>
    <t>英雄联盟被腾讯收购了吗</t>
  </si>
  <si>
    <t>08年腾讯成为拳头股东，11年腾讯收购了拳头公司，控股90%以上，只不过公司在美国。</t>
  </si>
  <si>
    <t>英雄联盟的开发商独立运营而已，所有权是腾讯的</t>
  </si>
  <si>
    <t>2011年英雄联盟被腾讯收购，腾讯收购了拳头的91％股份</t>
  </si>
  <si>
    <t>变色近视镜片好不好</t>
  </si>
  <si>
    <t>戴光致变色眼镜眼睛更保护眼睛不会影响视力。一副好的光致变色镜片可以在规定的时间内达到变深变浅的效果，并且能有效地拦截紫外线，保证透过足够的可见光，然而，一些劣质的光致变色镜片却吸收可见光，还有一些伪劣产品甚至根本不变色，戴着这种镜片看物体格外吃力，导致瞳孔放大，使眼肌和视神经处于高度紧张状态，长此以往，戴这种不合格的光致变色眼镜反而会导致视力的下降。</t>
  </si>
  <si>
    <t>变色眼镜,虽然在室内戴像近视镜,室外像是墨镜,变色眼镜用久了以后就一定会存在一定比例的底色,从而使眼睛的瞳孔处于扩大的状态,度数是高度近视,本身眼睛的分辨力就很差，在这种情况下,眼睛的成像效果容易失真,可能出现虹彩的现象。</t>
  </si>
  <si>
    <t>变色镜片属于光学矫正眼镜片的一类，只要镜片品质没问题，佩戴也是没有问题。不同品牌的变色镜片，差别也会很大。高品质的变色镜片变色和褪色速度也相应的更快。</t>
  </si>
  <si>
    <t>国家禁止发明永动机吗</t>
  </si>
  <si>
    <t>不禁止。</t>
  </si>
  <si>
    <t>天巡网订机票可靠吗</t>
  </si>
  <si>
    <t>不一定，天巡网只是个机票信息搜索引擎一样的网站，搜来的供应商不一定靠谱，要在上面挑官网或者大网站购买。</t>
  </si>
  <si>
    <t>天眼查是正规的吗</t>
  </si>
  <si>
    <t>合理，但不合法。</t>
  </si>
  <si>
    <t>微信删好友对方还有我吗</t>
  </si>
  <si>
    <t>1、微信删除好友后对方的好友列表里还有你的。2、微信删除好友是单方面删除，并不影响对方好友列表。3、虽然对方好友栏中有你，但不能给你发送信息，也看不到你朋友圈的信息。</t>
  </si>
  <si>
    <t>webstorm是免费的吗</t>
  </si>
  <si>
    <t>不是免费的，30天试用。</t>
  </si>
  <si>
    <t>女人绝经后还有性吗</t>
  </si>
  <si>
    <t>女人绝经后,当然可以做爱,但是不会那么强烈 ,不过很会冷淡很多 有些人到70 80岁仍然有性活动 不过那时候做爱要采取一些润滑措施。</t>
  </si>
  <si>
    <t>没问题。女人的性爱与年龄无关是与她的生理需求有关联的，有的女人绝经后反而性欲需求旺盛了；这是根据每个人的体质来决定的，如果身体保养得好，应该还是有些反映的。</t>
  </si>
  <si>
    <t>女人绝经后能做爱。从生理角度而言，绝经期后，卵巢不再分泌雌激素，也不排卵了，生育能力是丧失了。同时，生殖器官也出现退行性改变，性反应周期各个阶段的反应速度及强度也明显减退，这是事实的一面。但我们不能不看到性欲形成的另一面，即除上述生理因素之外，性欲还受到文化观念、心理和环境等因素的影响；妇女到了更年期以后，由于生活稳定，孩子也已长大就业，夫妻感情牢固，也再不必担心怀孕，使以前因上述因素造成的性压抑消除了，性欲反而可增强，性生活时更放得开，这些例子是经常可以见到的。所以，认为绝经期后性欲就会丧失的看法是错误的；事实上，对于一个健康状况良好的老年人，衰老并不意味性欲的必然消退和获得性高潮的丧失。</t>
  </si>
  <si>
    <t>加装车顶行李架违法吗</t>
  </si>
  <si>
    <t>需要在改后10日内到相关车管所申请办理审批和变更手续，否则就属于违法改装。</t>
  </si>
  <si>
    <t>车顶的行李架上放东西是可以的，但是行李架放完行李后顶起高度不得超过0.5米，加上车的总高度不得超过4米。符合这个标准就可以上路（包含高速）。</t>
  </si>
  <si>
    <t>东戴河能发展起来吗</t>
  </si>
  <si>
    <t>能，5年来，借助辽宁省整体向好的发展形势，东戴河充分利用独特的自身优势和条件，形成了“一带五区”的战略布局，基础设施投资累计完成61.2亿元，起步区及高新技术产业园区26平方公里“七通一平”建设全面完成，核心城区、临港产业园区基础设施建设快速跟进。</t>
  </si>
  <si>
    <t>能，东戴河想站在更高的起点，用更前瞻的眼光，在东戴河筹划、规划、建设资本集散地，发展金融产业，搭建金融平台，形成资本市场的骨架，形成一定规模的资本区域，为东戴河乃至更大区域实体经济发展提供各种类型的金融服务。</t>
  </si>
  <si>
    <t>东戴河新区地处辽冀交界的地方，它承担着东北、华北两大经济圈的连接处。因此只要东戴河新区能够抓住目前环渤海经济圈崛起的机遇，能够以市场为导向，同时要实现一种错位发展，坚持突出自己的特色，坚持产业融合，东戴河新区应该说一定会成为环渤海经济圈当中一颗新的明珠。</t>
  </si>
  <si>
    <t>集成灶好用么</t>
  </si>
  <si>
    <t>还真的不错的。</t>
  </si>
  <si>
    <t>比以前用油烟机好太多。</t>
  </si>
  <si>
    <t>孕妇吃榴莲好吗</t>
  </si>
  <si>
    <t>建议不要吃。</t>
  </si>
  <si>
    <t>孕妇可以适量吃榴莲。榴莲的营养价值很高，除含有很高的糖份外，含淀粉11%，糖分13%，蛋白质3%，还有多种维生素，脂肪，钙，铁和磷等。</t>
  </si>
  <si>
    <t>百电通充话费是真的吗</t>
  </si>
  <si>
    <t>如果是非常便宜的话一定是骗人的，不能相信，建议到正规的网店或正规的网上去交费。</t>
  </si>
  <si>
    <t>是真的，只是有些人不会用就说是假的，也会有类型的网路电话的攻击。</t>
  </si>
  <si>
    <t>2017年沃尔克会崩盘吗</t>
  </si>
  <si>
    <t>几年前就看了很多人说要崩盘到现了都还没有崩盘，并且在上面做的人也越来越多，符合国家的政策就不会崩盘。</t>
  </si>
  <si>
    <t>不会，要崩盘早就崩了，不会等到现在。</t>
  </si>
  <si>
    <t>沃尔克连自己的交易平台都没有！跟之前的瑞士API和3M一样，就是靠不断的往里拉人来补养上层的人，等到往里拉的人供不应求了就会出现崩盘，直接卷钱走人了。</t>
  </si>
  <si>
    <t>苹果7好用吗</t>
  </si>
  <si>
    <t>千万不要买，手机还没有装几个东西，一开机内存就只剩100多M，一旦内存一满就死机，关机都关不了。信号不好天线减少比6s差，除了相机和Home键有改善，所谓防水，其他真的没有改变，苹果一代不如一代，如果一定要买苹果那就买6s32g，价格还便宜。</t>
  </si>
  <si>
    <t>苹果的品质有目共睹，只是价格偏贵，总体来说还是很不错的。</t>
  </si>
  <si>
    <t>新买的移动硬盘需要格式化吗</t>
  </si>
  <si>
    <t>看怎么选择，一般是需要格式化后使用，但有些移动盘不必，厂商在出厂时已经格式化好了。</t>
  </si>
  <si>
    <t>如果移动硬盘没有分区格式化的话，可以分区格式化，如果已经格式化好了，则不必再格式化。</t>
  </si>
  <si>
    <t>没有规定说一定要格式化，但是由于不确定新买的设备之前是否有人使用过，测试过，里面是否有不安全的文件，所以进行格式化很有必要。</t>
  </si>
  <si>
    <t>调研员能往上升吗</t>
  </si>
  <si>
    <t>升职一般不会了。</t>
  </si>
  <si>
    <t>百香果的籽可以种吗</t>
  </si>
  <si>
    <t>中央美院难考吗</t>
  </si>
  <si>
    <t>比较难考。</t>
  </si>
  <si>
    <t>竞争激烈，不光对专业要求高，对文化要求也很高，还有英语，语文的限制。招生苛刻，竞争激烈，总体门槛太高。</t>
  </si>
  <si>
    <t>富氢水到底是不是骗局</t>
  </si>
  <si>
    <t>蒲公英降血糖吗</t>
  </si>
  <si>
    <t>蒲公英是解毒的药，不降糖。</t>
  </si>
  <si>
    <t>女人下体都有味儿吗</t>
  </si>
  <si>
    <t>都有味的。</t>
  </si>
  <si>
    <t>eclipse有中文版吗</t>
  </si>
  <si>
    <t>中文版没有，但是你可以装个中文汉化包上去。</t>
  </si>
  <si>
    <t>真正搞开发的,没有人会用中文版的,因为搞程序本身就是全英语。</t>
  </si>
  <si>
    <t>eclipse本身没有中文版的，但有中文包，安装个中文包就是中文版的了。</t>
  </si>
  <si>
    <t>卫龙在美国卖的很火吗</t>
  </si>
  <si>
    <t>苹果刷机后id会注销吗</t>
  </si>
  <si>
    <t>只要ID未注销的话刷机后照样是有的。苹果帐户（Apple ID）是苹果公司为其产品（如iWork、iTunes Store和Apple Store）所引入的认证系统。Apple ID作为一个全功能于一身的帐户，允许用户访问苹果的各种资源。因为一个Apple ID可以被用于由苹果提供的多个产品和服务，它也可以称为Apple账户、MobileMe账户、.Mac账户、iTunes Store账户和iChat账户。Apple ID可用于执行与 Apple 有关的所有操作（包括使用 iCloud 存储内容、从 App Store 下载应用程序以及从 iTunes Store 购买歌曲、影片和电视节目）的登录信息。Apple ID是用一个Email邮箱地址的，配合密码，用户就可以在iPhone上的App Store轻松下载安装和更新软件。</t>
  </si>
  <si>
    <t>Apple ID和密码两样全都忘记的话，使用iPhone就会存在种种隐患。除了影响激活、锁定手机、无法关闭“查找我的iPhone”外，常见的麻烦还有不能使用App Store、iCloud、FaceTime等功能。另外，在iOS 7越狱时也需要先关闭“查找我的iPhone”，也就是说，没有了Apple ID和密码，越狱都成了一种奢望。所以千万要保存好自己的Apple ID。iPhone刷机后，苹果id不会被注销。也就是说，不管你如何刷机，只要开启了“查找 iPhone”，就一定需要使用原来的苹果id和密码才能使用本设备，否则，结局就是苹果成砖。</t>
  </si>
  <si>
    <t>墨玉粉泡澡是真的吗</t>
  </si>
  <si>
    <t>墨玉粉根本不是墨玉就是一块普通石头，满大街吹说能治病，现在的骗子都是组织骗人，真的防不胜防啊。</t>
  </si>
  <si>
    <t>合同扫描件具有法律效应吗</t>
  </si>
  <si>
    <t>从证据角度来说，扫描件是图片，作为复印件的形式存在，从技术上可以被篡改，因此单单扫描件的证明效力是很低的，除非对方对扫描件认可，否则需要提供其它相关证据进行佐证，形成证据链条，扫描件才能作为定案证据，从而具有较高证明效力。扫描件相当于复印件，仅凭此去打官司是很难得到法院支持。原件也可能被篡改，但可以被鉴定出来，如原件真实，可以作为认定事实的证据，而扫描件即使鉴定真实，仍不能直接作为证据认定。</t>
  </si>
  <si>
    <t>有法律效应，但最后由对方后续邮寄原件过来，以免日后争执。</t>
  </si>
  <si>
    <t>有法律效力,中华人民共和国合同法：第十一条　书面形式是指合同书、信件和数据电文包括电报、电传、传真、电子数据交换和电子邮件等可以有形地表现所载内容的形式。</t>
  </si>
  <si>
    <t>耻辱2好玩吗</t>
  </si>
  <si>
    <t>不动产权证可以过户吗</t>
  </si>
  <si>
    <t>可以过户和房产证过户一样的。</t>
  </si>
  <si>
    <t>《不动产权证书》可以过户。首先，不动产权证比房产证产权内容更详细。房产证的内页内容仅包括房屋所有权人、共有情况、房屋坐落、登记时间、房屋性质、规划用途、房屋状况和土地状况；不动产权证的封面为红色，证书的全称为《中华人民共和国不动产权证书》，里面除了权利人、共有情况、坐落位置等原来房产证内容外，还增加了镭射区、不动产单元号、使用期限等内容。</t>
  </si>
  <si>
    <t>博尔特能跑过狗吗</t>
  </si>
  <si>
    <t>博尔特跑不过大部分的狗类。</t>
  </si>
  <si>
    <t>才出生的小狗一定跑不过他，要是经常练跑的狗就可以，成年猎狗一定不会输给她。</t>
  </si>
  <si>
    <t>格力犬的速度远大于博尔特的速度。</t>
  </si>
  <si>
    <t>京东全球购是正品吗</t>
  </si>
  <si>
    <t>JD宣传的是：直采+自营，100%正品保证，这么大的企业这些信誉还是应该有的。</t>
  </si>
  <si>
    <t>电脑开vt有没有坏处</t>
  </si>
  <si>
    <t>影响不大，要是长时间玩可能电脑或发热，注意通风即可。</t>
  </si>
  <si>
    <t>央视商城网是骗局吗</t>
  </si>
  <si>
    <t>有政府保障，但是有些贵。商城东西质量都很好，都是真的。没有像其它商城高仿的多。</t>
  </si>
  <si>
    <t>不要信电视购物，和央视没有关系。</t>
  </si>
  <si>
    <t>身份证到期了银行卡还能用吗</t>
  </si>
  <si>
    <t>毓婷早早孕试纸准吗</t>
  </si>
  <si>
    <t>这个是常用的检测试纸，一般是准确的。</t>
  </si>
  <si>
    <t>是比较准的，测了以后误差不超过百分之3，可以拿两个不一样的验孕棒去测一下，试试看。</t>
  </si>
  <si>
    <t>发票盖公章有效吗</t>
  </si>
  <si>
    <t>《中华人民共和国发票管理办法》第二十三条 开具发票应当按照规定的时限、顺序，逐栏、全部联次一次性如实开具，并加盖单位财务印章或者发票专用章。 因此加盖公章是不符合规定的。</t>
  </si>
  <si>
    <t>梦幻西游高山流水对npc有效吗</t>
  </si>
  <si>
    <t>阮经天陈乔恩关系好吗</t>
  </si>
  <si>
    <t>朋友关系，好朋友。</t>
  </si>
  <si>
    <t>非常好的朋友。</t>
  </si>
  <si>
    <t>哺乳期可以喝咖啡吗</t>
  </si>
  <si>
    <t>在哺乳期间，这些物质会通过乳汁到达宝宝体内对宝宝的成长不利，因此少喝可以，不可过量。</t>
  </si>
  <si>
    <t>哺乳期妈妈最好不要喝咖啡，因为会对宝宝有一定的影响。咖啡中含有咖啡因，会使中枢系统兴奋。当哺乳期妈妈想通过喝咖啡来缓解疲劳，在给宝宝哺乳的时候，宝宝会通过乳汁将妈妈体内的咖啡因吸收到弱小的身体里。因为宝宝还是很脆弱的，小剂量的咖啡因都能引起宝宝亢奋，使中枢神经系统兴奋，容易带来不安的情绪，对宝宝的健康成长带来一定的不良影响。</t>
  </si>
  <si>
    <t>不要喝，里面有兴奋剂。</t>
  </si>
  <si>
    <t>ems比快递快吗</t>
  </si>
  <si>
    <t>EMS是邮政官方的快递，比其他民间快递那是既贵又慢又很牛，一般常寄快件的人遇到万不得已，比如别的快递无法送达的才会找EMS,因为他的资源最优越，哪里都有投递点</t>
  </si>
  <si>
    <t>EMS的服务很好，全国无盲点，基本快递不到的地方，EMS都到的。这是EMS的一大特色。但相对快递，EMS的费用就高了些。速度也比快递慢2天左右</t>
  </si>
  <si>
    <t>茶垢对身体有害吗</t>
  </si>
  <si>
    <t>1、茶垢中包含砷、汞、镉、铅等有害物质，经口进入人的消化系统，极容易和食物中蛋白质、脂肪酸、维生素等结合，产生沉淀，阻碍小肠对营养物质的吸收与消化；2、能够使肾脏、肝脏和胃等器官产生炎症，甚至坏死。3、溃疡病患者摄入茶垢后，常常可以使病况恶化。</t>
  </si>
  <si>
    <t>茶垢对身体有害。</t>
  </si>
  <si>
    <t>茶垢会阻碍营养吸收：茶垢含有多种金属物质，如镉、铅、铁、砷、汞等。如果不清除它们，在饮茶时这些金属物质便会进入体内，与食物中的蛋白质、脂肪和维生素等营养化合，生成难溶的沉淀，阻碍营养的吸收。茶垢会引起人体病变：垢中的有害物质进入身体，可能会引起神经、消化、泌尿造血系统病变和功能紊乱。茶垢会致癌、致胎儿畸形等：茶垢中的砷、镉、亚硝酸盐等可致癌，引起胎儿畸形，危害健康。茶垢有可能导致早衰：茶垢中含有亚硝酸盐等致癌物质，饮入消化系统后，极易与食物中的蛋白质、脂肪酸和维生素等结合成多种有害物质，还会使神经、胃肠等脏器受损，甚至引起人体过早衰老。</t>
  </si>
  <si>
    <t>新买的衣服要洗吗</t>
  </si>
  <si>
    <t>专家指出，新衣服应该用食盐水浸泡后清洗一下再穿。因为新衣服上可能残留防皱处理时的化学药品——甲醛。有时我们会发现在新衣服上面有一股异味，这种怪味来自于化学成分——甲醛。在高压和高温环境下，让甲醛分子与棉纤维分子交链结合，从而产生防皱效果。但是处理过程不够严谨。或处理后清洗不净，就会造成甲醛单体由布料中释放出来。据研究表明，甲醛除了引起急性眼症状、咳、流泪、视力障碍及发疹等，试验也证明甲醛具有致癌作用。因食盐能消毒、杀菌、防棉布退色等作用，所以在穿新衣服之前，应先用食盐水浸泡干净。</t>
  </si>
  <si>
    <t>刚出厂的衣服没有清洁过，细菌多，不干净，并且购买前经过多人试穿不卫生。</t>
  </si>
  <si>
    <t>小托马斯能扣篮吗</t>
  </si>
  <si>
    <t>在比赛中他还没有完成过扣篮。小托马斯身高仅1米75，如果想要在比赛中扣篮，理论上需要在无人防守的情况下，才课以进行尝试。小托马斯这样回答道。“希望有一天能做到吧，其实在高中时就曾完成过暴扣，当时还因双手挂框太久，被裁判课以技犯，新赛季会努力尝试去完成扣篮的。”</t>
  </si>
  <si>
    <t>应该是可以的，只不过因为在比赛中过于激烈，不太容易有机会去表现。</t>
  </si>
  <si>
    <t>小托马斯在比赛中没扣篮过，但是看他弹跳和爆发力，应该可以扣篮。</t>
  </si>
  <si>
    <t>甲母痣会自己消失吗</t>
  </si>
  <si>
    <t>甲母痣般会消失。</t>
  </si>
  <si>
    <t>甲母痣一般不会消失的。</t>
  </si>
  <si>
    <t>不会自己好的，建议自己去皮肤科检查一下。</t>
  </si>
  <si>
    <t>注册资金越多越好吗</t>
  </si>
  <si>
    <t>公司的注册资金当然不是越多越好。因为股东是以出资额对公司承担有限责任的，如果注册资金多了，说明股东承担的风险也更大了。这是有利有弊的。不能简单的说，要看具体情况的。</t>
  </si>
  <si>
    <t>越多将来说出去就好听些，没什么别的好处……就是狐假虎威的让人觉得有实力些……程序和形式上没有任何影响的。</t>
  </si>
  <si>
    <t>党内警告处分进档案吗</t>
  </si>
  <si>
    <t>警告处分是会记录在档案里面的。党内警告是党组织对党员的一种处分。党内处分分为：警告，严重警告，撤销党内职务；留党察看；开除党籍。党员受到警告或者严重警告处分，一年内不得在党内提升职务和向党外组织推荐担任高于其原任职务的党外职务。</t>
  </si>
  <si>
    <t>孕妇能喝奶茶吗</t>
  </si>
  <si>
    <t>慎重！奶茶含甜蜜素、含反式脂肪酸奶茶含量反式脂肪酸反式脂肪酸提高患血管疾病风险，孕妇危害更大。</t>
  </si>
  <si>
    <t>可以，是自己做更好。</t>
  </si>
  <si>
    <t>mastercard国内能用吗</t>
  </si>
  <si>
    <t>国内可以，有内开外机就行。</t>
  </si>
  <si>
    <t>小赢理财安全吗</t>
  </si>
  <si>
    <t>小赢理财上面的理财产品都由保险公司提供本金+收益的保险，这是比较好的一点，安全性高，但是从收益方面来看，比较低，只有7%左右的年化收益率。</t>
  </si>
  <si>
    <t>安全性还行，理财产品主要是车贷，借款项目是有抵押的，而且出现逾期会有平台风险准备金垫付，在用户资金上，也采用了第三方托管的模式，风险得到有效控制。P2P理财风险肯定是会有的，就看平台上的标的是否是真实优质的借款，严格风控准入，完善的安全保障措施，就安全性来看，个人投的贷金所是比较靠谱的。</t>
  </si>
  <si>
    <t>msdn我告诉你是正版吗</t>
  </si>
  <si>
    <t>都是正版</t>
  </si>
  <si>
    <t>大部分都是原版的，原版与正版是有区别的，原版系统，买了密匙就是正版，系统用软件激活就是盗版。</t>
  </si>
  <si>
    <t>都是纯净版的，官方的</t>
  </si>
  <si>
    <t>孕妇可以吃阿胶吗</t>
  </si>
  <si>
    <t>中医将阿胶作为补血的重要材料，所以很多人认为女性大出血之后食用阿胶会起到补血的作用，特别适用于产后滋补，的确阿胶最主要的作用就是补血，产后是必须要食用阿胶的，但是孕妇在孕期也是可以吃阿胶的，因为阿胶还有另外一个功效就是保胎、安胎，很多保胎药中都含有阿胶的成分，可以预防先兆性流产、并发性流产等等，但由于阿胶有活血的作用，在孕早期和孕晚期建议准妈妈不要随便乱吃，要听医生的建议。</t>
  </si>
  <si>
    <t>服用阿胶需谨慎 通常，孕妇可以吃阿胶，但是进补时间有讲究。</t>
  </si>
  <si>
    <t>孕妇吃阿胶是可以的，但是建议在医生的指导下，选择纯阿胶，阿胶块或阿胶粉，不要吃复方的，或者含有其他药物成分的阿胶。</t>
  </si>
  <si>
    <t>初中毕业能考大专吗sohu</t>
  </si>
  <si>
    <t>可以上的！现在五年制大专的，环保方面的专业挺吃香的，初中毕业只可以直接上中专哦!大专必须是高中毕业生才能上的!但也可以上一是中专毕业后升大专.毕业证是国家,社会都认可的!但要读大专必须是在中专的前提上。中专毕业后可以自考大专文凭。</t>
  </si>
  <si>
    <t>可以参加自考，获得大专学历。自考对学历基本没有要求。报名到当地的自学考试办公室，或者按自考办的要求在网上报名，每年考4次，每次可报考1~2门课，考过一科给一科的成绩合格证，获得相应的学分，用三年时间基本考完。考试内容就是公共课和专业课，你具体报哪一科才能有哪一科的考试目录。考试费用一科在100元左右。</t>
  </si>
  <si>
    <t>可以去五年制大专。五年制大专，其前两年接受的是中专教育，国家还有学费补贴。不过不是每个大专学校都有这个招生计划的，注意落实好，别被骗就是了。在校学习期间，你可以通过成考、自考等形式获得本科文凭的。</t>
  </si>
  <si>
    <t>滴滴顺风车违法吗</t>
  </si>
  <si>
    <t>1.理论上，目前优步，滴滴都没有洗白。2.但是事实搜索上，没有运管会去抓，或很少主动去抓（钓鱼的除外）。3.目前是灰色地带4.你想想互联网大会，习大大都邀请了 滴滴的CEO程维，说明什么问题，应该懂了。国家正在实行改革，推行“互联网+”政策，滴滴专车正是"互联网+交通"中涌现出的新业态，是改革的产物。 5.近期的全国两会，交通部长非常明确的讲了，鼓励网络约车，明确表示顺风车合法，要规范网络约车。</t>
  </si>
  <si>
    <t>算是违法的，但是因为滴滴是合法APP，所以只要手续齐全，就不算违法。</t>
  </si>
  <si>
    <t>拼车不违法。</t>
  </si>
  <si>
    <t>答辩不过有毕业证吗</t>
  </si>
  <si>
    <t>没有毕业证，学校会给你发结业证书。</t>
  </si>
  <si>
    <t>php好吗</t>
  </si>
  <si>
    <t>是世界上最好的语言。</t>
  </si>
  <si>
    <t>行车记录仪熄火后还工作吗</t>
  </si>
  <si>
    <t>如果接在暗线上，行车记录仪在汽车熄火后是可以长期工作的。自备移动电源，只要移动电源电量充足自然也可以做到停车后继续正常工作。</t>
  </si>
  <si>
    <t>如果你将行车记录仪的电源线直接接在电瓶上，那么车熄火后，行车记录仪仍然能正常工作。</t>
  </si>
  <si>
    <t>大鱼海棠湫是天神吗</t>
  </si>
  <si>
    <t>湫肯定是天神。</t>
  </si>
  <si>
    <t>不是；湫的一半灵魂变成了人间的风雨陪在椿的身旁，另一半被灵婆用湫之前变成的树叶复活成下一届灵婆的接班人。</t>
  </si>
  <si>
    <t>途虎养车靠谱吗</t>
  </si>
  <si>
    <t>靠谱，二保就是在途虎保养的，换了机油，机滤，空滤，东西都是正品。</t>
  </si>
  <si>
    <t>仙侠世界2好玩吗</t>
  </si>
  <si>
    <t>任务超多超累人，你要不是一天能上线12小时，真心玩不了,玩这游戏你会发现你一天只有6小时睡眠时间， 任务一个赶一个，从早上到晚上一刻都不闲着，如果你没固定队，60级以后就会发现副本副本没人带，任务任务没人带，只能一个人挂机,这还没算上花钱方面.谁玩谁后悔，玩这游戏真是累死拉倒。一天在线18小时临睡才发现还不少任务没做。太苦了这游戏，从早上开始，盘子1小时，云海1小时，师门1小时，采果子半小时，副本2小时，生活技能1小时，斩妖半小时，封魔1小时，争分1个半小时，炼心10分钟，宗门1个半小时，运果子一小时。 这就12小时，然后还要挂挂机，打打副本。打打比武岛。没个18小时根本玩不明白。</t>
  </si>
  <si>
    <t>先看官网介绍，游戏给人感觉不错。</t>
  </si>
  <si>
    <t>美人计塑身衣 靠谱吗</t>
  </si>
  <si>
    <t>不会的，塑身衣的作用是把肉勒起来，时间长了会把肉勒成死肉的。</t>
  </si>
  <si>
    <t>1、长期紧身束腰，会挤压腰部脂肪。2、对盆腔生殖系统造成一定压力，直接影响血液循环系统，导致盆腔血液循环不好。3、会引起妇科疾病。</t>
  </si>
  <si>
    <t>通用机打发票还能用吗</t>
  </si>
  <si>
    <t>通用机打发票还能用。</t>
  </si>
  <si>
    <t>小规模或者是个体的企业，不能用升级后的开票系统开具通用机打发票。</t>
  </si>
  <si>
    <t>富贵包可以运动消除吗</t>
  </si>
  <si>
    <t>小的富贵包可以通过按摩来消除，大的只能让它变小。</t>
  </si>
  <si>
    <t>平常只能靠多点运动，多走走来缓解一下，让它不会加重。</t>
  </si>
  <si>
    <t>宏远体育公司靠谱吗</t>
  </si>
  <si>
    <t>一点都不好。</t>
  </si>
  <si>
    <t>很差，非常不正规。</t>
  </si>
  <si>
    <t>我来贷上征信吗</t>
  </si>
  <si>
    <t>不上征信，要工资证明，工作证明。</t>
  </si>
  <si>
    <t>上的，如果分期已经逾期了，还是需要及时还上的。</t>
  </si>
  <si>
    <t>宫颈癌前病变能治愈吗</t>
  </si>
  <si>
    <t>早期宫颈癌是大部分可以治愈的，但是治愈几率主要取决于是否及时采取了恰当的治疗手段。</t>
  </si>
  <si>
    <t>早期得到很好的治疗可100%治愈。</t>
  </si>
  <si>
    <t>于成龙杀赫里是真的吗</t>
  </si>
  <si>
    <t>里以兵部尚书权限斩杀赫里。</t>
  </si>
  <si>
    <t>被于成龙斩首。</t>
  </si>
  <si>
    <t>花呗分期买手机必须要总额度够吗</t>
  </si>
  <si>
    <t>冰壶选手 维迦有特效吗</t>
  </si>
  <si>
    <t>经期可以喝玫瑰花茶吗?</t>
  </si>
  <si>
    <t>在经期喝玫瑰花是可以的,玫瑰花可以行气止痛,活血化瘀.</t>
  </si>
  <si>
    <t>玫瑰花味甘微苦、性温，最明显的功效就是理气解郁、活血散淤和调经止痛。此外，玫瑰花的药性非常温和，能够温养人的心肝血脉，舒发体内郁气，起到镇静、安抚、抗抑郁的功效。女性在月经前或月经期间常会有些情绪上的烦躁，喝点玫瑰花可以起到调节作用。但是玫瑰花活血散淤的作用比较强，月经量过多的人在经期最好不要饮用。</t>
  </si>
  <si>
    <t>生理期最好不要喝，但喝一点点也不要紧。</t>
  </si>
  <si>
    <t>抗癌公社是不是骗局</t>
  </si>
  <si>
    <t>蜗蜗洗发水是正规的吗</t>
  </si>
  <si>
    <t>不是骗子，名人代言。</t>
  </si>
  <si>
    <t>不是骗人的，是一款不错的洗发水，家人一直在用，感觉还不错。在一些商店里也见到有卖的。</t>
  </si>
  <si>
    <t>月子病能治好吗</t>
  </si>
  <si>
    <t>月子病是很难治好的，最好的机会是下次坐月子的时候治。 坐月子须知中医理论认为产妇是十脉九亏的，坐月子是女人一生中改善体质的最好良机</t>
  </si>
  <si>
    <t>应该是可以治好的，到中医院看看中医，服用活血化寒湿的中药治疗会好起来。</t>
  </si>
  <si>
    <t>一般是很难恢复到原来的状态，月子病是我们性能最大的伤害。</t>
  </si>
  <si>
    <t>2017梦幻女儿村废了吗</t>
  </si>
  <si>
    <t>废了倒不至于,就是投入高了,还是能用的。</t>
  </si>
  <si>
    <t>弗兰茨爱过茜茜公主吗</t>
  </si>
  <si>
    <t>我知道弗兰茨在临终前还说：谁也不会知道我对茜茜的爱有多深！而这个时候离茜茜公主遇刺已经是18年以后了；所以不仅爱过而且爱得很深</t>
  </si>
  <si>
    <t>工行信用卡逾期一天影响征信吗</t>
  </si>
  <si>
    <t>不会，长期用卡的客户，偶尔的一两次逾期7天以内，欠款人及时还清，不影响相关贷款等做出正面的评价，但银行内会有逾期记录。</t>
  </si>
  <si>
    <t>会上征信。信用卡都有最后还款日，在还款日之后还款，全部算信用逾期，全部都会上征信，对个人有以下影响。不再享受免息还款。影响个人征信记录。严重逾期，金额巨大还会因“恶意透支”构成犯罪。逾期超过三个月或银行催款两次以上还不还款的，银行会冻结你卡片并将你列为禁入类客户，同时还会起诉你信用卡诈骗及恶意透支，法院强制执行。信用卡偶尔逾期一次对个人的影响不是太严重，只要及时补还信用卡就能弥补。一年之内逾期不超过4次，对个人的影响不是太大，如果连续三月，甚至七个月逾期，近五年之内，不能做任何银行贷款，信用贷款。</t>
  </si>
  <si>
    <t>影响。工商银行信用卡没有容时政策，只要超过还款日就会造成逾期，影响信用记录。</t>
  </si>
  <si>
    <t>信用卡还了最低还款额算逾期吗</t>
  </si>
  <si>
    <t>不算。按时还上最低还款，不算逾期，也不影响信用记录，就是有利息的代价。</t>
  </si>
  <si>
    <t>信用卡还最低还款，不算逾期。</t>
  </si>
  <si>
    <t>信用卡还了最低还款额不算逾期，使用最低还款额度激活循环信用，产生循环利息。</t>
  </si>
  <si>
    <t>flac格式汽车能播放吗</t>
  </si>
  <si>
    <t>要看汽车播放器支持[Flac]格式支持能找支持[Flac]格式播放器.</t>
  </si>
  <si>
    <t>用万能视频格式转换器转换格式可以在车播放。</t>
  </si>
  <si>
    <t>如果车载设备是有Flash解码功能，就可以播放。。</t>
  </si>
  <si>
    <t>逍遥丸治黄褐斑吗</t>
  </si>
  <si>
    <t>吃逍遥丸虽然能去黄褐斑，但很容易上隐，最终可能造成吸毒的危险。</t>
  </si>
  <si>
    <t>逍遥丸是疏肝健脾的，对肝郁脾虚型黄褐斑有效</t>
  </si>
  <si>
    <t>坚持服用逍遥丸，对于激素调节，防止内分泌失调有效，而内分泌失调的症状一旦改善，对黄褐斑的淡化起到了关键作用。因此，服用逍遥丸在一定程度上可以祛除黄褐斑。</t>
  </si>
  <si>
    <t>鹰嘴豆排油汤是骗局吗</t>
  </si>
  <si>
    <t>其实跟巴豆一个原理，短期消瘦是明显的，但是效果不可持续，且对身体有严重伤害。</t>
  </si>
  <si>
    <t>王者荣耀能不能删号</t>
  </si>
  <si>
    <t>女孩说不合适是考验吗</t>
  </si>
  <si>
    <t>是的，现在的女孩子都是会考验，你自己多注意就足够, 交往靠的是真心，用真心感动她，让他知道你是关心他的，心里有他的。</t>
  </si>
  <si>
    <t>不算是考验，你应该选择化解矛盾，想和她在一起就要主动一点。</t>
  </si>
  <si>
    <t>拔火罐对身体好吗</t>
  </si>
  <si>
    <t>坏处：1、经常拔火罐会导致皮肤感染2、拔火罐后洗澡很容易着凉。好处：1、 减压的作用2、 温热作用3、 调节身体的阴阳平衡</t>
  </si>
  <si>
    <t>要看合适的人的身体。</t>
  </si>
  <si>
    <t>1、通过拔火罐，可以将身体里的湿气、寒气，通过皮肤组织渗透出来，从而排除邪气，让人精神百倍。2、因为身体的经络、穴位和五脏六腑都是相连相通，所以通过外接的吸力，会刺激身体表面的穴位，进而通过筋骨经络，使得人体内部器官得到相应的调理，让人气血畅通，强身健体。3、于体局部组织损伤、腰间盘突等症状拔火罐一定功效，期定期进行拔火罐，减轻疼痛，缓解症状、4、现在，很多美容、瘦身的店铺，也开始研究和推出通拔火罐减肥。</t>
  </si>
  <si>
    <t>勋章强化会碎么</t>
  </si>
  <si>
    <t>增幅强化加到10就会碎。</t>
  </si>
  <si>
    <t>7之后继续强化，强化过程中不会碎。</t>
  </si>
  <si>
    <t>天猫中国移动官方旗舰店是真的吗</t>
  </si>
  <si>
    <t>专利代理人好考吗</t>
  </si>
  <si>
    <t>目前专利代理资格还是具有一定难度，报考通过率每年10%</t>
  </si>
  <si>
    <t>如果不是工科背景的话，是比较难的，即使工科背景下考过也不是个容易活。</t>
  </si>
  <si>
    <t>dnf9周年活动会有85的跨界石吗</t>
  </si>
  <si>
    <t>最大的可能性是80跨界石，其次就是限制部位的85跨界石</t>
  </si>
  <si>
    <t>像这不确定出的东西可以说不出也可以说什么时候出但又不确定</t>
  </si>
  <si>
    <t>必须送85跨界</t>
  </si>
  <si>
    <t>10016电话接了就扣费吗</t>
  </si>
  <si>
    <t>只接电话不扣费</t>
  </si>
  <si>
    <t>淘宝开店要交保证金吗</t>
  </si>
  <si>
    <t>为了更好的保障消费者，提升经营以下类目商品卖家的服务水平和商品质量。淘宝依照《消费者保障服务协议》，规定必须缴纳消保保证金。</t>
  </si>
  <si>
    <t>淘宝开店没规定必须交保证金的，但是交了保证金对店铺经营有好处的。</t>
  </si>
  <si>
    <t>泰国足贴好用吗</t>
  </si>
  <si>
    <t>不错，隔天起来脚也舒服轻松多了。</t>
  </si>
  <si>
    <t>这个泰国兰纳是骗人的，打着进口牌子的假冒伪劣产品。</t>
  </si>
  <si>
    <t>就拍网是真的吗</t>
  </si>
  <si>
    <t>是真的，但不是每个人都有机会买的。</t>
  </si>
  <si>
    <t>国艺产交所靠谱吗</t>
  </si>
  <si>
    <t>北京国家图书馆免费吗</t>
  </si>
  <si>
    <t>现在任何手续都不办的情况下，只能在基本的阅览室看书，存包也不要钱。只需持个人身份证就可以看书，但是不能借书。要是想借书仍需拿身份证办理读者卡（已不收工本费和年费），但是需要缴纳借书的押金（中文类：100；英文类：1000；）。</t>
  </si>
  <si>
    <t>三里人家青汁好不好</t>
  </si>
  <si>
    <t>效果好。</t>
  </si>
  <si>
    <t>汽车之家的二手车靠谱吗</t>
  </si>
  <si>
    <t>里面个人商家都有，车况关键还是要自己把握。</t>
  </si>
  <si>
    <t>都不靠谱，想买二手车的可以先去二手车市场逛逛。</t>
  </si>
  <si>
    <t>一分钱一分货，如果遇到价位过分便宜的二手车那肯定是有问题的。</t>
  </si>
  <si>
    <t>哔哩哔哩能下载视频吗</t>
  </si>
  <si>
    <t>1：在哔哩哔哩视频右下方（弹幕池和“分享”下面）有下载视频（×个分段）这样的按钮，按下即可下载；（但是特殊的视频如直传的用的是乐视的空间，下载下来的可能是letv这样的格式）；2：百度硕鼠官网粘贴地址，生成链接，右键另存为即可下载到flv格式的视频（之后可自行转换）；3：在播放视频前可看见弹幕池上方，本视频来源：××的字样，比如是在渣浪的视频，可以上新浪播客，自己一个个找。</t>
  </si>
  <si>
    <t>可以下载一个插件，浏览器页面右上角那里有个扩展，点开搜索哔哩哔哩，然后添加那个插件。</t>
  </si>
  <si>
    <t>签订劳动合同后可以辞职吗</t>
  </si>
  <si>
    <t>肝上有囊肿严重吗</t>
  </si>
  <si>
    <t>不严重，因为肝囊肿不是肿瘤，更不是恶性肿瘤。</t>
  </si>
  <si>
    <t>肝囊肿就是肝上长了个像气泡的囊性的东西，没有什么的，对什么也没有什么危害，也没有什么治疗的方法的。</t>
  </si>
  <si>
    <t>2017年端午节免过路费吗</t>
  </si>
  <si>
    <t>不会的，2017年端午节高速公路是照常收费、没有免过路费的。</t>
  </si>
  <si>
    <t>感冒能吃樱桃吗</t>
  </si>
  <si>
    <t>感冒了最好不要吃樱桃。</t>
  </si>
  <si>
    <t>感冒咳嗽可以吃樱桃的。</t>
  </si>
  <si>
    <t>咖啡减肥吗</t>
  </si>
  <si>
    <t>减肥。</t>
  </si>
  <si>
    <t>只有纯的咖啡粉，咖啡豆才起减肥作用。</t>
  </si>
  <si>
    <t>jquery难学吗</t>
  </si>
  <si>
    <t>至于难不难。新手还是要花点精力。有编程基础的很简单。</t>
  </si>
  <si>
    <t>Jquery是继prototype之后又一个优秀的Javascript库，也就是js的一个封装库，学起来不难，可以先看一下简单的js知识。</t>
  </si>
  <si>
    <t>广州味芙加盟可靠吗</t>
  </si>
  <si>
    <t>湖南有白癜风医院吗</t>
  </si>
  <si>
    <t>湖南治白癜风建议去长沙中研白癜风医院，那里的治环境和治效果都非常棒的。</t>
  </si>
  <si>
    <t>黄金蟒认识主人吗</t>
  </si>
  <si>
    <t>黄金蟒是冷血动物，是没有记忆和感情的，不会认识主人。</t>
  </si>
  <si>
    <t>小米mix需要贴膜吗</t>
  </si>
  <si>
    <t>看你喜好，喜欢裸奔的可以不用贴膜＋保护套，那样握起来更有手感，但是手机在使用过程中屏幕和机身的磨损度会很大。喜欢把爱机保护的妥妥帖帖的就果断贴膜＋戴套，这样做可以减少手机的磨损度，缺点就是手感不太好</t>
  </si>
  <si>
    <t>最好就是贴上膜避免刮花</t>
  </si>
  <si>
    <t>最好是贴上，可以防止屏幕被划伤，而且对防摔也能起到一点作用，相对于换屏幕这个真心不算贵</t>
  </si>
  <si>
    <t>痔疮会传染吗</t>
  </si>
  <si>
    <t>痔疮本身不产生病原体，痔疮病人本身也不会传染。</t>
  </si>
  <si>
    <t>人人中彩票 合法吗</t>
  </si>
  <si>
    <t>人人中彩票是骗子不能买，买的人都被骗，没有一个不骗的。</t>
  </si>
  <si>
    <t>不合法，网站禁止卖彩票，买了也不能兑奖 。</t>
  </si>
  <si>
    <t>不合法啊！都被媒体网上曝光了。</t>
  </si>
  <si>
    <t>钙片过期了还能吃吗</t>
  </si>
  <si>
    <t>钙片过期了不能吃。过期的钙片成分和效果都会改变，还有可能引起肠胃炎等副作用。</t>
  </si>
  <si>
    <t>如果没有开封而且过期时间不是很长还可以吃，打开的钙片如果存放比较合理也可以吃，如果超过保质期半年就不建议再吃了。</t>
  </si>
  <si>
    <t>过了期限本身的功能就没了，而且还可能会产生不良的作用，建议不要吃。</t>
  </si>
  <si>
    <t>微博付费推广有用吗</t>
  </si>
  <si>
    <t>当然有用了，没用的话谁还会花钱推广自己的微博，文案写的够好推广微博效果还是不错得。</t>
  </si>
  <si>
    <t>花钱的效果不大</t>
  </si>
  <si>
    <t>2g内存可以装64位win7吗</t>
  </si>
  <si>
    <t>1.目前32位系统最大的调用内存理论为2的32次方比特，换算后就是4GB。所以小于4G系统安装32位系统是最好的。2.目前64位系统最大的调用内存理论为22的64次方比特，换算后就是128GB。而2G对于64位系统来说只算是勉强可以运行，安装后系统运行速度并没有32位的快，如果内存大于4G，那么安装64位系统才最好，这样能更好的体现出大内存的优势，性能不会再有很大的提升了。3.最低配置要求：CPU:1GHz32位或2 GHz 64 位处理器内存：1GB内存或 2GB内存硬盘：16GB可用硬盘空间或20GB可用硬盘空间。</t>
  </si>
  <si>
    <t>建议亲加跟内存条变4G在升级，这样内存就够用了。现在程序和游戏都比较吃内存，无论你用32位还是64位，多加根内存都是有益的，建议用鲁大师看看你的内存条规格，或者自己卸下来拿着去百脑汇买根旧的，这东西基本上是不坏的。100元左右就差不多了，这样就放心的用64位吧！2G的内存肯定会卡的，因为win7 64位开机占用内存就得800多M左右。</t>
  </si>
  <si>
    <t>1安装win7 64位系统的关键是电脑的整体性能，并不是说2G内存不适合安装Win7 64位系统。2微软官方给出的Win7 64位系统安装的最低配置中物理内存就是2G。CPU：1 GHz 32 位或2 GHz 64 位处理器内存：2 GB 内存硬盘：20GB可用硬盘空间带有WDDM1.0或更高版本的驱动程序的DirectX9图形设备。</t>
  </si>
  <si>
    <t>华为p9 有nfc吗</t>
  </si>
  <si>
    <t>华为P9目前国内发布的每个版本都不支持NFC功能，所以是无法使用相关nfc应用和业务的。</t>
  </si>
  <si>
    <t>华为p9只有国服最顶级的配置才支持NFC。</t>
  </si>
  <si>
    <t>p9是不支持nfc的。</t>
  </si>
  <si>
    <t>车辆识别代号是不是车架号</t>
  </si>
  <si>
    <t>车架号码专业术语叫车辆识别码。</t>
  </si>
  <si>
    <t>车架号就是车辆识别代码。</t>
  </si>
  <si>
    <t>减肥能吃西瓜吗</t>
  </si>
  <si>
    <t>kindle值得买吗</t>
  </si>
  <si>
    <t>如果很喜欢看书并且经常看书的话，就很值得买了。如果只是偶尔看看书的话，就没有买的必要了。如果经常看外文版的书的话就买kindle吧，如果看中文版的书比较多，ireader plus也是个很不错的选择呢！</t>
  </si>
  <si>
    <t>值不值得要看自己的要求了，如果看外文书或者出版书籍比较多的，kindle是个不错的选择，但是如果要看漫画，网络小说或者中文书的，还是国产的掌阅比较好</t>
  </si>
  <si>
    <t>亚马逊的kindle是很值得购买的，如果喜欢看书，那么很推荐购买它，因为它实在在太好了，而且价格也不贵。</t>
  </si>
  <si>
    <t>麦芽贷打联系人电话吗</t>
  </si>
  <si>
    <t>会打。</t>
  </si>
  <si>
    <t>审核期间有可能会抽到留下的联系人电话。</t>
  </si>
  <si>
    <t>一般审核贷款时都会打审核电话，审核借款人工作信息提供是否准确，并加入审核借款人的综合评分，综合评分通过才会给借款人放款。</t>
  </si>
  <si>
    <t>耐克官网的鞋子是真的吗</t>
  </si>
  <si>
    <t>自愿放弃社保承诺书有效吗</t>
  </si>
  <si>
    <t>自愿放弃申请书是无效的，因为这个申请书本身是违规的（当时只有条例，并无《社保法》），所以无效。</t>
  </si>
  <si>
    <t>随便果对身体有害吗</t>
  </si>
  <si>
    <t>没有任何危害的.</t>
  </si>
  <si>
    <t>有益健康。</t>
  </si>
  <si>
    <t>做为零食少吃点，不要天天，一是含糖量太高，二含决明等导泻成份，长期吃不利于肠道功能恢复，吃的时候能利于排便，一旦停下来会加重便秘。</t>
  </si>
  <si>
    <t>win10系统好用吗</t>
  </si>
  <si>
    <t>挺好用的</t>
  </si>
  <si>
    <t>户籍所在地和户口所在地一样吗</t>
  </si>
  <si>
    <t>户籍所在地：是指我国居民户口簿登记所在地，一般是指出生时其父母户口登记地方，通常是家庭户口簿上的户口所在地。户口所在地：一般出生地和生活地未改变，户口未变迁的，户口所在地应该和户籍所在地一样，但由于就业，搬迁，升学等事宜居民不在原出生地生活居住时会形成居住地址， 这个时候为了方便，人们把户口迁移到新的常住地址，并办理了新的户口本，这个时候新的户口本所在的地址就是户口所在地。</t>
  </si>
  <si>
    <t>户口所在地就是身份证上的地址或户口本第一页的地址，籍贯是指自以上的第三代人是哪里人，有可能与籍贯一致，也有可能不一致。</t>
  </si>
  <si>
    <t>籍贯是出生所在地，户籍是现在身份证所在地，所以户籍还在出生所在地时两者就会一样，如果迁出了就不一样，籍贯不变，户籍会因工作、搬迁等因素变化的。</t>
  </si>
  <si>
    <t>xy夺宝是真的吗</t>
  </si>
  <si>
    <t>应该有一定比例机制，晃眼一看它的算法没问题，但是仔细一算，假的明显。</t>
  </si>
  <si>
    <t>骗人的，中奖是真，就是不会发奖品。</t>
  </si>
  <si>
    <t>fragment replace 会销毁上一个么</t>
  </si>
  <si>
    <t>要看怎么设置了。</t>
  </si>
  <si>
    <t>吃鸡蛋会得禽流感吗</t>
  </si>
  <si>
    <t>公共卫生及传染病学专家表示，鸡蛋煮沸5～10分钟后，可以完全灭活禽流感病毒，鸡蛋可以安全食用。</t>
  </si>
  <si>
    <t>协议离婚后 还能重新分割夫妻共同财产吗</t>
  </si>
  <si>
    <t>一，如果是登记离婚，可以。但需要在离婚后一年内，且需要证明对方的欺诈或胁迫等。《最高人民法院关于适用〈中华人民共和国婚姻法〉若干问题的解释(二)》（2003）第九条　男女双方协议离婚后一年内就财产分割问题反悔，请求变更或者撤销财产分割协议的，人民法院应当受理。人民法院审理后，未发现订立财产分割协议时存在欺诈、胁迫等情形的，应当依法驳回当事人的诉讼请求。二，如果是诉讼离婚，不可以。除非是诉讼中没有处理的财产。最高人民法院关于适用《中华人民共和国婚姻法》若干问题的解释(三)（2011）第十八条 离婚后，一方以尚有夫妻共同财产未处理为由向人民法院起诉请求分割的，经审查该财产确属离婚时未涉及的夫妻共同财产，人民法院应当依法予以分割。</t>
  </si>
  <si>
    <t>达成离婚协议并办理了离婚登记的，对财产分割部分可以在一年内申请重新分割。</t>
  </si>
  <si>
    <t>一、一般是不可以的，因为双方签订协议，离婚后就应该按照协议的约定来履行，若是不履行，另一方可以向法院起诉。二、若是协议中约定有对方应该履行的义务，对方没有履行或者是没有完全履行，你可以向法院申请重新分割财产，理由是对方为履行或未完全履行约定义务。</t>
  </si>
  <si>
    <t>遮阳挡 有用吗</t>
  </si>
  <si>
    <t>天气热确实管用。</t>
  </si>
  <si>
    <t>摩拜单车充值能退吗</t>
  </si>
  <si>
    <t>直接拨打客服电话4008117799退款。</t>
  </si>
  <si>
    <t>摩拜单车目前的规定，押金可以退款，充值款不支持退款的。</t>
  </si>
  <si>
    <t>可以退的。</t>
  </si>
  <si>
    <t>枇杷核种上能出苗吗</t>
  </si>
  <si>
    <t>在7月左右就可以长出苗。</t>
  </si>
  <si>
    <t>胆囊息肉6mm严重吗</t>
  </si>
  <si>
    <t>不算小，不及时处理，还是容易病变的，最好是中药调理，可以直接服用息肉净，去病灶。</t>
  </si>
  <si>
    <t>qq退群有提示吗</t>
  </si>
  <si>
    <t>退QQ群时，管理员及群主会接收退群的消息。</t>
  </si>
  <si>
    <t>买车返全款是不是骗局</t>
  </si>
  <si>
    <t>这肯定是骗子，我老婆他表弟就被以购车返款骗了3000元。如果说让交16%，那么给他们说可以只返给我80%就行了，还有四个点你们拿去花。他们一定会说，不先交钱，是没有办法反全款的。这就是骗子。</t>
  </si>
  <si>
    <t>假的，天上没有馅饼掉，更何况是这么大个陷阱。</t>
  </si>
  <si>
    <t>雅漾活泉水喷雾好用吗</t>
  </si>
  <si>
    <t>很好用的。</t>
  </si>
  <si>
    <t>社保是当月交当月的吗</t>
  </si>
  <si>
    <t>每个月15号前缴纳当月的费用。</t>
  </si>
  <si>
    <t>不一定的。公司向社保缴纳是当月缴纳当月的，但是个人缴费部分是由公司代扣代缴，公司在前一个月预扣还是当月代扣拟或次月补扣都是由其自己决定的，社保只是当期收取当期参保费用，不会规定个人缴费部分的扣缴时间。</t>
  </si>
  <si>
    <t>单位员工若当月离职，可在当月办理减员，当月应缴纳当月以及上月份的社保费。若上月底离职，单位可在上月减员，当月增员当月减员，系统不会生成社保账，单位应到地税办税服务厅办理补缴上月份社保费。简单说就是当月离职下月不需要缴纳社保。 离职当月停交的是下个月的社保。员工在工作的期间社保是必须要缴纳的，不过由于社保的缴纳基本上是在每月的25号截止，所以在25号之后离职的，下月还是需要缴纳的。</t>
  </si>
  <si>
    <t>冰河时代奥拉夫有特效吗</t>
  </si>
  <si>
    <t>没有只是换了个颜色，奥拉夫只有五杀摇滚和铁哥们有特效</t>
  </si>
  <si>
    <t>没特效这是事实</t>
  </si>
  <si>
    <t>只有“铁哥们”才会有特效，其余2个没有。</t>
  </si>
  <si>
    <t>一拳超人好看吗</t>
  </si>
  <si>
    <t>很精彩。</t>
  </si>
  <si>
    <t>好看，超级好看的 。</t>
  </si>
  <si>
    <t>房天下的房源是否真实</t>
  </si>
  <si>
    <t>凡是标注了100%真房源的就一定是真房源了，价钱的话，实际成交价具体楼层、朝向等因素也有关，会有个上下浮动，一般不会差太多。</t>
  </si>
  <si>
    <t>中介通过端口上传的不清楚，但是搜房网的自身房源真实性还是比较强的，因为有专人回去审核。如果你发现有假房源的话，还可以举报，有100块奖金的说。</t>
  </si>
  <si>
    <t>微信号能修改吗</t>
  </si>
  <si>
    <t>微信号只能修改一次。</t>
  </si>
  <si>
    <t>蓝月亮洗衣液有荧光剂吗</t>
  </si>
  <si>
    <t>带荧光剂.</t>
  </si>
  <si>
    <t>环保超市是传销吗</t>
  </si>
  <si>
    <t>plc编程有前途吗</t>
  </si>
  <si>
    <t>没什么前途，竞争太厉害。</t>
  </si>
  <si>
    <t>需求挺大的。</t>
  </si>
  <si>
    <t>糖尿病能吃粽子吗</t>
  </si>
  <si>
    <t>对于糖尿病患者，最好少吃或者不吃，否则会加重病情。</t>
  </si>
  <si>
    <t>成都棕南妇科医院是正规医院吗</t>
  </si>
  <si>
    <t>田螺有寄生虫吗</t>
  </si>
  <si>
    <t>有寄生虫的，特别是有一种田螺特别大，叫福寿螺是外国引进品种，这种田螺体内有寄生虫。</t>
  </si>
  <si>
    <t>cad2012好用吗</t>
  </si>
  <si>
    <t>挺好的，不过打开稍微有点慢，电脑配置跟不上的话还是用07版的吧。其实普通用途的话，都是一样的。用高版本的好处大概就是可以打开大多数的文件，不用担心别人给你的CAD文件因为版本高而打不开。</t>
  </si>
  <si>
    <t>除甲醛公司靠谱吗</t>
  </si>
  <si>
    <t>有的靠谱，有的不靠谱。</t>
  </si>
  <si>
    <t>靠谱，前提是找的公司必须是正规的公司。</t>
  </si>
  <si>
    <t>波动少女有3吗</t>
  </si>
  <si>
    <t>华为p10plus值得买吗</t>
  </si>
  <si>
    <t>值得，强悍的麒麟960cup，拍照清晰，散热好。</t>
  </si>
  <si>
    <t>挺不错的，外观好看，硬件也很强，拍照清晰。</t>
  </si>
  <si>
    <t>1、机身：P10 Plus采用5.5英寸显示屏，屏幕色彩1670万色，色彩饱和度(NTSC):96%(典型值)前置玻璃一体化指纹，集成导航键，智能触摸操作。全新钻雕工艺，钻石般光泽，独特金属触感2、拍照：后置摄像头2000万黑白+1200万彩色，F1.8光圈，徕卡镜头，支持OIS光学防抖，自动对焦，前置摄像头800 万像素，F1.9 光圈，自动对焦。3、电池：电池容量3750mAh续航持久，支持华为超级快充。4、系统：AndroidTM 7.0操作系统，EMUI5.1用户界面，用起来非常流畅。</t>
  </si>
  <si>
    <t>城通网盘能赚钱吗</t>
  </si>
  <si>
    <t>城通网盘其实是个骗子网盘，辛苦几个月赚到20元，却只发给你18元，要你去一个根本打不开的网页发什么所谓的收款图。</t>
  </si>
  <si>
    <t>office2016 win7能用么</t>
  </si>
  <si>
    <t>只要卸载office2013版本就可以安装office2016。</t>
  </si>
  <si>
    <t>office2016支持微软的win7、win8、win8.1、win10。</t>
  </si>
  <si>
    <t>可以的，office2016支持在win7中的安装。</t>
  </si>
  <si>
    <t>怀孕八个月可以打吗</t>
  </si>
  <si>
    <t>怀孕八个月了只能做引产的，这种手术会比较痛,而且对身体伤害较大。</t>
  </si>
  <si>
    <t>不能打，会有生命危险的。</t>
  </si>
  <si>
    <t>女生学犯罪心理学好吗</t>
  </si>
  <si>
    <t>小孩流鼻血是白血病吗</t>
  </si>
  <si>
    <t>鼻子出血不会引起白血病。</t>
  </si>
  <si>
    <t>光流鼻血肯定就不是白血病。</t>
  </si>
  <si>
    <t>2017年领证需要婚检吗</t>
  </si>
  <si>
    <t>婚检是自愿的。</t>
  </si>
  <si>
    <t>必须婚检后才能领证。</t>
  </si>
  <si>
    <t>有些地方要求严格点，有些地方就是走走形式。</t>
  </si>
  <si>
    <t>微信可以注销吗</t>
  </si>
  <si>
    <t>注销不了。</t>
  </si>
  <si>
    <t>乐富pos机是正规公司吗</t>
  </si>
  <si>
    <t>软通动力有年终奖吗</t>
  </si>
  <si>
    <t>没有年终奖，一年一次涨薪。</t>
  </si>
  <si>
    <t>自动吸水花盆会烂根吗</t>
  </si>
  <si>
    <t>自动吸水器不是万能的，不同植物对水分需求不会一样。多肉植物喜干旱，水一多久会烂了，不过多肉属于懒人植物，也不必要自动浇水。万一自动吸水器失灵了，植物没浇水又会缺水了。如果自动吸水器可以自己控制浇水量和浇水频率应该会比较好。</t>
  </si>
  <si>
    <t>自动吸水花盆的挺好的，不会出现烂根。</t>
  </si>
  <si>
    <t>斯人若彩虹是表白么</t>
  </si>
  <si>
    <t>不是，斯人，出自诗经一书，意为想念的人。</t>
  </si>
  <si>
    <t>辐射4能联机吗</t>
  </si>
  <si>
    <t>果珍对人有害吗</t>
  </si>
  <si>
    <t>是饮料，含糖量高，不利于健康。</t>
  </si>
  <si>
    <t>一天喝一点还是有好处，但是不宜喝太高，导致胃酸等症状，不利健康。</t>
  </si>
  <si>
    <t>现在还有营业税吗</t>
  </si>
  <si>
    <t>没有这个税种了。</t>
  </si>
  <si>
    <t>中国现在没有营业税，都改成增值税了。</t>
  </si>
  <si>
    <t>营改增是部分行业，目前还有一些行业是交营业税。</t>
  </si>
  <si>
    <t>罗切斯特大学算名校吗</t>
  </si>
  <si>
    <t>罗切斯特大学是美国一所综合性私立大学。该校的7位学者是美国国家科学院院士，18位学者是美国文理研究院院士；在它的教师和校友中有8名教授是诺贝尔奖金获得者，12名学者获普利策文学奖。罗切斯特大学有6个学院，共开设超过175门学位课程（含学士、硕士和博士3种学位），其中英语、音乐、历史、政治学、心理学、数学、生物医学工程和光学等专业素享盛誉。据2014年US News &amp; Report美国大学排名，罗切斯特大学与纽约大学并列全美第32名；2015年Us news美国大学排名罗切斯特大学与威廉玛丽学院并列第33名。罗切斯特大学各个专业中，音乐和光学排名全美第一，经济和管理专业也为 Top 10。医学院也很优秀。其他的专业，大多排名30 -40之间。实力与国内多所985、211的院校不相上下。</t>
  </si>
  <si>
    <t>这个就看怎样理解了。在最近几年的大学综合排名中，一直都是世界前150，美国前50（连续三年都在32-33，说30好像有点夸张就前50吧）。这所学校的学者有7名是美国国家科学院院士，前后有8名诺奖得主。音乐学院前两年世界排名第一，金融专业全球第5，商学院全美第六。这么看起来应该算是名校吧。如果是目标直指牛剑哈耶等等世界前十前二十的学霸，也算不上名校吧。</t>
  </si>
  <si>
    <t>孕妇可以吃红糖吗</t>
  </si>
  <si>
    <t>红糖有促进子宫收缩德作用，对于孕妇是很危险的，对宝宝也不好，情况严重会造成早产，所以孕妇最好不要喝红糖。</t>
  </si>
  <si>
    <t>孕妇是可以喝红糖水的。</t>
  </si>
  <si>
    <t>公司降薪不辞退合法吗</t>
  </si>
  <si>
    <t>不合法，降低工资属于变更劳动合同内容，应与劳动者协商达成一致并签订书面文件。用人单位单方降低劳动者工资的，劳动者可以以未及时足额支付劳动报酬为由申请劳动仲裁，要求解除劳动关系并支付经济补偿金。若不想解除劳动关系的，可只请求支付工资差额。</t>
  </si>
  <si>
    <t>合同没有签出每月一定要有多少工资，那么公司降薪是没有错的，单从这一点起诉，你无胜诉的理由，即使判你可以解除合同，但得不到公司任何赔偿金，要公司主动和你解除合同，才有补偿。</t>
  </si>
  <si>
    <t>大专论文查重吗</t>
  </si>
  <si>
    <t>这个都要的，但是不严格。</t>
  </si>
  <si>
    <t>迪丽热巴要离开跑男吗</t>
  </si>
  <si>
    <t>奔跑吧都说了，她会参加一整季。</t>
  </si>
  <si>
    <t>本来就是代替AB的，现在AB回来了不就得离开了。</t>
  </si>
  <si>
    <t>京东apple产品专营店靠谱吗</t>
  </si>
  <si>
    <t>京东的东西一般没事。找自营店一般没有假货的京东，服务不错。</t>
  </si>
  <si>
    <t>京东自营也有翻新机或者假货，不靠谱。</t>
  </si>
  <si>
    <t>网贷理财可靠吗</t>
  </si>
  <si>
    <t>还好吧，只要是正规的第三方机构评的，还是比较靠谱的。</t>
  </si>
  <si>
    <t>胎宝宝能感觉到妈妈很爱他吗</t>
  </si>
  <si>
    <t>按照现在的科学胎教法，宝宝能很好地感知妈妈的情绪，能听到外界的声音。如果妈妈在看一幅画或读一则故事听一首歌时能准确地在大脑里形成画面，那宝宝也能感知到的。</t>
  </si>
  <si>
    <t>胎儿在三个多月后就能感受到妈妈的抚摸的.</t>
  </si>
  <si>
    <t>iphone8会是双卡吗</t>
  </si>
  <si>
    <t>据传可能会。</t>
  </si>
  <si>
    <t>天下手游好玩吗</t>
  </si>
  <si>
    <t>挺好玩的。游戏内提供全天候动态环境渲染，全程CG级游戏画面，方寸之间感受真3D极致画面。</t>
  </si>
  <si>
    <t>大型网游变成手游就不好玩了，操作太累，屏幕小很拥挤的感觉，任务一大堆，各种漏洞</t>
  </si>
  <si>
    <t>石家庄房价会降吗</t>
  </si>
  <si>
    <t>不会，会涨。</t>
  </si>
  <si>
    <t>目前房价还没有下降的趋势，不过也快到顶点，降也不会降太狠。</t>
  </si>
  <si>
    <t>国家政策跟经济有关，不会大降，也不会大涨。</t>
  </si>
  <si>
    <t>王者荣耀王者不打会掉吗</t>
  </si>
  <si>
    <t>对于最强王者段位和永恒钻石段位的高段位玩家，如果一个星期不打排位就会掉一颗星，不论匹配的战绩如何。</t>
  </si>
  <si>
    <t>会。因为游戏设定上了王者之后一星期不打排位会掉一颗星。</t>
  </si>
  <si>
    <t>hugo这个英文名好吗</t>
  </si>
  <si>
    <t>不好听，按照英文发音，谐音狗发音，看不懂英文拼音读数，读胡狗综所述觉得不好听。</t>
  </si>
  <si>
    <t>事业单位面试有猫腻吗</t>
  </si>
  <si>
    <t>猫腻可能有，但越是大的城市，越是大的地方，这种现象越少。</t>
  </si>
  <si>
    <t>肯定有，有关系的基本都能进去，没关系的只有能力非常好的才能进。</t>
  </si>
  <si>
    <t>事业单位考试，地方统一组织的不会有猫腻，考试一般都是公开透明的，录用前会有公示的，接受投诉的。笔试和面试一般都委托第三方考试机构，命题服务也有可能是人力资源局组织。</t>
  </si>
  <si>
    <t>夫妻双方有一方信用不良可以办理房贷吗</t>
  </si>
  <si>
    <t>贷款是以家庭为单位。夫妻一方征信有问题，无法办理贷款。</t>
  </si>
  <si>
    <t>夫妻一方征信不好会影响申请房贷。</t>
  </si>
  <si>
    <t>微信发的红包能撤回吗</t>
  </si>
  <si>
    <t>没办撤回，没人领取24小时自动退回。</t>
  </si>
  <si>
    <t>直接长按第一时间撤回。</t>
  </si>
  <si>
    <t>途虎上的机油是真的吗</t>
  </si>
  <si>
    <t>引用参考文献算重复吗</t>
  </si>
  <si>
    <t>要看索引的字数以及学校的规定。索引的字数不要太多，最好不要大段大段的引用，而且也得看学校的规定，有的学校查重的时候只看抄袭率，有时引用也算抄袭，的确很无奈。</t>
  </si>
  <si>
    <t>如果不是一模一样的话，不算，知网查重，一般与文献连续13个字符相同就算重复。</t>
  </si>
  <si>
    <t>苹果7plus32g够用吗</t>
  </si>
  <si>
    <t>看一般用来干什么，如果存视频，照片太多的话又不删肯定不够用的。</t>
  </si>
  <si>
    <t>不够，iOS先天比较占储存，并且现在软件越来越大了，建议128g版本。</t>
  </si>
  <si>
    <t>会计继续教育取消了吗</t>
  </si>
  <si>
    <t>需要继续参加继续教育。</t>
  </si>
  <si>
    <t>做淘宝客能挣钱吗</t>
  </si>
  <si>
    <t>赚不到的，忽悠人的，骗子太多。</t>
  </si>
  <si>
    <t>能是能。前期很难。只能赚个几十到几百吧。太多赚不了。升钻以后会好点。</t>
  </si>
  <si>
    <t>现在来做淘宝客赚钱，难度是很大的。</t>
  </si>
  <si>
    <t>巴乐兔租房靠谱吗</t>
  </si>
  <si>
    <t>确实没有中介费，房租也是一月一付，房子性价比还不错，装修属于轻装修，客服亲自带看的房，有一点是肯定的，他们家服务确实很给力。</t>
  </si>
  <si>
    <t>感觉还是不错的很给力。建议先下载试下，自己感觉下怎么样，用过才知道。</t>
  </si>
  <si>
    <t>压缩裤里面要穿内裤吗</t>
  </si>
  <si>
    <t>要穿</t>
  </si>
  <si>
    <t>皆可</t>
  </si>
  <si>
    <t>看个人习惯的。</t>
  </si>
  <si>
    <t>京东购物网好不好</t>
  </si>
  <si>
    <t>京东的东西都是正品，比较值得信赖。</t>
  </si>
  <si>
    <t>孕十周胎儿稳定了吗</t>
  </si>
  <si>
    <t>怀孕前三个月胎儿相对不稳定，到了满四个月以后(就是孕中期)就相对稳定一些，但也存在着流产的危险，所以也得注意。</t>
  </si>
  <si>
    <t>没有腹痛出血就问题不大的，基本稳定了，注意休息，定期产检，观察着看就可以。</t>
  </si>
  <si>
    <t>薇诺娜可以长期使用吗</t>
  </si>
  <si>
    <t>具体分系列。可以长期使用，无激素，无酒精，安全性非常高。</t>
  </si>
  <si>
    <t>可以的，薇诺娜产品不含激素，不会有依赖性，可以长期使用。</t>
  </si>
  <si>
    <t>薇诺娜本身就是护肤品，当然可以长期使用哦。</t>
  </si>
  <si>
    <t>至尊宝皮肤还能买吗</t>
  </si>
  <si>
    <t>你喜欢的话就可以购买疯狂对战2连开，钻石碎片换换换！活动时间：2月12日~2月13日每晚21:00~23:00活动期间，分别在5V5匹配中击杀5个小兵，摧毁一座防御塔，击杀大/小龙一次，均可获得好梦礼包*2。每个好梦礼包随机产出钻石，金币，铭文碎片，皮肤碎片以及英雄碎片中的任意一种，并且必开出疯狂碎片*1。收集欢乐花环、疯狂碎片，即可在限时开启的兑换商店中兑换随心好礼。</t>
  </si>
  <si>
    <t>等明年情人节吧。</t>
  </si>
  <si>
    <t>社保可以取出来吗</t>
  </si>
  <si>
    <t>可有取出来。</t>
  </si>
  <si>
    <t>男生硬了一般能忍住吗</t>
  </si>
  <si>
    <t>电信升200m要换光猫吗</t>
  </si>
  <si>
    <t>如果是升级到的光纤200M，一定要用光猫，之前如果是光猫，一般不用换，如果不是那就得换了。</t>
  </si>
  <si>
    <t>要看你之前的电信宽带是什么类型的。如果之前不是光纤上网的，一般的宽带网络，那种猫是用电话线的。那么现在升级成光纤，就要更换，因为光纤上网和电话线上网不一样的。</t>
  </si>
  <si>
    <t>当然需要，100M是百兆猫，200M需要千兆猫了。</t>
  </si>
  <si>
    <t>钢化膜蓝光和普通有区别吗</t>
  </si>
  <si>
    <t>蓝光钢化膜能过滤一部分蓝光，不是蓝光的钢化膜就没这功能，另外蓝光钢化膜贴上一般屏幕会变黄（暖屏，也有少部分蓝光钢化膜贴上屏幕不会变黄，比如dooir），不是蓝光的钢化膜一般是高清透明的。</t>
  </si>
  <si>
    <t>vincent这个名字好吗</t>
  </si>
  <si>
    <t>如果是女生的话，可能不太舒服，男人可以提现出气质的一面。男人起这个真心不错。</t>
  </si>
  <si>
    <t>齐秦齐豫是亲兄妹吗</t>
  </si>
  <si>
    <t>齐豫、齐秦是亲姐弟关系。</t>
  </si>
  <si>
    <t>珍妮的孩子是阿甘的吗</t>
  </si>
  <si>
    <t>那女的说是他的,但是我比较怀疑,如果是阿甘的应该早就告诉他了,不会到要死的时候说,很有可能是别人的,只是觉得阿甘可以很好的照顾孩子才那样说的。</t>
  </si>
  <si>
    <t>苹果手机可以登录两个微信吗</t>
  </si>
  <si>
    <t>苹果手机无法直接登录2个微信号。</t>
  </si>
  <si>
    <t>腕管综合症能自愈吗</t>
  </si>
  <si>
    <t>不能。腕管综合症是骨骼肌肉类慢性病，按摩只是先放松腕部的肌肉，尤其是痉挛的肌肉，再加速肌肉的血液循环，减少致痛物质的堆积，然后促使关节恢复到正常的位置，缓解神经根的卡压，最后通过牵拉等手法，使得因长期处于张力状态而僵直甚至黏连的肌肉的纤维拉长，达到缓解疼痛的效果。所以推拿之后，大家一般会感觉到肌肉没有那么紧张了，比较放松，疼痛也得到缓解。这主要是因为当你回去之后，没有进行合理的锻炼，依旧采取错误的生活方式，会重新增加腕部的压力……鼠标手治疗最有效的是物理治疗，通过伸展等的运动康复，相应中枢和神经会随着活动方向延展、回缩。只要每天做15-30分钟，就能够达到很明显的治疗效果。例如当我们伸肘和伸腕时，正中神经比屈肘屈腕时延长20%，从而达到锻炼治疗的效果。也可以做以下康复运动：握球强化运动、腕关节屈曲运动</t>
  </si>
  <si>
    <t>精神分裂可以治好吗</t>
  </si>
  <si>
    <t>回答一： 目前还不能根治；回答二： 目前已经能够控制，并且副作用相当少，基本上服药之后完全是一个正常人；回答三： 目前存在一些误诊和骗诊现象，请注意。回答四：将来，很快就能完全根治了。</t>
  </si>
  <si>
    <t>如果真的是精神分裂症，只能吃药控制，心理治疗很难见效。</t>
  </si>
  <si>
    <t>索尼55x7000d是低端吗</t>
  </si>
  <si>
    <t>气压椅放气有危险吗</t>
  </si>
  <si>
    <t>确实有听说过爆炸的传闻，不过只要质量没有太大问题，正常使用的话事故率还是几乎可忽略的，放心吧。另外，放气的话反而会有爆炸危险，切勿尝试。</t>
  </si>
  <si>
    <t>1、椅子的气压杆主要靠高压氮气升降，一般气体纯度低于90%可能存在安全隐患，一些生产厂家为省成本将气压杆内灌入高压空气或其他气体，安全性就大大降低。2、封口密封不严，同样会导致爆炸。3、气压杆容器壁材质的牢固程度，会直接影响椅子的安全。 1、要选择正规厂家产品。购买带有合格标志的产品，勿贪图便宜购买劣质货。2、购买旋转椅，首先看旋转椅的塑料底板结不结实，然后来回滑动一下旋转椅，质量好的旋转椅旋转起来比较灵活，不会出现倾斜。3、椅子在使用时，不要反复旋转升降。使用一段时间后，应该及时检查，一旦发现裂痕、松动迹象，应及时维修更换。</t>
  </si>
  <si>
    <t>建筑设计师工资高吗</t>
  </si>
  <si>
    <t>就目前，市场上建筑设计师的薪资待遇来看，薪资待遇还是很不错的。因为，现在全国各地建设项目开发好多，人才需求旺盛，设计人才很紧缺，所以待遇很不错。一般刚出去的建筑设计师，工资都在3000-8000不等，随着经验的积累，工资还是会不断上涨的。一般在一线城市，3年工作经验的建筑设计师年薪基本在10—20万。如果说还去外面接私活的话，每年的收益就会是一大笔，收入可是很可观的。</t>
  </si>
  <si>
    <t>不等的，毕业生一般5万算不错了，熟练工在南方地区大型设计院单纯画图大概10万左右，如果做专业负责人可以有12~15万（非级注册）级注册建筑师15~30万看业务能力。</t>
  </si>
  <si>
    <t>钱串子咬人吗</t>
  </si>
  <si>
    <t>钱串子是益虫，通常情况下不咬人，但伤害它时会反击咬人。</t>
  </si>
  <si>
    <t>不咬人。</t>
  </si>
  <si>
    <t>会咬人的。</t>
  </si>
  <si>
    <t>薄荷驱蚊吗</t>
  </si>
  <si>
    <t>薄荷虽然有驱蚊作用，但效果比较差，蚊子只是不喜欢近植株附近。</t>
  </si>
  <si>
    <t>云集到底是不是传销</t>
  </si>
  <si>
    <t>不是传销，是卖东西的平台。</t>
  </si>
  <si>
    <t>企业所得税年度关联企业申报表必须填吗</t>
  </si>
  <si>
    <t>如果没有关联业务单位,则不需要填写。如果企业有关联业务企业,发生了往来,则必须填报该表。</t>
  </si>
  <si>
    <t>如果没有关联方，就填写法人，之后表中的交易信息就都是空的或者补零即可。</t>
  </si>
  <si>
    <t>没有关联公司的不需要填写关联表，补零就可以了。</t>
  </si>
  <si>
    <t>端午节香港放假吗</t>
  </si>
  <si>
    <t>那天是公众假期,除了服务行业外,其他人也是假期。</t>
  </si>
  <si>
    <t>转转手机靠谱吗</t>
  </si>
  <si>
    <t>全是改装的，别上当了，要不就走转转验机，就是麻烦点。小心那些深圳广州地区的全是骗子，手机都是改的，会说怕转转换他手机里东西，不走转转。走到付，但是改过的要到电脑上才能看出来，要付款才能拿走。</t>
  </si>
  <si>
    <t>还算是蛮靠谱的，转转上买的手机是申请了优品验机，感觉遇到了中国好卖家，是卖家坚持走验机流程的，说是卖的放心让人也买的安心。</t>
  </si>
  <si>
    <t>比闲鱼可靠，因为可以请转转平台给验机。这样至少买到的手机都是真机器。要是好好挑，还真能挑到不贵的好东西，也可以直接买官方平台自营的机器。</t>
  </si>
  <si>
    <t>腰肌劳损能好吗</t>
  </si>
  <si>
    <t>腰肌劳损是可以治愈的。</t>
  </si>
  <si>
    <t>患有腰肌劳损，一般是外伤或者劳累所致，腰肌和韧带紧张，缺血，粘连，引起疼痛不适，通过理疗可以治愈，一般不会遗留后遗症。</t>
  </si>
  <si>
    <t>轻度腰肌劳损可以自愈。</t>
  </si>
  <si>
    <t>天津华尔金贵金属正规吗</t>
  </si>
  <si>
    <t>华尔金是国内真正做到支持盈利的现货平台，非市商，良心平台。</t>
  </si>
  <si>
    <t>浦东父女是真的吗人肉</t>
  </si>
  <si>
    <t>这事多半是假的，只有对话说明了身份而已，但是可以演的。</t>
  </si>
  <si>
    <t>魍魉吃效果命中吗</t>
  </si>
  <si>
    <t>61%的效果命中+技能20%的概率在一局突破结界中对方全体连续3次没有一个人中混乱状态。个人感觉这个概率太假，完全不像是概率81%。</t>
  </si>
  <si>
    <t>地平线黎明时分好玩吗</t>
  </si>
  <si>
    <t>画面方面非常赞，打斗方面也很新奇，毕竟对机器打，当然里面也有人类敌人。</t>
  </si>
  <si>
    <t>属于角色扮演类ACT 第三人称动作游戏。采用的战斗系统是古墓丽影的战斗系统+的建模+巫师的画面风格和地图+刺客信条的潜行刺杀系统是PS4独占游戏，属良心游戏，值得入手。</t>
  </si>
  <si>
    <t>如果有PS4推荐玩玩地平线，画质很不错，自由度很大。</t>
  </si>
  <si>
    <t>手机麻将辅助是真的吗</t>
  </si>
  <si>
    <t>换头手术成功了吗</t>
  </si>
  <si>
    <t>没成功。</t>
  </si>
  <si>
    <t>苹果手机可以上两个微信吗</t>
  </si>
  <si>
    <t>可以，下载安装微信分身版。</t>
  </si>
  <si>
    <t>1、第一步：首先进入苹果App Store应用商店下载安装微信，如果之前已经安装了微信，跳过此步。2、第二步：这一步很关键哦。打开iPhone自带的Safari浏览器，然后输入网址http://app.neihanshe.cn/weixin.php ，点击前往，选择第一个词条。3、第三步：选择第一个词条后，会出现如图所示，选择“安装第二个微信”。4、第四步：点击安装微信之后，会提示是否安装，选择“安装”，程序会自动返回桌面，进行安装操作，你的第二个微信就安装成功了。</t>
  </si>
  <si>
    <t>长期喝茶对身体好吗</t>
  </si>
  <si>
    <t>合理的喝茶对人体是有百益而无一害的，但是如果不合理的话那就对人体有害处了。</t>
  </si>
  <si>
    <t>1.提神醒脑，使人精神振奋，增强记忆力。 2.兴奋中枢神经，增加运动能力。 3.刺激胃液分泌，帮助消化，增进食欲，消除口臭。 4.保养肌肤，分解中性脂肪，达到减肥美容效果。 5.饮酒前喝茶，预防宿醉。 6.消除疲劳，促进新陈代谢。 7.保护视力，维持视网膜正常，预防老年性白内障。 8.降低血液的胆固醇含量、血脂浓度，防止动脉硬化、高血压、脑血栓等心血管疾病。 9.减缓衰老，延年益寿。 10.固齿强骨，预防蛀牙。 11.抑制细胞突变，具抗癌作用。 12.治疗放射性操作，保护造血机能，提高白血球数量。</t>
  </si>
  <si>
    <t>具养生保健功能，每天喝三两杯茶可起到防老的作用。茶叶中含有多种维生素和氨基酸，喝茶对于清油解腻，增强神经兴奋以及消食利尿也具有一定的作用。</t>
  </si>
  <si>
    <t>鸡蛋花有毒吗</t>
  </si>
  <si>
    <t>鸡蛋花全株有毒，但它是虫媒植物依靠昆虫授粉，所以她的花不但没有毒还可以食用因此又叫面粉花，花香有点像栀子俗名缅栀子，花朵可以入药，去热解毒，许多凉茶饮料鸡蛋花都是必不可少的，不信可以看看王老吉的配料表，所以请放心食用。</t>
  </si>
  <si>
    <t>鸡蛋花无毒，广东人常把鸡蛋花晒干作为凉茶的材料，可治疗中暑。</t>
  </si>
  <si>
    <t>qq旋风有手机版吗</t>
  </si>
  <si>
    <t>目前来说还没有手机版本的。</t>
  </si>
  <si>
    <t>王者荣耀有mac版吗</t>
  </si>
  <si>
    <t>不能玩，玩王者荣耀需要windows系统才行。</t>
  </si>
  <si>
    <t>王者荣耀不仅安卓可以玩，苹果手机，平板电脑都是可以玩的，mac需要下载一个安卓模拟器才能玩王者荣耀。</t>
  </si>
  <si>
    <t>硅胶奶瓶安全吗</t>
  </si>
  <si>
    <t>硅胶奶瓶的安全性等同于奶嘴，成为了新一代主流安全奶瓶的代表。</t>
  </si>
  <si>
    <t>无毒无味。</t>
  </si>
  <si>
    <t>安全无害。</t>
  </si>
  <si>
    <t>行尸走肉有第八季吗</t>
  </si>
  <si>
    <t>轿车轮胎气压3.0可以吗</t>
  </si>
  <si>
    <t>有点高，2.5左右就行</t>
  </si>
  <si>
    <t>走的烂路多的话胎压可以稍大一点，但最好不要超过3个气压，以免轮胎过早老化</t>
  </si>
  <si>
    <t>蚂蚁hr代缴社保靠谱吗</t>
  </si>
  <si>
    <t>挺靠谱的，没有出现漏缴断缴的情况，客服态度也挺好。</t>
  </si>
  <si>
    <t>千万别用特别的垃圾。</t>
  </si>
  <si>
    <t>微信网页版可以查看聊天记录吗</t>
  </si>
  <si>
    <t>能查看的</t>
  </si>
  <si>
    <t>招商银行闪电贷划算吗</t>
  </si>
  <si>
    <t>看一下有一个月供计划，把月供计划放到excel表里，使用IRR计算。例如，30万的贷款，月供24期，每期14155.69，那么就有25行，第一行是一开始得到的30万元，第二行到第二十四行都是每月给出去的-14155.69元，求IRR，得到1.02。意思就是月利率是1.02%。换成年利率就是（1+1.02%）的12次方，大概是12.95%的利率。比房贷是贵多了。但比民间的高利贷又便宜多了。看自己取舍了。如果是13%的年利率，其实比信用卡的利率低，信用卡的利率大概是18%。</t>
  </si>
  <si>
    <t>该贷款的安全性偏低，贷款建议到正规银行，正规银行虽然麻烦但是安全而且利率较低，还能保证的私人信息不会被泄露，贷款记得带上抵押物和身份证，不懂得可以问大堂经理。</t>
  </si>
  <si>
    <t>鲜蚕豆有毒吗</t>
  </si>
  <si>
    <t>有毒。蚕豆种子中含有巢菜碱苷，人食用这种物质后，可引起急性溶血性贫血(蚕豆黄病)。春夏两季吃青蚕豆时，如果烹制不当，常会使人发生中毒现象。而且一般在吃生蚕豆后 4~24小时后发病。为了防止出现蚕豆中毒，最好不要吃新鲜的嫩蚕豆，而且一定要煮熟后再食用。</t>
  </si>
  <si>
    <t>蚕豆确实可能导致传说的“过敏性溶血综合病征”，被称为“蚕豆中毒”。不过这种症状只发生在体内缺乏6-磷酸。</t>
  </si>
  <si>
    <t>2345流氓软件不违法吗</t>
  </si>
  <si>
    <t>不违法，跟360软件管家一样，也可以认为是流氓软件，都是下软件带上去的，不过没有危害，是安全程序。</t>
  </si>
  <si>
    <t>吃冰淇淋会胖吗</t>
  </si>
  <si>
    <t>会的，热量挺高的。</t>
  </si>
  <si>
    <t>会不会胖，要看每天摄入的热量大于还是小于每天消耗的热量，而绝对不是吃什么会胖、吃什么不会胖的问题！</t>
  </si>
  <si>
    <t>只要适量的吃是不会发胖的。</t>
  </si>
  <si>
    <t>做月子风湿关节炎能治好吗</t>
  </si>
  <si>
    <t>能治疗好的，辩证调理，找对方法，这种产后代谢循环问题，都可以全面解决。</t>
  </si>
  <si>
    <t>王者荣耀刘备厉害吗</t>
  </si>
  <si>
    <t>无论打野还是带线发育，无论匹配还是排位都非常热门的英雄，用好了可以说有逆天翻盘的能力。</t>
  </si>
  <si>
    <t>不推荐，虽然伤害高，不过需要贴脸打。</t>
  </si>
  <si>
    <t>脾虚可以吃归脾丸吗</t>
  </si>
  <si>
    <t>美团不能用支付宝了吗</t>
  </si>
  <si>
    <t>可以支付的。注意看下是不是这家商店不支持支付宝付款，或者说手机上有没有安装支付宝，或者是说进错团购了。可以建议刷新下或者说换个时间进去，卸载重装也行，美团目前支持支付宝付款。</t>
  </si>
  <si>
    <t>应该是支付宝支付的端口给关闭了，美团现在不跟支付宝合作了。有其他疑问可以直接咨询相关客服。</t>
  </si>
  <si>
    <t>试用期交社保吗</t>
  </si>
  <si>
    <t>武汉月薪一万普遍吗</t>
  </si>
  <si>
    <t>酵母粉发面一夜可以吗</t>
  </si>
  <si>
    <t>酵母发面是有时间限制的，不能发一夜，和好面以后，醒发40~60分钟即可，如果冬季气温低，可延长30分钟。</t>
  </si>
  <si>
    <t>商业保险有必要买吗</t>
  </si>
  <si>
    <t>一般原则下，有条件家庭都应该买一些商业保险。</t>
  </si>
  <si>
    <t>商业保险当然有必要，买商业保险前，建议先投保社保。</t>
  </si>
  <si>
    <t>怀孕四个月可以打孩子吗</t>
  </si>
  <si>
    <t>四个月只能做引产，这个时间的宝宝能看出性别，要是打掉太可惜，而且引产很伤身体，很有可能会影响到以后的怀孕的，最好是慎重考虑。</t>
  </si>
  <si>
    <t>身份证提前8个月能换吗</t>
  </si>
  <si>
    <t>不可以，身份证法规定三个月。</t>
  </si>
  <si>
    <t>二代身份证不能提前八个月换证 ，一般可以在身份证有效期满前90内前往办理换证。</t>
  </si>
  <si>
    <t>可以提前三个月办理，还可以按照身份证丢失随时补办。</t>
  </si>
  <si>
    <t>微信必须要手机号注册吗</t>
  </si>
  <si>
    <t>现在申请都需要手机号的。一个手机号+多个qq号就可以注册多个微信号了。现在用的微信号先绑定qq，然后解除手机绑定。这时候这个微信是要用qq登录的，就可以用手机号去注册新的微信号，同样的注册了之后绑定qq，解绑手机号。</t>
  </si>
  <si>
    <t>是的，目前仅支持手机号注册，注册成功后可以绑定QQ使用。</t>
  </si>
  <si>
    <t>微信号必须要手机号码才可以注册的，不过注册后绑定QQ后就可以解绑手机了，方法如下：1.首先用手机号注册一个微信号。2.接着将注册到的微信号与QQ号进行绑定。3.然后用这个微信号与手机号码进行解除绑定。</t>
  </si>
  <si>
    <t>梅核气是咽炎吗</t>
  </si>
  <si>
    <t>是一样的 西医称为慢性咽炎 中医叫梅核气 这种可以喝咽苏茶</t>
  </si>
  <si>
    <t>自来水可以直接饮用吗</t>
  </si>
  <si>
    <t>水质好的地方直接喝没有太多影响,不过最好还是烧开了好。</t>
  </si>
  <si>
    <t>用氯化法给自来水消毒，可是氯化消毒后的自来水能产生致癌物质，自来水烧开后最好打开壶盖晾它两三分钟，氯气基本就随水蒸气蒸发了，这样的水饮用起来才是安全的。</t>
  </si>
  <si>
    <t>激光美白好不好</t>
  </si>
  <si>
    <t>激光美白的效果是比较好的，激光在作用皮肤的时候会瞬间产生高能量，然后被皮肤病变部位的色素吸收，然后激光就会将色素击碎，碎屑会身体的淋巴循环排出体外，从而达到彻底治疗的目的。激光去除了面部的色斑、色素沉着等病变，恢复了肌肤的本色，达到美白的目的。</t>
  </si>
  <si>
    <t>国珍松花粉是骗局吗</t>
  </si>
  <si>
    <t>属于直销范畴的，不能说是骗局。</t>
  </si>
  <si>
    <t>变相的传销不要上当。</t>
  </si>
  <si>
    <t>思域type-r国内有售吗</t>
  </si>
  <si>
    <t>中国当然可以买到。</t>
  </si>
  <si>
    <t>国内市场没有，但可以通过一些进出口代理机构从外购买。</t>
  </si>
  <si>
    <t>fnatic库奇有特效吗</t>
  </si>
  <si>
    <t>没有特效，就是基础的进进皮肤而已。</t>
  </si>
  <si>
    <t>胎动早晚和胎儿性别有关吗</t>
  </si>
  <si>
    <t>有部分孕妈妈想通过胎动辨别胎儿的性，而有些人说胎动早的话是男孩的可能性比较大，其实这样的说法都是不科学的。</t>
  </si>
  <si>
    <t>听说男孩子的胎动早于女孩子。</t>
  </si>
  <si>
    <t>工程预付款需要发票吗</t>
  </si>
  <si>
    <t>需要看合同怎么签，一般稍微大型一点的工程都会跟施工方签订合约，里面应该就有约定货款的支付方式。关于发票部分，可以要求施工方按支付比例开立发票，也可以等工程完成后请验收款时再一起开，这个没有影响。至于保固款可以在请验收款时开又或者等保固到期后再开。</t>
  </si>
  <si>
    <t>发票管理办法第十九条规定： 销售商品、提供服务以及从事其他经营活动的单位和个人，对外发生经营业务收取款项，收款方应当向付款方开具发票；特殊情况下，由付款方向收款方开具发票。营业税暂行条例实施细则第二十五条第二款规定：纳税人提供建筑业或者租赁业劳务，采取预收款方式的，其纳税义务发生时间为收到预收款的当天。综上2点，在工程建设中业主单位预付工程款，建设方应该开具发票；否则建设方可能涉嫌偷漏税，而业主可能涉嫌违反发票管理办法，双方都有税务风险的。</t>
  </si>
  <si>
    <t>前期收取的工程预付款与质保金，由于没有与工程进度相匹配，在财务上可以不开发票、不确认收入，但在税务上，有规定预付期超过3个月的需要确认为收入。</t>
  </si>
  <si>
    <t>医保卡全国通用吗</t>
  </si>
  <si>
    <t>医保目前没有全国联网，在全国是不能通用的。医保卡的使用方法：医保卡使用范围：参保职工在定点医院，药店就医购药时，可凭密码在POS机上刷卡使用，但无法提取现金或进行转帐使用；医保卡余额查询：参保职工可通过拨打电话95566进行余额查询，也可在中行储蓄所或市区定点医院，药店查询，也可以上网在社保查询系统登录查询。者使用手机登陆手机社保查询网查询医保卡余额；医保卡交易查询：参保职工可以到中行的储蓄所凭身份证和医保证要求打印医保卡交易记录，包括个人帐户金的拨付记录和消费记录，对交易记录有疑问的，可以到中行零售业务部进行查询；医保卡密码：参保职工若修改密码，可拨打电话95566进行修改，也可持身份证到中行储蓄所进行修改，参保职工若忘记密码，可持身份证到中行储蓄所挂失原密码并更改密码；医保卡的保管：参保职工要妥善保管好医保卡，若不慎丢失，请立即到单位开具证明信并到医保处盖章确认，然后持身份证到中行储蓄所挂失，并办理补卡手续，7天后可领取新卡；注意事项：当医保卡交易次数达到60次时，参保职工必须到中行储蓄所打印交易记录，否则,会停止该卡的使用.交易记录打印完后，该卡即可继续使用。</t>
  </si>
  <si>
    <t>医保卡什么时间全国能通用，目前无法确定。医保卡通用问题之所以迟迟没有实现，原因如下：首先，医保涉及城乡统筹、区域统筹和信息化建设等多个方面，医保的缴费额度、支付方式和比例，以及医保目录都存在地区差异。同时，为了防止骗保和滥用医疗服务、监督医疗行为，医疗保险的结算要对医疗服务信息的真实性进行审核。异地就医即时结算，需要将异地就医相关信息的人工审核转变为电子化审核。这需要将全国几千家经办机构与数万家医疗机构实现联网，进行信息的标准化统一。所以医保卡全国通用是一个庞大的系统工程，需要较长的时间。其次，如果想实现全国规范化的医保体系，需要分阶段进行，先进行地级统筹，然后进行省级统筹，最后实现医保的全国转移和通用。再次，我国目前实行城镇职工基本医保、城镇居民基本医保、新型农村合作医疗三种不同的保险制度。三项基本医保制度间既有交叉又有不同，难以统一管理。即便是在长三角经济区实行的跨省即时结算，也只是针对城镇职工基本医保的参保人员。如果实行医保的全国通用和转移，医保的统一管理非常重要。在医保卡尚不能全国通用的情况下，我国各地也探索了异地就医费用结算的问题。目前我国绝大部分省市已经实现地级统筹，少数地方实现了省级统筹，实现了跨区县、跨省市医保结算。比如，重庆市已经实现全市统筹联网，参保人员持卡在全市范围内就医、购药实时结算。长三角经济区的部分省市以及其他一些省市之间通过签署协议，已经实现了跨省医疗费即时结算的协作。</t>
  </si>
  <si>
    <t>医保是全国通用的，医疗保险异地报销的流程：在住院前或住院后3日内打老家新农合咨询电话对住院就医情况进行登记备案；出院后必须在居住所在地由街道办事处或居委会出具一份居住证明，如果是在外务工，需有务工单位出具务工证明；出院后持病历复印件、汇总明细单、住院收费票据、出院证明，再拿着患者身份证、合作医疗证及居住或务工证明回参合所在地报销；如果是从参合所在地直接到省外住院化疗，必须在走之前办理转诊转院手续，然后才可去外地住院治疗；省外报销的比例最低，一般起付线2000左右，报销比例为合理费用的45%，花的少的话，很难报销几个钱的，医院级别越低，报销比例越高。</t>
  </si>
  <si>
    <t>前列腺液会致孕吗</t>
  </si>
  <si>
    <t>前列腺液不会导致怀孕。</t>
  </si>
  <si>
    <t>前列腺液中不含有精子或精子量极少，引起怀孕的可能性不大。</t>
  </si>
  <si>
    <t>小米20000充电宝能带上飞机吗</t>
  </si>
  <si>
    <t>20000毫安的移动电源是可以带上飞机的。</t>
  </si>
  <si>
    <t>还要看充电电压。 机场安检对于便携式移动电源（充电宝）的处理方法与锂电池相同，便携式移动电源不允许航空托运，锂电池额定能量如大于100Wh且小于160Wh，需提前向航空公司申请或向机场值机柜台申报。在满足安全条件和做好防护措施的前提下经允许才可携带，随身携带备用的锂电池不得超过两块。额定能量大于160Wh或没有任何标注的便携式移动电源将不允许登机。 但这个160WH是什么意思？但根据额定能量值的公式，2万毫安的充电宝在电压为4伏的情况下，额定能量值为20000毫安×4伏=80瓦特小时，小于100瓦特小时，符合民航总局的规定。但如果是电压5伏的2万毫安充电宝，要带上飞机，则需要经过航空公司批准。</t>
  </si>
  <si>
    <t>20000毫安的移动电源可以带上飞机，20000毫安的移动电源的电压在5伏左右，电源的额定能量在（20000×5÷1000=）100Wh左右，低于规定的160Wh，但不能托运，只能随身携带。</t>
  </si>
  <si>
    <t>电脑可以同时登陆两个微信吗</t>
  </si>
  <si>
    <t>右键点击微信的打开方式，鼠标移动到“打开”那里，然后快速的点几下回车键，速度移动一定要快，然后就有两个微信打开的框了。</t>
  </si>
  <si>
    <t>电脑上下两个微信就可以同时登陆了。</t>
  </si>
  <si>
    <t>用两个浏览器，上两个网页版微信就可以了。</t>
  </si>
  <si>
    <t>天牛值钱吗</t>
  </si>
  <si>
    <t>常见的品种不值钱，稀有品种千金难求。</t>
  </si>
  <si>
    <t>中国公民出入境证件申请表要双面打印吗</t>
  </si>
  <si>
    <t>单、双面打印均可。</t>
  </si>
  <si>
    <t>佐丹力159有副作用吗</t>
  </si>
  <si>
    <t>西瓜能和桃子一起吃吗</t>
  </si>
  <si>
    <t>甲醛0.3 可以住吗</t>
  </si>
  <si>
    <t>肯定是有危害的，甲醛会引发一系列的疾病，建议不要在里面住，国际规定甲醛含量是0.1mg/m³，这个都属于严重超标了。</t>
  </si>
  <si>
    <t>不可以的。要马上进行处理。放些吊兰、虎皮兰等草本植物、活性炭、纳米活矿石吸收分解甲醛。一般需要三个月，但也要看装修所用的材料，如果用好材料的话，可以适当的缩短一点时间，去除还是要选用好的方法这样更快更有效。</t>
  </si>
  <si>
    <t>甲醛浓度0.3毫克每立方米是超标两倍的情况，属于中度污染，一般建议家里有孕妇小孩或者老人的情况下谨慎入住，玩成年人的抵抗力是非常好的不会有任何问题，但是特殊人群抵抗力有限，应当多关注。开窗情况下甲醛的浓度会非常低，甚至可能会达到达标状态，但是开窗的会会有两个问题：一是必须保持一直通风状态因为只要关掉窗户室内甲醛的浓度就有可能会回升。二是超标两倍的情况下，一般家里的家具会是最主要的污染源，比如床衣柜等，这样即使在开窗情况下人体和污染源是最近的，也不是特别安全。总之超标两倍的情况是比较严重的还是慎重一些好。如果不是非常着急入住的话建议还要在通风一段时间。或者选用现在比较流行的光触媒净化，可在可见光下持续分解有害气体，安全环保无2次污染可长期有效。洛阳市连环保专业空气净化为您解答有疑问请继续咨询。</t>
  </si>
  <si>
    <t>蜈蚣有毒吗</t>
  </si>
  <si>
    <t>蜈蚣毒性不强。</t>
  </si>
  <si>
    <t>ipad可以分屏吗</t>
  </si>
  <si>
    <t>分屏是IOS9的特色功能，不过目前只支持系统应用。</t>
  </si>
  <si>
    <t>向钱贷上征信吗</t>
  </si>
  <si>
    <t>这种小额贷不会上征信。</t>
  </si>
  <si>
    <t>荷包理财受骗的有吗</t>
  </si>
  <si>
    <t>暂时这个平台还是安全的。</t>
  </si>
  <si>
    <t>目前未听说有人受骗。</t>
  </si>
  <si>
    <t>2017迈腾1.4t动力够吗</t>
  </si>
  <si>
    <t>1.4涡轮增压相当于1.8升的动力，在市区够用。</t>
  </si>
  <si>
    <t>1.4T是高功率280调教，动力在涡轮介入以后还是够用的，就是起步弱。</t>
  </si>
  <si>
    <t>1.4T勉强够用。</t>
  </si>
  <si>
    <t>ipad会中毒吗</t>
  </si>
  <si>
    <t>iPad搭载的是iOS操作系统，一般Windows下的病毒木马代码在iOS下无法执行，且针对iOS设计的病毒很少，所以一般来说iPad是不会中病毒或木马的。但是如果有人专门针对iOS设计病毒的，那么也会有中毒的可能。</t>
  </si>
  <si>
    <t>ipad是ios系统来的，是个封闭系统，不会中毒的。只有你不越狱是很安全的。</t>
  </si>
  <si>
    <t>传染性软疣能自愈吗</t>
  </si>
  <si>
    <t>传染性软疣是不能自愈的。</t>
  </si>
  <si>
    <t>一般情况下不会自愈，会越长越多，可以用伊可尔。</t>
  </si>
  <si>
    <t>psvr值得买吗</t>
  </si>
  <si>
    <t>这个要看自己决定了，要说三大头显中，算落后的就是psvr设备了，无论是沉浸感还是游戏内容方面都没有HTCvive和Oculus的多，而且属于一体机版，体验效果不怎么样，然而PC版中，OC也没有HTCvive的效果好，比较容易眩晕的，所以入手之前先体验一遍看看。</t>
  </si>
  <si>
    <t>有PS4的前提下当然是值得的，没PS4那买来也没用。</t>
  </si>
  <si>
    <t>做痔疮手术痛吗</t>
  </si>
  <si>
    <t>痔疮手术会根据手术的方式选择不同的麻醉方式，但不管哪一种麻醉方式，在手术过程中患者是不会感到疼痛的。术后麻醉药物代谢完，疼痛是肯定的，但会因为手术方式和每个人对疼痛的耐受程度而有所不同。</t>
  </si>
  <si>
    <t>做痔疮手术本身不疼，只是做前打麻药的时候和做完手术麻药失去效力后要疼</t>
  </si>
  <si>
    <t>窗户防晒隔热膜有用吗</t>
  </si>
  <si>
    <t>有效果的，但是要选对合适的产品，不同的隔热膜产品型号隔热率透光率都是有区别的，具体怎么选产品根据商家的专业建议去选择，也可以自己先搜索下资料了解下，可以参考美特龙窗膜了解对比。</t>
  </si>
  <si>
    <t>非常有用效果还不错。</t>
  </si>
  <si>
    <t>口交会传染性病吗</t>
  </si>
  <si>
    <t>可能会的。艾滋病等性病的传播途径之一是体液传播，口交也是体液交换，所以也是有传播的风险的。</t>
  </si>
  <si>
    <t>应该不会吧，只要不做爱应该没问题。</t>
  </si>
  <si>
    <t>这是肯定的。</t>
  </si>
  <si>
    <t>光明大陆好玩吗</t>
  </si>
  <si>
    <t>总体还可以。</t>
  </si>
  <si>
    <t>苹果7需要贴膜吗</t>
  </si>
  <si>
    <t>需要，反正价格也不贵，手机有时候放口袋或者其他地方，屏幕很容易划伤的，所以贴膜是必须的。</t>
  </si>
  <si>
    <t>强烈建议在保修期内保护好手机外观，不然要保修的话，外观有一点点损伤不保修，只能付费维修。</t>
  </si>
  <si>
    <t>主屏还是需要的，毕竟换屏等于换机了。</t>
  </si>
  <si>
    <t>华山下雨能爬吗</t>
  </si>
  <si>
    <t>下小雨不影响爬山，但一定注意安全。准备雨具登山用品。如果要在山上过夜的话，雨天山上温差非要大，要准备防寒。如果是雷震雨建议您不要登山，短时的雷阵雨容易产生次生灾害。尽量避过雷阵雨时段再登山。</t>
  </si>
  <si>
    <t>尽量不要。</t>
  </si>
  <si>
    <t>中国移动volte收费吗</t>
  </si>
  <si>
    <t>不收费的，只有使用才收费，目前显示volte时也是免费的。请放心使用，具体情况请咨询当地运营商。</t>
  </si>
  <si>
    <t>功能免费，如果产生VOLTE通话，按实际通话分钟收费。</t>
  </si>
  <si>
    <t>免费的，只要手机支持sim卡是4g就可以使用该功能。</t>
  </si>
  <si>
    <t>泰国7月份热吗</t>
  </si>
  <si>
    <t>是的，非常热，那时候泰国的平均温度30-35度左右。</t>
  </si>
  <si>
    <t>毕业设计源代码查重吗</t>
  </si>
  <si>
    <t>会查重的，刚刚检测过，别人用过的就千万别用了。</t>
  </si>
  <si>
    <t>知网代码部分，一模一样肯定是检测的，而且百分之百检测。</t>
  </si>
  <si>
    <t>只有论文查重，代码不查重。</t>
  </si>
  <si>
    <t>领证要看日子吗</t>
  </si>
  <si>
    <t>需要看日子的。</t>
  </si>
  <si>
    <t>领证不需要定日子。</t>
  </si>
  <si>
    <t>经常拔罐好吗</t>
  </si>
  <si>
    <t>经常拔罐，肯定不好，因为人体的毛孔本身在洗澡或者汗蒸后就会扩大，如果经常拔罐，易导致毛孔粗大，细菌残留，对免疫力有害无利。</t>
  </si>
  <si>
    <t>长期性用拔火罐会对肌肉造成损伤，不能常用，并伤到脾。</t>
  </si>
  <si>
    <t>苹果6停产了吗</t>
  </si>
  <si>
    <t>没有停产。</t>
  </si>
  <si>
    <t>电流刺激健腹器有用吗</t>
  </si>
  <si>
    <t>没用，美国340年代弃用的技术</t>
  </si>
  <si>
    <t>不是通过锻炼的产品就没有任何效果</t>
  </si>
  <si>
    <t>王者荣耀李元芳厉害吗</t>
  </si>
  <si>
    <t>挺厉害的，走位好技术好装备好。</t>
  </si>
  <si>
    <t>非全日制硕士研究生可以考博士吗</t>
  </si>
  <si>
    <t>可以，在职博士的招生对象是已经获得硕士学位证书的在职人员，包括全日制硕士和非全日制硕士。</t>
  </si>
  <si>
    <t>可以，只要报考的时候满足博士报考条件就可以报名，报考博士需要满足的条件是：1、应届硕士生已经获得硕士学位;2、获得学士学位满六年，达到硕士毕业生同等学力;3、年龄上不能超过45周岁;4、有两位与报考学科相关的专业推荐信。</t>
  </si>
  <si>
    <t>六味地黄丸能治阳萎吗</t>
  </si>
  <si>
    <t>中医专家指出，六味地黄丸不可随便服用，它并不是壮阳药，也不能当成保健品来吃。</t>
  </si>
  <si>
    <t>要看这种病是什么引起，有肾阳虚和肾阴虚。肾阴虚的话是可以吃六味地黄丸。一般看岁数，岁数大的人，往往是肾阳虚，八味地黄丸，在六味的基础上加上补阳的附片和桂枝。一般年轻人，阴虚较多，六味地黄丸长期服用是有效果的。</t>
  </si>
  <si>
    <t>可以治疗肾阳虚引起的阳痿。但是阳痿的成因可能是肾虚，也可能是前列腺、器质性病变等多重原因引起，最好还是在医生的指导下进行治疗。</t>
  </si>
  <si>
    <t>京东超市是京东自营吗</t>
  </si>
  <si>
    <t>不一定，有店铺名字的是第三方卖家。</t>
  </si>
  <si>
    <t>托帕石有收藏价值吗</t>
  </si>
  <si>
    <t>觉得好看可以收藏。</t>
  </si>
  <si>
    <t>天普大学算野鸡大学吗</t>
  </si>
  <si>
    <t>试用期怀宝宝公司可以开除吗</t>
  </si>
  <si>
    <t>试用期内，单位要解除劳动合同需要具备法定条件。公司不能简单地以“怀孕”作为不符合录用条件为由解除合同，需要证明员工不符合该录用条件。如果怀孕确实影响了单位的工作，比如本属于本职工作因怀孕而不能从事，则该情形属于“不符合录用条件”，单位可以此为由解除合同。</t>
  </si>
  <si>
    <t>试用期怀孕女职工可以辞退，但是辞退理由必须为试用期不符合录用条件。但是企业必须证明员工确实存在不符合录用条件的情形。这个要求是对所有员工的统一要求，对于试用期内怀孕的女职工也不例外。</t>
  </si>
  <si>
    <t>ipad pro 32g够用吗</t>
  </si>
  <si>
    <t>下载大量视频和大型游戏，32g不够用。</t>
  </si>
  <si>
    <t>照片、电影经常清理，应该够用。</t>
  </si>
  <si>
    <t>加装胎压监测有危害吗</t>
  </si>
  <si>
    <t>加装内置胎压监测对汽车不会有什么影响，相反可以随时知道胎压状况，防止爆胎危险发生，是很好的一个装置。</t>
  </si>
  <si>
    <t>新车外面加装胎压监测功能不影响保修，这种行为不属于车辆改装，没有对车辆拆卸，不影响保修。</t>
  </si>
  <si>
    <t>当然没有，反而有助于驾驶</t>
  </si>
  <si>
    <t>闪送单号可以查询吗</t>
  </si>
  <si>
    <t>不可以，也不需要。</t>
  </si>
  <si>
    <t>office副本必须激活吗</t>
  </si>
  <si>
    <t>那是肯定的。不然过一段时间就用不了。</t>
  </si>
  <si>
    <t>是的，不然过一段时间就用不了。office的激活方法如下：1、下载KMSAutoNet.exe（注册机）。2、打开“KMSAutoNet.exe”，切换到“system”选项卡，然后如图点击“installKMS-hostservice”（安装KMS-host服务）。3、切换到“main”选项卡，然后点击“Activation（激活）”。4、点击“Activateoffice（激活office）”。5、当进度显示对话框里显示“productsuccessfullyactivated”表示激活成功。</t>
  </si>
  <si>
    <t>不激活会导致一部分插件不可用。</t>
  </si>
  <si>
    <t>泥鳅打窝泥鳅不跑吗</t>
  </si>
  <si>
    <t>微博生日动态是自动发的吗</t>
  </si>
  <si>
    <t>除非设置星座或保密，凡是填写年月日的，系统都会自动发通知（跟会员没有关系）。</t>
  </si>
  <si>
    <t>经传多赢的软件靠谱吗</t>
  </si>
  <si>
    <t>经传多赢拥有证券软件行业最多投资顾问，软件采取一对一服务，具有14年证券软件开发经验，是炒股软件的实力派。</t>
  </si>
  <si>
    <t>这个软件是炒股的好帮手，主要的功能，有关主力的动态一目了然，其次有了智能辅助线，不会再被套牢，再就是根据捕捞季节，能买在股票的起涨点。</t>
  </si>
  <si>
    <t>猪会游泳吗</t>
  </si>
  <si>
    <t>猪是会游泳的。</t>
  </si>
  <si>
    <t>会，动物求生的本性， 猪天生就会游泳。</t>
  </si>
  <si>
    <t>猪会游泳，小猪天生会游泳。猪并不是人们印象中的那样笨拙，猪是比较聪明的杂食动物，经过训练后它能跟狗一样掌握很多技巧；但是体重过大的猪不一定可以游泳。猪肉平均密度为0.975， 即从理论分析的话猪的肯定能游泳的。</t>
  </si>
  <si>
    <t>海风教育靠谱吗</t>
  </si>
  <si>
    <t>以前的学员，在那里上过段时间的课，感觉还是不错。</t>
  </si>
  <si>
    <t>海风教育靠谱。</t>
  </si>
  <si>
    <t>淘宝改一口价有影响吗</t>
  </si>
  <si>
    <t>1，宝贝重新修改价格，淘宝需要重新上传商品信息。对排名会有一定的影响；2，宝贝偶尔修改价格是在所难免的。故只要不是频繁修改，对宝贝排名不会有太大影响。3，建议卖家设定宝贝一口价之前全局考虑宝贝之后的发展动态，稳定价格，不轻易修改价格。如是以后需要做活动的产品可以预先把折扣价格预留出来，避免频繁改价。</t>
  </si>
  <si>
    <t>不会、如果发货时间晚了就会。</t>
  </si>
  <si>
    <t>手机蓝光贴膜 有用吗</t>
  </si>
  <si>
    <t>抗蓝光保护膜采用特殊的树脂材料，能有效的阻隔对眼睛有害的蓝光，并且具有良好的防刮性，在保护眼睛的同时安全呵护手机屏幕防止刮伤。</t>
  </si>
  <si>
    <t>没实际用处只是一个噱头。</t>
  </si>
  <si>
    <t>故意别车违法吗</t>
  </si>
  <si>
    <t>胖大海能吃吗</t>
  </si>
  <si>
    <t>胖大海泡水喝可清肺润喉解毒，具有很好的保健功效。剩余的残物不能吃。</t>
  </si>
  <si>
    <t>胖大海有肾毒性，可导致肾脏损害，过敏反应包括全身皮肤发痒、口唇水肿、头晕、心慌、恶心等，严重可危及性命。胖大海不适合长期服用。</t>
  </si>
  <si>
    <t>现在买房子合适吗</t>
  </si>
  <si>
    <t>如果是刚性需求买是合适的，如果是投资就不合适。</t>
  </si>
  <si>
    <t>乳腺纤维瘤必须切除吗</t>
  </si>
  <si>
    <t>虽然乳腺纤维瘤最有效的治疗方法就是手术。但并不是说每个人一发现乳腺纤维腺瘤就需进行手术切除，瘤体超过1CM需手术切除，术后纤维瘤病理检查以排除癌变的可能。</t>
  </si>
  <si>
    <t>乳腺纤维瘤属于乳房一种异常的良性结缔组织增生，一般对人体没有大的影响，以继续观察为主，腺体过大，可以考虑手术治疗。</t>
  </si>
  <si>
    <t>现在一经查出乳腺纤维瘤医生都会建议手术治疗，尤其是一些未生育的女性，因为怀孕后或哺乳期受激素的影响瘤体会迅速增大。</t>
  </si>
  <si>
    <t>微商加人软件靠谱吗</t>
  </si>
  <si>
    <t>不怎么好，都是不精准的。</t>
  </si>
  <si>
    <t>软件加来的人，不是死粉，就是僵尸粉，根本没有用。</t>
  </si>
  <si>
    <t>孕妇能吃火龙果吗</t>
  </si>
  <si>
    <t>孕妇吃火龙果是没有什么特别大的问题的。</t>
  </si>
  <si>
    <t>偶尔吃一点应该是没有什么问题的。</t>
  </si>
  <si>
    <t>张艺兴退出exo了吗</t>
  </si>
  <si>
    <t>EXO组合中已经正式宣布退出的成员依次为吴亦凡、鹿晗、黄子韬，而张艺兴是EXO里面中国成员仅剩的一人！还有，艺兴说过他不会退出，他说自己会像《约定》这首歌一样，与成员们永远在一起。</t>
  </si>
  <si>
    <t>电子烟戒烟有效果吗</t>
  </si>
  <si>
    <t>内心强大的人很容易就能戒掉的，意志薄弱或者心理抑郁得别摧残自己了，戒不掉的。</t>
  </si>
  <si>
    <t>电烟戒烟率30-40%间。</t>
  </si>
  <si>
    <t>iphone7不贴膜会花吗</t>
  </si>
  <si>
    <t>婚外情男人会动真情吗</t>
  </si>
  <si>
    <t>风暴英雄要钱吗</t>
  </si>
  <si>
    <t>免费游戏  ，皮肤，坐骑，道具和英雄收费</t>
  </si>
  <si>
    <t>收费模式和英雄联盟是一样的，通过购买英雄以及皮肤来进行收费。不过使用金币可以购买一个大师级皮肤，不过需要英雄达到大师级才能购买。</t>
  </si>
  <si>
    <t>论文查重百度百科算吗</t>
  </si>
  <si>
    <t>没有标注的话，会算入重复率。</t>
  </si>
  <si>
    <t>算，互联网里有的都能查出来。</t>
  </si>
  <si>
    <t>信掌柜合法吗</t>
  </si>
  <si>
    <t>劳动合同到期不续签 是否给补偿</t>
  </si>
  <si>
    <t>用人单位提出不续签的，应该支付劳动者经济补偿金，工作1年支付1个月工资；如果劳动者存在《劳动合同法》14条的情况下要求续签无固定期限劳动合同的话，用人单位拒绝续签违法，应该支付劳动者赔偿金，工作1年支付2个月工资；劳动者不续签的话，除非是以用人单位提供的新的劳动合同约定的条件降低为由才有经济补偿金，否则无经济补偿金。</t>
  </si>
  <si>
    <t>劳动合同到期，单位决定不再续签劳动合同，单位应当支付经济补偿金。这项新的补偿的计算开始时间为2008年1月1日，经济补偿按工作年限计算，每工作满1年支付1个月工资，六个月以上不满一年的，按一年计算；不满6个月的按照半个月工资计算。</t>
  </si>
  <si>
    <t>有汉东省吗</t>
  </si>
  <si>
    <t>有，指山东省。</t>
  </si>
  <si>
    <t>照片书挣钱吗</t>
  </si>
  <si>
    <t>刚出时比较好，现在很小众的商品。</t>
  </si>
  <si>
    <t>勤奋了，就能，不勤奋，做什么都不行的。</t>
  </si>
  <si>
    <t>过敏性哮喘能根治吗</t>
  </si>
  <si>
    <t>是不能根治。</t>
  </si>
  <si>
    <t>诺亚方舟真的存在吗</t>
  </si>
  <si>
    <t>远古时期，无论东西方的传说中都有大洪水的传说，所以说诺亚方舟应该是存在的。不过应该没有那么神奇就是了。</t>
  </si>
  <si>
    <t>没有，传说而已。</t>
  </si>
  <si>
    <t>真实存在的事实。</t>
  </si>
  <si>
    <t>碰碰香能在卧室放吗</t>
  </si>
  <si>
    <t>碰碰香适合放在室内，散发的香味没有毒，但有花粉味过敏的人不宜种植，无过敏的者可种植。平时可放在室内向阳通风处有利它的光合作用减少徒长。宜盆栽观赏。闻之令人神清气爽，市场受宠。宜放置在高处或悬吊在室内，也可作几案、书桌的点缀品。叶片泡茶、酒，奇香诱人。亦可烹饪，煲汤，炒菜，凉拌皆可。提神醒脑，清热解暑，驱避蚊虫。</t>
  </si>
  <si>
    <t>因为它的无毒性,所以可以放在卧室里面; 也正因为此,它不能驱蚊蝇。 只要不是用它驱赶蚊子,放在卧室无妨。不必天天浇水，要以其表土干燥为浇水的信号，干湿交替进行。夜间最好不要放在卧室里，因为夜间时光合作用不进行了，会进行呼吸作用，与人急氧气，放出大量的二氧化碳，会使卧室内的空气不新鲜。</t>
  </si>
  <si>
    <t>三井住友银行待遇好吗</t>
  </si>
  <si>
    <t>从制度和管理上看，三井压力要大些，学习内容更多；如果希望有更大发展前景，可以先在那里学习，适当时间离开另某高位。</t>
  </si>
  <si>
    <t>淘口令刷单有没有权重</t>
  </si>
  <si>
    <t>影响宝贝权重大致如下1.天猫商城优先.版宝贝详情页（在APP端极为重要）.橱窗推荐靠前，非橱窗推荐靠后。.DSR三项评分（评分高者优先）.主营率比.支付宝使用率.店铺级别高优先.平均旺旺每天在网时间（不含在网）.旺旺（平均）响应速度（去除自动回复）10.商品属性正确率11.下架时间（在商品下架前-小时内排序优先）1.主图清晰简洁靠前（牛皮廯主图靠后）1.宝贝关键词类目理性1.标题匹配性。</t>
  </si>
  <si>
    <t>宝贝权重跟交易量和价格综合分也有关系，适当刷几下啊。</t>
  </si>
  <si>
    <t>孕妇可以吃樱桃吗</t>
  </si>
  <si>
    <t>孕妇可以吃樱桃</t>
  </si>
  <si>
    <t>可以吃啊，营养丰富的呢。</t>
  </si>
  <si>
    <t>可以吃，但孕妇食用过多樱桃会增加胃肠的额外负担，易引起呕吐症状。</t>
  </si>
  <si>
    <t>华为上市了吗</t>
  </si>
  <si>
    <t>2017年跑滴滴能赚钱吗</t>
  </si>
  <si>
    <t>能赚钱，只不过没以前那么多了。</t>
  </si>
  <si>
    <t>蚊香灰可以放花盆里吗</t>
  </si>
  <si>
    <t>只要在蚊香灰上略微洒些水，便可将其施入盆中，很容易被花木吸收利用。洒在植物的泥土上，然后喷一点水。这样便于植物及时吸收养分。</t>
  </si>
  <si>
    <t>ele睡眠面膜有激素吗</t>
  </si>
  <si>
    <t>有激素</t>
  </si>
  <si>
    <t>用火烧测试过，没有一点泡沫，说明不含激素。</t>
  </si>
  <si>
    <t>正品是纯天然配方，假货的可能含有激素。</t>
  </si>
  <si>
    <t>苹果7屏幕碎了保修吗</t>
  </si>
  <si>
    <t>没有购买碎屏险，不在保修范围之内，需要付费维修。</t>
  </si>
  <si>
    <t>进击的巨人艾伦死了吗</t>
  </si>
  <si>
    <t>艾伦没有死，与亚妮一样是有思想可以变身的巨人，是艾伦他爸爸的生化药物所致，你开始他也没死只是快死的时候他体内的生化药物被激发所以变成巨人。</t>
  </si>
  <si>
    <t>那只是调胃口的，在后一集巨人基因被激活，他直接变身为巨人裸身暴走。</t>
  </si>
  <si>
    <t>死了，艾伦的父亲，是位优秀的医生，和艾伦一样也能变身成巨人。</t>
  </si>
  <si>
    <t>摔跤吧 爸爸 好看吗</t>
  </si>
  <si>
    <t>qq号码忘记了可以通过手机找回来么</t>
  </si>
  <si>
    <t>灭蚊灯有辐射吗</t>
  </si>
  <si>
    <t>有电就有电磁波有辐射，只是大小的问题，不用担心。</t>
  </si>
  <si>
    <t>有辐射对身体不好。</t>
  </si>
  <si>
    <t>webstorm有免费版本吗</t>
  </si>
  <si>
    <t>火火兔有必要买吗</t>
  </si>
  <si>
    <t>如果每天都用MP3播放器给宝宝听歌，而且选择起来很方便的话，就没有必要买了。火火兔的最大特点就是，阿李罗3岁以下早教宝宝要听什么就可以放什么，造型可爱还带小夜灯。</t>
  </si>
  <si>
    <t>有钱可以买，但是不要觉得了所谓的早教机器就不需要家长，再好的机器都是死物，不能替代亲子陪伴 也不能替代教育功能，请将所有的声光机器当做安抚玩具，用客观的态度鉴定自己需要否。</t>
  </si>
  <si>
    <t>被仓鼠咬了有潜伏期吗</t>
  </si>
  <si>
    <t>潜伏期是三至四年。</t>
  </si>
  <si>
    <t>macbook air学生适用么</t>
  </si>
  <si>
    <t>macbook air非常适合。</t>
  </si>
  <si>
    <t>气道高反应可以自愈吗</t>
  </si>
  <si>
    <t>洛阳伊滨区行政区划通过了吗</t>
  </si>
  <si>
    <t>c919的发动机是国产的吗</t>
  </si>
  <si>
    <t>C919采用的发动机是LEAP-1C由CFM公司（法国施奈克玛公司与美通用公司的合资公司，专攻大飞机用发机研制）研制。</t>
  </si>
  <si>
    <t>C919发动机供应权最终由美通用(GE)和法国赛峰集团合资公司。</t>
  </si>
  <si>
    <t>发机动是进口，是CMF。</t>
  </si>
  <si>
    <t>spa暗黑瘦身水有用吗</t>
  </si>
  <si>
    <t>乌龟蛋能吃吗</t>
  </si>
  <si>
    <t>58同城和赶集网合并了吗</t>
  </si>
  <si>
    <t>里面的信息是不一样的，虽然现在是58赶集集团，但是运营是独立的。</t>
  </si>
  <si>
    <t>合并之后58同城成为了分类信息领域里最大的公司，在此行业里垄断市场，合并时市值超越了美国的同类网站craiglist，目前市值有所缩水，但仍属于国内较大规模的互联网公司。</t>
  </si>
  <si>
    <t>洗牙疼吗</t>
  </si>
  <si>
    <t>不疼，但洗过后一周内牙齿可能会对凉的东西有些敏感。</t>
  </si>
  <si>
    <t>洗就是清除牙齿根部的结石，不疼的。</t>
  </si>
  <si>
    <t>洗牙还是有点疼的，现在的牙科医院洗牙的话都是用超声波，通过一种科技手段将牙齿里的食物残留都震出来。</t>
  </si>
  <si>
    <t>sata2有必要上固态吗</t>
  </si>
  <si>
    <t>固态硬盘其实都没必要。</t>
  </si>
  <si>
    <t>SATA2接口安装固态硬盘和安装机械硬盘文件读写速率是一样的，所以不需要特意安装固态硬盘。</t>
  </si>
  <si>
    <t>广州盛世创富靠谱吗</t>
  </si>
  <si>
    <t>大公司，可以</t>
  </si>
  <si>
    <t>北京诚通人力靠谱吗</t>
  </si>
  <si>
    <t>没问题苏宁背景。</t>
  </si>
  <si>
    <t>鼻窦炎好治吗</t>
  </si>
  <si>
    <t>鼻窦炎是一种人群中多发的常见疾病，中医称为鼻渊，我国主要分布在寒带地区发病。慢性鼻窦炎由于病程长，反复发作，难以治愈。依目前的医疗水平来看，鼻窦炎的治疗方法包括药物，手术尤其是鼻窦内窥镜手术，中医中药等，但究竟采用何种方法根治鼻窦炎，需要耳鼻喉科医生根据病人的实际情况，先详细的检查鼻腔和鼻窦，清楚鼻窦炎的发病原因，再选择合适的治疗方案。目前根治鼻窦炎应该以药物和手术治疗为主。目前医学界大多认为，鼻窦炎最主要的发病原因是由于各种原因如鼻息肉引起的鼻窦开口的阻塞，使其无法与外界相通，从而引起鼻窦的感染。鼻窦炎根治一般也需要从这方面着手，对于急性鼻窦炎，除抗生素治疗以外，有时候还需要利用激素类药物和减充血剂如麻黄素类药物点滴鼻腔，以开放鼻窦开口。</t>
  </si>
  <si>
    <t>上海迪士尼下雨可以玩吗</t>
  </si>
  <si>
    <t>迪士尼乐园里面有室内项目的，还有音乐剧，这些下雨天都是可以继续去玩的看的，不影响。</t>
  </si>
  <si>
    <t>上海迪士尼雨天游乐项目不受影响。</t>
  </si>
  <si>
    <t>孙红雷有孩子吗</t>
  </si>
  <si>
    <t>唯品会是正品吗</t>
  </si>
  <si>
    <t>很多假货，很多小牌子存在严重质量问题。特被是母婴产品。唯品会假货假货。</t>
  </si>
  <si>
    <t>不都是正品，质量也不一样</t>
  </si>
  <si>
    <t>还不错，毕竟是大品牌。</t>
  </si>
  <si>
    <t>360借款是真的吗</t>
  </si>
  <si>
    <t>真的，下载360借条APP，登录后审核通过后就可以贷到款。</t>
  </si>
  <si>
    <t>微信电脑版能看朋友圈吗</t>
  </si>
  <si>
    <t>微信有网页版，但是朋友圈默认是没有的，有个方法可以开启这个功能，在电脑上就可以访问朋友圈了。第一步：打开通讯录，添加好友：某某。第二步：然后向对方发送消息：开启朋友圈网页版，等待几秒钟就会出现一个回复，按照提示操作，就可以开通朋友圈网页版功能了。</t>
  </si>
  <si>
    <t>在电脑上安装一个安卓模拟器，再下载一个微信电脑版，安装到里面，就可以在电脑上用微信看朋友圈了。</t>
  </si>
  <si>
    <t>胡萝卜可以生吃吗</t>
  </si>
  <si>
    <t>不可以，胡萝卜虽是蔬菜，但所含的类胡萝卜素为脂溶性的，与脂类结合才可以酶解，烹调中类胡萝卜素比较稳定，基础营养学表明，我国的炒菜方法可保存76％～94％。因此生吃胡萝卜，类胡萝卜素因没有脂肪而很难吸收，从而造成浪费。同样道理，熘肝尖、清炸鸡肝就比盐水肝更有利于维生素A的吸收利用。</t>
  </si>
  <si>
    <t>生吃胡萝卜，或直接喝胡萝卜汁比煮着吃，炒着吃都可以发挥更大的营养，因为生吃的维生素是不会被破坏的，可以更好的促进胡萝卜的健康，同时生吃胡萝卜，味道清甜，更有助于营养的吸收，但是对于一些肠胃不是很好的人，最好不要生吃胡萝卜了，以免引起不必要的肠胃疾病。同时由于胡萝卜是根茎食物，所以要生吃胡萝卜的话，一定要清洁干净了，才可以食用，这样更有利于身体健康。</t>
  </si>
  <si>
    <t>择天记结局了吗</t>
  </si>
  <si>
    <t>没有完结</t>
  </si>
  <si>
    <t>王者荣耀用手柄舒服吗</t>
  </si>
  <si>
    <t>不舒服，不如手机直接好用，手机玩着顺手。</t>
  </si>
  <si>
    <t>舒服，比较有手感。但需要适应。</t>
  </si>
  <si>
    <t>前列腺炎治得好吗</t>
  </si>
  <si>
    <t>这要看病情的大小还有病因的区别的，要想尽快的根治建议去专业的男科医院进行检查治疗。</t>
  </si>
  <si>
    <t>前列腺炎不是怪异的病，也不是绝症首先这个心态就要放正了，积极配合的调理相信很快就会好起来的。</t>
  </si>
  <si>
    <t>手机充电发热正常吗</t>
  </si>
  <si>
    <t>正常现象。</t>
  </si>
  <si>
    <t>10016的送流量是真的吗</t>
  </si>
  <si>
    <t>不要验证码就是真的，要服务码就要小心。</t>
  </si>
  <si>
    <t>霍达是王岳伦的母亲吗</t>
  </si>
  <si>
    <t>人工少女4出了吗</t>
  </si>
  <si>
    <t>在职研究生可以考公务员吗</t>
  </si>
  <si>
    <t>2017河南公务员考试预期在下半年招录，在职研究生是可以参加河南公务员考试的，一般来说国考、省考中对学历的要求都是国民考试序列，只要是学信网可查的学历都是认可的。</t>
  </si>
  <si>
    <t>在职研究生的学历能报考公务员，想要报考公务员的人员，可以通过报考一月联考的形式，因为该考试形式最后是可以取得学历和学位证的，而且该证书在社会认可度都是很高的。</t>
  </si>
  <si>
    <t>可以报考，只要具备大专以上文凭即可。</t>
  </si>
  <si>
    <t>夫妻一方借款 另一方必须共同偿还吗</t>
  </si>
  <si>
    <t>当然，夫妻双共同财产也是共同债务。</t>
  </si>
  <si>
    <t>一般情况下，婚姻存续期间以一方名义贷款的，也推定属于夫妻共同债务，在婚姻关系存续期间夫妻均义务偿还。</t>
  </si>
  <si>
    <t>1就婚姻关系存续期间夫妻一方以个人名义所负债务，原则上按照夫妻共同债务处理，配偶要承担偿还责任。2、如果一方有证据，证据足以证明夫妻双方没有共同举债的合意和该债务没有用于夫妻共同生活，则该债务可以认定为夫妻一方的个人债务。</t>
  </si>
  <si>
    <t>身份证过期了能坐飞机吗</t>
  </si>
  <si>
    <t>对于身份证过期的问题，民航部门有相关的规定：1.身份证过期未超半年仍可登机(适用于国内机场) ；2.身份证过期时间超过半年则需携带户口簿原件、本人近照和派出所的证明才能上机，该规定适用于国内机场。</t>
  </si>
  <si>
    <t>慢性咽喉炎会癌变吗</t>
  </si>
  <si>
    <t>慢性咽喉炎一般不会转变为癌症。</t>
  </si>
  <si>
    <t>这个是不会的慢性咽喉炎的时候主要是延后的粘膜充血，淋巴滤泡增生，导致咽喉部的异物感，还有就是咽部干痒和刺激性的咳嗽的症状，除了药物之外，饮食上要少吃辛辣刺激的食物，多喝水，多吃水果。戒掉不良的生活习惯。这个是不会引起局部组织变性的。</t>
  </si>
  <si>
    <t>接种记录网上可以查吗</t>
  </si>
  <si>
    <t>不可以，只能通过接种手册。</t>
  </si>
  <si>
    <t>无人机驾驶员好就业吗</t>
  </si>
  <si>
    <t>当然好就业。</t>
  </si>
  <si>
    <t>hsk中国人可以考吗</t>
  </si>
  <si>
    <t>HSK考试只针对外国人和中国的少数名族，是一种汉语水平等级的证明。这个证书汉族是绝对不需要的，也是不能参加考试的。</t>
  </si>
  <si>
    <t>汉语水平考试（HSK）是测试第一语言非汉语者汉语水平的系列考试。原则上不允许母语为汉语的人考试。但是如果是华裔，但是长在国外，就可以考。</t>
  </si>
  <si>
    <t>同时申请多家银行信用卡会影响审批吗</t>
  </si>
  <si>
    <t>每个银行的发卡政策是不同的，不过征信查询次数过多确实是会影响评分。1.不一定，有的银行先要看其他条件是否符合，才回查询征信，也有可能条件不符合，没有查征信就拒绝了。2.每个银行的进度不同，有个客户经理还会压提交时间，不过一旦网上能查到你的申请记录了，一般一周内就会查询。3.每个银行的发卡政策是不同，具体情况具体分析。</t>
  </si>
  <si>
    <t>同时申请几家银行的信用卡，没多大影响；不过这种情况下，下卡率会有少许影响，个人征信记录上会密集显示最近的征信多家银行信用卡审批查询记录。如果申请信用卡没有通过审批，请3个月以后再申请，最好是分时段申请信用卡，这样批卡率相对较高。比如每张卡的申请时间间隔在3-6个月甚至1年以上，这样信用卡审批者会看你的他行信用卡的用卡情况，如果用卡情况比较好，还能据此给你增加信用卡额度和下卡几率。</t>
  </si>
  <si>
    <t>没有影响，只要符合银行规定就可以申请到。审核标准规定如下：1.年龄要求：年龄在18周岁到65周岁之间；2.收入、资产要求：有稳定的职业和收入，越高越好；3.信用、能力要求：有良好的信用和按时还款付息的能力；4.有完全民事行为能力；5.提供各种证件的原件。</t>
  </si>
  <si>
    <t>超级触控有用吗</t>
  </si>
  <si>
    <t>基本上没有啥用处的。</t>
  </si>
  <si>
    <t>有用，W in8本来就是支持触控的。</t>
  </si>
  <si>
    <t>看硬件是否支持了。</t>
  </si>
  <si>
    <t>名图怎么样值得买吗</t>
  </si>
  <si>
    <t>可以，经济实惠。</t>
  </si>
  <si>
    <t>脑炎能治好吗</t>
  </si>
  <si>
    <t>西医治疗本病一般疗效较好，多数在l～2周内能治愈，不留后遗症。极少数反复发作可致迁延难愈。中医治疗亦疗效较佳，且不易复发。</t>
  </si>
  <si>
    <t>许多病毒性脑炎患者可完全恢复。存活与康复的机会很大程度上取决于病毒的类型。如细菌性脑膜炎得到及时治疗，死亡率不到10％。但如果诊治延误，可造成不可逆的脑损害甚至死亡，特别是婴儿和老人。大多数人可以完全康复。某些后遗症，则需要终身治疗。疱疹脑炎可引起严重的脑损害，但可用阿昔洛韦治疗。为了保证更好的恢复，治疗应在进入昏迷前尽早开始。成人愈后较好，而儿童恢复则需要较长时间，婴儿可能遗留有不可逆损害。如果确定治疗比较及时的话，应该不会留下后遗症的，而且治愈的可能是很大的。</t>
  </si>
  <si>
    <t>当然可以，但是需要及时治疗，时间拖的比较久了会留下后遗症，但是还是建议去三级甲等以上的医院去治疗一下。毕竟心理上面也比较放心，治疗也会比较全面，后遗症可能会减少。</t>
  </si>
  <si>
    <t>安卓手机微信卸载后重装之前的聊天记录还能恢复么</t>
  </si>
  <si>
    <t>一、没有删除的话，你可以直接看到的。二、如果你删除了，你可以通过以下方法找到：1、查看语音聊天记录：语音聊天记录的备份和提取无需root，这些内容都备份在SD卡上。提取的方法：将手机通过USB连接电脑。打开SD卡所在文件夹，找到：/sdcard/Tencent/MicroMsg/。打开对应的备份文件夹，正常都是一堆数字和字母组成文件名的文件夹，进入后，找到“voice”文件夹，文件家里的arm格式文档就是所有的聊天语音记录。只要把这些文件存下来，则语音聊天记录给备份下来。只要用暴风影音打开。2、查看文本聊天记录：导出文本聊天记录就需要把手机进行root，只有在root后才能进行文本聊天记录的 具体的方法：首先先把手机进行root，root完成后，找到名为“AppDomain-com.tencent.xin”的文件夹，并双击将其打开。在弹出的窗口中单击选中“Documents”，然后点击上方的“导出”按钮，您可以任意设置保存的路径。</t>
  </si>
  <si>
    <t>1 首先，登入微信。在微信主界面底部点击“微信”。所有的聊天记录都在此模块下，里面包含了你与好友的聊天记录列表， 2 点击一个好友，打开对应的备份文件夹，正常都是一堆数字和字母组成文件名的文件夹。进入后，找到“voice”文件夹 3 微信的聊天记录不支持漫游，所以当用户卸载微信时，所有的聊天记录将会被清空，下次安装后也不会恢复，但是你可以利用 一些备份软件备份微信及其数据，下次直接恢复即可。 4 我们必须先取得Root权限，因为1.6版的文本信息是存储在手机里的，其它版本的照猫画虎即可。 5 然后找到微信文件夹，即MicroMsg,这回又看到了那个乱七八糟数字和字母组合的文件夹，进入找到MicroMsg.db文件，就是它 了，这就是存储好友号码、昵称、聊天记录的数据库文件。 6 将SqliteDev.exe替换同名的SqliteDev.exe，然后运行sqlite.dev，并导入。 7 然后进入找到MicroMsg.db文件，就是它了，这就是存储好友号码、昵称、聊天记录的数据库文件。想备份，简单，直接复制。</t>
  </si>
  <si>
    <t>1.打开iTunes软件，将手机连接到电脑上，软件检测到手机后，点击软件界面上的手机图标，在手机界面点击左侧的“摘要”，并且在右侧，点击“本电脑”，注意不不要勾选“给iphone备份加密”，点击“立即备份”。2、之后在弹出的窗口中，选择“不备份应用程序”，这样能够减少备份的时间。3、打开迅捷微信聊天记录恢复软件，点击软件界面上的“打开目录”，在弹出的“选择传输记录”窗口中，选择“准备提取”。4、在弹出的窗口中，有之前备份好的记录，选中需要读取的记录后，点击“从上面选中的备份中提取微信记录”。5、当数据提取完毕后，在弹出的选中用户的窗口中，选中需要恢复数据的微信头像，确定即可。6、当确定需要恢复数据的用户后，软件会返回主界面，显示选择的用户信息，点击“读取该用户记录”。</t>
  </si>
  <si>
    <t>颖儿付辛博谈恋爱了吗</t>
  </si>
  <si>
    <t>补是，绯闻。</t>
  </si>
  <si>
    <t>章光101生发有用吗</t>
  </si>
  <si>
    <t>可以的，而且效果很好。</t>
  </si>
  <si>
    <t>17款昂科威还会断轴吗</t>
  </si>
  <si>
    <t>日本男女混合浴能摸吗</t>
  </si>
  <si>
    <t>当然可以摸啊。</t>
  </si>
  <si>
    <t>蕨菜致癌是真的吗</t>
  </si>
  <si>
    <t>实验数据还揭示，这些致癌物质在蕨菜的根茎中的含量最高，叶中次之。其中欧蕨伊鲁苷超过安全限值达到37倍，苯草酸超限22倍。实验室进行蕨菜致癌的动物喂养试验表明，蕨菜可使大鼠诱发胃癌、肠癌、乳腺癌、膀胱癌、白血病等。研究人员还对经过烹调加工过的蕨菜致癌试验表明，即使经过加工的蕨菜，也能诱发癌症。蕨菜是传统野菜的代表，是“山菜之王”，很多人认为它绿色无污染，有营养，甚至还可抗癌，被誉为“长寿菜”。据相关资料显示，蕨菜嫩叶含胡萝卜素、维生素、蛋白质、脂肪、糖、粗纤维、钾、钙、镁等多种营养素和矿物质。此外还含有18种氨基酸等。</t>
  </si>
  <si>
    <t>经过二十多年的不懈努力，八十年代初，日本科学家成功分离出一种叫“原蕨苷”的物质，“原蕨苷”在厥的根、茎、叶中均存在，以嫩芽部分含量最高。随后，人们又用“原蕨苷”作动物实验，发现确能够诱发前面说的症状和疾病。经过科研证明，蕨菜含有与癌症相关物质包括苯草酸、蕨内酰胺、黄碱醇类化合物、橡黄素以及与橡黄素类似的一些物质，这些物质与消化道癌肿有关。当然，蕨菜吃了一两次也不会立刻就得癌症，这与摄入致癌物质的量有关，但长期吃蕨菜，会对健康产生危害。若是以前经常食用的看官也不必惊慌，因为我们在加工蕨菜的过程中，一般会用水焯后再食用，这样的处理，会大大降低原蕨菜苷的含量。不过，这样的处理只是降低，而不是消除，若长期食用，原厥苷在体内还是会产生蓄积作用的。因此，蕨菜虽美，远离为妙。</t>
  </si>
  <si>
    <t>至高君王 玛尔扎哈有特效吗</t>
  </si>
  <si>
    <t>马尔扎哈的所有皮肤只是穿的衣服变了而已，都没有特效的。</t>
  </si>
  <si>
    <t>昆阳之战真的有陨石吗</t>
  </si>
  <si>
    <t>地狱送葬 约里克有特效吗</t>
  </si>
  <si>
    <t>没有，这是一个普通皮肤，没有特效。</t>
  </si>
  <si>
    <t>算特效，造型稍微有变化，不过模型很流畅。</t>
  </si>
  <si>
    <t>跑步小腿会变粗吗</t>
  </si>
  <si>
    <t>多人都认为，跑步并不能瘦腿，反而会让腿部的肉肉都变成肌肉，故而对跑步减肥敬而远之。其实这都是错误的跑步习惯造成的，与跑步本身并无直接的关系。其实们一般的慢跑是有氧运动，可以达到消耗热量、燃烧脂肪、锻炼心肺功能的效果。有人担心跑步多了小腿会变粗，这种担心产生的原因：一、落地技术不好，产生错觉。有的人用脚尖跑步，这样小腿就会疲劳，有紧绷感，感觉小腿在“长大”。其实这只是一种错觉。人的基础形态是天生的，腿形也是，不会因为几次跑步小腿就立杆见影地变粗。在有氧力量训练中，比如哑铃操、杠铃操，肌肉的膨胀率不会超过20%。所以在日常跑步中，小腿即使变粗，也不会超过这个比率，而这个比率是几乎看不出的二、跑步者认为跑步已经燃烧了脂肪，因此可以更多进食，从而长胖，小腿也因此变粗。这与跑步本身无关。•什么样的运动才可以造成小腿变粗呢-力量训练可能会这样，负重的、提踵的运动可以让小腿长肌肉，比如男子健美。小腿上的肌肉是较难练粗的，所以日常锻炼一般不会造成小腿变粗。如何消除这种担心和偏见呢-1、注意跑步姿势。正确的跑步姿势应是由脚后跟过渡到前脚掌.2、跑步后进行放松练习。伸展、放松小腿，揉一揉，拉伸。3、注意跑步时间和速度。一般的有氧练习的时间是20至60分钟，过度了会造成肌肉疲劳和关节磨损。速度上不能太快，把有氧运动的心率范围控制在：(220-年龄)×(60%—80%)以内。如一个20岁的人，他的有氧运动的心率范围就是120至160次/分。脂肪在无氧状态下会停止分解，在上述的心率范围之外，脂肪不会燃烧，运动效果不能保证。</t>
  </si>
  <si>
    <t>长跑不会把腿练粗，因为长跑会消耗体力。腿会越练越细。短跑就很容易把腿练粗，短跑对肌肉的力量要求很高，在快速跑步时，肌肉会膨胀、变大。如果天生腿就不是很细的话，很容易变成大粗腿的，而且腿会显得特别短。腿天生就细的人，不会变得太粗，但会把肌肉练出来。另外，经常跑步，如果跑步后不做按摩，那么腿部很容易形成肌肉，导致腿变粗。</t>
  </si>
  <si>
    <t>如果方法正确的话就不会，跑步的时间：锻炼身体的话20分钟慢跑就行，减肥的话要至少30-40分钟。跑步的强度：一定是慢跑才行，但是也不能太慢，越慢，小腿承受的就越比大腿多。最好10分钟才开始微微发汗，开始发汗后，在坚持10分钟最好。要是20分钟都不出汗就强度太小了，要是不到十分钟就大汗淋漓，那强度又太大了。预备与调整：做适当准备活动，（中小学都教过，不细说了）以保证安全。后面所说的可是的杀手锏。跑步结束后不要立刻停下，要慢走几分钟，直到身体稍微平静，否则做其他动作容易抽筋（要是不知道这个过程应该持续多久，就以脸不再觉得红热了为标准），然后做最重要的事情：压腿，找个像马路崖子那么高的台子，前脚掌登上去，脚跟向下压，拉伸小腿肌肉，不拉的话，就变粗，肌肉运动发热，这个时候拉伸，最容易把肌肉拉长，而且跑步也消耗了热量，真是一举两得。拉伸之后适当按摩。拉伸要注意安全，最好找个地方扶着。</t>
  </si>
  <si>
    <t>樱花乱舞 卡尔玛 有特效吗</t>
  </si>
  <si>
    <t>狗和猫可以一起养吗</t>
  </si>
  <si>
    <t>最好从小就一起的，或者其中一只年纪比较大也可以，狗狗的话最好的大型犬脾气会很温顺的，然后再是个小奶猫，白色猫咪脾气稍微好一点，这样就不会有太大问题了，剩下的就是时间了，慢慢上他们接触，猫咪如果是新来的的话，先让他熟悉新家。</t>
  </si>
  <si>
    <t>那不一定的，必须了解狗狗怕不怕猫，也要确定那只猫猫不会害怕狗。一般上如果双方都没事的话就可以和平共处。</t>
  </si>
  <si>
    <t>领地意识比较强喜欢争宠（此类性格）的狗最好不要和其他小宠物一起养，如果猫是幼猫好奇心重的话尤其注意。当然也不排除狗是自来熟看谁都扑上去抱抱，然后猫喜欢狗狗，比如端午和妞妞。</t>
  </si>
  <si>
    <t>混动汽车需要充电吗</t>
  </si>
  <si>
    <t>混合动力汽车不需要充电。</t>
  </si>
  <si>
    <t>混动汽车分为两类：一种是带充电的，一种是不带充电的。</t>
  </si>
  <si>
    <t>南通如东是不是很穷</t>
  </si>
  <si>
    <t>如东很不错的，洋口港工程可是让如东的经济迈进了一大步。</t>
  </si>
  <si>
    <t>胎盘低置可以久坐吗</t>
  </si>
  <si>
    <t>胎盘低置坐一般是不影响的。但也不要长期久坐，这样是会影响血液循环的，但千万不要剧烈运动，如跑、跳、下蹲。</t>
  </si>
  <si>
    <t>甲钴胺片的副作用大吗</t>
  </si>
  <si>
    <t>长期服用可以造成神经感觉异常，步态不稳，手足麻木，消化器官食欲不振，恶心，呕吐，腹泻，过敏，皮疹等副作用，并有几率产生依赖性。</t>
  </si>
  <si>
    <t>副作用相当少，而且很轻微。</t>
  </si>
  <si>
    <t>药物没有不带副作用的，副作用的产生都是超大剂量，超长时间的使用才会出现，一般都在治疗范围之内的那是安全剂量应该没问题。</t>
  </si>
  <si>
    <t>柏树叶洗头能治白发吗</t>
  </si>
  <si>
    <t>建议不要用这些偏方，一般作用不大。建议去齐既育发馆做调理。</t>
  </si>
  <si>
    <t>左侧睾丸疼痛能自愈吗</t>
  </si>
  <si>
    <t>睾丸疼痛，首先要考虑炎症刺激导致的！服用消炎清热药物治疗就行了。不可能自己愈合！</t>
  </si>
  <si>
    <t>不能，睾丸痛可能存在睾丸附睾炎，真菌感染，前列腺炎等的可能。睾丸是男性的重要生殖腺体，睾丸有问题的话是会直接影响到以后的生育及性功能的。建议患者可以服用利尿消炎药丸，它具有清热解毒，利尿通淋功效。及早给予对症处理。平时要主要局部卫生，多喝水，禁止不洁性交，避免外伤等。</t>
  </si>
  <si>
    <t>淘客机器人有免费的吗</t>
  </si>
  <si>
    <t>有免费的有收费的，需要添加API接口。</t>
  </si>
  <si>
    <t>利威尔兵长最后死了么</t>
  </si>
  <si>
    <t>漫画到现在还没死。</t>
  </si>
  <si>
    <t>扰民可以报警吗</t>
  </si>
  <si>
    <t>噪音扰民可以报警处理，噪音扰民主要还是社会生活噪声，对于社会生活噪声，主要还是由警察来管的。《治安管理处罚法》第五十八条还规定：违反关于社会生活噪声污染防治的法律规定，制造噪声干扰他人正常生活的，处警告；警告后不改正的，处二百元以上五百元以下罚款。</t>
  </si>
  <si>
    <t>1、噪音的范围。根据国家《城市区域环境噪声标准GB3096-1993》《社会生活环境噪声排放标准GB22337—2008》，以”居住、文教机关为主，乡村居住环境“的二类区域，可参照执行该类标准。白天不得高于55分贝，夜晚不得高于45分贝，即使是按照“居住、商业、工业混杂区”的三类标准，也是白天不得高于60分贝，夜晚不得高于55分贝。2、可以报警。《中华人民共和国噪音污染防治法》第四十四条禁止在商业经营活动中使用高音广播喇叭或者采用其他发出高噪声的方法招揽顾客。在商业经营活动中使用空调器、冷却塔等可能产生环境噪声污染的设备、设施的，其经营管理者应当采取措施，使其边界噪声不超过国家规定的环境噪声排放标准。第四十五条禁止任何单位、个人在城市市区噪声敏感建筑物集中区域内使用高音广播喇叭。在城市市区街道、广场、公园等公共场所组织娱乐、集会等活动，使用音响器材可能产生干扰周围生活环境的过大音量的，必须遵守当地公安机关的规定。第四十六条使用家用电器、乐器或者进行其他家庭室内娱乐活动时，应当控制音量或者采取其他有效措施，避免对周围居民造成环境噪声污染。《中华人民共和国治安管理处罚法》十八条　违反关于社会生活噪声污染防治的法律规定，制造噪声干扰他人正常生活的，处警告；警告后不改正的，处二百元以上五百元以下罚款。</t>
  </si>
  <si>
    <t>能。关键不是看能不能报警，而是能不能解决。报警电话是免费的，都能打，打了110也必须到场，但是有些问题他们没权利管的，只能协调，扰民的人肯听才行，不行的话也没有强制措施可以对付。比如说，现在流行跳街舞，一堆大妈跳，你能报警，警察也会到场和大妈协商，但基本达不到效果，应为管不到大妈，大妈们也不把警察放眼里，这个时候就可以找社区，找居委，因为场地都属于公共用地，该他们管。又比如说建筑工地扰民，报警，警察去了也只能要求停工，而不能强制停工，但建设局可以。所以，你要看具体是什么扰民，找对部门才有用。</t>
  </si>
  <si>
    <t>有乙肝抗体还会被传染吗</t>
  </si>
  <si>
    <t>会传染S、X基因变异病毒乙肝。</t>
  </si>
  <si>
    <t>需要看抗体滴度的，抗体滴度大于100就可以起到保护作用</t>
  </si>
  <si>
    <t>安华卫浴是一线品牌吗</t>
  </si>
  <si>
    <t>安华卫浴是中国卫浴十大品牌之一，国内高端品牌之中可以排前三强左右的。是属于一线高端品牌。</t>
  </si>
  <si>
    <t>自动驻车可以一直开着吗</t>
  </si>
  <si>
    <t>可以的，没有影响。</t>
  </si>
  <si>
    <t>君悦休闲会所是骗局吗</t>
  </si>
  <si>
    <t>上门服务发现不对，肯定是被骗了。</t>
  </si>
  <si>
    <t>还款协议书具有法律效力吗</t>
  </si>
  <si>
    <t>还款协议书从性质上讲也是属于合同。合同只要具备主体、标的、数量便能够设立，合同的话是签订即成立，成立即生效的。</t>
  </si>
  <si>
    <t>债权人认可，还款人具备民事行为能力，且协议内容合法的话，该协议是有效的。</t>
  </si>
  <si>
    <t>红虫钓鱼真的危险吗</t>
  </si>
  <si>
    <t>是的，容易感染上各种寄生菌。</t>
  </si>
  <si>
    <t>不危险，红虫是摇蚊幼虫，无毒无菌，在水中有一定净化水质作用。</t>
  </si>
  <si>
    <t>只要注意上饵的时候不要勾破手指或其它部位，也不要用拿红虫的手触摸身体的其它部位，问题是不大的。</t>
  </si>
  <si>
    <t>股票涨停后能卖出吗</t>
  </si>
  <si>
    <t>涨停板，跌停板都可以交易。涨停板的时候，股票价格到达最高点，此时卖出可以立即成交，买进需要排队，按时间优先成交。跌停板相反，买进随时成交，卖出需要排队等候。涨停板的时候，如果卖出的量大于封板的量，涨停板会被打开。表现在实盘中，涨停板开板的原因一般是主力故意 撤买单，或空方抛盘太重。涨停板——证券市场中交易当天股价的最高限度称为涨停板，涨停板时的股价叫涨停板价。 一般说，开市即封涨停的股票，势头较猛，只要当天涨停板不被打开，第二日仍然有上冲动力，尾盘突然拉至涨停的股票，庄家有于第二日出货或骗线的嫌疑，应小心。</t>
  </si>
  <si>
    <t>股票涨停，可以抛，也可以选择不抛，等第二天在看看，成交量，各方面情况还好，可以继续持有</t>
  </si>
  <si>
    <t>股票涨停后可以随时卖出，买入得排队，能不能买到谁也没准，看啥时候排到。</t>
  </si>
  <si>
    <t>格力品圆是网络专供吗</t>
  </si>
  <si>
    <t>被猫抓伤出血要打针吗</t>
  </si>
  <si>
    <t>需要打针。</t>
  </si>
  <si>
    <t>家养猫不需要打针，流浪猫需要打针。</t>
  </si>
  <si>
    <t>白令手表是杂牌吗</t>
  </si>
  <si>
    <t>Bering（白令）不是杂牌，是丹麦的腕表和首饰品牌，被誉为“北欧设计的经典代表”。精湛的工艺、精密构造和创新的材质成就了BERING。</t>
  </si>
  <si>
    <t>Bering手表是丹麦生产的手表品牌。根据Bering腕表的市场定位以及售价来分，白令腕表是属于中高档腕表行列。</t>
  </si>
  <si>
    <t>有房产证没有土地证能过户吗</t>
  </si>
  <si>
    <t>理论上说，二手房一般需要三证才可以交易，没有土地证是不可以交易的。但是实际操作过程中有些房子还是可以过户的。非市内的二手房交易，需要三证都必须备齐方可交易，而市内的二手房房源，则只需有房产证和契证两证即可上市交易。</t>
  </si>
  <si>
    <t>没有土地证，只有房产证的房子不能过户。</t>
  </si>
  <si>
    <t>有房产证就可以过户。</t>
  </si>
  <si>
    <t>抚恤金是否属于遗产</t>
  </si>
  <si>
    <t>发给死者家属的抚恤金不是对死者的经济补偿，而是有关单位给予其家属的物质帮助和精神安慰，特别是用以优抚、救助那些依靠死者生活而无经济来源的未成年人和丧失劳动能力的直系亲属，并非死者的个人财产，不能作为遗产继承。</t>
  </si>
  <si>
    <t>扫描件能用照片代替吗</t>
  </si>
  <si>
    <t>可以，所谓的照片扫描件就是图片电子文档，不一定要用扫描仪，用手机、照相都可以实现。</t>
  </si>
  <si>
    <t>孕十一周胎儿稳定了嘛</t>
  </si>
  <si>
    <t>日本买手表便宜吗</t>
  </si>
  <si>
    <t>在日本购买手表，有两种。一种是直行，也就是国内所说的行货。还有一种是并行，就是国内所说的水货。注意一点：在日本出售、购买水货是合法的。直行的售价比国内稍稍便宜一些，大概在85到9折之间；并行售价可就便宜多了，一般是国内专柜售价的5到6折左右。</t>
  </si>
  <si>
    <t>现在日元汇率高了。买瑞士品牌的表从价格上看没什么优势。买日本品牌的表比国内便宜些。</t>
  </si>
  <si>
    <t>乐视是一个骗局吗 知乎</t>
  </si>
  <si>
    <t>片仔癀化妆品含激素吗</t>
  </si>
  <si>
    <t>有的，最好不用</t>
  </si>
  <si>
    <t>没有激素的，中药啊</t>
  </si>
  <si>
    <t>2017年一建还能挂靠吗</t>
  </si>
  <si>
    <t>你主要是问的86号文是吧。强调一点，86号文到底会不会实施，具体怎么实施现在还都没有定论，现在担心有点早。假设86号文实施的话，会有以下结果：1 如果考建造师是为了兼职挂靠资质，赚挂靠费，那基本没戏了。2 如果考建造师是为了挂项目，应该还是可以挂。3 如果专职做建造师工作，那86号文几乎没影响。</t>
  </si>
  <si>
    <t>从15年开始，一级、二级建造师还是能挂靠的，但是有几点变化：1、建造师从15年开始改革，改革前，建造师的考试、注册和继续教育都是由住建部组织的，改革 后，建造师的考试、注册和继续教育将下放到建筑业协会。2、改革前，企业的资质是对一、二级的建造师的数量有要求的，所以企业因为资质的需要，挂靠一部分建造师；改革后，企业的资质对建造师数量没有要求，企业也不需要建造师挂靠了，但是，建造师可以挂靠项目，并加大了建造师在项目上的责任。</t>
  </si>
  <si>
    <t>可以    从目前住建部发布的几个文件来看  一建证书的含金量大大增加。</t>
  </si>
  <si>
    <t>多肉浇水在叶子上吗</t>
  </si>
  <si>
    <t>可以是可以，但是弄上水之后尽量不要放在阳光下晒，以免损伤叶片。</t>
  </si>
  <si>
    <t>无大碍，不过在零下和夏季的正午都不可以，因为太冷会冻伤叶片，太热水滴会形成凸面镜的效果聚焦阳光，灼伤叶片。</t>
  </si>
  <si>
    <t>支付宝上传身份证照片安全吗</t>
  </si>
  <si>
    <t>只要你确认对方确实是支付宝就是安全的，说实话，只要有网络，我们个人的所有信息早就被泄露了，平时做什么都要多一个心眼。因为这些东西上网不可避免，因此我们已经会接到骗子的电话，只要自己提高警惕就好了。</t>
  </si>
  <si>
    <t>没有风险，支付宝协议上有相关保密规定。</t>
  </si>
  <si>
    <t>安全现支付宝已经公交卡使用至少比银行安全</t>
  </si>
  <si>
    <t>蟑螂会飞吗</t>
  </si>
  <si>
    <t>蟑螂不会飞的，只会滑翔。</t>
  </si>
  <si>
    <t>北方家中的蟑螂主要是德国小蠊，虽有翅但基本不飞；而南方的那些大型的蟑螂不但经常飞。</t>
  </si>
  <si>
    <t>蟑螂一定是会飞的。</t>
  </si>
  <si>
    <t>养老保险可以取出来吗</t>
  </si>
  <si>
    <t>在单位交的养老保险辞职了，不能提取出来。未达到养老保险待遇领取年龄前，不得终止基本养老保险关系并办理退保手续。缴纳的基本养老保险费不能提前支取，但符合下列条件之一的可以办理一次性支付：参加职工基本养老保险的个人达到法定退休年龄后，累计缴费不足15年(含依照第二条规定延长缴费)，且未转入新型农村社会养老保险或者城镇居民社会养老保险的，个人可以书面申请终止职工基本养老保险关系。社会保险经办机构收到申请后，应当书面告知其转入新型农村社会养老保险或者城镇居民社会养老保险的权利以及终止职工基本养老保险关系的后果，经本人书面确认后，终止其职工基本养老保险关系，并将个人账户储存额一次性支付给本人。其中丧失中华人民共和国国籍的，可以在其离境时或者离境后书面申请终止职工基本养老保险关系。社会保险经办机构收到申请后，应当书面告知其保留个人账户的权利以及终止职工基本养老保险关系的后果，经本人书面确认后，终止其职工基本养老保险关系，并将个人账户储存额一次性支付给本人。参加职工基本养老保险的个人死亡后，其个人账户中的余额可以全部依法继承。</t>
  </si>
  <si>
    <t>暑假去三亚合适吗</t>
  </si>
  <si>
    <t>来三亚的最好时间在每年12-2月份，尤其是2月份吧。夏天来，尤其是7.8月份，天气炎热，会比较晒（紫外线很强，一定要做好防晒准备）。</t>
  </si>
  <si>
    <t>豌豆公主有假货吗</t>
  </si>
  <si>
    <t>豌豆公主力图打造从日本到中国消费者的B2B2C电商平台，日本厂商直接入驻，解决中日间的信息流、物流，把日本的好厂商直接对接中国用户，没有假货的。</t>
  </si>
  <si>
    <t>肯定相信没有假货。</t>
  </si>
  <si>
    <t>三星s4玩王者荣耀卡吗</t>
  </si>
  <si>
    <t>有点卡，网不好的话会卡死好一会.。</t>
  </si>
  <si>
    <t>故宫门票可以现场买吗</t>
  </si>
  <si>
    <t>苹果手机阻止此来电号码还能收到短信吗</t>
  </si>
  <si>
    <t>收不到信息。</t>
  </si>
  <si>
    <t>京东白条可以提现吗</t>
  </si>
  <si>
    <t>不能提。</t>
  </si>
  <si>
    <t>过夜的茶叶水能喝</t>
  </si>
  <si>
    <t>隔夜茶是安全且可以饮用的。</t>
  </si>
  <si>
    <t>毕业两年内算应届毕业生</t>
  </si>
  <si>
    <t>一般毕业两年之内，没有签三方协议，档案还在人才市场的，还属于应届毕业生。</t>
  </si>
  <si>
    <t>不算是应届毕业生了，应届毕业生是只面临毕业但还没有拿到毕业证的学生。</t>
  </si>
  <si>
    <t>工作不开心 到底要不要辞职</t>
  </si>
  <si>
    <t>如果工作不适应应该早一点转型，时间越长对自己影响越大，不光是对职业发展，同时对自己的身心状况都会有很大的影响。</t>
  </si>
  <si>
    <t>工作不开心是因为与直接领导有问题的话，那么还是离开的好。如果是因为主观原因造成工作任务完不成，影响工资或者受到批评的话，还是不要辞职，如果是因为人际关系或者工作环境的话，还是事先找到能够去工作的单位后，才辞职的好。如果仅仅根据自己的心情就辞职的话，那么到哪里也不会太好。</t>
  </si>
  <si>
    <t>如果辞掉这份工作，有能力再找到另一份工作或者能够有经济来源的话，就离开，如果没有能力，暂时忍耐，以后有机会离开。</t>
  </si>
  <si>
    <t>在转转上买东西靠谱吗</t>
  </si>
  <si>
    <t>特别靠谱，考研买家辨别真假的能力。</t>
  </si>
  <si>
    <t>转转官方的肯定靠谱，个人的不一定。</t>
  </si>
  <si>
    <t>2017年公务员涨工资吗</t>
  </si>
  <si>
    <t>年前政府不是发文了？公务员基本工资在工资中占比从40%升至45%，其他待遇也会提升。</t>
  </si>
  <si>
    <t>不会长了，去年涨过，至少要2年。</t>
  </si>
  <si>
    <t>今年再次对公务员工资进行调整。北京、湖南、内蒙古、福建、河北、山西6个省份已经完成了公务员工资调整。</t>
  </si>
  <si>
    <t>男女之间有纯洁的友谊吗</t>
  </si>
  <si>
    <t>或许会有，但恐怕很难。</t>
  </si>
  <si>
    <t>一定有。</t>
  </si>
  <si>
    <t>wps for mac有吗</t>
  </si>
  <si>
    <t>放高利贷的人怕报警吗</t>
  </si>
  <si>
    <t>不怕，报警只是民事解决，作用不大。</t>
  </si>
  <si>
    <t>有用的，因为警察的职责就是保证人民的财产和人身安全。</t>
  </si>
  <si>
    <t>车贷可以提前还款吗</t>
  </si>
  <si>
    <t>贷款买车可以提前还款。1、据银行的规定，提前还贷的客户需提前一周至一个月提出书面申请，并约定还款日期。然后按照约定的日期，携带身份证、和银行签订的贷款合同到银行填写还贷申请表和提前还贷协议，并按银行的要求，将需要还贷的款项存到你扣缴贷款本息的账户上，由银行自动扣收。2、各家银行对于车贷提前还款并没有次数的限制，可以一次全部还清，也可部分归还贷款。只是每次还贷的起点金额各银行规定不一。3、部分提前还贷的贷款者，可以选择两种方式：一是减少每月还款额，还款期限不变;另一种是缩短还款期限，每月还款额不变。4、《提前还款申请表》一经借款人银行确认后便不可撤销，并作为借款合同的补充条款，与借款合同具有同等法律效力。如贷款人不论任何原因，未能按照其向借款人银行出具的提前还款申请中规定的日期与金额提前还款，则视为逾期还款，贷款人按借款合同承担相应的违约责任。</t>
  </si>
  <si>
    <t>炎亚纶真的会娶鬼鬼吗</t>
  </si>
  <si>
    <t>淘宝人气宝推广有用吗</t>
  </si>
  <si>
    <t>下班途中发生交通事故是否算工伤</t>
  </si>
  <si>
    <t>在上下班途中出现交通事故，如果受伤职工不负事故主要责任的，属于工伤；如果职工负主责以上的，则不属于工伤。</t>
  </si>
  <si>
    <t>根据今年劳动和社会保障部的新规定，今后上下班途中的交通事故引发的人身伤害将不再再认定为工伤，而是按照交通事故的赔偿机制进行。</t>
  </si>
  <si>
    <t>应该算工伤，具体看公司的保险情况，如果有意外险，可能比工伤险赔偿的多。</t>
  </si>
  <si>
    <t>淘宝账号可以注销吗</t>
  </si>
  <si>
    <t>可以注销的。</t>
  </si>
  <si>
    <t>不能注销的。</t>
  </si>
  <si>
    <t>飞机杯好用吗</t>
  </si>
  <si>
    <t>要看质量。</t>
  </si>
  <si>
    <t>肯定没有广告说的那么好。</t>
  </si>
  <si>
    <t>唯品会不能搜索吗</t>
  </si>
  <si>
    <t>不能搜索。</t>
  </si>
  <si>
    <t>近期淘汰鸡能涨价吗</t>
  </si>
  <si>
    <t>不会，应该是维持现在的价格。</t>
  </si>
  <si>
    <t>会涨的，现在鸡蛋已经开始往上涨了，淘汰鸡也就会跟着涨。</t>
  </si>
  <si>
    <t>visual studio免费吗</t>
  </si>
  <si>
    <t>Visual Studio现已免费。</t>
  </si>
  <si>
    <t>visual studio professional 2015不免费，community版对个人和小团队免费</t>
  </si>
  <si>
    <t>从2012版开始推出社区免费版，在之前的都收费，只不过不同版本的收费不同。从visual studio2012开始有版本对小公司免费，大公司收费，不过专业版企业版功能较多是收费的。高校学生可以申请微软学生账号免费使用收费的专业版。</t>
  </si>
  <si>
    <t>寄居蟹能吃吗</t>
  </si>
  <si>
    <t>寄居蟹可以红烧，熬汤吃，但是建议不要食用。</t>
  </si>
  <si>
    <t>能吃，但味道不佳。</t>
  </si>
  <si>
    <t>可以吃，用水煮一下就能吃。</t>
  </si>
  <si>
    <t>快米兼职是真的吗</t>
  </si>
  <si>
    <t>一帮骗子。</t>
  </si>
  <si>
    <t>王者荣耀退出战队后战队币还在吗</t>
  </si>
  <si>
    <t>退出来就没有了。</t>
  </si>
  <si>
    <t>不清零。</t>
  </si>
  <si>
    <t>梦幻西游互通版要点卡吗</t>
  </si>
  <si>
    <t>腺样体肥大自愈机率大</t>
  </si>
  <si>
    <t>腺样体肥大不会自愈，但是腺体的确会逐渐萎缩，前提是你不再感染。</t>
  </si>
  <si>
    <t>腺样体肥大能自愈。很多腺样体肥大的孩子，通过平时的护理，等长大了以后，症状会减轻，逐渐消失，有小部分需要手术治疗。</t>
  </si>
  <si>
    <t>枇杷是凉性的吗</t>
  </si>
  <si>
    <t>枇杷是凉性水果。</t>
  </si>
  <si>
    <t>既不是凉性，也不是温性。</t>
  </si>
  <si>
    <t>百度彩票是正规的吗</t>
  </si>
  <si>
    <t>艾拓思外汇平台正规吗</t>
  </si>
  <si>
    <t>正规，但比较乱。</t>
  </si>
  <si>
    <t>樊胜美和王柏川在一起了吗</t>
  </si>
  <si>
    <t>在一起了。</t>
  </si>
  <si>
    <t>和平分手。</t>
  </si>
  <si>
    <t>小说最后在一起了。</t>
  </si>
  <si>
    <t>地铁里被从顶,有快感吗</t>
  </si>
  <si>
    <t>地铁里被陌生人顶舒服。</t>
  </si>
  <si>
    <t>荣耀8玻璃后盖易碎吗</t>
  </si>
  <si>
    <t>很容易。</t>
  </si>
  <si>
    <t>没有呀，感觉还好。</t>
  </si>
  <si>
    <t>dnf用按键精灵会封号吗</t>
  </si>
  <si>
    <t>会。 因为按键精灵被腾讯游戏检测为第三方，DNF等游戏开启按键精灵就会掉线，建议更换软件，TC应该不会被封， 因为他针对腾讯游戏做了防检测。 所有写脚本，就要去用TC脚本开发工具</t>
  </si>
  <si>
    <t>偶尔使用不会被封，但用脚本自动刷图会出现追封的情况</t>
  </si>
  <si>
    <t>刺客信条好玩吗</t>
  </si>
  <si>
    <t>出差住宿费可以抵扣吗</t>
  </si>
  <si>
    <t>根据《关于全面推开营业税改征增值税试点的通知》（财税[2016]36号）附件1营业税改征增值税试点实施办法规定：第二十七条第（六）项规定了下列项目的进项税额不得从销项税额中抵扣：购进的旅客运输服务、贷款服务、餐饮服务、居民日常服务和娱乐服务。依据上述规定，员工出差取得的飞机票、高铁票，手机票和酒店餐票不可以抵扣增值税进项税，但是住宿费如果取得增值税专用发票，是可以抵扣进项税的。</t>
  </si>
  <si>
    <t>住宿费可以抵扣，其他不可以。</t>
  </si>
  <si>
    <t>可以，但要具备几个条件：1、本单位是一般纳税人。2、出差要与生产经营有关。3、取得发票联、抵扣联并在规定期限内认证抵扣。</t>
  </si>
  <si>
    <t>菠萝蜜核能吃吗</t>
  </si>
  <si>
    <t>不能生吃，可以煮熟了再吃。</t>
  </si>
  <si>
    <t>右肩胛骨缝疼是肺癌吗</t>
  </si>
  <si>
    <t>肺癌的疼痛是可以放射到肩胛和背部的，如果是癌细胞转移至肩胛骨或其他部位的骨骼，则会出现相应部位的骨痛。并且肺癌较易经血行转移至骨骼。</t>
  </si>
  <si>
    <t>知网引用算重复率吗</t>
  </si>
  <si>
    <t>知网论文检测系统可以识别到格式标准的参考文献，格式正确系统会自动剔除不算重复率。如果格式有误，那么参考文献会被当成正文来检测将会标红算重复率。</t>
  </si>
  <si>
    <t>2017固态硬盘会降价吗</t>
  </si>
  <si>
    <t>按大趋势来看，应该是会降价。</t>
  </si>
  <si>
    <t>看情况短期内不会降，而且有可能会反升。这其中涉及到的市场因素太多，无法判断和推论。但从长远来看，应该还会降，但这个空间可能不会太大。</t>
  </si>
  <si>
    <t>降价是必然的。电子类产品一直在推新。</t>
  </si>
  <si>
    <t>欧阳少恭是鬼面人吗</t>
  </si>
  <si>
    <t>不是吧，尹千觞（风广陌）应该才是。</t>
  </si>
  <si>
    <t>对啊，还有雷严和尹千觞也是鬼面人。</t>
  </si>
  <si>
    <t>双星之阴阳师好看吗</t>
  </si>
  <si>
    <t>个人感觉不怎么样。</t>
  </si>
  <si>
    <t>ps4能连接电脑吗</t>
  </si>
  <si>
    <t>可以，只要带HDMI接口的显示器都可以</t>
  </si>
  <si>
    <t>买个转换接口就行了</t>
  </si>
  <si>
    <t>对方微信密码能破解吗</t>
  </si>
  <si>
    <t>就算破解了密码，还是需要短信验证或者选好友头像的，想登陆别人微信，没那么简单。</t>
  </si>
  <si>
    <t>目前微信采用高级安全机制，没有对方设备的情况下，几乎无法破解。</t>
  </si>
  <si>
    <t>三倍工资包括本金吗</t>
  </si>
  <si>
    <t>三倍工资是以原工资为基础乘以3，因此是含本金的。</t>
  </si>
  <si>
    <t>不包括不上班本来就有的底薪。</t>
  </si>
  <si>
    <t>高压线有辐射吗</t>
  </si>
  <si>
    <t>高压线基本没有辐射。高压电线的辐射很小，对人身体无害。</t>
  </si>
  <si>
    <t>有辐射，但是因为位置比较高，而且距离居民区比较远，影响不大。</t>
  </si>
  <si>
    <t>居民楼顶上的电线都是11万伏的高压电线，会产生较强辐射，对人体有危害。</t>
  </si>
  <si>
    <t>古天乐结婚了吗</t>
  </si>
  <si>
    <t>古天乐没有结婚。</t>
  </si>
  <si>
    <t>科迪亚克七座和五座车身一样吗</t>
  </si>
  <si>
    <t>七座的车座位短一些。</t>
  </si>
  <si>
    <t>孕妇初期乳房胀痛吗</t>
  </si>
  <si>
    <t>乳房会胀痛的。</t>
  </si>
  <si>
    <t>网贷不还 会不会有刑事责任</t>
  </si>
  <si>
    <t>被催收，催收无果就走法律流程，坐牢视金额额度以及情节严重情况而定。</t>
  </si>
  <si>
    <t>如果是以非法占有为目的，诈骗贷款的，要依法追究法律责任；如果贷款后，因经营不善客观原因造成不能按期还贷的，即使对方起诉，也只是承担民事责任，还要被打入黑名单，限制高额消费，但不会坐牢。</t>
  </si>
  <si>
    <t>早教有必要上吗</t>
  </si>
  <si>
    <t>经济条件好的话，肯定是可以去的，但并不是绝对的。早教中心的接收范围是六个月到三岁的宝宝、因为早教中心一星期也只上一两节课的，大部分时间还是需要依赖于家庭性早教的。家庭性早教为主，早教中心为辅的原则。</t>
  </si>
  <si>
    <t>看你自己有没有时间和经济能力，如果自己有时间陪伴宝宝，自己给宝宝上亲子早教是最好的。</t>
  </si>
  <si>
    <t>1050比960强吗</t>
  </si>
  <si>
    <t>GTX1050和GTX960的差距大概在10%左右，两个的差距不是很大，GTX960显卡的性能高于GTX1050显卡，略低于GTX1050Ti显卡。GTX1050Ti就是替代GTX960的新一代显卡。而GTX1050显卡是替代GTX950显卡的。</t>
  </si>
  <si>
    <t>GTX960显卡的性能比GTX1050显卡高15-20%。</t>
  </si>
  <si>
    <t>gtx1050的对比对象是gtx950,性能比950强百分之十几，性能不如gtx960。gtx960的对比象是gtx1050ti，这款比960强百分之十左右。</t>
  </si>
  <si>
    <t>微信转账不收,会自动退回吗?</t>
  </si>
  <si>
    <t>微信转账24小时不收，会退还到原先账户。</t>
  </si>
  <si>
    <t>非恶意逾期证明可以伪造吗</t>
  </si>
  <si>
    <t>只要出具证明的银行，其加盖的公章是真实的，该证明就是有效的。如果公章就是伪造的，则法律后果比较严重，使用虚假的证明文件，骗取贷款的，轻则治安管理处罚，重则追究刑事责任。1、非恶意逾期证明由银行出具，对于银行来说，一般情况下，只有在持卡人具有证据说明不良征信记录是由银行造成的情况下，银行才会开具非恶意逾期的证明。2、对普通人来说，造成信用不良记录更多是因为信用卡逾期。有些人在办理贷款、房贷等业务时，会被要求提供非恶意逾期证明，那么这份证明怎么开呢？基本流程是，持卡人跟银行客服沟通，银行确认后，出具非恶意逾期证明。3、如果伪造公章及证明文件，轻则治安管理处罚，重则追究刑事责任。（1）《治安管理处罚法》第五十二条 有下列行为之一的，处十日以上十五日以下拘留，可以并处一千元以下罚款；情节较轻的，处五日以上十日以下拘留，可以并处五百元以下罚款：(一)伪造、变造或者买卖国家机关、人民团体、企业、事业单位或者其他组织的公文、证件、证明文件、印章的；(二)买卖或者使用伪造、变造的国家机关、人民团体、企业、事业单位或者其他组织的公文、证件、证明文件的；（2）《刑法》第一百九十三条　【贷款诈骗罪】有下列情形之一，以非法占有为目的，诈骗银行或者其他金融机构的贷款，数额较大的，处五年以下有期徒刑或者拘役，并处二万元以上二十万元以下罚金；数额巨大或者有其他严重情节的，处五年以上十年以下有期徒刑，并处五万元以上五十万元以下罚金；数额特别巨大或者有其他特别严重情节的，处十年以上有期徒刑或者无期徒刑，并处五万元以上五十万元以下罚金或者没收财产：(三)  使用虚假的证明文件的。</t>
  </si>
  <si>
    <t>不可以，而且不但不能通过贷款还要面临骗贷的见险。可以找逾期银行的内部关系开真实有效的证明。</t>
  </si>
  <si>
    <t>看怎么用这个证明了，涉及到金融行业与钱有关，与经济犯罪有关，这就是后果。</t>
  </si>
  <si>
    <t>个人能交职工保险吗</t>
  </si>
  <si>
    <t>你只要把单位从哪个月给断的，你自己顶处侈肺侬镀畴僧川吉续上就可以了，只要你交够了15年以上就可以了。医疗保险你不交的话就不能享受医疗补贴呗。医疗保险和养老保险二者没有连带关系。现在女的到50岁退休，男的要够60岁退休。详细的你可以查 《养老保险的相关规定》。</t>
  </si>
  <si>
    <t>如果是城镇户籍的居民，且没有到达退休年龄前，都可凭本人身份证、户口簿到户籍地的区或街道社保经办部门办理灵活就业人员参加社会保险手续。</t>
  </si>
  <si>
    <t>霉菌性阴倒炎能自愈吗</t>
  </si>
  <si>
    <t>不治疗是不能够自愈的，而且该病的危害性是非常强的，一定要早发现早治疗，应夫妇同检同治。</t>
  </si>
  <si>
    <t>不可以，霉菌性阴道炎的主要临床表现是阴道瘙痒和豆腐渣样分泌物，可通过性接触传播，可以治愈，但容易复发。</t>
  </si>
  <si>
    <t>哺乳期可以拔牙吗</t>
  </si>
  <si>
    <t>建议母亲在给孩子喂奶期间，还是不拔为好。因为不管在怀孕期间还是孩子已经生下来，母亲的身体状况、情绪等等因素都直接影响孩子。</t>
  </si>
  <si>
    <t>哺乳期应该尽量避免拔牙的，因为拔牙过程中使用的麻醉药及拔牙后使用抗生素药物可能会对哺乳产生一定的影响，通过乳汁被孩子吸收的可能。</t>
  </si>
  <si>
    <t>一般情况下哺乳期是可以拔牙的，拔牙后稍微等一等再向孩子进行哺乳。只要身体没有其他拔牙禁忌症，就可以。拔牙前建议要做检查，各项指标达到拔牙标准。就可以安全拔牙了。建议去正规口腔医疗机构进行拔牙治疗</t>
  </si>
  <si>
    <t>一拳超人会出第二季吗</t>
  </si>
  <si>
    <t>必然会。</t>
  </si>
  <si>
    <t>九千兆是传销吗</t>
  </si>
  <si>
    <t>铜氨丝是真丝吗</t>
  </si>
  <si>
    <t>铜氨丝是人造丝，但是是从天然植物纤维中提取的。</t>
  </si>
  <si>
    <t>铜氨丝，是人造丝的一种，日本出产的，比较高级的用木材为原料做出来的。</t>
  </si>
  <si>
    <t>喝红茶上火吗</t>
  </si>
  <si>
    <t>喝红茶是不会上火的。</t>
  </si>
  <si>
    <t>中北大学是不是烂学校</t>
  </si>
  <si>
    <t>还可以，属于国家共建院校，只是名气不大。</t>
  </si>
  <si>
    <t>不是。世界的所有大学没有绝对的好与坏，适合自己的个性，天赋，兴趣的学校是最好的学校。</t>
  </si>
  <si>
    <t>不太好，有选择就上别的，这个学校不值得。</t>
  </si>
  <si>
    <t>深圳节假日限外地车吗</t>
  </si>
  <si>
    <t>神州租车可以异地还车吗</t>
  </si>
  <si>
    <t>神州租车可以办理异地还车。</t>
  </si>
  <si>
    <t>护照可以加急吗</t>
  </si>
  <si>
    <t>护照可以加急办理的， 在填申请表的时候有这一伴随公安部制定的《中华人民共和国普通护照和出入境通行证签发管理办法》（以下简称《管理办法》）于2007年12月15日的正式施行，出国奔丧、探望危重病人等四种情况的中国公民可申请加急办理普通护照，符合规定的，公安机关将在接到材料之日起5个工作日内签发。</t>
  </si>
  <si>
    <t>可以加急办理，护照急事急办的办结时限为5个工作日</t>
  </si>
  <si>
    <t>如果因为特殊情况，如出国奔丧、出国留学临近开学日期等，可以申请护照加急，加急的护照在5日之内就可以出来了</t>
  </si>
  <si>
    <t>养仓鼠是否会染上鼠疫</t>
  </si>
  <si>
    <t>养仓鼠不会有鼠疫，因为仓鼠的生理结构和老鼠不同。</t>
  </si>
  <si>
    <t>养仓鼠不一定会患上鼠疫，除非仓鼠是从一些不良商贩那里购来的才有一定的可能，不过现在管理较严，所以一般养仓鼠不会染上鼠疫。</t>
  </si>
  <si>
    <t>仓鼠对人基本无害，仓鼠是人工饲养的，比较干净，得鼠疫几率非常小，如果丢失很多天又找回来，得鼠疫概率非常大，因为太脏了，如果自己饲养的仓鼠被咬流血不要紧，把血挤出来，用水清洗，然后消毒就可以了。</t>
  </si>
  <si>
    <t>善心汇是不是要崩盘了</t>
  </si>
  <si>
    <t>edge浏览器好用吗</t>
  </si>
  <si>
    <t>好用，Edge浏览器网页的加载很流畅。</t>
  </si>
  <si>
    <t>好用，Edge浏览器采用了极简的设计元素，便于手指触控。支持用户在网页上批注浏览，截图功能方便。</t>
  </si>
  <si>
    <t>不好用，edge是IE浏览器的增强改进版，不稳定。</t>
  </si>
  <si>
    <t>东皇太一厉害吗</t>
  </si>
  <si>
    <t>东皇太一这个英雄战斗输出能力不高，但是在团战中能起到重要的作用。</t>
  </si>
  <si>
    <t>个人感觉没什么用。</t>
  </si>
  <si>
    <t>唯品国际的东西是不是正品</t>
  </si>
  <si>
    <t>很多假货，很多小牌子存在严重质量问题，特别是是母婴产品。</t>
  </si>
  <si>
    <t>商家只能保证货源是从有资质的供应商那里购入，但这个货是不是正品，商家是保证不了的，得看供应商。</t>
  </si>
  <si>
    <t>宋晓波和老婆和好了吗</t>
  </si>
  <si>
    <t>和了。</t>
  </si>
  <si>
    <t>护照和港澳通行证可以一起办吗</t>
  </si>
  <si>
    <t>可以的，这两个证件作用不是一样（目的地有区别），所以是可以同时办理的。</t>
  </si>
  <si>
    <t>泊泉雅是正规产品吗</t>
  </si>
  <si>
    <t>觉得还是挺好的啊，评价都很高，价格很便宜质量还有保障。</t>
  </si>
  <si>
    <t>生育津贴和工资可否同时享受</t>
  </si>
  <si>
    <t>产假期间公司发放的工资和社保局发放的生育津贴不能同时享受。</t>
  </si>
  <si>
    <t>戒烟后外貌会有变化吗</t>
  </si>
  <si>
    <t>戒烟前一两周由于烟毒在排出，皮肤可能会出现焦黄以及皮松，两个星期之后皮肤会变成戒烟之前的样子，然后大概三个月会变得好一些。</t>
  </si>
  <si>
    <t>无心法师好看吗</t>
  </si>
  <si>
    <t>小说感觉不错，电视剧整体还好，但和小说还是有些出入，在人物气质方面和某些细节方面不足。</t>
  </si>
  <si>
    <t>此剧爆好看，唐人良心之作。</t>
  </si>
  <si>
    <t>梦幻西游一个帐号能在2个区同时上线吗</t>
  </si>
  <si>
    <t>在一个大区不可以，比如说都在黑龙江区就不可以，但是如果是黑龙江区/吉林区这样的俩个服务器就可以了。</t>
  </si>
  <si>
    <t>可以的哦，同一个号不同区可以同时在线，但是会多耗点卡。</t>
  </si>
  <si>
    <t>足底筋膜炎能自愈吗</t>
  </si>
  <si>
    <t>轻度的足底筋膜炎用筋膜舒络平痛贴会自己好的。</t>
  </si>
  <si>
    <t>足底筋膜炎，自愈是有可能的，但是需要的时间过多，建议还是要去正规医院进行检查。</t>
  </si>
  <si>
    <t>安太医药店有卖吗</t>
  </si>
  <si>
    <t>昆明一心堂有卖。</t>
  </si>
  <si>
    <t>燕窝是燕子的口水吗</t>
  </si>
  <si>
    <t>燕窝是特指金丝燕的窝，其主要成分为金丝燕的吐沫。金丝燕喉部有很发达的粘液腺，所分泌的唾液可在空气中凝成固体，是它们筑巢的主要材料。燕巢呈半月形，形状好像人的耳朵，直径6一7厘米，基底厚，廓壁薄，重约5一15克。燕巢外围整齐，内部粗糙，有如丝瓜网络。整个燕窝洁白晶莹，富有弹性，附着于岩石峭壁的地方。</t>
  </si>
  <si>
    <t>燕窝又称燕菜、燕根、燕蔬菜，为雨燕科动物金丝燕及多种同属燕类用唾液与绒羽等混合凝结所筑成的巢窝，形似元宝，窝外壁由横条密集的丝状物堆垒成不规则棱状突起，窝内壁由丝状物织成不规则网状，窝碗根却坚实，两端有小坠角，一般直径6~7厘米，深3~4厘米。</t>
  </si>
  <si>
    <t>苹果官网买的手机是正品吗</t>
  </si>
  <si>
    <t>竹笋和牛肉能一起吃吗</t>
  </si>
  <si>
    <t>竹笋和牛肉可以一起吃。</t>
  </si>
  <si>
    <t>白藜芦醇是传销吗</t>
  </si>
  <si>
    <t>手柄打王者荣耀好用吗</t>
  </si>
  <si>
    <t>不如手机直接好用，手机玩着顺手。</t>
  </si>
  <si>
    <t>真心不好用，放技能的时候放不准。</t>
  </si>
  <si>
    <t>非常好用，玩什么都非常棒。</t>
  </si>
  <si>
    <t>焦虑症可以自愈吗</t>
  </si>
  <si>
    <t>自我治疗最好，焦虑的时候出去走走，做点开心的事，几天时间就会感觉好了，又回到之前的生活境，注意发现好转的患者一定要持续一个月以上。</t>
  </si>
  <si>
    <t>如果是轻度焦虑症是不需要吃药的，可以通过心理治疗和自我调节来治愈。如果有严重焦虑症除了去正规医院看心理医生，医生会根据情况用药，也可以自我调节。</t>
  </si>
  <si>
    <t>肯定，焦虑症是可以自愈的。</t>
  </si>
  <si>
    <t>求生之路有4吗</t>
  </si>
  <si>
    <t>跑步鞋要气垫好吗</t>
  </si>
  <si>
    <t>气垫鞋是在鞋底上部和鞋底下部设置了储气腔，这个储气腔可以形成气垫，与设置在鞋上的进气孔道和出气孔道组成通气装置。气垫鞋突出的地方就在于其减震能力，拥有更好的稳定性，使穿着者得到最大的舒适性。气垫鞋减震能力好，更适合于在容易受强力冲击的场合，对脚步及膝盖的防护更有效果。</t>
  </si>
  <si>
    <t>带气垫的鞋的减震和保护作用更好，气垫鞋可以缓冲跑步对膝盖的冲击，降低硬路面对腿部的反作用力，更好的起到保护和反弹力的作用。</t>
  </si>
  <si>
    <t>鬼店主的故事是真的吗</t>
  </si>
  <si>
    <t>高尔夫gti能跑过cc吗</t>
  </si>
  <si>
    <t>熬夜会胖吗</t>
  </si>
  <si>
    <t>会导致发胖的。</t>
  </si>
  <si>
    <t>社保卡里的钱能取出来吗</t>
  </si>
  <si>
    <t>医保卡里能取出的钱仅仅是个人账户里的，其所占比例很少，用人单位和个人缴纳的医疗保险费会各扣除一定比例，纳入个人账户。</t>
  </si>
  <si>
    <t>个人交的社保在个人的帐户里存着的，是可以取出来的，单位交的社保在统筹基金里面，这部分是个人交的2倍，这个是不能取出来的。</t>
  </si>
  <si>
    <t>社保卡里的钱取不出来，手中拿的社保卡虽然是一张银行卡片，但是这张卡的社保账户跟银行账户是分开的。</t>
  </si>
  <si>
    <t>2017年买苹果6过时吗</t>
  </si>
  <si>
    <t>要买的话建议6S或者SE都可以。</t>
  </si>
  <si>
    <t>方舟好玩吗</t>
  </si>
  <si>
    <t>车钥匙丢了车会被偷吗</t>
  </si>
  <si>
    <t>如果是正常的丢失，车辆被盗的可能几乎没有，没必要担心。如果是别人有计划的丢失，那就大了，所以需要回想一下丢失的经过才有结论。</t>
  </si>
  <si>
    <t>汽车的钥匙如果丢了，比起丢了家里防盗门的钥匙，要相对的安全一些，也不用像防盗门那样需要换锁，还不会被盗，因为汽车含有一种特殊的功能。只要新配了遥控钥匙，之前丢失的钥匙会随即失效，就算有人捡到了之前丢失的那把钥匙也没用，根本发动不了车子。</t>
  </si>
  <si>
    <t>苹果7有nfc功能吗</t>
  </si>
  <si>
    <t>有，Apple Pay就是一种NFC，但是不支持公交卡，仅支持闪付功能。</t>
  </si>
  <si>
    <t>一建挂靠还有前景吗</t>
  </si>
  <si>
    <t>最近一段时间关于“一级建造师证书挂靠证书成废纸”的消息可谓是充斥着整个网络空间，一时间建造师需求量大的现象可能瞬间被改写。当然不可否认的是新政策一出，自年初以来，建造师需求的井喷状态可能会暂时冷却，但是它会慢慢的越来越显露出它的价值。我认为，一级建造师的前景还是非常好的。且看下面的四点分析。第一：一级建造师就业前景将越来越好。一级建造师是一种建筑类职业资格考试，是上岗从业必备证书，建造师是不仅要有理论水平，也要有丰富的实战经验和较强组织能力的复合型人员。一级建造师有着广阔的发展方向和丰厚的收入回报。建造师注册受聘后，可以建造师的名义担任建设工程项目施工的项目经理，从事其他施工活动的管理。目前，建造师行业人才紧缺。考取一级建造师资格证书，可以在建筑行业找到理想的工作，实现自己的价值!第二：新版资质标准实施，建造师需求增加。住房城乡建设部自2015年1月1日起施行《建筑业企业资质标准》重新解读了建筑业企业资质中建筑工程项目经理，也就是建造师在其中的作用，并以建造师的数量多少来评定建筑业企业的资质标准。所以建造师的需求量还是非常紧缺的。第三：建筑行业有着巨大的发展潜力，建筑行业市场空间巨大。国内基建投资将继续维持高位，内外互补需求旺盛。新型城镇化建设加速推进，预计到“十二五”末，我国城市化率将超过51%。城市化飞速发展，城市人口急剧增加，城市交通建设将成为中国未来几年发展的一大重要任务。中国城市化正处于中期加速发展阶段，在今后较长的一段时期内，城市化水平仍将保持较高的增长速度。在推进城市交通建设的同时，城市市政建设必将进入新一轮爆发期。城市道路、排水、桥梁等各种公共性设施和事业的建设会需要大量的建设人才。这势必会给中国建筑行业施工、设计、装修、管理等各领域创造更多的就业机会。第四：建造师收入非常可观。一级建造师挂靠费用建筑工程、机电工程、市政公用、公路工程、铁路工程、水利水电、港口与航道、通信与广电。都是现在比较热门的专业，也是城市发展不可缺少的需求。总的来讲一级建造师挂靠好日子并不是到头了，未来一级建造师依然是有很大发展空间的。</t>
  </si>
  <si>
    <t>泛华集团是国企吗</t>
  </si>
  <si>
    <t>是，是原国家建设部的。</t>
  </si>
  <si>
    <t>开窗睡觉能吸入甲醛吗</t>
  </si>
  <si>
    <t>天竺葵有毒吗</t>
  </si>
  <si>
    <t>天竺葵是几十年的家庭园艺植物，不吃就没有毒，气味可以驱虫。建议植物放在阳台养，不要放在室内。</t>
  </si>
  <si>
    <t>1、天竺葵作为多年草本生花卉，本身是无毒的，其花粉容易引起过敏肤质产生过敏现象。2、家中有过敏肤质的，建议不要将天竺葵摆放在室内。3、孕妇在怀孕期间或家中有婴儿等情况也是不适合摆放天竺葵的，因为孕妇和婴儿比较的敏感，很有可能因为天竺葵的刺激而导致过敏等状况。</t>
  </si>
  <si>
    <t>天竺葵全株有毒、误食会导致疝痛、腹痛、腹泻、呕吐、便血。</t>
  </si>
  <si>
    <t>北京国家会计学院好吗</t>
  </si>
  <si>
    <t>基本没有认可度。</t>
  </si>
  <si>
    <t>月经期可以喝咖啡吗</t>
  </si>
  <si>
    <t>咖啡是中性偏热的食物，不偏寒，月经期间饮用不会造成生冷的刺激。但是，咖啡中含有咖啡因，具有兴奋的作用，不利于子宫收缩。月经前喝咖啡会会使乳房胀痛，引起焦虑、易怒与情绪不稳，同时更消耗体内储存的维他命B，因此破坏了碳水化合物的新陈代谢。经期喝咖啡会使体内雌性荷尔蒙明显上升，影响卵巢内卵子的数量，使卵巢老化，也会加快人体所有机能老化。</t>
  </si>
  <si>
    <t>月经期间可以少量喝咖啡的。</t>
  </si>
  <si>
    <t>万国押题准吗</t>
  </si>
  <si>
    <t>考点99.9%，押题与真题的距离十万八千里。</t>
  </si>
  <si>
    <t>挺准的。</t>
  </si>
  <si>
    <t>丝塔芙真有毒吗</t>
  </si>
  <si>
    <t>丝塔芙有毒及丝塔芙致癌消息是不正确的，它安全无毒无刺激，是非常适合敏感肌肤使用的温和化妆品，注意要使用正品。</t>
  </si>
  <si>
    <t>dell update可以卸载吗</t>
  </si>
  <si>
    <t>可以，dell update的作用是在线更新，卸了不影响。需要的时候可再下载安装。</t>
  </si>
  <si>
    <t>dell update是用以更新戴尔附带程序的，应保留。</t>
  </si>
  <si>
    <t>刘宪华姜妍在一起了吗</t>
  </si>
  <si>
    <t>不会，这只是一个真人秀节目，俩人在一起比较亲热是节目效果需要的，和恋爱真人秀一样的，看看就好了，不要当真.</t>
  </si>
  <si>
    <t>没有在一起，只是节目效果.</t>
  </si>
  <si>
    <t>福汇好不好</t>
  </si>
  <si>
    <t>是国内最知名也是最大的外汇服务商。受到英国FCA和美国NFA和澳大利亚ASIC等的监管，资金安全有保障。包含负滑点，也存在正滑点。交易执行的速度快。出入金的速度快有保障。</t>
  </si>
  <si>
    <t>英国福汇国际集团是全球十大外汇交易商之一，拥有客户交易资金8亿两千万美元以上，全球180个国家174000个交易账户通过福汇交易平台进行交易，受全球最严格的FSA金融监管局监管。</t>
  </si>
  <si>
    <t>最正规的黑平台。优点是福汇上市公司资金安全 品牌都很不错，在NFA也是排名比较靠前的汇商。缺点是点差相对较大，拉大点差的情况比较普遍。</t>
  </si>
  <si>
    <t>dhc瘦腿丸有用吗</t>
  </si>
  <si>
    <t>作用还是有一些的，不过药物都有副作用的。</t>
  </si>
  <si>
    <t>吃了能瘦腿太假了，不运动不按摩没法瘦腿。</t>
  </si>
  <si>
    <t>去水肿有点用，但是减脂就算了。</t>
  </si>
  <si>
    <t>现在买6s划算吗</t>
  </si>
  <si>
    <t>现在购买是比较划算的，各个商城都会有活动。</t>
  </si>
  <si>
    <t>划算，因为苹果掉价慢，苹果六现在也没掉价，所以现在买和以后买价钱都差不多，现在买还可以趁早到手。</t>
  </si>
  <si>
    <t>百分之百不划算。</t>
  </si>
  <si>
    <t>柴油是不是危险化学品</t>
  </si>
  <si>
    <t>柴油属于危险化学品。</t>
  </si>
  <si>
    <t>属于易燃类危化品。</t>
  </si>
  <si>
    <t>柴油是危险品，在危险品分类里属于第三类易燃液体。</t>
  </si>
  <si>
    <t>月季有花苞了能施肥吗</t>
  </si>
  <si>
    <t>如果刚刚出现，可以施一些速效磷肥。花蕾已经大，千万不要施肥，容易烧伤。</t>
  </si>
  <si>
    <t>月季花期一般不施肥，如果要施肥，就用月季产花期的滴灌施肥法，其步骤为：施肥前，先滴清水5到10分钟，然后滴灌施肥液，滴完施肥液后，再滴清水5到10分钟。</t>
  </si>
  <si>
    <t>可以喷施磷酸二氢钾0.15%以延长花期。为了让第二茬花开得更好，开完花修剪后，追施氮磷钾复合肥或腐熟饼肥。花期尽量不要追肥，因为花对肥料有一个适应过程，如果是在花期施肥不当，反而会导致花期缩短影响观赏性。</t>
  </si>
  <si>
    <t>端午放假高速免费吗</t>
  </si>
  <si>
    <t>端午节不属于重大节假日，高速公路不能免费。</t>
  </si>
  <si>
    <t>矿泉水过期了能喝吗</t>
  </si>
  <si>
    <t>水存放久了，会自我产生亚硝酸盐，虽然含量比较低，但时间长了对人的身体会产生很大危害，这就是为什么一般不提倡喝隔夜水的原因。矿泉水因为比较干净，而且密封较好，因此变质较慢，但并不是不会变质，而且时间长了，其中的微生物和细菌很可能超标，会造成更大危害，所以过期矿泉水还是不喝为好。</t>
  </si>
  <si>
    <t>桶装水一般标明保质期为3个月，但这是在不开封的情况下。如果开封了，最多能喝15天。 据了解，开封的桶装水如果放置超过半个月，虽然口感没有什么变化，但细菌已经超标。 桶装水在生产和出厂时都是经过高级净化的，一般经过 QS认证的桶装水质量都能过关，但桶装水开封超过15天，水中的细菌快速繁殖就容易引起腹泻。</t>
  </si>
  <si>
    <t>过了保质期，营养成分可能打折扣，但是还是可以喝的，国家对食品的质保期一般要比保质期要长很多。</t>
  </si>
  <si>
    <t>李维嘉是同性恋吗</t>
  </si>
  <si>
    <t>虽然长的像，但一直没有什么事实依据，不可以随便乱怀疑人。</t>
  </si>
  <si>
    <t>何炅和李维嘉都不是gay。</t>
  </si>
  <si>
    <t>咖啡渣可以养花吗</t>
  </si>
  <si>
    <t>咖啡渣可以用来养花。咖啡渣里面含有大量的氮化物，非常适合喜欢酸性土壤的植物，所以给喜欢偏酸性土壤的花卉做肥料，才能事半功倍。</t>
  </si>
  <si>
    <t>孙正义是中国人吗</t>
  </si>
  <si>
    <t>日本人。</t>
  </si>
  <si>
    <t>不是，是日本的韩裔，政治上来讲是日本人，血统上来说是韩国人。</t>
  </si>
  <si>
    <t>不是，孙正义是出生在日本的日本人，祖先是朝鲜人，孙正义是其朝鲜名。</t>
  </si>
  <si>
    <t>民宅可以注册公司吗</t>
  </si>
  <si>
    <t>这个是可以的。注册公司的流程：1、工商局核名称 （一般3个工作日，重名的话时间不确定)2、银行开设临时存款结算帐户办理入资并到会计事务所办理验资报告 3、到工商局约号办理营业执照 4、到质量技术监督局办理组织机构代码证 5、然后税务局办理税务登记证 6、最后到银行开立基本户，人行批下来要最少5-8个工作日。</t>
  </si>
  <si>
    <t>民宅可以注册公司，只不过手续比较繁琐，基本是不可能注册下来。</t>
  </si>
  <si>
    <t>微信国际版和国内版通用吗</t>
  </si>
  <si>
    <t>WeChat和微信聊天是不能互通的。</t>
  </si>
  <si>
    <t>用户只能登陆一种模式。</t>
  </si>
  <si>
    <t>神龙战士能赚钱吗</t>
  </si>
  <si>
    <t>可以赚钱。</t>
  </si>
  <si>
    <t>李白是剑客吗</t>
  </si>
  <si>
    <t>李白是剑客。</t>
  </si>
  <si>
    <t>黑龙江绥化穷吗</t>
  </si>
  <si>
    <t>在我国算是中等水平。</t>
  </si>
  <si>
    <t>穷，相当穷。</t>
  </si>
  <si>
    <t>汽车换轮毂能过年审吗</t>
  </si>
  <si>
    <t>汽车改装轮毂无法通过年检，属于外观和技术改装，需要换回原车的轮毂才可以正常年检。</t>
  </si>
  <si>
    <t>如果事先未经过交通管理部门的批准，改装轮毂的车是无法正常通过年检的；根据现行的《机动车登记规定》相关条款，改变已领牌照机动车的车身颜色、车型、性能、用途和结构，更换车架、车身或发动机，车主都必须向车管所申请变更登记。加装尾翼、做大包围、改装排气管等行为，原则上都不被允许。</t>
  </si>
  <si>
    <t>根据《机动车登陆规定》第十条 中规定改变轮毂的需要到车管所进行登记，不然不能通过年审。</t>
  </si>
  <si>
    <t>火龙果上火吗</t>
  </si>
  <si>
    <t>据研究结果表明，吃火龙果不仅不上火，相反还能起到去火的功效。火龙果肉性偏凉，是一种去火的水果。不仅如此，火龙果的营养价值也很丰富，低热量、低脂肪、高纤维，是美容瘦身之佳品。火龙果的肉性偏凉，具有保护嗓子、止咳、润肺、通便的功效。便秘的人经常吃火龙果，能起到通便的作用。而且经常吃火龙果，也能有效预防便秘的出现。这是因为火龙果内含粗纤维，能促进肠道的蠕动。火龙果还能降低体内胆固醇的含量，能帮助血液的流通，对预防一些心脑血管疾病有一定的帮助。火龙果对一些常见的肿瘤，比如结肠癌等等，能起到抑制肿瘤生长，提高机体免疫力的作用。另外火龙果具有解毒的功效，对一些炎症，比如因为上火而出现嘴角发炎等病症，具有明显的改善功效。所以说吃火龙果不仅不会上火，反而还能起到不错的去火功效。</t>
  </si>
  <si>
    <t>火龙果不会上火的。根据许多资料显示，吃火龙果是不会上火的，火龙果性偏凉，有清热润肺、护嗓止咳的功效。不但不上火，还是一种可以去火的水果哦，熬夜的话吃火龙果比较好。</t>
  </si>
  <si>
    <t>火龙果是败火的，属阴。火龙果，又称红龙果。原产于中美洲热带地区。火龙果营养丰富、功能独特，它含有一般植物少有的植物性白蛋白及花青素，丰富的维生素和水溶性膳纤维。</t>
  </si>
  <si>
    <t>spf50的防晒霜伤皮肤吗</t>
  </si>
  <si>
    <t>不建议大家一味追求高防晒值，也不建议大家排斥高防晒值产品。“按需使用”才是理智之举。对于本身肤色白皙容易晒伤的人、或者需要在较强烈阳光下活动的人来说，高防晒指数的产品才能给予肌肤足够的保护。</t>
  </si>
  <si>
    <t>涂防晒，不化妆，用卸妆洗面奶就好，皮肤一直没出什么问题。</t>
  </si>
  <si>
    <t>快充手机可以用普通充电器吗</t>
  </si>
  <si>
    <t>如果两个充电器的电流和电压一样就可以。</t>
  </si>
  <si>
    <t>可以充，但是充电比较慢，对手机也不好，建议使用原装充电器，市面上卖的普通充电器，多数里面都省了零件，对手机起不到保护作用</t>
  </si>
  <si>
    <t>众泰t300上市时间定了吗</t>
  </si>
  <si>
    <t>官方目前没有给出明确的上市时间，据车主服务平台掌付通了解到的小道消息，新款会在2016年底推出。</t>
  </si>
  <si>
    <t>现在车展的只是样车,还没成熟到进行批量生产,所以不会有价格, 不过众泰方面称所有参展的车都会在未来两年上市。</t>
  </si>
  <si>
    <t>澳洲自由行签证好办吗</t>
  </si>
  <si>
    <t>澳洲的自由行签证拒签风险是很高的， 只要是发达国家的签证都不是那么容易申请。</t>
  </si>
  <si>
    <t>这个不用太担心。澳大利亚前几年确实非常难办，不过现在好多了，只要按照要求提供资料，尤其是团签基本不成问题。</t>
  </si>
  <si>
    <t>厨房有必要装凉霸吗</t>
  </si>
  <si>
    <t>比空调和电风扇好，空调和电风扇不通风，油烟都排不出去。凉霸除吹风外还自带通风功能，解决酷暑难耐的闷热感。</t>
  </si>
  <si>
    <t>好听点叫凉霸，通俗点叫电风扇。不过就是装在厨房间嵌在集成吊顶里的电风扇，由于这个是自然风，夏天开等于没用，其他季节开还是有点效果的。</t>
  </si>
  <si>
    <t>厨房空间小，装个小匹数的空调就行了，没必要装凉霸。</t>
  </si>
  <si>
    <t>心肌酶高严重吗</t>
  </si>
  <si>
    <t>1、没什么影响，心肌酶，顾名思义存在在心肌细胞中，如果心肌细胞坏死了，那么心肌酶就高了。 2、心肌死亡的原因有很多，比如说心梗，心肌炎等，都会引起心肌酶的升高。</t>
  </si>
  <si>
    <t>1.心肌酶升高（尤其是ck-mb，cTnT,cTnI升高）提示心肌受损。2.冠状动脉造影排除心梗，但是心肌酶高，提示心梗以外的原因引起心脏受损。3.也有可能是酒精中毒引起，但是不排除其他疾病可能，需要进一步检查。</t>
  </si>
  <si>
    <t>婴幼儿游泳馆赚钱吗</t>
  </si>
  <si>
    <t>投入大，回报小。</t>
  </si>
  <si>
    <t>现在父母都比较疼爱小孩，这钱也好挣。</t>
  </si>
  <si>
    <t>投资一个婴儿游泳馆是赚钱的。</t>
  </si>
  <si>
    <t>熊猫会攻击人吗</t>
  </si>
  <si>
    <t>通常情况下，大熊猫性情总是十分温顺，初次见人，常用前掌蒙面，或把头低下，不露真容。它们很少主动地攻击其他动物或人，在野外偶然相遇时，总是采用回避的方式。但一但当上了妈妈，其小宝贝就是神圣不可侵犯的，即便是关怀看望，也会惹怒母亲大动肝火，张牙舞爪，动手动脚。</t>
  </si>
  <si>
    <t>一般是不会的。个人觉得熊猫攻不攻击人类这里咱们先把人类分为两种，一种是惹怒大熊猫的人，一种是没有去惹怒大熊猫的人，当你先去惹它生气那它攻击你的话也是有可能的，这里也要把熊猫分为性格温顺的以及比较暴躁两种先，当然，也不排除你把熊猫激怒了但它忍着或者根本不想跟你一般见识所以不攻击你这种可能。</t>
  </si>
  <si>
    <t>通常情况下不会，但成年大熊猫体型较大，牙口及爪子锋利，其力量也非常大，在发怒的情况下也会对人进行攻击、撕咬等，曾有动物园工作人员被大熊猫攻击的先例。</t>
  </si>
  <si>
    <t>赛比安在中国合法吗</t>
  </si>
  <si>
    <t>合法。中美都是互联网国际公约的签约国，都必须遵守世贸组织的相关规定，只要符合国际互联网公约，遵守当地国的法律，都可以在各自成员国之间进行商业贸易和销售等。</t>
  </si>
  <si>
    <t>不合法，非法的传销。</t>
  </si>
  <si>
    <t>台湾有结婚证吗</t>
  </si>
  <si>
    <t>手机要不要贴膜</t>
  </si>
  <si>
    <t>有必要，贴膜保护屏幕。</t>
  </si>
  <si>
    <t>贴透明度差膜会影响手机亮度质量差膜刮坏花了会造成清晰度下降样对视力好长时间透过种膜看手机眼睛会觉得费力了让手机贴膜会伤害眼睛情况得避免尽量选用透光性好手机贴膜。</t>
  </si>
  <si>
    <t>手机、平板电脑等屏幕材质已经足够耐磨，无需贴膜保护。</t>
  </si>
  <si>
    <t>lcf项目合法吗</t>
  </si>
  <si>
    <t>不是合法项目，是骗局。LCF物联网指的是LCF罗斯柴尔德家族操盘LCF项目（LCF物联网虚拟货币），这个项目并不是正规的，是个骗局。</t>
  </si>
  <si>
    <t>冒用罗斯柴尔德家族名义的LCF项目，与罗斯柴尔德家族没有一点点关系，是一伙骗子设计好的，一步一步引人上钩的高级骗局。</t>
  </si>
  <si>
    <t>运动后肌肉酸痛还能继续运动吗</t>
  </si>
  <si>
    <t>肯定要继续。还要坚持长期锻炼。每天定量训练，过三天左右就会缓解。</t>
  </si>
  <si>
    <t>全身酸痛特别是已锻炼部位，不要再对已经锻炼过的部位进行再练习，为了给已经锻炼肌肉充分的休息时间，肌肉增长需要休息恢复。</t>
  </si>
  <si>
    <t>休息之后再练，最少休息48小时到肌肉不酸痛了。</t>
  </si>
  <si>
    <t>苹果6 32g是翻新机吗</t>
  </si>
  <si>
    <t>主要查询网查询imei码序列号为准，看生产期激活期保修期是最精准的方法。激活日期和购买日期相差几天是正常的，激活期超半年就有翻新的几率，过保修必定是二手翻新机。</t>
  </si>
  <si>
    <t>软件测试是青春饭吗</t>
  </si>
  <si>
    <t>软件测试越老越值钱，属于经验积累型职业，而且青春饭形容别的行业还有理由相信，但是IT这行在国内起步才不到20年，中国改革开放才多少年呢，就算20年前那些人在大学毕业后参加工作，现在才40多岁，又哪来的老人，比尔盖茨才50多岁，如果这都算的话是不是大家都是在吃青春饭。 另外，青春饭一般是因为你的职业发展停滞不前导致，如果一个程序员，干了10年还是程序员，那只能怪他自己，但是反过来讲，任何一个行业，除非国企事业单位公务员，相对稳定一些，否则任何一个行业如果是干了很久都是小喽啰，那也都是青春饭，老板当然会考虑做了那么久为什么一点进步都没有？IT这行也是如此，所以说，不断学习，不断提升自己，就不会被淘汰。</t>
  </si>
  <si>
    <t>测试与开发以后是没有什么区别的了。现在想做好测试，不会开发的东西不行的。等有技术有了能力和项目经验后，是越老越值钱的。</t>
  </si>
  <si>
    <t>故宫有鬼吗</t>
  </si>
  <si>
    <t>绝对没有。世界上是没有鬼的，都是人们自己想象出来的。</t>
  </si>
  <si>
    <t>优学派好不好啊</t>
  </si>
  <si>
    <t>可上网，可学习，而且有家长设置上网密码。小孩在学习的时候，也有点娱乐的空间。做课外练习题、阅读等都不错，操作简单。</t>
  </si>
  <si>
    <t>感觉可以，优学派的名师答疑和名师辅导班比较出色。</t>
  </si>
  <si>
    <t>蛮好的，里面有1对1解决难题，有不懂的可以直接用优学派，比家教方便。</t>
  </si>
  <si>
    <t>感冒能喝咖啡吗</t>
  </si>
  <si>
    <t>感冒还是少喝咖啡的好。</t>
  </si>
  <si>
    <t>会计中级难考吗</t>
  </si>
  <si>
    <t>中级不是简单的东西，本科毕业的，学习成绩一般的人，用2-3年的时间，每天都看书，通过的概率在50%左右，比高考简单不了多少。</t>
  </si>
  <si>
    <t>没有基本上会感觉比较难，特别是会计实务，其它两门要简单点。</t>
  </si>
  <si>
    <t>医保卡和社保卡是一张卡吗</t>
  </si>
  <si>
    <t>社保卡和医保卡是不同地区的政策不同，导致的差别。其作用略有差别。</t>
  </si>
  <si>
    <t>是的，当事人的医保卡就是本人的社保卡，两者是一致的，该项以本人的身份证编码为社会保障卡号。</t>
  </si>
  <si>
    <t>宜人贷可信吗</t>
  </si>
  <si>
    <t>宜人贷是宜信贷款机构的产品，正规贷款机构，但是也不排除你遇到一些坑人的业务员要收取你的前期费用，这样的业务员可能就是骗你的。</t>
  </si>
  <si>
    <t>应该还是比较可靠的。</t>
  </si>
  <si>
    <t>东旭集团是国企吗</t>
  </si>
  <si>
    <t>不是，是民营企业。</t>
  </si>
  <si>
    <t>tritan水杯能用开水吗</t>
  </si>
  <si>
    <t>tritan的杯子不含双酚A，确实比较安全，但是适用温度是-40到100度，最好不要装开水，80度左右就合适了，夏天用没问题。</t>
  </si>
  <si>
    <t>胜威国际集团是传销吗</t>
  </si>
  <si>
    <t>胜威就是一种典型的传销和旁氏骗局。</t>
  </si>
  <si>
    <t>腰间盘突出能过性生活吗</t>
  </si>
  <si>
    <t>腰间盘突出和性生活没有直接关系，但是有腰间盘突出症以后就要克制性生活，性生活频繁或者劳累也影响腰痛，可以适度性生活。</t>
  </si>
  <si>
    <t>腰键盘突出是可以适量过性生活的，建议平时要注意休息，多吃蔬菜和水果，不要吃刺激性食物，定期做好检查，有情况要及时处理。</t>
  </si>
  <si>
    <t>没有神经压迫状可以，但是要注意姿势。</t>
  </si>
  <si>
    <t>中转航班可以出机场吗</t>
  </si>
  <si>
    <t>可以的，特别是等下一程航班太久的时候，可以出去逛一下。到时跟一般旅客一样在出发大厅拿登机牌并再次安检。要说明的是：这是中转的情况（前一程与后一程航班号不同），如果是同一航班号只是中途停站是不可以出机场的，只能根据航空公司安排到候机大厅休息一下。</t>
  </si>
  <si>
    <t>过期身份证可以取火车票吗</t>
  </si>
  <si>
    <t>能的。但是如果自动取票机不识别或者取票不成功，就需要带着您的过期身份证和订单编号去人工窗口取票。</t>
  </si>
  <si>
    <t>身份证过期了若芯片没有损坏，是可以尝试在车站自助取票机领取网上买的火车票，若无法领取就需要带上到期的身份证到车站办理乘车临时身份证明再售票处人工取票。</t>
  </si>
  <si>
    <t>不能，失效的身份证不是有效的乘车证件。</t>
  </si>
  <si>
    <t>腰间盘突出能根治吗</t>
  </si>
  <si>
    <t>不能根治的，一般临床治愈，也就是症状消失，就算治好了。</t>
  </si>
  <si>
    <t>根治不了，即使现在没任何的症状了，但是还是要保持良好的生活习惯，不然就会复发的。</t>
  </si>
  <si>
    <t>大概只有手术切除突出的椎间盘，才能彻底根治愈腰椎间盘突出。</t>
  </si>
  <si>
    <t>派出所周末上班吗</t>
  </si>
  <si>
    <t>星期六和星期日除值班人员(派出所24小时都有人员值班)外休息，周末不办理身份证补办之类的业务，须在周一到周五上班时间内(早八点到十二点，下午二点到六点)工作时间办理。</t>
  </si>
  <si>
    <t>公安机关（包括派出所）是全年二十四小时有值班的，休息日与法定假一样要上班。但是，这些部门只包括治安科、刑侦科、办案队、巡防等，对于户政科等是上常上班制度，双休是不上班的。</t>
  </si>
  <si>
    <t>比特币是否合法</t>
  </si>
  <si>
    <t>比特币不违法的，因为在未来互联网都需要用货币。</t>
  </si>
  <si>
    <t>目前是合法的。</t>
  </si>
  <si>
    <t>公积金可以转到外省吗</t>
  </si>
  <si>
    <t>可以的。单位调整或职工工作发生变动，单位应为职工办理住房公积金转移手续。转移包括同城转移和异地转移。职工因为劳动合同期限届满或者其他原因与单位终止劳动关系的，应当办理住房公积金转移手续，具体步骤如下：职工在新调入单位的归集部门开立公积金账户，并提供开户证明；由调出单位根据职工住房公积金分户账的账面余额，填制一式四联“住房公积金转移通知书”，送交归集部门办理转移手续。办理要件：住房公积金转移申请书；管理中心要求提供的其他材料。办理流程异地转移：职工提供要件材料转入地向转出地管理中心出具新账户证明及异地转移联系函、转出地管理中心转账或电汇、转入地管理中心登记个人明细账；手续齐全情况下，异地转移不超过15个工作日。</t>
  </si>
  <si>
    <t>1、住房公积金可以异地转移的，但要符合一定的转移条件；2、《住房公积金管理条例》第15条第2款规定:"单位与职工终止劳动关系的，单位应当自劳动关系终止之日起30日内到住房公积金管理中心办理变更登记，并持住房公积金管理中心的审核文件，到受委托银行办理职工住房公积金账户转移或者封存手续。"3、具体办理步骤如下：（1）职工在新调入单位的归集部门开立公积金账户，并提供开户证明。（2）由调出单位根据职工住房公积金分户账的账面余额，填制一式四联“住房公积金转移通知书”，送交归集部门办理转移手续。（3）填制“住房公积金转移通知书”应注意填写完整以下内容：转入、转出单位的全称，单位编号及所属的归集部门；调出职工的姓名、编号应与单位汇缴清册填写的一致；转移金额为该职工账户账面余额；签章（在归集部门留的印鉴）。</t>
  </si>
  <si>
    <t>1、按照国务院《住房公积金管理条例》规定，职工离职应由原单位办理封存，待到新的单位工作以后，转移到新单位继续缴存，但不可销户提取。符合提取条件的才可申请提取个人住房公积金明细。2、《住房公积金管理条例》第15条第2款规定：“单位与职工终止劳动关系的，单位应当自劳动关系终止之日起30日内到住房公积金管理中心办理变更登记，并持住房公积金管理中心的审核文件，到受委托银行办理职工住房公积金账户转移或者封存手续。”3、职工因工作变动调出单位或与原单位终止劳动关系的，单位应自劳动关系终止之日起30日内到住房公积金管理中心办理变更登记，单位需填写《住房公积金变更清册》和《住房公积金转移凭证》，并持住房公积金管理中心审批文件，到受委托银行办理职工住房公积金的转出或者封存手续。4、职工离开工作单位，只是中断工资关系仍保留劳动关系的，其在中断期间住房公积金的缴存随之中断，但职工住房公积金账户不变，结余的住房公积金本息仍保留在职工住房公积金账户内，单位应为职工办理封存手续。职工住房公积金封存仅适用于中断工资关系仍保留劳动关系职工的住房公积金管理。职工住房公积金封存期间，凡符合提取规定的，由单位代为办理支取手续。</t>
  </si>
  <si>
    <t>苏宁易购自营可靠吗</t>
  </si>
  <si>
    <t>不靠谱，在买的时候挺热情的，但是如果商品出了什么问题，想退货，就没人搭理了。</t>
  </si>
  <si>
    <t>天使投资的钱要还吗</t>
  </si>
  <si>
    <t>要还，而且还有利息。央金贷。</t>
  </si>
  <si>
    <t>色盲可以考驾照吗</t>
  </si>
  <si>
    <t>我国法规规定，红绿色盲不能申领驾驶证。其他色盲暂未规定不能申领驾驶证。机动车驾驶证申领和使用规定（公安部71号令）中第十一条申请机动车驾驶证的人，应当符合下列规定：（二）身体条件：3、辨色力：无红绿色盲。【色盲】先天性色觉障碍通常称为色盲，它不能分辨自然光谱中的各种颜色或某种颜色；而对颜色的辨别能力差的则称色弱，色弱者，虽然能看到正常人所看到的颜色，但辨认颜色的能力迟缓或很差，在光线较暗时，有的几乎和色盲差不多，或表现为色觉疲劳，它与色盲的界限一般不易严格区分。色盲与色弱以先天性因素为多见。男性患者远多于女性患者。色盲分为全色盲和部分色盲（红色盲、绿色盲、蓝黄色盲等）。色弱包括全色弱和部分色弱（红色弱、绿色弱、蓝黄色弱等）。1、全色盲：属于完全性视锥细胞功能障碍，与夜盲（视杆细胞功能障碍）恰好相反，患者尤喜暗、畏光，表现为昼盲。仅有明暗之分，而无颜色差别，而且所见红色发暗、蓝色光亮。此外，还有视力差、弱视、中心性暗点、摆动性眼球震颤等症状。它是色觉障碍中最严重的一种，较少见。2、红色盲：又称第一色盲。患者主要是不能分辨红色，对红色与深绿色、蓝色与紫红色以及紫色不能分辨。常把绿色视为黄色，紫色看成蓝色，将绿色和蓝色相混为白色。3、绿色盲：又称第二色盲，患者不能分辨淡绿色与深红色、紫色与青蓝色、紫红色与灰色，把绿色视为灰色或暗黑色。临床上把红色盲与绿色盲统称为红绿色盲，较常见。平常说的色盲一般就是指红绿色盲。4、蓝黄色盲：又称第三色盲。患者蓝黄色混淆不清，对红、绿色可辨，较少见。5、全色弱：又称红绿蓝黄色弱。其色觉障碍比全色盲程度要低，视力无任何异常，也无全色盲的其他并发症。在物体颜色深且鲜明时则能够分辨；若颜色浅而不饱和时则分辨困难,少见。6、部分色弱：有红色弱（第一色弱）、绿色弱（第二色弱）和蓝黄色弱（第三色弱）等，其中红绿色弱较多见，患者对红、绿色感受力差，照明不良时，其辨色能力近于红绿色盲；但物质色深、鲜明且照明度佳时，其辨色能力接近正常。</t>
  </si>
  <si>
    <t>3000钻石能抽到韩信吗</t>
  </si>
  <si>
    <t>抽不到。</t>
  </si>
  <si>
    <t>行车记录仪自己可以安装吗</t>
  </si>
  <si>
    <t>可以自己安装。</t>
  </si>
  <si>
    <t>建议请专业士安装。</t>
  </si>
  <si>
    <t>聚氨酯鞋底好吗</t>
  </si>
  <si>
    <t>聚氨酯弹性体可在较宽的硬度范围具有较高的弹性及强度、优异的耐磨性、耐油性、耐疲劳性及抗震动性，具有“耐磨橡胶”之称。聚氨酯鞋底具有诸多优点：密度低，质地柔软，穿着舒适轻便；尺寸稳定性好，储存寿命长；优异的耐磨性能、耐挠曲性能；优异的减震、防滑性能。这种材料用途很广，用作涂料时，就是PU，也用于做塑胶跑道，球场，也用于做鞋的内衬和外底，是很成熟的使用很广泛的制鞋底的材料。</t>
  </si>
  <si>
    <t>聚氨酯是由异氰酸酯与多元醇反应制成的一种具有氨基甲酸酯链段重复结构单元的聚合物。聚氨酯鞋底与普通橡胶鞋底相比，它具有质量轻、耐磨性能好等特点。聚氨酯鞋底以聚氨酯树脂为主要原料，解决了目前国内塑料底和再生橡胶底容易断底等问题和橡胶底容易开胶的问题。通过增加各种添加剂，使聚氨酯鞋底在耐磨、耐油性、电绝缘、防静电和耐酸碱性能方面有了很大的提高。笔者研究采用了新的加工工艺、成型工艺和外观设计，鞋的各项安全性能更稳定。且穿着美观舒适、经久耐用，达到国内领先水平。天然橡胶折叠编辑本段天然橡胶的优点就在于它非常的柔软，弹性极佳，能适和于各种运动，但是缺点也是很明显的那就是很不耐磨。室内运动鞋多用天然橡胶。</t>
  </si>
  <si>
    <t>聚氨酯的鞋底不防滑.橡胶底防滑的效果比较好.聚氨酯耐磨效果要比橡胶底好.还有一种TPR鞋底防滑和耐磨的效果都还可以但价钱要贵了些!现在外贸基本都是TPR鞋底了。</t>
  </si>
  <si>
    <t>多喝水能减肥吗</t>
  </si>
  <si>
    <t>懒人最有效的减肥方法就是喝水，对于普通的肥胖者来说是非常有效果的。</t>
  </si>
  <si>
    <t>有利于减肥。</t>
  </si>
  <si>
    <t>多喝水对减肥是有好处的。</t>
  </si>
  <si>
    <t>泰勒和艾薇儿关系好吗</t>
  </si>
  <si>
    <t>几乎没有关系。</t>
  </si>
  <si>
    <t>qq巨轮会消失吗</t>
  </si>
  <si>
    <t>一旦中间哪天没聊天，或者不是最频繁的那个好友了，巨轮就会消失。</t>
  </si>
  <si>
    <t>糖心蛋吃了对人好不好</t>
  </si>
  <si>
    <t>武松是不是英雄</t>
  </si>
  <si>
    <t>看了《水浒传》里武松打虎的故事后有人觉得武松打虎是不爱护野生动物，因此称不上是英雄。</t>
  </si>
  <si>
    <t>武松是为民除害的大英雄。武松那个年代，老虎很多，也吃了很多人，武松打虎是为民除害的行为，而且那个年代没有《野生动物保护法》，打死了老虎并不存在违法或者破坏生态平衡之说，武松为民除了恶虎应当是英雄。</t>
  </si>
  <si>
    <t>同一个人在不同的年代也不一样,在不同的角度和立场来看也会有极大的不同,武松打虎,表现的对高高在上的强大压迫者的对抗,是对害人之物的对抗,对于当时的人来讲,这就是英雄。</t>
  </si>
  <si>
    <t>闪送可以到付吗</t>
  </si>
  <si>
    <t>不可以，必须通过微信或者app预支付完，闪送员才会看到才能接单。</t>
  </si>
  <si>
    <t>可以，只能在pc端上下单选择。</t>
  </si>
  <si>
    <t>天猫的官方旗舰店是正品吗</t>
  </si>
  <si>
    <t>不一定是正品。</t>
  </si>
  <si>
    <t>大部分是正品。</t>
  </si>
  <si>
    <t>天猫上的官方旗舰店官方保证提供100%品质保证的商品。</t>
  </si>
  <si>
    <t>巫师3 好玩吗</t>
  </si>
  <si>
    <t>自由度不错。剧情过于沉闷。</t>
  </si>
  <si>
    <t>目前最好的rpg游戏了，剧情非常棒，不过没有玩过前作可能会不太明白剧情。</t>
  </si>
  <si>
    <t>垃圾游戏</t>
  </si>
  <si>
    <t>林秀晶结婚了吗</t>
  </si>
  <si>
    <t>结婚了，韩国的综艺节目夜心万万。和我们结婚吧，里面都有说。</t>
  </si>
  <si>
    <t>本·拉登是好人吗</t>
  </si>
  <si>
    <t>不是，他制造了9.11，杀死了2996个美国人。</t>
  </si>
  <si>
    <t>大好人，如果都象路灯一样。美国就不会那么nb，来干涉世界和平，我希望将来会有无数个，张王李赵刘，拉登来抗击美国的违法行为。亮点应该是中国人民心中怀念的英雄。</t>
  </si>
  <si>
    <t>肝内胆管结石严重吗</t>
  </si>
  <si>
    <t>一般患肝内胆管结石要看结石结石的大小情况，如果结石较大引起胆管堵塞并且伴剧烈疼痛症状，这种情况一般要进行手术治疗。</t>
  </si>
  <si>
    <t>省长怕中央组织部长吗</t>
  </si>
  <si>
    <t>不怕，两个人基本没有工作来往。省长对本省人大常委会负责，执行省委常委会的决定。执行好国务院的决定。省长是省委第一副书记，行政职务（省长）任免权利归本省人大常委会，党内职务归中央组织部报到政治局常务会议任免。</t>
  </si>
  <si>
    <t>直邮物流信息能造假吗</t>
  </si>
  <si>
    <t>不能造假的。</t>
  </si>
  <si>
    <t>无花果能治痔疮吗</t>
  </si>
  <si>
    <t>这是无法根治的。</t>
  </si>
  <si>
    <t>无花果的叶子和果实是治痔疮的特效药。</t>
  </si>
  <si>
    <t>柴犬好养吗</t>
  </si>
  <si>
    <t>不是特别好养。</t>
  </si>
  <si>
    <t>牛皮癣能根治么</t>
  </si>
  <si>
    <t>能的！最好是服用中药。</t>
  </si>
  <si>
    <t>牛皮癣可以服用中草药治疗，可以治疗除根的。</t>
  </si>
  <si>
    <t>apple应用程序支持32位可以卸载吗</t>
  </si>
  <si>
    <t>只要windows让你卸载的都可以，只不过有的软件卸载之后会影响系统其他功能的运行。我说得是卸载不是在系统盘下windoes下直接删除。windows自带的没有苹果应用程序，是后面安装的，可能你用了苹果产品，iphone、ipod、itouch==，USB连接时安装的，或者搞苹果软件开发，装MAC虚拟机==。放心卸载吧，只要你不用。至于你网页打开速度不快，那原因多的去了，网速本身慢，系统有补丁要打，系统垃圾太多，系统中毒，还有你用的是有线还是无线，无线路由的话一段时间要重启路由的，或者重置会好一点。建议用免费软件360安全卫士，系统地处理一下，包括补丁、病毒、修复、清理什么的可能会好点。不行的话重新装一个浏览器，IE不行你是卸载不掉的。换个其他的。实在不行的话好吧还系统，因为系统使用时间太久本身会产生很多垃圾数据，软件是清理不掉的，手工又不知道在哪清理。所以也会导致系统变慢。</t>
  </si>
  <si>
    <t>一般下载的都是ipa后缀。当然可以删除了。使用iTunes管理或者下载iTools这个超级好用的工具。</t>
  </si>
  <si>
    <t>货到付款 可靠吗</t>
  </si>
  <si>
    <t>货到付款对卖家来说比较有风险，对买家来说比较有优势。对卖家来说的风险，就是买家恶意拍下，再恶意拒收。对于买家来说的风险就是付款后售后就结束了。唯一的优点就是见货后表面情况满意了就付款。货到付款增加了前怕狼后怕虎并且不按正常合法程度走的网购者的信任度，便于发展诚信的网上购物，有利于骗子销售者销售量的提升。消费者和快递员见货后钱货两清，避免了消费者和销售者之间的恶意纠纷。但增加了售后纠纷，电视台上已经爆光过多次。由于是快递员收款，快递公司为了自己的利益，避免了野蛮装卸、野蛮运输，减少了货物在运输途中的损坏。增加了快递公司业务，刺激了经济发展。</t>
  </si>
  <si>
    <t>32位的软件可以装到64位的系统上面吗</t>
  </si>
  <si>
    <t>能，但仅仅是向下兼容而已，64位系统运行32位软件没有32位系统运行32位软件的稳定。不过反过来64位软件装在32位系统上就不行了。32位和64位系统在代码、API上都略有不同，不过好在一些软件有专门针对64位系统的版本。比如PS、3DMas、CAD等。</t>
  </si>
  <si>
    <t>可以，会自动运行在32位环境，兼容运行。</t>
  </si>
  <si>
    <t>32位软件可以装在64位系统上。以64位win7为例，把32位软件安装在C:\Program Files (x86)文件夹里就可以使用了。</t>
  </si>
  <si>
    <t>乙肝传染吗?</t>
  </si>
  <si>
    <t>要看具体情况，大多数情况都应该会传染。</t>
  </si>
  <si>
    <t>乙肝病毒携带者是不会传染的。</t>
  </si>
  <si>
    <t>要看是显性还是隐性的，隐性的还能治，显性的就会传染了。</t>
  </si>
  <si>
    <t>公积金贷款提前还款划算吗</t>
  </si>
  <si>
    <t>不合算，现在公积金贷款年利率4.5%;而现在存款五年定期利率4.75%换句话说:把偿还公积金的款项以五年期存入银行你都赚钱啊!况且还可以考虑更多的其他投资渠道啊!贷款的前几年提前还款合算,因为前期还的大多是利息。后期提前还款就不划算了。</t>
  </si>
  <si>
    <t>以下情况适合提前还贷：第一种是处于还款初期的借款人，尤其是选择等额本金还款的借款人。等额本金是贷款人将本金分摊到每个月内，同时付清上一交易日至本次还款日之间的利息。如果20年期的贷款，借款人可以选择在五年以内提前还贷；第二种是借款人手头资金能够支付房贷剩余尾款，特别是一些已经有一套处于贷款中的房产，而打算将剩余资金再次购房的消费者。因为现在政策对第二套房的首付及利率都要高很多。</t>
  </si>
  <si>
    <t>公积金贷款提前还贷应在总期限的三分之一内，比较划算，比如30年则应10年内提前还。</t>
  </si>
  <si>
    <t>余事勿取能结婚吗</t>
  </si>
  <si>
    <t>不太适合结婚。</t>
  </si>
  <si>
    <t>现在还能免费升级win10吗</t>
  </si>
  <si>
    <t>1、现已经不能免费升级win10。2、只能载系统镜像重做系统。</t>
  </si>
  <si>
    <t>可以。盗版win 7升级win 10步骤：首先用小马激活或KMS激活软件激活系统。再选择操作：1. 打开开始菜单，选择“设置”，选择“更新和安全”，设置自动检测安装更新，接受 win10 推送。电脑接受win10推送后，可以直接进行安装，免费升级win10。2. 下载官方win10系统到电脑，手动进行更新检测，安装，免费升级win10。3. 用第三方软件升级：</t>
  </si>
  <si>
    <t>没有行驶证可以开车吗</t>
  </si>
  <si>
    <t>根据公安部123号令《机动车驾驶证申领和使用管理规定》驾驶机动车上路，必须携带机动车行驶证、机动车驾驶证、机动车检验合格标志、保险标志。</t>
  </si>
  <si>
    <t>据《道路交通安全法》第十九条及相关的法律规定，开车不带驾驶证和行驶证，是一种严重的交通违法行为，行车时未随身携带驾驶证即属于“无资格驾驶的状态”，即“无证驾驶”。第十条机动车驾驶员有下列违章行为之一的，一次记1分。(五)不携带驾驶证、行驶证的交通部门的通常处理方法为：罚20元以上200元以下；扣1分。</t>
  </si>
  <si>
    <t>肯定不行。道理交通安全法律，法规和规章。驾驶人在道路上驾驶机动车时必须携带驾驶证，行驶证和强制保险标志。</t>
  </si>
  <si>
    <t>白血病可以治愈吗</t>
  </si>
  <si>
    <t>白血病是不治之症已成了过去。正规、系统地治疗可以使大多数白血病患者长期无病生存，甚至痊愈。</t>
  </si>
  <si>
    <t>users可以删除吗</t>
  </si>
  <si>
    <t>可以，是用户的文件，但要保留原有的文件夹，例如此文件夹根目录下的文件夹，其他看着办（最好删文件夹里的文件），Application Data不要删（隐藏文件夹）。</t>
  </si>
  <si>
    <t>user文件夹是电脑系统自动生成的账户文件夹，里面存放系统账户的使用记录、桌面文件、软件的账户记录以及包括桌面，我的文档等。在正常情况下user文件夹是在C盘（系统盘）Documents and Settings文件夹下，如果不是把系统装在D盘，那么出现在D盘的user文件夹大多是安装一些软件或是插件产生的临时账户文件夹，这种情况是可以删除的（系统盘的最好不要删除），但在今后有可能因为某些操作，系统还会再次重建。</t>
  </si>
  <si>
    <t>用户的意思，不可以删除。</t>
  </si>
  <si>
    <t>南京公寓限购吗</t>
  </si>
  <si>
    <t>限购，二手房也限购。</t>
  </si>
  <si>
    <t>hg8120c是千兆光猫吗</t>
  </si>
  <si>
    <t>华HG8120C是百兆的</t>
  </si>
  <si>
    <t>西瓜和桃子能一起吃吗</t>
  </si>
  <si>
    <t>桃子和西瓜虽不是相克食物，但在一起吃并不太好。因为桃子是温性水果，但多吃桃子容易上火。所以有“桃养人，不养贪吃人”的说法。而西瓜名"寒瓜"，性寒质滑。两种食物同食比较容易让人拉肚子，最好不要同时吃，一起吃会造成腹泻，消耗元气，引起胃肠不适。</t>
  </si>
  <si>
    <t>在美国买iphone7在中国能用吗</t>
  </si>
  <si>
    <t>没问题。</t>
  </si>
  <si>
    <t>在美国买的无锁版iPhone7在中国是能用的。iphone7支持全网通的，可以使用移动联通电信的网络。</t>
  </si>
  <si>
    <t>榴莲可以放冰箱吗</t>
  </si>
  <si>
    <t>榴莲的保存一般是冷冻比较好，而且可以存放的时间比较长，如果仅仅是冷藏的话，一般只能保存3天左右，而且榴莲的味道也会发生一丝变化。</t>
  </si>
  <si>
    <t>肇事逃逸交强险赔吗</t>
  </si>
  <si>
    <t>肇事逃逸的，可以向保险公司索赔交强险，交强险条款里面没有就肇事逃逸不赔的免责条款。</t>
  </si>
  <si>
    <t>交通事故逃逸后，如果交警部门对事故真实性认定的话，交强险是要进行赔付的。</t>
  </si>
  <si>
    <t>黑头不挤会自己消失吗</t>
  </si>
  <si>
    <t>脸上的黑头不挤出来是不会自己消失的，但是挤了之后毛孔会更大，就会越来越多黑头，所以不要用手挤黑头。</t>
  </si>
  <si>
    <t>不会。黑头要去除是一个漫长且要好好坚持保养的过程。</t>
  </si>
  <si>
    <t>意大利签证好办吗</t>
  </si>
  <si>
    <t>意大利签证好办。</t>
  </si>
  <si>
    <t>可以在意大利签证中心看下签证要求，通常递交资料齐全的话不难办。</t>
  </si>
  <si>
    <t>淋巴癌早期能治好吗</t>
  </si>
  <si>
    <t>淋巴癌早期治疗的效果比较明显，只要病人发现疾病及时，就能取得良好的预后效果，因此，淋巴癌的治愈关键在于患者是否有足够的意识，早期积极治疗才是最好的选择。</t>
  </si>
  <si>
    <t>男性乳房大能治吗</t>
  </si>
  <si>
    <t>如果激素有问题可以针对药物治疗。 如果只是单纯的乳腺发育，西医没有特别的方法。</t>
  </si>
  <si>
    <t>要做手术。</t>
  </si>
  <si>
    <t>只有手术或者减肥。</t>
  </si>
  <si>
    <t>门当户对重要吗</t>
  </si>
  <si>
    <t>只要你们俩感情在，就不是问题。</t>
  </si>
  <si>
    <t>门当户对很重要，但关键还是各方面合适的两个人、两个家也处得来。</t>
  </si>
  <si>
    <t>很重要。</t>
  </si>
  <si>
    <t>2017年青岛房价会降吗</t>
  </si>
  <si>
    <t>目前就经济形势、还有市场需求来说青岛房价还是会继续上涨，但是介于国家还有青岛出台的一些相关政策，涨幅不会像去年那样，所以想买的话趁早吧，可以考虑些二手的</t>
  </si>
  <si>
    <t>长期可能会涨。</t>
  </si>
  <si>
    <t>公积金有卡吗</t>
  </si>
  <si>
    <t>住房公积金和社保有卡。公积金联名卡是由住房公积金管理中心以服务广大住房公积金缴存职工为目的，与商业银行合作发放，具有住房公积金缴存凭证、账户查询和银行借记卡多种功能的银行卡，是职工缴存住房公积金的有效凭证。从2013年3月25日起，缴存住房公积金的职工，持本人有效身份证件，无需再通过单位，即可以个人名义去银行直接申领具有贷记卡功能的住房公积金联名卡。中华人民共和国社会保障卡是由人力资源和社会保障部统一规划，由各地人力资源和社会保障部门面向社会发行，用于人力资源和社会保障各项业务领域的集成电路（IC）卡。</t>
  </si>
  <si>
    <t>这个看城市的   有些城市会有住房公积金联名卡  有些地方没有的  你可以问一下贵单位公积金经办人。</t>
  </si>
  <si>
    <t>有的。职工已设立个人住房公积金账户的，符合以下情况之一，职工本人或专办员重新申请住房公积金联名卡：1.联网核查失败（身份信息正确但联网核查不通过的）；2.销卡重新制卡；3.因变更缴存银行需换领其他银行联名卡。</t>
  </si>
  <si>
    <t>慢性肾炎能治好吗</t>
  </si>
  <si>
    <t>多数可以。</t>
  </si>
  <si>
    <t>治疗要积极及时并且主动。慢性肾炎是需要病人和医生共同努力才能治好的。具体来说，病人要坚持每天治疗，有感冒等小病要及时联系自己的主治医师，不可乱服药物；治疗方法要正确，不可轻信假医生假药物，一定要找正规医师治疗。无论是中医也好，西医也罢，真正有能力的医生一定能考取医师执照的；有些民间游医自称祖传秘方，连个医师执照都考不过去，还能是什么好医生；树立信心，一定能治疗好。不要去加一些病友群，里面大多都是治疗失败者，他们的言论不准确。已经治疗好的成功者，大都投入到了正常的生活中，谁还去加病友群；饮食起居要谨慎。这个一定要注意，饮食要清淡，起居要应时。</t>
  </si>
  <si>
    <t>正品运动商城是正品吗</t>
  </si>
  <si>
    <t>天猫上都是正品。</t>
  </si>
  <si>
    <t>是正品的可以肯定。比较实惠的。</t>
  </si>
  <si>
    <t>三上悠亚有步兵作品吗</t>
  </si>
  <si>
    <t>棒女郎对身体有危害吗</t>
  </si>
  <si>
    <t>消字号产品，不允许有任何的毒副作用</t>
  </si>
  <si>
    <t>没有的</t>
  </si>
  <si>
    <t>按使用说明正确使用，不超量，对身体是没有害的</t>
  </si>
  <si>
    <t>aae文件可以删除吗</t>
  </si>
  <si>
    <t>全盘搜索*.aae文件，所有文件就显示出来了，然后全选删除。</t>
  </si>
  <si>
    <t>日本妹子好追吗</t>
  </si>
  <si>
    <t>应该好追。</t>
  </si>
  <si>
    <t>如果日语好，经济上不太需要打工，能在大学读书的话，有一点儿机会。</t>
  </si>
  <si>
    <t>金殿环球是黑平台吗</t>
  </si>
  <si>
    <t>这个金殿环球就是黑公司。</t>
  </si>
  <si>
    <t>萨德停止了吗</t>
  </si>
  <si>
    <t>没有，还在继续。</t>
  </si>
  <si>
    <t>时间规划局2出了吗</t>
  </si>
  <si>
    <t>这部电影现在还没有拍第二部，开拍的可能性也不大，因为第一部的票房和口碑很一般。</t>
  </si>
  <si>
    <t>都还没打算拍第2部。</t>
  </si>
  <si>
    <t>drivers可以删除吗</t>
  </si>
  <si>
    <t>1、可以删除drivers文件夹。2、drivers是系统驱动文件夹，删除该目录后，对系统的正常运行并没有影响，但是在使用一些陌生的即插即用设备时，将提示“未能成功安装设备驱动程序”，需要手动安装驱动程序。删除了这个也就相当于删除了系统的的即插即用功能。</t>
  </si>
  <si>
    <t>1、是驱动程序。2、使用ghost安装系统后在C盘留有一个drivers文件夹。里面放置的是ghost系统万能驱动解压出来的驱动。3、包括主板驱动、显卡驱动、声卡驱动等。4、系统安装完毕，驱动安装后对该文件夹删除没有任何影响。</t>
  </si>
  <si>
    <t>这是ghost系统安装完毕后，自动释放的驱动文件夹。系统安装完毕后，如果不需要可以删除。驱动文件夹，系统盘有2个：C:\Drivers可以删除C:\windows\system32\Drivers不可以删除。</t>
  </si>
  <si>
    <t>淘宝联盟自己买东西可以返现吗</t>
  </si>
  <si>
    <t>淘宝联盟自己买东西可以返现。买的时候应该会有提示，直接在淘宝联盟里边购买。</t>
  </si>
  <si>
    <t>汗蒸能去湿气吗</t>
  </si>
  <si>
    <t>有一定的排毒排湿作用。</t>
  </si>
  <si>
    <t>英雄联盟号被别人玩的封了三年 能解封吗</t>
  </si>
  <si>
    <t>多申诉几次就解封了。</t>
  </si>
  <si>
    <t>可以尝试找客服说明下情况，如果以前没有过不良记录，而且借号的人是在其它电脑上玩的，可以说是因为号被盗用了，因为登录IP地址不同，所以可以说不是本人行为，试试能不能解封。</t>
  </si>
  <si>
    <t>封号是没办法解封的。</t>
  </si>
  <si>
    <t>喝我水是真的吗</t>
  </si>
  <si>
    <t>不是的，只是谐音。</t>
  </si>
  <si>
    <t>配电房边上二楼能买吗</t>
  </si>
  <si>
    <t>配电房只要离房子满足安全距离就没影响</t>
  </si>
  <si>
    <t>qq提现要手续费吗</t>
  </si>
  <si>
    <t>QQ提现不需要手续费。</t>
  </si>
  <si>
    <t>跨专业考研难吗</t>
  </si>
  <si>
    <t>跨专业是有一定的难度的。</t>
  </si>
  <si>
    <t>跨专业不是太大问题。</t>
  </si>
  <si>
    <t>高铁可以带酒吗</t>
  </si>
  <si>
    <t>2016新版“禁带目录”中规定，50度以上有正规包装、标识的白酒，乘车时最多带两瓶，50度以下的白酒，可带四瓶。除了正规包装白酒外，散装白酒不论数量和度数，一律禁带。封闭好的瓶装白酒，并且携带的数量上限为六瓶装的一箱。</t>
  </si>
  <si>
    <t>好像不可以。</t>
  </si>
  <si>
    <t>可以携带酒类。</t>
  </si>
  <si>
    <t>结婚前买的房子算夫妻共同财产吗</t>
  </si>
  <si>
    <t>结婚前买的房子肯定不算共有财产。</t>
  </si>
  <si>
    <t>如果是婚前全款购买的，房子是个人财产，结婚不改变房子的产权属性。如果婚前首付一部分，贷款买的房子，婚后双方共同还贷了，那这要综合看首付的比例，产权证取得时间，地域，不同地方法院对这个问题的认定是不完全相同的。</t>
  </si>
  <si>
    <t>（一）一方在结婚前自己出资购买的房子。根据婚姻法的规定，一方的婚前财产为夫妻一方的个人财产。在结婚前，一方已经购买，付清房款和拥有所有权的房子显然属于一方的婚前的财产，属于个人财产，并不是夫妻共同财产。但如果结婚前一方自己出资买房子，但基于一些原因将产权登记在双方名下，这视为对对方的赠与，在这种情况下，该房子属于夫妻共同财产。（二）一方父母或双方父母出资购买的房子。由一方父母出资为子女购买的房子，产权登记在出资人子女名下的，视为只对自己子女一方的赠与，该房子应认定为夫妻一方的个人财产。但如果将产权登记在夫妻双方的名下，那么就视为对夫妻双方的赠与，该房子应认定为夫妻共同财产。其次是由双方父母出资购买的房子，产权登记在一方子女名下的，该房子可以认定为双方按照各自父母的出资份额共有，属于夫妻共同财产。现实中，许多父母为子女买房子耗尽毕生的积蓄，这一规定也是对婚姻中双方及其父母财产的保护。（三）一方在结婚前签订买房合同，以个人财产支付首付的房子，如果其婚后用夫妻共同财产还贷，而房子登记在首付房名下的，可以先协议处理，在协议不成的情况下，法院一般认定该房子属于产权登记的一方，双方共同还贷的款项可以由一方对另一方进行补偿。</t>
  </si>
  <si>
    <t>手机辐射对孕妇影响大吗</t>
  </si>
  <si>
    <t>手机辐射对人体的影响，目前科学家还在研究，因为手机问世和普及还只有十来年，可用的数据不多。就目前的情况来看，由于手机的电磁辐射还是比较微弱的，不会出现急性病，科学家目前研究的是长期弱辐射对人体的影响。两个半月不能算是长期，所以应该不会对宝宝有什么影响。 由于手机辐射很微弱，电脑、电视的辐射也很微弱，所以一般用不着采取防护措施，那些孕妇防护服什么的，都是玩噱头，没什么用的。不用担心，但是这并不意味着就能放心的大玩手机了，孕妇过度疲劳也对孩子不好。应该适当的出去运动，这样对妈妈和宝宝都好。</t>
  </si>
  <si>
    <t>基本无影响。不需故意防护。但是不建议长期使用手机，对于视力会有影响。睡觉时不要把手机放于枕边。或平时把手机贴身放置。</t>
  </si>
  <si>
    <t>韩国端午节放假吗</t>
  </si>
  <si>
    <t>19海淘靠谱吗</t>
  </si>
  <si>
    <t>安耐晒可以涂脸吗</t>
  </si>
  <si>
    <t>涂身体和涂脸都是可以的</t>
  </si>
  <si>
    <t>不行，会过敏</t>
  </si>
  <si>
    <t>驾驶证可以买火车票吗</t>
  </si>
  <si>
    <t>iphone 7防水吗</t>
  </si>
  <si>
    <t>有防水功能，但是iPhone的防水一般是采取采用镀膜防水，简单而言在MicroUSB和耳机接口的地方设计了防水塞，整个手机的外部是封闭的。对于听筒部分，使用了特殊的防水材料，透气不透水。机身的接缝等等地方全部使用特殊的胶水进行粘合，但是时间久了就不行了。</t>
  </si>
  <si>
    <t>苹果7没有针对防水功能做专门的优化</t>
  </si>
  <si>
    <t>水晶滴胶有毒吗</t>
  </si>
  <si>
    <t>现在很多厂家生产的水晶胶都有通过环保测试的，一般没有什么问题。不过，有些人皮肤过敏，会对水晶胶会有反应，这个要注意不要直接接触皮肤。</t>
  </si>
  <si>
    <t>一般说的AB胶是指环氧树脂胶，胶水都是有毒的，所谓环保就是该产品达到国家的要求。无毒不成胶！但正确使用不会影响身体。只要超过24小时就可以了。 而且固化以后谈不上有什么毒性，可以用它做食品加工过程中的容器防腐。</t>
  </si>
  <si>
    <t>红米note4x能玩王者荣耀吗</t>
  </si>
  <si>
    <t>只要运行内存在2G以上就可以的。</t>
  </si>
  <si>
    <t>高配的比标配的更流畅点，标配也不算太卡</t>
  </si>
  <si>
    <t>标配的就可以</t>
  </si>
  <si>
    <t>京剧瑜老板结婚了吗</t>
  </si>
  <si>
    <t>经常喝咖啡好吗</t>
  </si>
  <si>
    <t>长期且大量喝咖啡，容易造成骨质流失，对骨量的保存会有不利的影响，对于妇女来说，可能会增加骨质疏松的威胁。但前提是，平时食物中本来就缺乏摄取足够的钙，或是不经常动的人，加上更年期后的女性，因缺少雌激素造成的钙质流失，以上这些情况再加上大量的咖啡因，才可能对骨造成威胁。</t>
  </si>
  <si>
    <t>咖啡虽然提神效果最好，超过这个量，不但不能达到提神功效，还会令人感到焦躁不安。</t>
  </si>
  <si>
    <t>咖啡因有助于提高警觉性、灵敏性、记忆力及集中力。但饮用超过比你平常所习惯饮用量的咖啡，就会产生类似食用相同剂量的兴奋剂，会造成神经过敏。对于倾向焦虑失调的人而言，咖啡因会导致手心冒汗、心悸、耳鸣这些症状更加恶化。</t>
  </si>
  <si>
    <t>提分宝典到底是真是假</t>
  </si>
  <si>
    <t>提升是没有问题的，提升多少看自己能吃透多少。</t>
  </si>
  <si>
    <t>正版讲解很详细有很大帮助。</t>
  </si>
  <si>
    <t>不管什么资料还是宝典肯定是有用的，但也要根据自己的具体学习情况，课本最重要，其他的可以咨询老师，买的资料也要用心去做才能提高自己的学习成绩。</t>
  </si>
  <si>
    <t>幸福树放在客厅好吗</t>
  </si>
  <si>
    <t>能否放在客厅，主要考虑到客厅光照是否充足。</t>
  </si>
  <si>
    <t>放在客厅是好的，比较大气。</t>
  </si>
  <si>
    <t>客厅摆放幸福树是很不错的，比较宽敞，通风效，适合幸福树生长。</t>
  </si>
  <si>
    <t>微信图片过期能恢复吗</t>
  </si>
  <si>
    <t>理论上讲只要第一次你打开过图片，图片就会保留在手机内存里的微信目录里，你可以在手机相册里找到，如果你没有打开图片，只是看到缩略图，那就无法再打开或者没法恢复了。</t>
  </si>
  <si>
    <t>卵巢早衰能生小孩吗</t>
  </si>
  <si>
    <t>最好不要生。</t>
  </si>
  <si>
    <t>做了无创dna还要做中期唐筛吗</t>
  </si>
  <si>
    <t>做无创DNA可以不做唐筛，但是，作为最优方案推荐，还是建议都做，因为它们有着不同的功能和定位，有其价值和意义。</t>
  </si>
  <si>
    <t>小米6抢购软件有用吗</t>
  </si>
  <si>
    <t>有用的，抢购软件的速度是快于人工操作的，如果要抢小米，推荐使用小米火警这款软件。</t>
  </si>
  <si>
    <t>有用，可以下载百度浏览器抢小米专版，安装完成后先登录抢小米神器(输入小米注册账号及密码)，预约小米产品。</t>
  </si>
  <si>
    <t>软件什么都是不靠谱的，关键还是看运气和速度的。</t>
  </si>
  <si>
    <t>感冒能吃榴莲吗</t>
  </si>
  <si>
    <t>可吃但不宜多吃。</t>
  </si>
  <si>
    <t>不建议使用，因为榴莲本身性热，所以热气体质、喉痛咳嗽、患感冒、阴虚体质、气管敏感者吃榴莲会令病情恶化，对身体无益，不宜食用。</t>
  </si>
  <si>
    <t>如果是冷感冒没问题的，如果是风热感冒那就要小心了。非但没有任何助益，反而会加重病情。</t>
  </si>
  <si>
    <t>iphone7plus磨砂黑掉漆吗</t>
  </si>
  <si>
    <t>真的会掉漆。</t>
  </si>
  <si>
    <t>不掉。</t>
  </si>
  <si>
    <t>跑男灵异事件是真的吗</t>
  </si>
  <si>
    <t>汇仁肾宝有疗效吗</t>
  </si>
  <si>
    <t>慢性病，加上是成药，所以最起码得半个月才能见到效果，但必须是对证尚可。</t>
  </si>
  <si>
    <t>汇仁肾宝现在没有以前好了，效果都是广告宣传出来的。</t>
  </si>
  <si>
    <t>牛奶和鸡蛋能一起吃吗</t>
  </si>
  <si>
    <t>鸡蛋里的某种蛋白会和牛奶里的某中营养成分相互反应，是营养价值下降，所以不宜同食。</t>
  </si>
  <si>
    <t>进击的巨人尤弥尔死了吗</t>
  </si>
  <si>
    <t>没有死，她变身成为了巨人。</t>
  </si>
  <si>
    <t>看漫画里是死了。</t>
  </si>
  <si>
    <t>三生好做吗 能做吗</t>
  </si>
  <si>
    <t>一般人很难的。</t>
  </si>
  <si>
    <t>系统制度都很超前，能不能做起来也要看你个人选择。</t>
  </si>
  <si>
    <t>上海迪士尼好玩吗</t>
  </si>
  <si>
    <t>台北高铁站和台北火车站在一个地方吗</t>
  </si>
  <si>
    <t>在同一个地方。</t>
  </si>
  <si>
    <t>合肥二手房限购吗</t>
  </si>
  <si>
    <t>潘多拉手链会变黑吗</t>
  </si>
  <si>
    <t>银的都会黑的，会氧化。</t>
  </si>
  <si>
    <t>枇杷上火吗</t>
  </si>
  <si>
    <t>吃枇杷不会上火，枇杷中所含的有机酸，能刺激消化腺分泌，对增进食欲、帮助消化吸收、止渴解暑有相当的作用。枇杷中含有苦杏仁甙，能够润肺止咳、祛痰，治疗各种咳嗽</t>
  </si>
  <si>
    <t>枇杷不会上火，它的属性是寒凉</t>
  </si>
  <si>
    <t>一般不会上火的,注意不要多吃的</t>
  </si>
  <si>
    <t>勃起12cm正常吗</t>
  </si>
  <si>
    <t>香港星光大道修好了吗</t>
  </si>
  <si>
    <t>还没有，要三年。</t>
  </si>
  <si>
    <t>腰椎间盘突出能治好吗</t>
  </si>
  <si>
    <t>不一定能治好。</t>
  </si>
  <si>
    <t>卸载steam会把游戏也卸载吗</t>
  </si>
  <si>
    <t>淘宝问大家能删除吗</t>
  </si>
  <si>
    <t>卖家是删除不了的，除非这个宝贝删除就可以删除。不过是谁评论的谁可以删除。</t>
  </si>
  <si>
    <t>准信hiv试纸准确吗</t>
  </si>
  <si>
    <t>什么试纸都是假的，漏诊率很高，最靠谱的检测方法是去医院检查血液中是都有艾滋病相关的抗体抗原。</t>
  </si>
  <si>
    <t>玛卡的效果是真的吗</t>
  </si>
  <si>
    <t>laica滤水壶好吗</t>
  </si>
  <si>
    <t>ningen它真的存在吗</t>
  </si>
  <si>
    <t>地球上不存在这样的生物，目前看来都是骗人的。</t>
  </si>
  <si>
    <t>因为极度匮乏证据，这一观点无法被否定，但可信度极低这点是一定的。</t>
  </si>
  <si>
    <t>星露谷物语动物会死吗</t>
  </si>
  <si>
    <t>不会的，游戏上没有设定。</t>
  </si>
  <si>
    <t>微信裸聊会被录下来吗</t>
  </si>
  <si>
    <t>微信本身没有录像功能，但可以用第三方软件录制，所以别玩激情视频。</t>
  </si>
  <si>
    <t>不能哦，普通聊天也不行，只要关闭了会话窗口就没记录了。</t>
  </si>
  <si>
    <t>森太油烟机是杂牌吗</t>
  </si>
  <si>
    <t>是杂牌子。</t>
  </si>
  <si>
    <t>微信公众号可以收款吗</t>
  </si>
  <si>
    <t>准备好执照、运营人证件、商品简述、Logo、负责人名字、电话、邮箱后，可直接联系公众平台第三方机构“舒尔营销”的工作人员，可快速开通支付功能。</t>
  </si>
  <si>
    <t>只要公众号开通微信支付即可在微信内的商家页面上完成支付。</t>
  </si>
  <si>
    <t>个人类型的微信公众号目前不能开通微信支付，但微信公众号为已经认证了的服务号、机关机构或者媒体账号的则可以开通微信支付。</t>
  </si>
  <si>
    <t>星露谷物语种树要浇水吗</t>
  </si>
  <si>
    <t>果树不会死，不用浇水。</t>
  </si>
  <si>
    <t>一天不浇水，植物会停止生长一天。</t>
  </si>
  <si>
    <t>房贷必须还清信用卡吗</t>
  </si>
  <si>
    <t>没有银行规定在贷款之前必须还清信用卡的欠款。</t>
  </si>
  <si>
    <t>必须还清欠款，这涉及到个人信用问题。</t>
  </si>
  <si>
    <t>2017退休工人涨工资吗</t>
  </si>
  <si>
    <t>会涨的！正在举行的全国人大会议上政府工作报告已经明确：2017年继续提高退休人员基本养老金，确保按时足额发放。但具体方案及涨幅估计是要等国家人社部、财政部下达文件。</t>
  </si>
  <si>
    <t>2017年企业退休职工的养老金水平仍有望上涨，但目前涨幅尚未确定，一般是要等2017年3月上旬举行的全国人大会议上才会统一公布的。</t>
  </si>
  <si>
    <t>申请微信公众号要钱吗</t>
  </si>
  <si>
    <t>微信公众号分为服务号，订阅号，企业号，都可以自己免费申请。公众号如需要做认证加V，需要给微信方缴纳300元一年次的费用（早期申请的一些公众号可以做微博认证，现在新申请的公众号已取消微博认证功能）。对接第三方平台可能会产生相应第三方的费用，这个跟所使用的功能和平台公司都有关，由你自己与第三方平台协商解决。</t>
  </si>
  <si>
    <t>斯里兰卡好玩吗</t>
  </si>
  <si>
    <t>非常美，一路下来感觉斯里兰卡主要还是看海滩水上运动，看看历史遗迹体验不同的民俗风情。喜欢看海景可以去北边的亭可马里或西南边的梅雷，稀客杜瓦等等只要是游客少的地方风景都不错。历史遗迹比如galle古城，古城边上的海提外就是印度洋，像这样被联合国教科文组织评定的历史古城还是免费的。还有山间的英式小城ellanuwaraelliya，尤其是nuwaraelliya被称为小英格兰当地有许许多多的gh，基本都是英国式的别墅。另外就是茶园了还可以品尝红茶。大吉岭的红茶在我们中国都是很有名的，斯里兰卡的茶非常好。</t>
  </si>
  <si>
    <t>还可以，是一个跟泰国一样的热带国家。</t>
  </si>
  <si>
    <t>卡牛信用卡是真的吗</t>
  </si>
  <si>
    <t>不是，请放心使用。卡牛是通过中国人民银行软件开发中心安全认证的互联网理财应用，用户的密码都是在手机本地终极加密的，卡牛只导入流水，不涉及其他，用户保护好自己的手机就行了</t>
  </si>
  <si>
    <t>真的</t>
  </si>
  <si>
    <t>暴雪公司比腾讯值钱吗</t>
  </si>
  <si>
    <t>综合来看，无论是论实力还是论影响，腾讯比起暴雪来说都有相当的差距。</t>
  </si>
  <si>
    <t>暴雪的资产比腾讯多。</t>
  </si>
  <si>
    <t>分公司有独立法人资格吗</t>
  </si>
  <si>
    <t>我国《公司法》第十四条第一款规定：“公司可以设立分公司。设立分公司应当向公司登记机关申请登记，领取营业执照。分公司不具有法人资格，其民事责任由公司承担。”就是说，分公司不能自行参加民事诉讼，它不具有法人资格。</t>
  </si>
  <si>
    <t>伊的家的护肤品可靠吗</t>
  </si>
  <si>
    <t>蓝色的面膜不错用着很舒服。</t>
  </si>
  <si>
    <t>移动卡不用了 没有注销会一直欠费下去么</t>
  </si>
  <si>
    <t>要看各地具体情况。</t>
  </si>
  <si>
    <t>中国移动规定欠费超3个月，卡会注销，身份证号码会被放进移动客户黑名单，后果就是以后身份证无法办理移动卡和业务。</t>
  </si>
  <si>
    <t>科目三安全文明常识考试是科目四吗</t>
  </si>
  <si>
    <t>是的，科目四，又称科目四理论考试、驾驶员理论考试，是机动车驾驶证考核的一部分。公安部123号令实施后，科目三考试分为两项内容，除了路考，增加了安全文明驾驶考试，俗称“科目四”，考量“车德”。因为这个考试在科目三之后进行，所以大家都习惯称之为科目四考试。实际的官方说法中没有科目四一说。</t>
  </si>
  <si>
    <t>孕妇能吃海参吗</t>
  </si>
  <si>
    <t>海参是孕妇最佳补品，孕妇从怀孕初期开始使用海参，能为婴儿的大脑和神经系统的发育提供丰富的脑黄金。</t>
  </si>
  <si>
    <t>海参是营养品，任何人都可以吃的。</t>
  </si>
  <si>
    <t>其实整个怀孕期间都可以吃的。</t>
  </si>
  <si>
    <t>无人机能带上飞机吗</t>
  </si>
  <si>
    <t>可以带上飞机，但是电池容量有限制。</t>
  </si>
  <si>
    <t>可以的，不过一般只能带两块电池。</t>
  </si>
  <si>
    <t>充电的要托运，要是燃油的没有带油不超重应该可以带上飞机。</t>
  </si>
  <si>
    <t>经期可以喝红糖水吗</t>
  </si>
  <si>
    <t>政法大学好就业吗</t>
  </si>
  <si>
    <t>中国政法大学的专业都是文科类专业，就业形势极其严峻。所以75所部属高校本科就业率排名：政法大学垫底。但是，这并不意味着，中国政法大学毕业的学生找不到工作。工作能力与所学专业有关，但是并不意味着是唯一的决定因素。努力提高自己各方面的能力，只要是金子总有发光的时候。</t>
  </si>
  <si>
    <t>长智齿要拔掉吗</t>
  </si>
  <si>
    <t>答案是否定的。不是每一颗智齿都需要拔掉，符合这些条件的智齿是不需要拔掉的：①上下的智齿都长出来了，而且位置很正；②上下智齿能咬上，能正常的用来吃东西；③从来没有得过智齿冠周炎；④智齿从来不会咬着腮帮子上的肉；⑤智齿能够很好的清洁干净；⑥智齿前面的大牙需要拔掉，考虑正畸治疗来填补空缺的。反过来，符合以下任何一条的智齿都应该及时拔掉：①反复上火、肿痛、流脓；②长歪了，经常咬着肉或者磨着腮帮子；③上下智齿中只有一颗存在；④无法清洁干净的智齿⑤没有长出来但是预计以后会影响前面大牙的智齿。</t>
  </si>
  <si>
    <t>智齿不是一定要拔的，下面几种情况的智齿是需要拔掉的：1、蛀牙：如果智齿蛀牙，除了很简单的咬合面不深得蛀牙可以补之外，那些临街面蛀牙，需要很好的技术，以及蛀的很深，甚至需要根管治疗的，我们一律建议拔除，以杜绝后患。2、侵犯邻牙：通常患者不自知，由牙医x光诊断得知。通常智齿萌发的空间不足，会倒在第二大臼齿上，造成第二大臼齿清洁不易，甚至是牙齿部分吸收的现象，造成患者不舒适或牙疼。3、没有对咬牙：前面提过，不是每个人四个智齿都会长齐的。所以，智齿的对面，如果没有相抗衡的智齿来对咬牙的话，有时会发生智齿过度萌发，进而影响咬合。4、阻生齿：通常这是最讨厌的一种，牙医会觉得很难搞定，但病人不一定有感觉，因此忽略了。这种类型的牙齿，通常会埋在齿槽骨里面，如果会痛，或诊断会有病灶发生时，就需要拔除了。</t>
  </si>
  <si>
    <t>长智齿是一种非常普遍的现象，建议先去检查一下看看牙齿长得正不正，就可以确定有没有拔掉牙齿的必要。个人平时也要注意口腔，卫生勤刷牙勤漱口。保持口腔的清洁可以减少红肿的痛苦。</t>
  </si>
  <si>
    <t>牙齿黄可以洗白吗</t>
  </si>
  <si>
    <t>内因导致的不能洗白，外因导致的可以。</t>
  </si>
  <si>
    <t>2017新速腾还会断轴吗</t>
  </si>
  <si>
    <t>新速腾已经换回后独立悬梁，断裂的可能性很低。</t>
  </si>
  <si>
    <t>厂家已经改进，不用担心。</t>
  </si>
  <si>
    <t>简配的后板车悬挂已更换为独立悬挂，不断轴了。</t>
  </si>
  <si>
    <t>延迟毕业算应届毕业生</t>
  </si>
  <si>
    <t>延迟毕业不算应届毕业生。</t>
  </si>
  <si>
    <t>理论来来说应该算是应届毕业生。</t>
  </si>
  <si>
    <t>毕业没有签订劳动合同前都是属于应届。</t>
  </si>
  <si>
    <t>毕业论文致谢查重吗</t>
  </si>
  <si>
    <t>不需要，致谢写的内容都差不多，不用查重，不算正文内容。</t>
  </si>
  <si>
    <t>微信通讯录加好友有限制吗</t>
  </si>
  <si>
    <t>目前微信朋友圈加好友已经做了严苛的限制:1丶查找加好友每天只能加20个左右,加多了会提示“查找失败”。2丶手机联系人导入如果是批量倒号码到通讯录,不显示“添加”按钮,只显示“邀请”按钮。3丶QQ每天只能发送30个左右添加好友的邀请,所以用QQ导入加好友也是被限制了的。4丶查找附近的人每天只能用一次。5丶雷达加好友每次只出10人,并且添加数量也是限制的。6丶被别人添加,每天也不会超过500个。</t>
  </si>
  <si>
    <t>目前，微信好友用户数量上限是5000个。</t>
  </si>
  <si>
    <t>返魂香吃命中吗</t>
  </si>
  <si>
    <t>不吃的。</t>
  </si>
  <si>
    <t>劳务公司需要资质吗</t>
  </si>
  <si>
    <t>施工劳务企业资质标准要求为：净资产200万以上，具有固定经营场所，技术负责人为中级工程师或高级工以上资格，施工员、质量员、安全员、劳务员齐备并不少于5人，技术工人不少于50人。</t>
  </si>
  <si>
    <t>建筑劳务分包资质是后置的，也就是说，办理的流程是先注册公司，后办理资质。</t>
  </si>
  <si>
    <t>成立建筑劳务公司，首先办理企业营业执照，然后办理建筑业劳务分包资质证书，接着办理建筑业企业安全生产许可证。</t>
  </si>
  <si>
    <t>共同还款人 征信查得出来贷款记录吗</t>
  </si>
  <si>
    <t>是的，是有贷款记录的。</t>
  </si>
  <si>
    <t>不会有贷款记录。</t>
  </si>
  <si>
    <t>杏子孕妇能吃吗</t>
  </si>
  <si>
    <t>孕妇要禁食杏仁杏子，因为杏仁杏子中含有有毒物质苦杏仁疳，其毒，可以透过胎盘屏障影响胎儿，所以最好不用吃。</t>
  </si>
  <si>
    <t>孕妇不可以吃杏子，杏子在食物上属于温热型的食物，使用后有致胎热的作用，并且杏子也是一种滑胎的药物，孕妇食用可引起流产。</t>
  </si>
  <si>
    <t>房贷利率是浮动的吗</t>
  </si>
  <si>
    <t>浮动的。</t>
  </si>
  <si>
    <t>基准利率调整，还款金额也会调整，但是上浮(或下浮)的幅度在贷款期内是不变的,如果基准利率调整，贷款利率则在新的利率基础上进行上浮(或下浮)。至于什么时候执行新利率，要根据贷款性质（商业贷款还是公积金贷款）、贷款银行和样关合同规定确定。</t>
  </si>
  <si>
    <t>房贷利息会随着银行利率浮动的，不过一般情况下银行的利率浮动不是很大的。</t>
  </si>
  <si>
    <t>好贷网贷款可靠吗</t>
  </si>
  <si>
    <t>可靠，还是有一定的风险。</t>
  </si>
  <si>
    <t>杭州集体户口可以买房吗</t>
  </si>
  <si>
    <t>甲醛溶于水吗</t>
  </si>
  <si>
    <t>甲醛溶于水。</t>
  </si>
  <si>
    <t>狗能吃西瓜吗</t>
  </si>
  <si>
    <t>狗狗可以吃西瓜，但是不要多吃。</t>
  </si>
  <si>
    <t>提出离职申请后用人单位能否故意拖延</t>
  </si>
  <si>
    <t>莫纳什大学很差吗</t>
  </si>
  <si>
    <t>莫纳什大学虽然口碑一直都不好，但是他的世界排名是摆在那里的，而且他是澳洲八大名校之一。首先莫纳什大学是八大，学术水平和环境肯定不差，至于学不学得到知识，就看个人了。</t>
  </si>
  <si>
    <t>莫纳什大学属于澳大利亚八大名校之一，也是世界名校，世界排名一百名左右，能上此校比咱们国家前十的大学要好得多</t>
  </si>
  <si>
    <t>微信读书有电脑版吗</t>
  </si>
  <si>
    <t>柯凡被腾讯开除了吗</t>
  </si>
  <si>
    <t>目前应该是停止状态，不会开除的。</t>
  </si>
  <si>
    <t>好像只是停职了而已，没有被开除。</t>
  </si>
  <si>
    <t>端午节 高速免费吗</t>
  </si>
  <si>
    <t>马来西亚航空安全吗</t>
  </si>
  <si>
    <t>非常安全，从数据上看 飞机的事故率极其低，航前航后各检查一次，15小时检查，25小时检查，50小时、100小时、300小时、1000小时检查。还有7天检，年检等等。针发动机还有一系列检查，而且几乎每架飞机都有2个系统，一个不能正常工作，还有一个，飞机本身安全性能也极高。</t>
  </si>
  <si>
    <t>不用担心，马航是有一定保证的，服务也不错。</t>
  </si>
  <si>
    <t>还可以，不管什么航空公司的，飞机都是相对安全的。</t>
  </si>
  <si>
    <t>欢乐豆能换钱吗</t>
  </si>
  <si>
    <t>可以卖钱的。我就是卖欢乐豆的，只是价格很便宜就是了。10万才1块。1000万按市场价应该在150块左右。</t>
  </si>
  <si>
    <t>不可以，只能用钱买欢乐豆，不过一般不用买，你可以去建新账户，会送你五万欢乐豆。</t>
  </si>
  <si>
    <t>射手播放器可以看片吗</t>
  </si>
  <si>
    <t>一般电影 挺好用的，射手播放器的好处就是可以自动现在射手王的字幕，但是高清的就有点吃力了，高清建议用potplayer会更好点。</t>
  </si>
  <si>
    <t>这是本地播放器，需要下载好电影才可以看得。目前不支持在线播放。</t>
  </si>
  <si>
    <t>支付宝转账到支付宝要手续费吗</t>
  </si>
  <si>
    <t>支付宝转支付宝帐号免费，但有额度限制，淘宝卖家有2万的额度，普通用户原来是有1万额度现已取消，超出额度费要收费0.1%，商家帐号则收费0.5%，采用手机支付则免费。</t>
  </si>
  <si>
    <t>从2013年12月4日开始，支付宝APP操作转账免服务费，电脑端按0.1%费率收取服务费，0.5元起收，10元封顶。</t>
  </si>
  <si>
    <t>支付宝之间的转账不管是手机端还是电脑端都是不会收费的。</t>
  </si>
  <si>
    <t>北京港澳通行证网上续签可以吗</t>
  </si>
  <si>
    <t>不可以，顶多只是网上下载签证的申请表，填好之后还是要去各个地区的出入境中心办理。现在速度快了很多，续签的话可以实现隔天甚至当天拿到。</t>
  </si>
  <si>
    <t>林韦君结婚了吗</t>
  </si>
  <si>
    <t>林韦君还是单身,并没结婚。</t>
  </si>
  <si>
    <t>承重墙可以拆除一半吗</t>
  </si>
  <si>
    <t>不可以，一点都不可以。</t>
  </si>
  <si>
    <t>绝对不能拆。</t>
  </si>
  <si>
    <t>般来讲承重墙是建筑的受力结构，不能擅自开门洞口、改造，否则会影响整体的结构受力，导致整个结构体系的不平衡，对整幢楼的稳定性能产生影响，安全系数大打折扣。不要想着私底下进行修改，如果被发现了后果将非常严重，而且还将可能影响到家人以及周围邻居的安全。</t>
  </si>
  <si>
    <t>养鳄龟会对家里不利吗</t>
  </si>
  <si>
    <t>注意安全，有解煞,驱邪的作用。</t>
  </si>
  <si>
    <t>可以，家里有孩子的注意安全，鳄龟太凶，属于食肉猛兽。</t>
  </si>
  <si>
    <t>济南哮喘病医院好吗</t>
  </si>
  <si>
    <t>三甲医院，那里还不错。</t>
  </si>
  <si>
    <t>垃圾医院，一点点大，就一栋楼。费用平均下来一天一千多一点。</t>
  </si>
  <si>
    <t>银杯子喝水好吗</t>
  </si>
  <si>
    <t>其鲜明的热传导性能能迅速降低血脉的热量预防各种疾病有卓越的疗效。银有吸收毒性的性能银变色正是这种原因，因此它有卓越的消毒性能。</t>
  </si>
  <si>
    <t>1、银惰性金属易发化反应所重金属毒。2、银亲物金属所杀菌消毒功能飞机净水器数都使用银。3、银散热性溶于水能降低血热起软化脑血管作用。4、银味药本草纲目都记载。</t>
  </si>
  <si>
    <t>1、银有加速创口愈合、防治感染、净化水质和保鲜防腐的作用。用银杯子喝水，能防止细菌生长，过滤水中杂质。2、长期用银杯子喝水有安五脏、定心神、止惊悸、除邪气等作用，久服能轻身延年。生银味辛寒、无毒。3、使用银质杯子还能检测饮水是否有毒，这是因为银与许多毒素会产生化学反应，使银器变黑，易于肉眼鉴别。</t>
  </si>
  <si>
    <t>无证驾驶摩托车会影响c1吗</t>
  </si>
  <si>
    <t>会影响。</t>
  </si>
  <si>
    <t>outlook撤回邮件对方会知道吗</t>
  </si>
  <si>
    <t>不会，只要对面没有读过。</t>
  </si>
  <si>
    <t>会的。因为对方会收到一封发件人要求撤回邮件的通知。</t>
  </si>
  <si>
    <t>只要能撤回，说明对方还没有打开看。不过不排除对方已经看到这个邮件了，只是还没打开看内容。</t>
  </si>
  <si>
    <t>欧瑞莲产品到底好不好</t>
  </si>
  <si>
    <t>国际大品牌，品质不用担心。</t>
  </si>
  <si>
    <t>产品非常好，安全有效。</t>
  </si>
  <si>
    <t>陈安之是不是忽悠人呢</t>
  </si>
  <si>
    <t>客观地讲，他说的很多东西还是有道理的，但是只是把一些大道理细化以后加上“形象”的案例穿插。</t>
  </si>
  <si>
    <t>是骗子，他说的初衷与现实不符，72行，行行出状元，各有各的成功之道，不是每个人都叫特仑苏。他只是用他的思想理论骗思想单薄的人。</t>
  </si>
  <si>
    <t>陈安之有些东西值得学习，但下边的人打着陈安之的名义骗人，一个口吃，胆怯，性格内向的人可以学习学习下。</t>
  </si>
  <si>
    <t>02195512卖车险可靠吗</t>
  </si>
  <si>
    <t>平安电话车险是平安现在主推的一种销售方式，很多省市的平安分支公司要买车险都是首推02195512的电话车险。</t>
  </si>
  <si>
    <t>聚美优品自营是正品吗</t>
  </si>
  <si>
    <t>聚美也是假货多， 所以没差。</t>
  </si>
  <si>
    <t>这个难讲，自营的应该好点。</t>
  </si>
  <si>
    <t>research可数吗</t>
  </si>
  <si>
    <t>research 是可数名词。</t>
  </si>
  <si>
    <t>两种情况都有，可以互换。</t>
  </si>
  <si>
    <t>男人精神出轨能放下吗</t>
  </si>
  <si>
    <t>这个精神出轨，是很难一下子就能放弃的，一般都会有一个过程的，只要好好经营你们的感情，慢慢他就会放下了。</t>
  </si>
  <si>
    <t>淘宝刷好评兼职靠谱吗</t>
  </si>
  <si>
    <t>有靠谱的有不靠谱的，赚多少看你有多少时间来做这个事，也看你操作速度，一天少则几十块，时间充裕，勤快的话也能赚取百来块，根据你能有多少网上时间来做这个事。现在冒充的骗子太多，一定要注意防骗，被骗就得不偿失了，我在专职做。</t>
  </si>
  <si>
    <t>不靠谱啊。</t>
  </si>
  <si>
    <t>嗜睡是病吗</t>
  </si>
  <si>
    <t>中医认为嗜睡症病机大多是由中气不运所引起的，中气即是脾胃之气，祖国医学有脾困人则困之说。 根据中医理论中的“阳”主动，“阴”主静。所以阳气不足、阴气有余时也会出现嗜睡症。《灵枢.寒热病》篇说：“阳气盛则，嗔目，阴气盛则瞑目”说明了嗜睡症的病理主要在于阴盛阳衰。《脾胃论 ，肺之脾胃虚论》“脾胃之虚怠惰嗜卧”《丹溪心法、中湿》：“脾胃受湿，沉困无力，怠惰嗜卧”。亦有病后或高龄阳气虚弱，营血不足困倦无力而多寐者。根据嗜睡症的病因病机将其分为五型：一、痰湿困脾：多见于形体肥胖之人，胸闷，纳呆，大便不爽，痰多返恶，身重，嗜睡，舌苔白腻，脉孺缓。二、脾气不足：多见于病后或高龄人，神疲食少，食后困倦嗜睡，懒言，易汗，舌淡苔薄白，脉虚弱。三、肝郁脾虚：长期忧愁思虑，精神萎靡不振，头昏欲睡，多梦时有两胁不适，纳呆食少，大便不利，舌苔薄白或稍腻，脉玄细或涩。四、血虚：面色萎黄无华，纳呆食少，精神萎靡，心悸气短，懒言，头晕目眩，舌淡苔薄白，脉沉细无力。五、湿浊蒙蔽：头重如裹，口干粘不思饮水，胸闷不饥，二便不利，舌苔厚腻。精神高度紧张或疲劳过度加之雨淋后而产生的嗜睡。内经云：“邪之所凑，其气必虚，正气存内，邪不可干。”头为诸阳之会，若被湿浊蒙蔽清阳不升，浊阴不降，则困倦嗜睡。对于治疗建议采用“醒脾开窍汤”，根据患者的具体情况加减用药针对性强，对症治疗无毒副作用，治疗效果是甚佳。</t>
  </si>
  <si>
    <t>嗜睡是一种神经性疾病，它能引起不可抑制性睡眠的发生。这种睡眠过多并非由于睡眠不足，或者酒精、药物、躯体疾病所致，也不是某种精神障碍（如抑郁症）所致。目前病因不清，但常与心理因素有关。</t>
  </si>
  <si>
    <t>嗜睡也是一种病，人们对嗜睡普遍重视不够，认为嗜睡不过就是睡得多了点儿，没有什么大不了的，对此表现出无所谓的样子，甚至还误以为睡得多就是睡得好。如果这样认为，那可就大错特错了。在心理学上常将“不及”或“过于”的状态视为不健康状态，如情感过于高涨与情感过于低落，贪食与厌食等。睡眠亦是如此，睡得过少——失眠，睡得过多——嗜睡都被认为是不健康的。如果症状时有时无，时轻时重，那么就是亚健康状态了。因为人除了睡觉之外都应当保持头脑清醒。所以说，嗜睡也是不健康的表现，应予以重视。 嗜睡的人即便晚上睡得时间挺长，醒后也不感到解乏，整天处于低警觉状态，打不起精神，脑子不清醒。他们工作效率低，昏昏欲睡，以至于看报纸、看电视、听音乐时都要“争分夺秒”地睡上一觉，坐着、躺着都能睡着，一唤就醒，醒后坚持不了多长时间就又睡着了。由于嗜睡的影响，他们有时难以做好日常工作，更何况创造性地开展工作了，这使得一些意欲有所作为的白领人士苦不堪言。 嗜睡有时不是单一的孤立症状，它可能是其他疾病的一部分，如感染性疾病、内分泌疾病、代谢障碍及心脑血管病等。故应查明原因，对症对因治疗同步进行，只有这样，才能获得有意义的治疗结果。</t>
  </si>
  <si>
    <t>韩国萨德部署成功了吗</t>
  </si>
  <si>
    <t>在准备部署中。</t>
  </si>
  <si>
    <t>没有，刚刚开始部署。</t>
  </si>
  <si>
    <t>关雎尔和谢滨在一起了吗</t>
  </si>
  <si>
    <t>豆浆机可以榨果汁吗</t>
  </si>
  <si>
    <t>豆浆机可以榨果汁。</t>
  </si>
  <si>
    <t>台湾独立中国敢打吗</t>
  </si>
  <si>
    <t>未达起征点的增值税还做进行会计处理吗</t>
  </si>
  <si>
    <t>小规模纳税人月销售额不超过3万元，或者按季申报的季销售额不超过9万元，免征增值税。这里的增值税额，需要进行会计处理。销售时，计入：应交税金－－应交增值税。免税时，计入：营业外收入。</t>
  </si>
  <si>
    <t>要的。就是要将之前计入“应缴税费——应交增值税”的金额，转入到“营业外收入”。</t>
  </si>
  <si>
    <t>企业符合小型微利企业条件时，按实际减免的税款，应在“应交税费——应交增值税”科目下增设“减免税款”专栏，用于记录该企业按规定抵减的增值税应纳税额。</t>
  </si>
  <si>
    <t>iphone恢复出厂设置照片还在吗</t>
  </si>
  <si>
    <t>不在了。</t>
  </si>
  <si>
    <t>王者荣耀苹果安卓数据互通吗</t>
  </si>
  <si>
    <t>发改委权力大吗</t>
  </si>
  <si>
    <t>发改委权力最大，号称小国务院，只有老的计委能比肩。财政部与国资委作为另外两个大部，与之相比从权力的多样性，对经济的全局性影响上还有差距。更不要说建设部。发改委主任一般都会升为副总理类实职副国级，建设部就基本难升迁或到人大、政协。</t>
  </si>
  <si>
    <t>发改委权利相对较大，具有宏观调控的审批职能。发改委分为国家发改委和地方发改委。</t>
  </si>
  <si>
    <t>电子烟可以带上飞机</t>
  </si>
  <si>
    <t>电子烟和烟油不可以带上飞机。</t>
  </si>
  <si>
    <t>每个航空公司规定不同。</t>
  </si>
  <si>
    <t>etc可以换车用吗</t>
  </si>
  <si>
    <t>现在无论是通过银行还是直接去速通公司购买ETC产品，都是二代秘钥产品，全都是专车专用的！办理的时候行驶本和办理人要一致！</t>
  </si>
  <si>
    <t>换了车ETC立马失效，要拿行驶证重新激活</t>
  </si>
  <si>
    <t>不行的，ETC绑定车牌收费站候收费站读取ETC卡面信息来计费，短时间内虽能使用间使用，但是长时间使用和车牌不匹配ETC卡肯定会被发现的，建议去银行再办理一，并且注销原ETC卡</t>
  </si>
  <si>
    <t>ofo要押金吗</t>
  </si>
  <si>
    <t>ofo的押金是100。</t>
  </si>
  <si>
    <t>在校师生验证后就不用押金了。</t>
  </si>
  <si>
    <t>普通话二级乙等有用吗</t>
  </si>
  <si>
    <t>在网上买手机靠谱吗</t>
  </si>
  <si>
    <t>要看网买通我购买淘宝猫京东些手机自电商网站米华、魅族、辣椒等等般手机厂商自家电商网站购买绝品要京东猫能保证品要知道管渠道式算实体店买都能现手机故障避免问题没关系都质保期退换期放现电商务已经熟。</t>
  </si>
  <si>
    <t>靠谱。而且比实体店便宜。</t>
  </si>
  <si>
    <t>这个都要看情况的，有真有假，最好是到实体店或者网上的旗舰店里买。</t>
  </si>
  <si>
    <t>汽车天窗几年会漏水吗</t>
  </si>
  <si>
    <t>一般原装的天窗不会漏水的，漏水的一般是自己改装的。</t>
  </si>
  <si>
    <t>会的，时间长了由于天窗的密封性能下降，会导致漏水的。</t>
  </si>
  <si>
    <t>沉木黄水对鱼有害吗</t>
  </si>
  <si>
    <t>自然的沉木对鱼是没有害的，关于煮泡呢只是做到一个消毒，杀虫，除菌作用。沉木放久了是会产生酸性物质，但是量很小，在说一般的鱼都喜欢中性偏酸的水质。</t>
  </si>
  <si>
    <t>唯一的坏处就是影响观瞻，鱼缸不能显得通透，对沉木煮过后放入水中时没有影响的。</t>
  </si>
  <si>
    <t>攻壳机动队好看吗</t>
  </si>
  <si>
    <t>是近十年来动漫界少有的佳作之一。</t>
  </si>
  <si>
    <t>剧情一般，吸引人的是内涵以及世界观的设定。</t>
  </si>
  <si>
    <t>剧场版还是很好看的。</t>
  </si>
  <si>
    <t>玉容面膜会拉大毛孔么</t>
  </si>
  <si>
    <t>会的，经常撕拉会伤害皮肤表皮。</t>
  </si>
  <si>
    <t>域名没备案可以访问吗</t>
  </si>
  <si>
    <t>没有备案可以访问有以下几种情况：用的是海外空间，该域名原来有备案号，但目前被工信部清除了。这种情况过段时间被查到还是要重新备案的，或者转移到海外空间，域名作为出售页或者停放用途。</t>
  </si>
  <si>
    <t>未备案的域名不能使用国内服务器。</t>
  </si>
  <si>
    <t>不可以访问。</t>
  </si>
  <si>
    <t>淘宝管控记录对店铺有影响吗</t>
  </si>
  <si>
    <t>主要看管控的原因，从运营的角度来讲一般的管控没影响，如果涉嫌违规的管控是有影响的，严重的会扣分降权，所以在发布宝贝的时候尽量不要违规，店铺权重一旦被降，排名就会受影响，排名受影响流量就受影响，流量越来越少的话，宝贝权重也就会降。总体来说，还是应该关注的。</t>
  </si>
  <si>
    <t>非法学专业可以报考司法考试吗</t>
  </si>
  <si>
    <t>不是法律专业的，满足司法报名条件就可以报名参加司法考试。</t>
  </si>
  <si>
    <t>今年的报名已经结束，新的政策出来后，2017年非法学专业不能报考司法考试了，除非有三年法律工作经验。</t>
  </si>
  <si>
    <t>司法考试要改革了，会对司法考试资格进行变动，所以今年可能是非法本最后一年参加司法考试了。</t>
  </si>
  <si>
    <t>易善复能降转氨酶吗</t>
  </si>
  <si>
    <t>医生建议开的，说疗效不错，但不太确定是否此药作用最大。</t>
  </si>
  <si>
    <t>吃金匮肾气丸不能同房吗</t>
  </si>
  <si>
    <t>一般服用金匮肾气丸期间尽量避免同房最好。</t>
  </si>
  <si>
    <t>病情分析：金匮肾气丸用于温补肾阳，化气行水。用于肾虚水肿，腰膝酸软，小便不利，畏寒肢冷。意见建议：可以过性生活，没有影响，如果是用于补肾，性生活节制一点即可，否则没有任何用处，而且会使病情加重。</t>
  </si>
  <si>
    <t>这种情况来说一般建议最好是半月到一月之间的，毕竟身体肾虚是需要调理的一般来说对于这种情况建议以后性生活不能太多的，建议一周一到两次就是可以的，再就是平时可以吃点羊肉淫羊藿之类的壮阳食物。</t>
  </si>
  <si>
    <t>油箱加满好不好</t>
  </si>
  <si>
    <t>加油太满的危害：1.漏油易引发火灾加油站的油保存在地表以下，温度较低，尤其在炎热的夏天，因为热胀冷缩，如果加的太满就可能从通气孔中溢出。且不说造成浪费，万一溢出的汽油遇到明火(例如烟头)，很容易发生火灾甚至爆炸。2.堵塞通气孔通气孔一旦堵塞，油箱内就会产生负压，从而造成供油不畅，甚至供不上油。汽车出现刚加完油后发动机打不着火的情况，或者高速行驶时一蹿一蹿的现象，有可能就是由于油箱加得太满造成的。3.对碳罐构成危害碳罐一般装在汽油箱和发动机之间。由于汽油是一种易挥发的液体，在常温下燃油箱经常充满蒸气，燃料蒸发排放控制系统的作用是将蒸气引入燃烧并防止挥发到大气中。这个过程起重要作用的是活性碳罐贮存装置。如果加油太满，进到碳罐里的是汽油液体而不是汽油蒸气，会对碳罐构成损害。4.汽油挥发易致癌活性碳罐一般靠近外循环进风口，当油加太满时，碳罐饱和、压力过大而泄压排气，含汽油成分的空气进入车厢内，令人不舒服的“汽油味”一直围绕着你。油气的成分已被证实含有苯等致癌物质，时间久了，难免会对乘车人身体造成伤害。</t>
  </si>
  <si>
    <t>理论上讲，油加多了确实会增加油耗。但不会特别明显。但油加入油箱之后，如果在短时间内没有用掉，会有一部分成份缓慢挥发出去。导致油品质量下降，直观的感受就是发动机没劲。个人感觉如果经常跑市区，不跑长途的，每次加的油够开一星期就可以，多了无益。还有，就是一些加油员为了结算方便，会让加油机多次跳枪，凑个整数。这样对车最不好。如果跑长途的话，或者车辆使用强度比较大的，当然是要加满。</t>
  </si>
  <si>
    <t>加满油箱不能理解为邮箱口可以看到油时，才算加满。如果油箱口能看到油，就是加得太满。由于车辆停止及运行时燃油温度不同，汽车使用所处的季节与环境温度有差异，如果油箱加得太满，汽油受热膨胀，就会从油箱口溢出，不安全。通常要给油箱留出5～7%的膨胀空间，这样可以保证行驶安全。</t>
  </si>
  <si>
    <t>临沧乱吗</t>
  </si>
  <si>
    <t>乱。</t>
  </si>
  <si>
    <t>东戴河房产值得投资吗</t>
  </si>
  <si>
    <t>有巨大的升值空间，二十年后。</t>
  </si>
  <si>
    <t>东戴河整体来说市场还可以。个人建议海南要好一些。</t>
  </si>
  <si>
    <t>建议选择无风险，发展前景好的。</t>
  </si>
  <si>
    <t>双引号后面要不要标点符号</t>
  </si>
  <si>
    <t>1、如果引文是一个完整的句子，那么句末点号放在引号里；2、如果引文作句子中的一个成分，或引文没有完整引用句子，那么句末点号放在引号外。</t>
  </si>
  <si>
    <t>注射玻尿酸丰胸安全吗</t>
  </si>
  <si>
    <t>在正规机构注释安全。</t>
  </si>
  <si>
    <t>mysql需要配置环境变量吗</t>
  </si>
  <si>
    <t>如果是安装版本的，不需要配置的，安装完直接就能用了。如果是免安装版的，需要写个配置文件，基本把解压目录下的my-small.ini改为my.ini，然后在里面加个数据路径就好了。</t>
  </si>
  <si>
    <t>mysql只要安装好了就能直接用了，不需要另外配置什么环境变量。当然，你可以配置一些环境变量，这样可以方便你写shell脚本。</t>
  </si>
  <si>
    <t>MySQL安装文件分为两种，一种是msi格式的，一种是zip格式的。如果是msi格式的可以直接点击安装，按照它给出的安装提示进行安装（相信大家的英文可以看懂英文提示），一般MySQL将会安装在C:\Program Files\MySQL\MySQL Server 5.6 该目录中；zip格式是自己解压，解压缩之后其实MySQL就可以使用了，但是要进行配置。解压之后可以将该文件夹改名，放到合适的位置，个人建议把文件夹改名为MySQL Server 5.6，放到C:\Program Files\MySQL路径中。当然你也可以放到自己想放的任意位置。完成上述步骤之后，很多用户开始使用MySQL，但会出现图示的错误。这是因为没有配置环境变量所致。</t>
  </si>
  <si>
    <t>社保卡号和身份证号一样吗</t>
  </si>
  <si>
    <t>社会保障号与身份证号码一致。</t>
  </si>
  <si>
    <t>肯定不一样的了。身份证号只和户口还有驾驶证护照有关，社会保障号也是按顺序排下来的啦！</t>
  </si>
  <si>
    <t>理论上，应以当事人的身份证号码作为其社保账号，但是实际上，只有部分地方实现统一，大部分地方暂时还没有调整过来，还是延用了以往各地制定的社保账号。</t>
  </si>
  <si>
    <t>怀孕期间可以同房吗</t>
  </si>
  <si>
    <t>怀孕的前三个月和后三个月不要同房，以免引发流产，孕中期相对胎儿和孕妇的情况稳定些，期间可以视情况而定。孕期的性生活不是被禁止的，健康而适度 的性生活不仅是可以的，还能大大增进你和丈夫的亲密感情。而且怀孕后不必担心避孕的问题，可以使夫妻更放松，提高了两人的性感，可能更能体验到房事的快乐。</t>
  </si>
  <si>
    <t>首先，怀孕期间是可以同房的，有些资料说怀孕的前3个月和后3个月是不允许同房的，其实不是，只要是身体健康的准爸爸和准妈妈，在整个孕期都可以同房，但是需要有一些顾忌。孕期的性生活首先要强调不能过于剧烈，不能压迫肚子或撞击肚子，再者不要给子宫直接的强烈的刺激。孕妇子宫没有明显增大的时候，同房可以采取正常的体位，当孕妇肚子越来越大了以后，可以采取侧卧位或前坐位等不会压迫到肚子的体位。另外，同房次数不能过于频繁。但是怀孕的前3个月和后3个月如果有腹痛或者阴道出血等情况，或者医生认为有流产或者早产的可能的时候，就要绝对禁止性生活。</t>
  </si>
  <si>
    <t>惠锁屏是不是骗局</t>
  </si>
  <si>
    <t>惠锁屏就是划开屏幕就能挣钱的，最低1000元以上才能提现，三五百块钱不能体现，即使有一千元以上提现也是需要时间的，定的有几点才能提现，反正开始的时候100就能提现，提现的时候显示的提现时间已过，那就等第二天早上10，点去提现又显示已兑完，那就等第二天，9点59分58秒去提现，还是显示已兑完，就这样，兑换了半个月，里面的100块钱也没兑换出来，后来又改版最少800才能兑换，现在改版最少1000元以上，惠锁屏、酷划、锁屏提现兑换那都是假的。网上说的能提现的，都是他们找的演员，下载到手机，这个软件要24小时后台运行，费电不说还占内存。</t>
  </si>
  <si>
    <t>谁用谁知道，用了好久终于攒到30元，想冲话费，每天库存就是0，所有超1元的虚拟物品全是0。垃圾软件，什么也兑换不到，白看它的广告。</t>
  </si>
  <si>
    <t>赚了钱提不出来，一个月给你奖励一万的空头支票，然后每天拿100块钱出来让一万个人抢。</t>
  </si>
  <si>
    <t>时代光华是忽悠人的吗</t>
  </si>
  <si>
    <t>360核晶防护有必要开吗</t>
  </si>
  <si>
    <t>如果在局域网最好开启。</t>
  </si>
  <si>
    <t>右舵车能在大陆开吗</t>
  </si>
  <si>
    <t>纯粹是香港车就不行，一定要挂有中港两地牌Z字头的车牌，才能进入大陆行驶。</t>
  </si>
  <si>
    <t>可以，大陆的车也可以去香港。</t>
  </si>
  <si>
    <t>天刀烧钱吗</t>
  </si>
  <si>
    <t>烧钱。</t>
  </si>
  <si>
    <t>不烧。</t>
  </si>
  <si>
    <t>嘉陵摩托倒闭了吗</t>
  </si>
  <si>
    <t>没有倒闭，这种军工企业是不容易倒闭的，虽然摩托车业务最近不断亏损，但在集团中业务占比不会太重，中国兵装集团正准备对上市公司卖壳重组，璧山工业园的嘉陵厂区不小。</t>
  </si>
  <si>
    <t>重庆嘉陵集团有限公司人均负债32万元人民币，无法继续经营，只能宣布倒闭。</t>
  </si>
  <si>
    <t>艾滋病试纸准确吗</t>
  </si>
  <si>
    <t>艾滋病试纸一般是金标法，这种检测方法是不准确的，其检测结果只能作为参考。</t>
  </si>
  <si>
    <t>艾滋病自测试纸准确率高达99.7%以上。</t>
  </si>
  <si>
    <t>骨质增生是缺钙吗</t>
  </si>
  <si>
    <t>长骨刺是和高钙有关的.但和缺钙是没关系的.只有骨质疏松是缺钙引起的。</t>
  </si>
  <si>
    <t>缺钙→骨溶解增加→（2）血钙增加→血钙回到骨头→骨质增生。</t>
  </si>
  <si>
    <t>骨质增生不是缺钙</t>
  </si>
  <si>
    <t>新浪微博会员可以看到访客记录吗</t>
  </si>
  <si>
    <t>不会，暂时没有看到访客记录的功能。</t>
  </si>
  <si>
    <t>店铺扣12分还有意义吗</t>
  </si>
  <si>
    <t>如果扣分不超过24分，每年年底，也就是12月30日23点59分就会清除，所以没关系的。</t>
  </si>
  <si>
    <t>死亡骑士瑟庄妮有特效吗</t>
  </si>
  <si>
    <t>做肛裂手术疼吗</t>
  </si>
  <si>
    <t>在手术过程中患者是不会感到疼痛的。术后麻醉药物代谢完，疼痛是肯定的。</t>
  </si>
  <si>
    <t>止疼药的效果是比较好的，一般不是很痛苦。</t>
  </si>
  <si>
    <t>2017年玉米价格会涨吗</t>
  </si>
  <si>
    <t>是否涨看市场供求。</t>
  </si>
  <si>
    <t>会有一点点涨，但是涨幅不大的。</t>
  </si>
  <si>
    <t>乳腺增生需要手术吗</t>
  </si>
  <si>
    <t>不要手术的，病理性乳腺增生需要积极配合治疗。</t>
  </si>
  <si>
    <t>开放记录能查同住人吗</t>
  </si>
  <si>
    <t>如果两个人都给身份证了，开的是同一间房，虽然个人资料上会显示房间号，但从一个人的资料里不会牵扯出同住人的资料，只有在查房间号码时才会显示出入住人有谁。</t>
  </si>
  <si>
    <t>只有公安机关办案才能查到。</t>
  </si>
  <si>
    <t>百度网盘普通会员下载加速吗</t>
  </si>
  <si>
    <t>会员下载速度快很多。</t>
  </si>
  <si>
    <t>雷神911笔记本很垃圾吗</t>
  </si>
  <si>
    <t>还可以的。</t>
  </si>
  <si>
    <t>上海迪士尼一天可以玩完吗</t>
  </si>
  <si>
    <t>辛德拉方块王后有特效吗</t>
  </si>
  <si>
    <t>非限定特效皮肤。</t>
  </si>
  <si>
    <t>生田斗真在日本红吗</t>
  </si>
  <si>
    <t>会出现在综艺和海报，总体来说很红。</t>
  </si>
  <si>
    <t>红，生田斗真是杰尼斯的异类，跟山下智久同期但是出道的晚原来主持少年俱乐部，出演花样少年少女里的中津秀一后人气飙升，后来又出演了蜂蜜与四叶草，魔王，魔女审判，日本媒体评价其本人有实力。</t>
  </si>
  <si>
    <t>知名度高，从入J家以来斗人气一直不错，03是4TOPS人气暴涨的时候。斗的人气一直很高，各个时期偏重的方向不同，04以前是作为Jr有人气，04-06是作为舞台剧演员有人气，目前作为演员得到了大家认可。</t>
  </si>
  <si>
    <t>茶凉了还能喝吗</t>
  </si>
  <si>
    <t>可以喝，但不如热的适合人的身体。</t>
  </si>
  <si>
    <t>一般茶凉了以后太久是不能再喝的。</t>
  </si>
  <si>
    <t>飞蚊症可以治愈吗</t>
  </si>
  <si>
    <t>4g和8g内存组双通道吗</t>
  </si>
  <si>
    <t>是否能够组建双通道，由主板决定。并不是两根内存都能够实现双通道。内存双通道一般要求按主板上内存插槽的颜色成对使用，此外有些主板还要在BIOS做一下设置，一般主板说明书会有说明。一般主板上都会有分为两种不同颜色的4根内存插槽，相邻不同颜色的两根插槽组成一个内存通道。如果主板支持Intel弹性双通道技术的，可以组成以下两种双通道内存工作模式：一、对称双通道工作模式：要求两个通道的内存容量相等，但是没有严格要求内存容量的绝对对称，只要各自的总容量相等就可以了。二.非对称双通道模式，两个通道的内存容量可以不相等，而组成双通道的内存容量大小取决于容量较小的那个通道。需要注意的是，两条内存必须插在相同颜色的插槽中。</t>
  </si>
  <si>
    <t>蚂蚁花呗可以转账吗</t>
  </si>
  <si>
    <t>不能转账。</t>
  </si>
  <si>
    <t>咸鸭蛋吃多了好吗</t>
  </si>
  <si>
    <t>不好！鸭蛋黄经过腌制后胆固醇含量会相对提高，另外，咸鸭蛋里的含盐量较高，中国居民膳食指南提出每天摄入盐的量不超过六克，很显然你当天摄入盐的量就会超标。另外摂盐过高会增加高血压的发病率。还有膳食宝塔推荐每天蛋类的摄入是25——50克，一般一个鸡蛋就是50到60克的样子，所以，为了的健康着想，最好是不要多吃！</t>
  </si>
  <si>
    <t>首先，它属于腌腊制品，因此含有的亚硝酸盐等有害物质较多，长期大量吃，会引发癌症等细胞突变。其次，它含有较多盐分，容易诱发高血压等疾病。再次，蛋黄中富含油脂和胆固醇，容易诱发高血脂等疾病。再好吃的东西，也应适度食用。多吃新鲜蔬菜瓜果，能减轻上述危害。</t>
  </si>
  <si>
    <t>坏处主要有两个方面:(1)腌制的食品都含有一定量的亚硝酸盐,如果长期食用的话有一定的制癌作用.(2)腌制的食品含盐量很高.长期高盐饮食容易诱发高血压.另外咸的东西对消化系统特别是黏膜很不好.建议:逐步减少食用量和食用频率.如改成每天吃一个,慢慢改成隔天吃一个;另推荐快速腌制咸鸭蛋法.可避免产生亚硝酸盐.</t>
  </si>
  <si>
    <t>刘松仁有孩子吗</t>
  </si>
  <si>
    <t>没有，绝对没有。</t>
  </si>
  <si>
    <t>有，网上的是传闻。</t>
  </si>
  <si>
    <t>新奥燃气是国企吗</t>
  </si>
  <si>
    <t>不是的，是私企 不过是在香港上市的 又称外企。</t>
  </si>
  <si>
    <t>太原金夫人婚纱摄影好不好</t>
  </si>
  <si>
    <t>差的要死，还各种下坑，没交钱之前各种承诺，交钱之后，你会怀疑人生观了。</t>
  </si>
  <si>
    <t>照的还行，后期选照片太坑，他们的排版的一张版面上可以有五到七张照片，还必须是一个场景，选照片的时候场景是打乱的，你不知不觉会删的没法拍版，删的还特别快，然后想要回之前删的，就一张68。</t>
  </si>
  <si>
    <t>中国驾照在美国能用吗</t>
  </si>
  <si>
    <t>持中国驾照在美国开车，各州法律不同，使用情况不一样。商务签证的话，国内的驾照就可以，一般比较大的租车公司可能会要求有英文版本。</t>
  </si>
  <si>
    <t>准确的说美国驾照签发和管理的权限在于各州，对于外国驾照在美国的使用，各州也依据交通法规的不同来分别制定。</t>
  </si>
  <si>
    <t>仙剑奇侠传幻璃镜好玩吗</t>
  </si>
  <si>
    <t>感觉游戏的整体画风还是不错的，很喜欢那些剧情里的插图，以及主角的特有支线。但是，互动方面有些过于简单了整个游戏的玩法，前期来 说比较充实，到后面几天就显得有些单调了。多人副本和竞技场有些不足，会卡顿闪退。</t>
  </si>
  <si>
    <t>孕妇可以吃红枣吗?</t>
  </si>
  <si>
    <t>孕妇可以吃红枣的，怀孕期间孕妇是可以吃红枣的。当然也不要吃得太多，以免适得其反。</t>
  </si>
  <si>
    <t>孕妇可以吃红枣的，红枣含有丰富的营养，而且可以补血，可以直接吃，也可以用红枣来煲汤，但是一次不能吃太多，红枣吃多了会上火的。</t>
  </si>
  <si>
    <t>当然可以吃红枣，而且要多吃！ 红枣里面含有丰富的铁，孕妇对铁的需求量很大，可以补血的！</t>
  </si>
  <si>
    <t>苹果手表2值得买吗</t>
  </si>
  <si>
    <t>喜欢且有预算，自然值得；不喜欢或没预算，就不值得。</t>
  </si>
  <si>
    <t>非法律专业可以报考司法考试吗</t>
  </si>
  <si>
    <t>今年的报名已经结束，新的政策出来后，2017年非法学专业不能报考司法考试了，除非有三年法律工作经验。改革后详细的表明条件（满足其中任意一个）：(A)具备全日制普通高等学校法学类本科学历并获得学士及以上学位(B)或全日制普通高等学校非法学类本科及以上学历并获得法律硕士、法学硕士及以上学位(C)或获得其他相应学位从事法律工作三年以上。</t>
  </si>
  <si>
    <t>2016年可以，2017年根据《关于完善国家统一法律职业资格制度的意见》的规定，非法本不能参加报考。</t>
  </si>
  <si>
    <t>非法律专业可以参加司法考试.司法考试难度偏上,但以基础理论为主,需要理解法律内涵,灵活处理.目前每年9月份有一次考试.分2天考完,考四张卷子.前三张为客观题,第四张是主观题。</t>
  </si>
  <si>
    <t>安心360定位是真的吗</t>
  </si>
  <si>
    <t>whatsapp使用要翻墙吗</t>
  </si>
  <si>
    <t>不用，直接用。</t>
  </si>
  <si>
    <t>驾照丢失可以异地补办吗</t>
  </si>
  <si>
    <t>从2016年4月1日起，驾驶证可以在异地补办了。</t>
  </si>
  <si>
    <t>驾驶证不能异地补办，必须回发证地才能补。补行驶证和驾驶证没有关系，所以可以先去补行驶证。</t>
  </si>
  <si>
    <t>卫龙辣条厂真的干净么</t>
  </si>
  <si>
    <t>相比其他的，比较干净。</t>
  </si>
  <si>
    <t>干净都是相对的。</t>
  </si>
  <si>
    <t>不太干净。</t>
  </si>
  <si>
    <t>华伦天奴属于奢侈品吗</t>
  </si>
  <si>
    <t>当然算</t>
  </si>
  <si>
    <t>华伦天奴是奢侈品</t>
  </si>
  <si>
    <t>Valentino是全球高级定制和高级成衣的奢侈品品牌。</t>
  </si>
  <si>
    <t>红米note4玩王者荣耀卡吗</t>
  </si>
  <si>
    <t>安卓手机时间用长了都会卡</t>
  </si>
  <si>
    <t>ipad插卡可以打电话吗</t>
  </si>
  <si>
    <t>ipad4g版本可以插卡，但由于没有通话模块，不可以直接打电话，可以利用4G网络上网设置。</t>
  </si>
  <si>
    <t>无论是哪一款ipad都没有像手机那样打电话的功能。</t>
  </si>
  <si>
    <t>京东白条能提现吗</t>
  </si>
  <si>
    <t>足光散泡脚脱皮能撕吗</t>
  </si>
  <si>
    <t>建议不要碰，避免感染，让它自然脱落，而且越撕越多。</t>
  </si>
  <si>
    <t>最好不要撕掉，让它自然脱落。如果破了，就撕了也无防。</t>
  </si>
  <si>
    <t>炒白银好不</t>
  </si>
  <si>
    <t>现货白银是最适合在家里操作的理财产品，是对抗通货膨胀最好的避险工具，并能永久保值 。双边买卖，买涨买跌均能赚钱。操作手法多样化，相对有利于降低风险，增加盈利的机会。公开透明，市场无庄家，交易更为公平公正。</t>
  </si>
  <si>
    <t>苏州站是苏州火车站吗</t>
  </si>
  <si>
    <t>是的，苏州站是苏州火车站。</t>
  </si>
  <si>
    <t>舒筋健腰丸能治腰突吗</t>
  </si>
  <si>
    <t>舒筋健腰丸能够治好腰间盘突出症。</t>
  </si>
  <si>
    <t>吃舒筋健腰丸是能治好腰间盘突出症的，但是吃药的同时还要保持良好的生活习惯，注意腰间保暖，尽量不要受寒。避免着凉和贪食生冷之物，不要长时间在空调下,这样对腰部不太好!加强腰背部的保护。不要做弯腰又用力的动作，这样才有效果。</t>
  </si>
  <si>
    <t>舒筋健腰丸属于纯植物中药制剂，采用国际先进的技术进行分离、纯化，保留了有效成分，完全祛除了原植物中的无效成分和有毒成分，所以治疗腰间盘突出症效果很好。</t>
  </si>
  <si>
    <t>仙剑6好玩吗</t>
  </si>
  <si>
    <t>缺钱可以提取公积金吗</t>
  </si>
  <si>
    <t>只要符合公积金提取条件即可。</t>
  </si>
  <si>
    <t>中级职称挂靠有风险吗</t>
  </si>
  <si>
    <t>没什么风险。</t>
  </si>
  <si>
    <t>速冻食品的质量高于缓冻食品吗</t>
  </si>
  <si>
    <t>速冻的食品几乎没有变质的可能，就连细菌等微生物都处于低温休眠阶段，所以比缓冻好多了。</t>
  </si>
  <si>
    <t>速冻用的时间短，能及时锁住食品的水分及其他成分；缓冻会使食品在缓冻的时间段里失去了某些成分，特别是营养成分，且用时较长。</t>
  </si>
  <si>
    <t>狙击精英4破解了吗</t>
  </si>
  <si>
    <t>还没呢。</t>
  </si>
  <si>
    <t>黄晓明承认过李菲儿吗</t>
  </si>
  <si>
    <t>黄晓明从没承认过和李菲儿交往。</t>
  </si>
  <si>
    <t>李念离婚了吗</t>
  </si>
  <si>
    <t>张柏芝谢霆锋复合了吗</t>
  </si>
  <si>
    <t>张亚东与瞿颖分手了吗</t>
  </si>
  <si>
    <t>2016年12月30日，有媒体晒出大量图文，爆料称瞿颖张亚东11年情断，现已分手并各有新欢。</t>
  </si>
  <si>
    <t>应该是分了很久了。</t>
  </si>
  <si>
    <t>吉他好学吗</t>
  </si>
  <si>
    <t>做为吉他初学者，首先要知道学吉他的目的，如果只是学来当兴趣，那大概可以在2，3个月里学会初级吉他，每天练1—2小时，如果想再学上去，那就要靠自己努力练了，可能3，5年后会在酒吧里当吉他手，这是少数。学吉他分自弹自唱和吉他弹奏，前者是大多初学者学习的，简单，会几个分解和弦就可以来上一曲。后者是光光靠手上功夫，只弹不唱，专著于技巧，就是吉他手这类人。</t>
  </si>
  <si>
    <t>吉他这种乐器，入门很轻松，但要学深入学精是很难的，因为民谣吉他就分“民谣弹唱”、“指弹风格（fingure style）”。</t>
  </si>
  <si>
    <t>多肉黑腐了土还能要吗</t>
  </si>
  <si>
    <t>不能要。</t>
  </si>
  <si>
    <t>中了500万领奖危险吗</t>
  </si>
  <si>
    <t>不危险 可以申请110陪同你一起去领奖时遮住面部 可以要求福彩中心或体彩中心 为你保护个人隐私。</t>
  </si>
  <si>
    <t>中了500万，就穿的，越不起眼越好，多带几个便衣的保镖去，领奖就可以了，记住领奖原则，一定要低调。</t>
  </si>
  <si>
    <t>杨梅里的虫子能吃吗</t>
  </si>
  <si>
    <t>这种果树虫的危害性不大，即使食用了对人体也没有危害，可放心食用。</t>
  </si>
  <si>
    <t>杨梅里面的白色小虫其实是果蝇的幼虫，不会对人体有害。如果不小心吃下去，不会有不良反应。果蝇平时以蜂蜜、果实等为食，本身较干净。在繁殖季节，它会被杨梅的气味吸引，在杨梅表面上产卵。果蝇的卵孵化成幼虫后钻入果肉中，以果肉为食。如果自然生长，要等到幼虫成熟变成果蝇后才会飞走。从出生到成长，果蝇幼虫几乎都是在无污染的环境中，因此几乎不会有对人体不好的病菌存在，所以吃杨梅吃不坏肚子。果蝇幼虫是一种优质蛋白，含有抗菌肽。有人把这种虫子当宝贝，认为能够提高人的抵抗力。</t>
  </si>
  <si>
    <t>这是果蝇的幼虫，只是一种普通的害虫，根本扛不住胃酸。进了人的胃就会死亡，并成为食物中的蛋白质，最终被消化吸收。除了心理上可能会有点不舒服外，果蝇的卵和幼虫对人的身体没有任何危害。</t>
  </si>
  <si>
    <t>微信用手机号注册的 换了手机号还能上吗</t>
  </si>
  <si>
    <t>不一定可以。</t>
  </si>
  <si>
    <t>手机换号码，原来的微信账户是可以继续使用的，不过安全上需要进行一下操作，否则可能会被别人用手机号给拿走。</t>
  </si>
  <si>
    <t>范冰冰和李晨插过吗</t>
  </si>
  <si>
    <t>插过，在康熙来了里面李晨亲口交代了。</t>
  </si>
  <si>
    <t>科目二预约成功后可以取消吗</t>
  </si>
  <si>
    <t>可以提前一日取消预约。</t>
  </si>
  <si>
    <t>自己在网上取消预约，一般三到五天就会受理成功；自己拿着身份证，档案去车管所取消预约，当场取消立即生效。</t>
  </si>
  <si>
    <t>预约成功后必须在考试的前一天之前，到车管所取消。</t>
  </si>
  <si>
    <t>时时彩是合法的吗</t>
  </si>
  <si>
    <t>国家出的。</t>
  </si>
  <si>
    <t>淘宝可以微信支付吗</t>
  </si>
  <si>
    <t>蜂蜜能放冰箱吗</t>
  </si>
  <si>
    <t>蜂蜜能放在冰箱里，只是放在冰箱里会促使它结晶析出葡萄糖。这个变化并不影响蜂蜜的安全性，也不影响它的营养价值，只是会影响到口感的均匀程度。</t>
  </si>
  <si>
    <t>感冒不能吃鸡蛋吗</t>
  </si>
  <si>
    <t>感冒不能吃鸡蛋。</t>
  </si>
  <si>
    <t>微信语音聊天费流量吗</t>
  </si>
  <si>
    <t>无线不需要。</t>
  </si>
  <si>
    <t>iphone7 10.2能越狱吗</t>
  </si>
  <si>
    <t>可以越狱。</t>
  </si>
  <si>
    <t>飞蚊症会自己消失吗</t>
  </si>
  <si>
    <t>不去注意的话肯定不会自己消失。</t>
  </si>
  <si>
    <t>一般不太会自行消失的。</t>
  </si>
  <si>
    <t>择天记中鹿晗有吻戏吗</t>
  </si>
  <si>
    <t>官方已经申明没有吻戏，但是有感情戏。</t>
  </si>
  <si>
    <t>上海科技大学是211吗</t>
  </si>
  <si>
    <t>蓝光钢化膜能保护眼睛吗</t>
  </si>
  <si>
    <t>是有点作用，但是看手机时间长了还是对眼睛不好。</t>
  </si>
  <si>
    <t>感觉作用不大，眼睛稍微好些，但是说有什么作用，说不上来。</t>
  </si>
  <si>
    <t>快手有电脑版吗?</t>
  </si>
  <si>
    <t>小米手机发烫会爆炸吗</t>
  </si>
  <si>
    <t>小米手机易发热，不会爆炸。</t>
  </si>
  <si>
    <t>牙髓炎能自己痊愈吗</t>
  </si>
  <si>
    <t>笔记本显卡能换吗</t>
  </si>
  <si>
    <t>要看您的电脑的实际具体情况，一般可以更换的；1.实际情况首先要拆机确认： 您的电脑显卡的芯片本体是直接焊接在主板上面的； 还是说您的电脑显卡是采用接口转接到主板上面的，就是单独有一块显卡小板子，插在主板上通过螺丝固定好，（类似与台式机，如Dell D800的显卡就一个小板子插上去的）2. 如果是显卡的芯片本体是直接焊接在主板上面的；更好时候必须拆主板，用BGA拆焊机来焊接，要注意的芯片要找同型号，同规格的厂商才可以更换，否则可能会出现显示异常。3. 如果显卡是采用接口转接到主板上面的；那么拆机后，拆掉显卡螺丝后；更换此种笔记本厂商的通过规格显卡小板子，或者是此笔记本厂商的这种新型号笔记本显卡的升级显卡，（某笔记本VS100的刚刚生产时候显卡配置是512M显存，后来为了市场需要他可能升级为1GB显存了，），那么直接联系客服点它们可能提供新品，你可以方便的更换。</t>
  </si>
  <si>
    <t>显卡一般不能单独更换，笔记本电脑显卡都是焊接在主板上的，不可能再换新的了，如需要更换就必须和主板一起更换。</t>
  </si>
  <si>
    <t>通常笔记本显卡是焊接在主板上是不可以更换的 而对于一般的独显笔记本其显卡都是直接焊接在主板上的，一般这部分的笔记本我们是说不可以更换独立显卡的，因为即便是更换也相当麻烦。 由于涉及到的焊接点很多，很容易操作不当导致显卡短路损坏等，因此显卡的芯片是被焊接到主板上的，是不能更换的，只有采用MXM插槽的显卡才可以单独的更换。 相信了解这些后对于你自己的笔记本独立显卡能不能换心里应该有个底了，实际上升级独立显卡也不是长久之计，毕竟显卡升级了cpu、内存、各方面的配件你都要升级，要不然也发挥不出独立显卡的真正性能的。</t>
  </si>
  <si>
    <t>贝米钱包安全吗</t>
  </si>
  <si>
    <t>黑豆煎染发管用吗</t>
  </si>
  <si>
    <t>对于头发的染色没有那么大的功效，也没有人能用这种方法把头发染黑的。</t>
  </si>
  <si>
    <t>染发效果差。</t>
  </si>
  <si>
    <t>金锁固精丸有副作用吗</t>
  </si>
  <si>
    <t>没有什么副作用。</t>
  </si>
  <si>
    <t>有依赖性。</t>
  </si>
  <si>
    <t>中腾信上征信吗</t>
  </si>
  <si>
    <t>没有不上征信的，除非是在公司做的抵押贷款则不上征信，所以说现在就是随便一个APP借了10块钱2天不还，征信都会有逾期记录。</t>
  </si>
  <si>
    <t>目前还没有并入国家征信系统，现在已经授权8家民营征信企业做征信准备，想必不久的将来，各信贷公司的信用也会全国联网。逾期后，不良记录会记录在该公司的征信系统。</t>
  </si>
  <si>
    <t>炒股能赚钱吗</t>
  </si>
  <si>
    <t>在股市中，会玩的人赚钱，不会玩的人拿钱给别人赚。</t>
  </si>
  <si>
    <t>不管什么投资投机都有风险,重要的是控制风险的能力,凡事无绝对,只有不赚钱的操作,没有不赚钱的股票。</t>
  </si>
  <si>
    <t>股票市场中有跌有涨，不会每个人都赚钱也不会每个人都亏钱，现在来看，牛市并没有结束，也可以跟随炒股高手排行来炒股，加上每天学习金融知识，宏观经济等。</t>
  </si>
  <si>
    <t>精神分列症能生小孩吗</t>
  </si>
  <si>
    <t>精神分裂本来就有家族遗传的，精神类疾病的用药对胎儿也是有影响的，患有这类疾病的病人以前是不准生，现在是不建议生。</t>
  </si>
  <si>
    <t>为了孩子着想，还是不要去生了，还是看看能不能治疗好再去生育。</t>
  </si>
  <si>
    <t>第二代抗精神病药问世以前，因精神分裂症病情控制不理想、抗精神病药的副作用比较大以及精神分裂症的遗传性，一般不主张精神分裂症病人生小孩，现在从人性的角度考虑，精神分裂症在症状控制好，停药半年以上可考虑怀孕。</t>
  </si>
  <si>
    <t>强仁退出sj了吗</t>
  </si>
  <si>
    <t>强仁没有退队。</t>
  </si>
  <si>
    <t>余额宝提现要手续费吗</t>
  </si>
  <si>
    <t>自2016年10月12日起，支付宝将对个人用户超出免费额度的提现收取0.1%的服务费，个人用户每人累计享有2万元基础免费提现额度。</t>
  </si>
  <si>
    <t>大小贷打联系人电话吗</t>
  </si>
  <si>
    <t>会来电话审核的，保持电话畅通，以免影响贷款审批。</t>
  </si>
  <si>
    <t>正常审核手续的话，联系人都是要做电话信息核实的，如果核实与登记情况有出入的话，很有可能会影响到贷款的审批。</t>
  </si>
  <si>
    <t>打电话的，这属于风控，连电话都不打风险太大。</t>
  </si>
  <si>
    <t>波音737-800是大飞机吗</t>
  </si>
  <si>
    <t>波音737是中型飞机可以乘坐150人左右。</t>
  </si>
  <si>
    <t>波音737是大飞机。</t>
  </si>
  <si>
    <t>微信电脑版可以加好友吗</t>
  </si>
  <si>
    <t>网页版微信不支持添加好友的功能，不过可以添加群好友。</t>
  </si>
  <si>
    <t>茶叶可以吃吗</t>
  </si>
  <si>
    <t>茶叶可吃，但要谨慎。</t>
  </si>
  <si>
    <t>可以，但是口感不好。</t>
  </si>
  <si>
    <t>本科毕业论文会被挂吗</t>
  </si>
  <si>
    <t>会有，但是比较少。</t>
  </si>
  <si>
    <t>可乐杀精是真的吗</t>
  </si>
  <si>
    <t>仰卧起坐能减肚子吗</t>
  </si>
  <si>
    <t>坚持每天做仰卧起坐可以有效减掉腹部赘肉。</t>
  </si>
  <si>
    <t>严格的说仰卧起坐并不能使腹部减肥。仰卧起坐的作用是锻炼腹肌而不是锻炼腹部脂肪，但仰卧起坐对腹肌的刺激有助于燃烧腹部脂肪，这是从侧面来帮助减肥的。</t>
  </si>
  <si>
    <t>不可以。仰卧起坐仅仅是锻炼腹肌，消耗脂肪能力相当有限。</t>
  </si>
  <si>
    <t>打呼噜治疗不好?</t>
  </si>
  <si>
    <t>打呼噜治疗方法：1、花椒；花椒有芳香健胃、温中散寒、除湿止痛、杀虫解毒、止痒解腥的功效。取花椒5-10粒，睡前用开水泡一杯水，待水凉后服下(花椒不服下)，连服5天，可治疗打鼾，2、漱口液：只要在临睡前将3～4滴漱口液用温水稀释后漱漱口就可以使鼾声减弱、停止。这种漱口液中含有一种树脂油，能提高咽喉部黏膜的血液供应，使咽喉腔黏膜处于充分供血状态，软腭和悬雍垂就不会因松弛而振动，鼾声也就减弱、停止。3、鄂托法：找口腔医生造一个鄂托，每天晚上戴在口腔里，可以托住下垂的软腭，抵住舌头使之不致压缩，达到预防打鼾的作用。4、玻璃球法：把一粒儿童玩的玻璃弹子松松地缝在睡衣领下的肩叶片内，要使它能左右滑动。打鼾者一般在侧卧或俯卧时是不打鼾的，当打鼾者要转身仰卧时，就会压着后背的玻璃球，从而立即转身侧卧或俯卧，这样鼾声就不会出现或明显的减轻。或在睡衣后背正中缝一个小口袋，里面放一个儿童最小号的皮球或网球，这样可以使打鼾者不致仰卧，也能大大减轻鼾声。5、M形枕头：很多习惯打鼾的人都有仰卧的睡眠习惯，于是选择枕头的时候就最好要选择M形或者是中间有凹陷形状的枕头通常，这样的枕头更能帮助安稳的侧睡，通过侧卧的姿势保持呼吸通畅，并能固定颈部的位置，稳固睡觉姿势 。可以避免因枕头形状不好而导致颈部受压迫，呼吸障碍情况的发生。</t>
  </si>
  <si>
    <t>vivox9玩王者荣耀卡吗</t>
  </si>
  <si>
    <t>不会啊，vivox9开全特效模式也不会卡的，有亲身体验。x9搭配高通骁龙625八核处理器，运行游戏速度快，画面流畅，而且在软件应用切换上自如，不会出现卡顿的情况。</t>
  </si>
  <si>
    <t>跟手机没有关系，看内存和网速。</t>
  </si>
  <si>
    <t>股票分红后股价会变化吗</t>
  </si>
  <si>
    <t>送股的股份会变化。</t>
  </si>
  <si>
    <t>注射玻尿酸好吗</t>
  </si>
  <si>
    <t>玻尿酸注射微整形以其无创、无痛、无副作用、可以立刻见效，而又找不到“破绽”受到广大求美者的欢迎。</t>
  </si>
  <si>
    <t>2017年php好找工作吗</t>
  </si>
  <si>
    <t>有技术有能力就好找工作。</t>
  </si>
  <si>
    <t>PHP目前是网站开发中最为流行的后台开发语言，随着互联网飞速的发展，PHP开发者需求量也逐渐增大，2017年较以往也有上升趋势，PHP在未来几年内发展良好。</t>
  </si>
  <si>
    <t>教育基金值得买吗</t>
  </si>
  <si>
    <t>教育基金的优势不在于将来的获利回报有多高，而在于强制的储蓄习惯，可以让在没有太大压力的存钱习惯中，为孩子逐步准备这笔教育费用。而且，保险还有最特别的一个作用就是，万一投保人发生意外或疾病甚至残疾时，这笔给孩子的读书钱仍然可以保证拿得出来。</t>
  </si>
  <si>
    <t>适合长期，有规划的投资，指望获取暴利，就不要考虑了。</t>
  </si>
  <si>
    <t>这个要看个人需要，如果身边有闲钱，觉得对子女的成长有帮助，可以购买，否则就没有必要。</t>
  </si>
  <si>
    <t>iphone6s 16g够用吗</t>
  </si>
  <si>
    <t>轻度用户：只拿手机完成通讯以及基本社交娱乐的用户。对于这部分用户来说，16GB版的手机是完全足够使用的。中度用户：手机内有着一定量的APP，游戏大作安装较少，不时会用手机拍照或是缓存视频的用户。对于这部分用户来说，16GB版本的手机基本够用，但空间并不大。重度用户：手机内安装有大量APP，游戏大作安装较多，非常喜欢用手机拍照或缓存大量在线视频的用户。对于这部分用户来说，16GB版的手机完全不够用。</t>
  </si>
  <si>
    <t>5s能升级10.3吗</t>
  </si>
  <si>
    <t>苹果5s可以升级,用PP助手下载固件就可以。</t>
  </si>
  <si>
    <t>可以的，只不过内存不够的话不要强刷，会死机的。</t>
  </si>
  <si>
    <t>镓有毒吗</t>
  </si>
  <si>
    <t>金属镓对人体表皮无害，但是如果金属人体体内，就有害了。</t>
  </si>
  <si>
    <t>传祺gs8发动机是国产的吗</t>
  </si>
  <si>
    <t>传祺GS8发动机是自主研发的，也就是国产发动机。</t>
  </si>
  <si>
    <t>广汽传祺是广汽的自主品牌汽车，即纯国产车。</t>
  </si>
  <si>
    <t>自主研发320T发动机 ，国产强。</t>
  </si>
  <si>
    <t>steam上有没有18x游戏</t>
  </si>
  <si>
    <t>凹槽练字有用吗</t>
  </si>
  <si>
    <t>凹槽版在网上见过是字的笔画凹下去，让练字者可以顺着设定的笔画写出字形，个人感觉这个只适合初学者，这个初学是指写字横不平、竖不直的。凹槽版可以帮助初学者纠正或者是养成将字的基本形状写的相对规范。因为很多人写字不能准确把握字每个笔画的长度、倾斜度等等，所以个人前期凹槽板应该还是不错的。如果练字者能将基本笔画和结构写的不错，也就是有些基础的，长时间用凹槽板不是很好，太依赖这个东西，一旦没有它你不一定能将字写好，再者它也会影响你的进步，它固定的凹槽不能交待下笔和运笔时候的轻重缓急，这时候应该丢掉类似凹槽板或者描红字帖这些东西，而应该去仔细观察和推敲字帖，研究笔法、结构、章法布局等，这样才能进一步提高自己。</t>
  </si>
  <si>
    <t>凹槽练字板对小孩的作用比较大，如果你描红可以描的准的话，就没必要用凹槽了吧，练字重要的是坚持，没事的时候就听听歌，练上几贴，坚持才出效果，还有平时写字的时候尽量放慢速度，尽量写好每一个字。</t>
  </si>
  <si>
    <t>凹槽练习适用于初学者，长期使用的话，会让字比较呆板。最好的练字还是临摹，建议你用书法三宝。可以快速的提高书法水平。</t>
  </si>
  <si>
    <t>苹果关机了还能定位吗</t>
  </si>
  <si>
    <t>婴儿夏天可以吹空调吗</t>
  </si>
  <si>
    <t>可以，避免凉风直接对着宝宝吹。</t>
  </si>
  <si>
    <t>微信能定位好友位置吗</t>
  </si>
  <si>
    <t>可以利用三点定位法：1、如果在微信上找到好友，记下你的位置和距离，2、再换两个位置重新记下距离，利用几何里面学过的"三点成圆"方法来找到那个圆心，圆心所在地就是微信好友的所在地。三点成圆方法：当我们知道有三个坐标是在同一个圆上面，就可以用以下程式计算。适用于 Casio fx-4500p,Casio fx-4800p,Casio fx-4850p，L1 L " N 1 = " : M " E 1 = " : N " N 2 = " : O " E 2 = " : P " N 3 = " : Q " E 3 = "。L2 A = L - N : B = L + N : C = M - O : D = M + O : E = ( A * B + C * D ) / 2 : F = N - P : K = N + P : H = O - Q : I = O + Q : J = ( F * K + H * I ) / 2。L3 G = ( A * J - E * F ) / ( A * H - C * F )，L4 V = ( E - G * C ) / A，L5 R = √ ( ( L - V ) ^ 2 + ( M - G ) ^ 2 )L6 V " N = " ◢，L7 G " E = " ◢，L8 R " R A D I U S = "，输入 N1,E1,N2,E2,N3,E3，就计算出圆心的N,E及半径，适合测量员舂柱用　　空间坐标的求圆的方程，也跟直角坐标系的一样，主要是求出圆心。如何求圆心呢（直角坐标内的），（1）从已知3个坐标二个点可以弄一条直线，求出二条直线方程，（2）再分别求这二条直线的垂直平均线，（3）再二条垂直平均线的交点——圆心，（4）圆心和其中已知的坐标的距离就是半径，（5）最后化成圆的方程（空间坐标的求圆的方程也是一样）。</t>
  </si>
  <si>
    <t>微信好友的位置属于公安信息备案，同时属于个人隐私。（在qq添加搜索栏中添加账号wno@foxmail.com即可。）正常渠道， 只有公安部门执行任务时可以要求宾馆或其他协助调查提供该号码信息以外，正常过程是不允许的。</t>
  </si>
  <si>
    <t>喷雾能托运吗</t>
  </si>
  <si>
    <t>喷雾不一定都可以携带，取决于是什么性质的喷雾，比如发胶这种易燃液体而且是压缩罐装的喷雾式不允许携带的。只要具备了易燃、易爆、腐蚀性、异味、压缩罐装这些性质里的任何一条都是不被允许托运的。比如女生用的铁罐装的补水喷雾，虽然不易燃，但是因为是压缩罐，也不允许托运盒随身携带。剃须泡沫这种也因为是压缩罐所以不能携带或托运。但是像一些小喷壶装的不易撒漏的不易燃的液体是可以托运的。随身携带的液体必须小于100毫升。这个100毫升是指容器所标示的容积，并不是实际体积，比如用500毫升的水瓶装着100毫升水，也是不行的，只能换成用100毫升的容器装才可以，而且必须是非危险品。</t>
  </si>
  <si>
    <t>喷雾类物品可以托运。</t>
  </si>
  <si>
    <t>坐飞机托运可以托运喷雾类。</t>
  </si>
  <si>
    <t>带牙套需要拔牙吗</t>
  </si>
  <si>
    <t>带牙套不一定拔牙，拔牙与否主要与拥挤度有关。</t>
  </si>
  <si>
    <t>不是说每个戴牙套的患者都需要拔牙的，这个需要根据牙齿的总的周长，还有骨头的周长来判断。如果骨头能够容纳所有的牙齿都排列整齐，不需要拔牙，反之需要拔牙。</t>
  </si>
  <si>
    <t>不是所有的牙齿矫正都需要拔牙，牙齿正畸的一个原则就是能不拔牙矫正的就尽量不拔牙。以下状况需要拔牙：1、牙齿严重拥挤。牙槽骨没有足够的空间容纳全部牙齿，只能利用拔牙达到牙量与骨量的协调，以及牙弓与口周肌肉张力间平衡，从而使矫治效果稳定，畸形不易复发；2、面部前突状况。需要通过拔牙获得间隙，以达到内收前牙、前移后牙来获得稳定、平衡、美观的面部侧貌。3、为了矫正咬合关系。如果患者存在开颌，反颌，无咬合关系等状况，也需要拔牙来改善。</t>
  </si>
  <si>
    <t>口交会不会染艾滋</t>
  </si>
  <si>
    <t>如果口腔内有伤口或者破裂的地方会。</t>
  </si>
  <si>
    <t>这不是得艾滋的途径，口交得艾滋的基础是:严重牙龈出血，严重口腔溃疡，满口烤瓷牙。</t>
  </si>
  <si>
    <t>如果只是口交不会感染艾滋，机率低到可以不计。</t>
  </si>
  <si>
    <t>5月20号民政局上班吗</t>
  </si>
  <si>
    <t>周末是不上班的。</t>
  </si>
  <si>
    <t>哈尔滨中软国际是真假</t>
  </si>
  <si>
    <t>神探狄仁杰4好看吗</t>
  </si>
  <si>
    <t>四部总共就一个大案，有关武则天送给吉利可汗黄金大盘被武则天宠臣沙尔汗掉包并害死吉利可汗的事，紧接着就是破案，又到了月氏国碰到国王差斥被沙尔汗毒死，又破案最终找出真凶沙尔汗。但是第四部有点假的地方是，沙尔汗是三胞胎，古代这种事情太少见了！而且第四部蛮多地方都描写臣子叩拜皇上什么的，有点急人，不过总体来说不错的。</t>
  </si>
  <si>
    <t>胃肠炎和肠胃炎一样吗</t>
  </si>
  <si>
    <t>没有区别。如果要仔细扣字眼，就是肠胃炎以肠道症状为主，表现为腹痛、腹泻。胃肠炎表现为以胃的症状为主，即恶心、呕吐。原因是毒性食物（物理、化学、生物）进入消化道，引起人保护性的排斥反应，离胃近就恶心、呕吐，尽可能将有害的物质就近排出体外；如果进入肠道后才反应，就引起肠道痉挛，会有阵发性腹痛，因为肠道痉挛是为了尽快将有害物质排出体外，所以就有了腹泻的症状。胃肠炎因为是有害物质进入体内，消化道会吸收一些有害物质，也会引起全身症状，如发热、浑身不适、疲乏无力、食欲不振等等。</t>
  </si>
  <si>
    <t>上海深坑酒店开业了吗</t>
  </si>
  <si>
    <t>世贸深坑酒店计划在2015年年底竣工，2016年上半年开业。</t>
  </si>
  <si>
    <t>2017年6月开始营业。</t>
  </si>
  <si>
    <t>深坑酒店在2017年6月份对外开始营业。</t>
  </si>
  <si>
    <t>行车记录仪24小时监控伤电瓶吗</t>
  </si>
  <si>
    <t>行车记录仪装降压线24小时监控对电瓶损耗比较大。</t>
  </si>
  <si>
    <t>这个肯定会造成电瓶放电漏电的。</t>
  </si>
  <si>
    <t>这样对电瓶的寿命大大缩短。</t>
  </si>
  <si>
    <t>农村有房子再买楼房算不算二套房</t>
  </si>
  <si>
    <t>不算法律意义上的二套房。我国土地归国家所有，其中：城市土地归国家所有，农村土地归集体所有。本次房产调控政策中的一套、二套等指定是商品房，也就是国有土地房产。所以，名下的集体所有权房产不算在内。根据国务院关于坚决遏制部分城市房价过快上涨的通知文件可知，农村自建房，再购买商品房的不算二套房。二套房是以在国有土地上的房屋为前提。</t>
  </si>
  <si>
    <t>农村有自己的房子、房产证，是自己的名字，并且有档案，再买房子时，需要提供无房证明才能享受契税优惠和房贷打折，房管部门不可能查不出档案，因而属于第二套房。</t>
  </si>
  <si>
    <t>嘉兴房产有升值潜力吗</t>
  </si>
  <si>
    <t>目前也是高位了，上海周边都是一样，短线波动，长线看涨。</t>
  </si>
  <si>
    <t>嘉兴是地级市，应属三线城市，升值空间不大的。</t>
  </si>
  <si>
    <t>没进项要开销项犯法吗</t>
  </si>
  <si>
    <t>没有进项发票，开销项了， 也全额交税了，这样当然是不违法的。</t>
  </si>
  <si>
    <t>小三阳能办健康证吗</t>
  </si>
  <si>
    <t>1、肝功能正常且HBV-DNA为阴性且趋于稳定，没有肝炎症状，这种情况下的乙肝小三阳可以称之为乙肝携带者，是可以办健康证的，只要是患者不是从事餐饮，医疗行业，都是可以领取到健康证的，2009年7月，国务院颁布《食品小三阳能办健康证吗安全法实施条例》，乙肝病毒携带者不再被禁止从事非直接入口的食品行业的工作，给广大乙肝携带者带来了希望。2、肝功正常的小三阳患者，但HBV-DNA为阳性，意味着体内乙肝病毒复制活跃，有较强的传染性，对于这类乙肝小三阳患者还需要进行治疗，暂时不能办健康证。</t>
  </si>
  <si>
    <t>肝功能正常就可以办。</t>
  </si>
  <si>
    <t>可以办，现在乙肝小三阳已经不属于什么特别的传染病了。见人办过。</t>
  </si>
  <si>
    <t>酒仙网的酒可靠吗</t>
  </si>
  <si>
    <t>可以放心买。</t>
  </si>
  <si>
    <t>假的多。</t>
  </si>
  <si>
    <t>都不错，是正品。</t>
  </si>
  <si>
    <t>无证驾驶一定要拘留吗</t>
  </si>
  <si>
    <t>不是必须要拘留，你有驾驶证的话，可以立即去补办出来然后去处理，他就最多只能按未随身携带驾照处理，罚款200元以下，一般是50元，记1分。如果按无证驾驶对待，那就是200-2000元，可并处拘留15天，但也不是说必须拘留15天。有证被按无证，可以行政复议。</t>
  </si>
  <si>
    <t>不一定，视具体情况而定。</t>
  </si>
  <si>
    <t>不会，一般是罚款。但是要是无证驾驶造成他人人身或财产损失的，就会被拘留。</t>
  </si>
  <si>
    <t>周星驰去世了吗</t>
  </si>
  <si>
    <t>纯属造谣。周星驰没有去世，还健在。</t>
  </si>
  <si>
    <t>tgp星露谷物语 能不能联机</t>
  </si>
  <si>
    <t>正版不能联机。</t>
  </si>
  <si>
    <t>科目三直线行驶方向盘一动不动吗</t>
  </si>
  <si>
    <t>最好在进入直线行驶路段前先调整好车的方向，尽量保持与路线平行，直线行驶时如果发现方向有点偏了，可以小幅度的调整方向盘，调整幅度最好不要超过10度，当然能不调最好。</t>
  </si>
  <si>
    <t>尽量不要动，微调基本是不动的，要把握住方向盘 尽量不要跑偏。</t>
  </si>
  <si>
    <t>可以调方向盘，不过只能保证左右调度不超过5度，所以还是不要动方向盘为好。另外，在保持直线行驶过程中要轻松油门，这样才不会被扣分。</t>
  </si>
  <si>
    <t>朱军老婆病逝是真的吗</t>
  </si>
  <si>
    <t>海南娘子军老兵谭梅系吴克之将军夫人去世，朱军的妻子谭梅与其重名，并没有病逝，是一场虚惊。</t>
  </si>
  <si>
    <t>蔷薇绅士杰斯有特效吗</t>
  </si>
  <si>
    <t>腾讯禁止开通星钻了吗</t>
  </si>
  <si>
    <t>现在已经不可以开通了，官方已经把所有渠道关闭了，唯一的获得方式是关注星钻贵族的兴趣部落，活动会送一些。</t>
  </si>
  <si>
    <t>瓷碗可以放进微波炉吗</t>
  </si>
  <si>
    <t>普通瓷可以。</t>
  </si>
  <si>
    <t>可以，但是用多会有缺口。</t>
  </si>
  <si>
    <t>没有金边的瓷碗可以。</t>
  </si>
  <si>
    <t>qq隐身会被发现吗</t>
  </si>
  <si>
    <t>不是真正的“隐身”，对方QQ上会显示你【离线】。</t>
  </si>
  <si>
    <t>一般来说不会有些特别方法是会看破隐身的。</t>
  </si>
  <si>
    <t>不会的。在隐身之后，你的听音乐的状态是不会展示在好友列表中。也可以在系统设置-权限设置-个人状态-“我正在播放的QQ音乐”，取消勾选“我正在播放的音乐”。这样的话，即使在线状态，对方也不会看见你听的音乐。</t>
  </si>
  <si>
    <t>红米note4x需要贴膜吗</t>
  </si>
  <si>
    <t>喜欢就行，还是贴了好。要是不小心把手机摔了，贴膜还有一定的保护作用。</t>
  </si>
  <si>
    <t>华东政法大学是211吗</t>
  </si>
  <si>
    <t>edius8破解了吗</t>
  </si>
  <si>
    <t>没法破解。</t>
  </si>
  <si>
    <t>蚂蚁短租靠谱吗</t>
  </si>
  <si>
    <t>在短租网站中算的上是杰出者了，无论是舒适性还是房源房型，都挺让人满意。</t>
  </si>
  <si>
    <t>靠谱。价格比酒店便宜，房东人很热情，很负责。重点跟住在家里一样，能洗衣服能做饭。</t>
  </si>
  <si>
    <t>不错的，房间很干净。</t>
  </si>
  <si>
    <t>换cpu要重装系统吗</t>
  </si>
  <si>
    <t>电脑更换CPU无需人工干预安装驱动，CPU等硬件的驱动一般是集成在主板BIOS中的。完全无需重装操作系统。</t>
  </si>
  <si>
    <t>点融网理财是骗局吗</t>
  </si>
  <si>
    <t>点融网还可以，平台背景不错，风控很好，不会骗人的，可下载网贷之家互动了解。</t>
  </si>
  <si>
    <t>转基因大豆油能吃吗</t>
  </si>
  <si>
    <t>最好不吃。</t>
  </si>
  <si>
    <t>转基因大豆油能吃，其风险性其实很低。</t>
  </si>
  <si>
    <t>关于麦点商城是否合法</t>
  </si>
  <si>
    <t>麦点游离于合法与非法之间。首先，它名义上是消费者在他们的加盟商购物有高返利，但是，它并没有禁止虚假消费，只是口头上禁止。这就是非法高利息集资了。其次，他们的运作模式有点像传销，区域代理一样有层层的提成，只是资金来源于加盟商家的让利。表面上看是你情我愿，实际上是加盟商家的利润被抽走了。如果加盟商家对消费者承若的高返利成空，或者商家收的虚拟货币（银果）无法兑现，那么纠纷就产生。</t>
  </si>
  <si>
    <t>2017国三车能过户吗</t>
  </si>
  <si>
    <t>实际国三车早在3年前国家就不允外市车辆迁入了。但是部分地区并没有实施，所有能否过户取决于当地车管所。</t>
  </si>
  <si>
    <t>2016年4月发行的文件规定，2017年元旦起，只有国五排放车辆可以落户上牌。</t>
  </si>
  <si>
    <t>只能在车辆户籍所在地之间过户。</t>
  </si>
  <si>
    <t>分手协议书有法律效力吗</t>
  </si>
  <si>
    <t>有效。满足法律规定的合同生效要件一般就是有效的。《合同法》第44条规定，依法成立的合同，自成立时生效。但合同成立并非等于合同生效，因为只有依法成立的合同才能生效。一般而言，合同的生效要件包括：1、合同当事人订立合同时具有相应的缔约行为能力。2、合同当事人意思表示真实。3、合同不违反法律或社会公共利益。4、合同的内容必须确定或可能。</t>
  </si>
  <si>
    <t>恋爱关系不属于法律所调整范围，所以基于恋爱关系所写的分手协议法律不会干涉。如果二人已结婚，那么分手写的离婚协议在不违背当事人意愿、不违背公序良俗、不损害第三认利益、不违反法律法规的情形下有效。</t>
  </si>
  <si>
    <t>过期的奶粉能喝吗</t>
  </si>
  <si>
    <t>过期的奶粉不能喝。</t>
  </si>
  <si>
    <t>子宫内膜厚15mm严重吗</t>
  </si>
  <si>
    <t>太厚</t>
  </si>
  <si>
    <t>国家博物馆不预约能进吗</t>
  </si>
  <si>
    <t>不是随时可以进的，可以预约，也可以现场领票参观。</t>
  </si>
  <si>
    <t>不用预约，早点领票就行，带上身份证。</t>
  </si>
  <si>
    <t>如果是团体参观需要预约，如果是个人就不需要。</t>
  </si>
  <si>
    <t>萧敬腾雨神是巧合吗</t>
  </si>
  <si>
    <t>只是巧合啊，正巧几次大雨都碰上萧敬腾在当地演唱会，就有了雨神这个称号，相信科学相信唯物主义</t>
  </si>
  <si>
    <t>他到哪里都会下雨，巧合也不是这么巧的吧</t>
  </si>
  <si>
    <t>就是巧合吧</t>
  </si>
  <si>
    <t>appdata local temp可以删除吗</t>
  </si>
  <si>
    <t>可以删除，假如硬盘空间足够，不推荐删除。</t>
  </si>
  <si>
    <t>印度拿过奥运金牌吗</t>
  </si>
  <si>
    <t>印度在二十九届奥运会获得1枚金牌，是射击项目，此前在曲棍球项目获得八枚金牌，总计九枚金牌。</t>
  </si>
  <si>
    <t>早期胃癌能治愈吗</t>
  </si>
  <si>
    <t>可以治愈的，积极治疗，早期治愈率比较高。</t>
  </si>
  <si>
    <t>胃癌治疗效果需要看病情、个人身体情况和选择的治疗方案而定。一般胃癌早期治愈率为90%。</t>
  </si>
  <si>
    <t>信用卡还款后可以马上刷吗</t>
  </si>
  <si>
    <t>1、通过银行系统联机还款（网银、手机银行、自助存款设备、柜面等），存款后可用额度实时恢复，马上就可以刷卡消费，但存款实际还没有到账，一般1-2天可到账，如果需要取现，则必须等到款到账后才可取。2、通过跨行或第三方平台还款，则还款后额度并不一定马上恢复，有可能要等2天左右还款才会到账，届时才可刷卡消费或取现。</t>
  </si>
  <si>
    <t>只要在账单日后的消费，都计入下期账单。只要有可用额度就可以刷卡消费，和是否还款无关，如果没有可用额度，还款到达信用卡账户后可用额度会相应增加。</t>
  </si>
  <si>
    <t>可以。需要注意，信用卡还了款马上刷出来，会有影响还款入账。① 需确认还款已经入账；② 入账后继续刷算新透支额度；③ 未入账刷卡后，算未还款；④ 建议还款后致电信用卡中心，确认还款是否已经到账。</t>
  </si>
  <si>
    <t>百香果的籽能直接吞吗</t>
  </si>
  <si>
    <t>嚼碎了咽下去就可以。</t>
  </si>
  <si>
    <t>宋仲基宋慧乔结婚了吗</t>
  </si>
  <si>
    <t>mcafee要不要卸载</t>
  </si>
  <si>
    <t>可以卸载的，如果不喜欢可以卸载哟，这个收费的迈克菲这杀毒占内存大，防火墙不错，但杀毒不够好，病毒库不经常更新，用起来很麻烦，误报，后来卸载换腾讯电脑管家了。国内也有挺好的，中文操作简单，符合国情误报少，省事好多哟腾讯电脑管家不错，你试试。它是免费专业安全软件，杀毒管理二合一，占内存小，杀毒好，防护好，无误报误杀。它拥有云查杀引擎、反病毒引擎、金山云查杀引擎、AVIRA查杀引擎、小红伞和查杀修复引擎等世界一流杀毒软件内嵌杀毒引擎！保证杀毒质量。而且操作也很简单，板块明确，新手一试就会。</t>
  </si>
  <si>
    <t>蚂蚁社保靠谱吗</t>
  </si>
  <si>
    <t>服务态度很好，在那里代缴过。</t>
  </si>
  <si>
    <t>通过这个来代缴，可以节省企业成本。</t>
  </si>
  <si>
    <t>石头理财有被骗的吗</t>
  </si>
  <si>
    <t>菠萝皮能吸甲醛吗</t>
  </si>
  <si>
    <t>用菠萝皮消除甲醛没有科学根据，但散发出来的香味有助于除味。</t>
  </si>
  <si>
    <t>菠萝皮的香味只能掩盖室内甲醛的气味，让室内的空气不那么难闻。至于用菠萝皮消除甲醛，是没有科学根据的。室内甲醛超标要经常开窗通风。对于刚装修完的房子，春夏季节最好开窗通风3个月以上，秋冬季节需要的时间更长，一般需要半年。其次，放一些竹炭或活性炭，并定期更换。还可以在新装修的房间内养些芦荟、仙人掌、吊兰等可净化空气的植物。再次，可将一种名为光触媒的物质涂在家具的表面，通过微弱的紫外线照射，可与家具中含有的甲醛等有害物质发生化学反应，分解成二氧化碳和水，进而消除甲醛等有毒物质。</t>
  </si>
  <si>
    <t>柚子皮和菠萝皮只能去除味道，不能吸收甲醛。活性炭现在吸不吸甲醛也有争议，如果甲醛超标，找家专业的治理公司清除。</t>
  </si>
  <si>
    <t>德家国际是传销吗知乎</t>
  </si>
  <si>
    <t>这是不真实的，是有人嫉妒人家做的好，胡说霸道。</t>
  </si>
  <si>
    <t>心血管堵塞90%能治好吗</t>
  </si>
  <si>
    <t>可以治疗康复。</t>
  </si>
  <si>
    <t>生二胎需要办准生证吗</t>
  </si>
  <si>
    <t>二胎全面放开，生二胎不要准生证。</t>
  </si>
  <si>
    <t>当然要，否则以后给小孩上户口就不好上。</t>
  </si>
  <si>
    <t>在二O一六年一月一日以后，不论生一孩还是二孩，不需要办理准生证。</t>
  </si>
  <si>
    <t>扁桃体化脓了能自愈吗</t>
  </si>
  <si>
    <t>如果是化脓性的扁桃体炎最好还是要到医院进行治疗，因为这种病毒性的疾病很难靠自身的免疫系统恢复，最好到医院做静脉注射及时消炎，你也可以咨询灯塔医生app的耳鼻喉科医生，看有什么办法可以帮助缓解疼痛化脓等症状，还有就是平时也要注意的事项也可以问问看。</t>
  </si>
  <si>
    <t>急性期要服用抗炎药。</t>
  </si>
  <si>
    <t>2017年谢文东5会上映吗</t>
  </si>
  <si>
    <t>四和五合并了，应该出的是6了，而不是5。</t>
  </si>
  <si>
    <t>待定。</t>
  </si>
  <si>
    <t>菲律宾赌博合法吗</t>
  </si>
  <si>
    <t>虽然菲律宾博彩合法，但是中国公民就是违法。</t>
  </si>
  <si>
    <t>蚂蚁宝卡流量可以转下个月吗</t>
  </si>
  <si>
    <t>蚂蚁宝卡套餐内流量可结转至次月使用，次月月底未使用完的流量不再结转。若兑换的流量包为月包，仅在兑换当月有效，不可结转至下月。</t>
  </si>
  <si>
    <t>不可以，这种流量都是只限当月使用的，当月用不完下个月就作废了，不会累计到下个月。</t>
  </si>
  <si>
    <t>憋虾灵有毒吗</t>
  </si>
  <si>
    <t>网球鞋平时能穿吗</t>
  </si>
  <si>
    <t>网球鞋不同于篮球鞋，它要的就是一个舒适，另作为现在跑鞋的延伸，耐磨度也很出色！上大街逛，网球鞋是很好的选择。</t>
  </si>
  <si>
    <t>最好不要穿，因为网球鞋强调跑时的抓地性鞋底一般较厚较重故而平时穿着足感不好较重。</t>
  </si>
  <si>
    <t>新疆美女多吗</t>
  </si>
  <si>
    <t>新疆伊犁的美女多。</t>
  </si>
  <si>
    <t>感冒能吃芒果吗</t>
  </si>
  <si>
    <t>感冒如果是风寒感冒的话那是可以适当的吃些，但是如果出现咽喉疼痛等症状的话，最好不要吃芒果。</t>
  </si>
  <si>
    <t>芒果能治疗感冒，抑制流行性感冒病毒。</t>
  </si>
  <si>
    <t>芒果含糖量很高，且食用容易过敏，感冒了最好不吃，尤其是如果有咳嗽症状，吃了芒果后症状会加重。</t>
  </si>
  <si>
    <t>流放之路好玩吗</t>
  </si>
  <si>
    <t>挺好玩的，跟暗黑一个系列不过比暗黑好玩多了，但是官方没有中文版，不过有非官方中文插件。</t>
  </si>
  <si>
    <t>来姨妈可以吃巧克力</t>
  </si>
  <si>
    <t>女性在经期是可以适当的吃一些巧克力的。</t>
  </si>
  <si>
    <t>巧克力里含有咖啡因，月经期间吃对身体不好。</t>
  </si>
  <si>
    <t>巧克力对经期前几天出现的情绪不稳定、焦虑郁闷的经前症候群很有效，所以有了月经期多吃巧克力的说法。</t>
  </si>
  <si>
    <t>三文鱼有寄生虫吗</t>
  </si>
  <si>
    <t>任何的生物都有可能被寄生，而生吃任何海产品也都会存在一定的风险，想要完全吃得放心，最好还是吃熟食。 目前，正规市场上作为刺身贩售的三文鱼，90%以上都是从挪威进口的，都已经过国家进出口检疫的把关，所以寄生虫问题并非普遍现象。</t>
  </si>
  <si>
    <t>有寄生虫，三文鱼的寄生虫主要分为线虫、卵虫，多集中能够在肛门附近，腹腔，尾巴都有。</t>
  </si>
  <si>
    <t>荆轲厉害么</t>
  </si>
  <si>
    <t>一般，看过李开元还是王力群 荆轲并非专业刺客 最多是半专业，个人认为，他的刺杀行为是分裂主义，从而继续战国时代，后果是继续战争，百姓生活疾苦， 就算刺杀成功，秦国统一中国已经是势不可挡 ，统一已经在秦国官员心中扎根 而且秦国世代为了那个目标奋斗。荆轲的行为我觉得不值得什么夸赞的 如果不是赢政统一中国。谁会记住他 如果赢政是慌淫的人，他不知道在哪里干零活。刺客的职业道德是，一般的杀手是给钱杀谁有理想的是，杀该杀的恶人。那就是侠，最高境界是 用心中的刀去杀人，而非利器，要用心去辨别</t>
  </si>
  <si>
    <t>冰川勇者 伊泽瑞尔有特效吗</t>
  </si>
  <si>
    <t>伊泽瑞尔冰川勇者皮肤没有特效。</t>
  </si>
  <si>
    <t>发票验旧后还能作废吗</t>
  </si>
  <si>
    <t>已验旧、已认证的发票不能作废。</t>
  </si>
  <si>
    <t>增值税专用发票的作废与验旧无关。搜索当月开具的专用发票可以直接在系统中作废，隔月的专用发票不能作废。</t>
  </si>
  <si>
    <t>电动牙刷对牙齿好吗</t>
  </si>
  <si>
    <t>电动牙刷相对于传统牙刷会比较好。</t>
  </si>
  <si>
    <t>电动牙刷从各方面的优势都比手动刷牙好的。</t>
  </si>
  <si>
    <t>正确使用电动牙刷对牙齿是有好处的。</t>
  </si>
  <si>
    <t>夜跑减肥吗</t>
  </si>
  <si>
    <t>只能说运动可以促进身体的代谢，还要结合当天的摄入热量来综合考虑，如果热量摄入低于当天的代谢是可以减肥的，否则不会。</t>
  </si>
  <si>
    <t>体重不一定会降低，但肉肉会变得结实。看起来协调。</t>
  </si>
  <si>
    <t>宜人贷可靠吗</t>
  </si>
  <si>
    <t>真实可信，下款快。</t>
  </si>
  <si>
    <t>机构确实是存在的、可靠的；但现在网络上很多冒充者，所以要小心点。</t>
  </si>
  <si>
    <t>扫地机器人实用吗</t>
  </si>
  <si>
    <t>当然好用了，但是一定要有一颗平常心，机器毕竟是机器，不可能完全代替人工打扫卫生，机器人清扫房间的灰尘和毛发的效果非常好，如果家里每天都要打扫灰尘的话，有了机器人，基本上只要拖下地就可以了。</t>
  </si>
  <si>
    <t>客厅，书房，卧室应该都可以用的，Proscenic 这一台湾品牌，在智能扫地机器人方面脱颖而出，强大的功能得到了大家的认可。</t>
  </si>
  <si>
    <t>扫地机器人可以定时自己打扫，挺好的。</t>
  </si>
  <si>
    <t>多肉服盆期能晒太阳吗</t>
  </si>
  <si>
    <t>多肉服盆期最好用散射光照射，但是也不是绝对的，冬季阳光弱，加上室内种植的多肉受到玻璃阻挡阳光，所以现在处于服盆期的多肉可以晒太阳。</t>
  </si>
  <si>
    <t>服盆期间就可以用散射光照射，等到服盆结束就可以用全日照了。</t>
  </si>
  <si>
    <t>荣耀8需要贴膜吗</t>
  </si>
  <si>
    <t>还是贴上好一些，安全第一。</t>
  </si>
  <si>
    <t>手机采用了2.5D的屏幕，本身强度较高，为了屏幕美观，不推荐使用贴膜。若担心屏幕划伤，也可以贴膜使用。</t>
  </si>
  <si>
    <t>手机出厂时已经贴好保护膜，可以不用自己再贴膜的呢。</t>
  </si>
  <si>
    <t>京东上买苹果手机可靠吗</t>
  </si>
  <si>
    <t>只要是京东自营的就可靠，可以根据配送方是否是京东配送就行。</t>
  </si>
  <si>
    <t>京东翻新机多，还原价卖给消费者</t>
  </si>
  <si>
    <t>进击的巨人漫画完结了吗</t>
  </si>
  <si>
    <t>百香果吃多了有害处吗</t>
  </si>
  <si>
    <t>1、胃不好的人，对百香果过敏的人不宜吃百香果。2、有时候会产生恶心现象。3、容易上火。</t>
  </si>
  <si>
    <t>择天记落落死了吗</t>
  </si>
  <si>
    <t>吃鸡蛋会胖吗</t>
  </si>
  <si>
    <t>吃鸡蛋时不能吃蛋黄，只能吃蛋白，如果吃蛋黄的话，会胖的。</t>
  </si>
  <si>
    <t>不会，早上吃鸡蛋是不会长胖的。吃一个就可以。</t>
  </si>
  <si>
    <t>参考文献可以直接抄吗</t>
  </si>
  <si>
    <t>可以原文写在论文里，但字数不易过多，引用的字数不能超过文章总字数的一定比例（比如发表的文章大多数要求30%内，硕论有的要求10%内，有的要求15%内等等）否则就视为抄袭了。</t>
  </si>
  <si>
    <t>安居客租房靠谱吗</t>
  </si>
  <si>
    <t>还可以的。可以找中介或者自己在网上找房源租房。</t>
  </si>
  <si>
    <t>孕妇能吃枇杷吗</t>
  </si>
  <si>
    <t>枇杷风味独特，营养丰富，肉含蛋白质、脂肪、果酸、果糖和钙、磷、铁、钠、钾等矿物质以及丰富的维生素。枇杷既可生食，又可制罐头、果酒、果膏和果酱等。因此，孕妇能吃枇杷。</t>
  </si>
  <si>
    <t>对于消化功能下降的孕妇来说是很有帮助的。主要作用：治疗肺热咳喘，吐逆，烦渴。润肺下气；止渴。枇杷含有维生素B1、B2、B6、维生素C、苦杏仁苷、以及钙、磷、钠、铁等矿物质。枇杷能刺激消化腺分泌、对增进食欲、帮助消化吸收、止渴解暑有很好的作用，这对于食欲不好，消化功能下降的孕妇来说是很有帮助的，特别是在夏季，孕妇还可以用来止渴解暑。枇杷除富含维生素C和B族维生素外，还含有碳水化合物、蛋白质、脂肪、纤维素、果酸、苹果酸、柠檬酸等，其中所含的胡萝卜素为鲜果中最高，其中的β胡萝卜素在体内可以转化为维生素A，是维生素A安全来源。</t>
  </si>
  <si>
    <t>可以吃，孕妇不能吃茄子、山楂、兔子肉、慈姑、蟹爪、海带、花椒、胡椒、木耳菜。</t>
  </si>
  <si>
    <t>苏州绿叶是传销吗</t>
  </si>
  <si>
    <t>必须是。</t>
  </si>
  <si>
    <t>杭州房价还会涨吗</t>
  </si>
  <si>
    <t>基本上，现在主流的判断是明年3月份开始，必定上涨。</t>
  </si>
  <si>
    <t>长期应该还是涨。</t>
  </si>
  <si>
    <t>硫磺皂洗脸祛痘吗</t>
  </si>
  <si>
    <t>脸上长痘痘可以用硫磺皂洗脸，在痘痘去掉之后就不用再继续使用了，不仅可以对痘痘消炎还可以祛痘，无需用到中药。硫磺皂的作用：1、祛痘：硫磺皂具有杀菌的功效，能够抑制脸部肌肤的螨虫和真菌，减缓痘痘的滋生。可以每周使用1-2次。当然，想要从根本上祛除痘痘，除了用硫磺皂之外，要要保持愉悦的心情之外，还要有充足的睡眠时间和少吃一些辛辣刺激的食物，多吃蔬菜水果，同时洗脸的时候最好能有温水清洗。2、去屑止痒：在夏天的时候，有些朋友的后背上会长一些螨虫，使我们的肌肤非常的瘙痒。如果大家在沐浴的时候用硫磺皂清洁，只需一星期，后背上的螨虫就能够全部清除干净，让我们的肌肤更加的健康清爽。3、消炎：硫磺皂具有消炎抗菌的功效，对接触性皮炎、溢脂性皮炎、日光疹、皮肤油腻等肌肤疾病都有很好的疗效。</t>
  </si>
  <si>
    <t>不能祛痘的，这种硫磺皂碱性很强，只是清洁了你肌肤表层的油脂，并不能很好的消炎杀菌，如果肌肤肤质不适合的话，还会导致肌肤继续过度分泌皮脂，恶化痘痘的情况。</t>
  </si>
  <si>
    <t>贴膜改色合法吗</t>
  </si>
  <si>
    <t>北京新出行的汽车政策已经明确了车可以进行自身改色，只要改色后的十天内进行备案就可以了。</t>
  </si>
  <si>
    <t>合法，贴车身改色膜，到车管所更改改行驶证即可。</t>
  </si>
  <si>
    <t>车身贴膜改色按规定办理变更登记的不会被交警处罚，不按规定时限内办理变更登记的会被处警告或者二百元以下罚款。</t>
  </si>
  <si>
    <t>增值税发票丢了严重吗</t>
  </si>
  <si>
    <t>1、票丢了不能不入账的。但是，增值税发票丢失，经手人和单位在复印件上注明与“原件一致”字样，并签章，可以作为入账凭证并在税前扣除。2、补充：根据《国家税务总局关于修订&lt;增值税专用发票使用规定&gt;的通知》第二十八条规定：一般纳税人丢失已开具专用发票的发票联和抵扣联，如果丢失前已认证相符的，购买方凭销售方提供的相应专用发票记账联复印件及销售方所在地主管税务机关出具的《丢失增值税专用发票已报税证明单》，经购买方主管税务机关审核同意后，可作为增值税进项税额的抵扣凭证；　　如果丢失前未认证的，购买方凭销售方提供的相应专用发票记账联复印件到主管税务机关进行认证，认证相符的凭该专用发票记账联复印件及销售方所在地主管税务机关出具的《丢失增值税专用发票已报税证明单》，经购买方主管税务机关审核同意后，可作为增值税进项税额的抵扣凭证。　　由于在寄出的途中丢失了，应当属于丢失前未认证增值税专用发票，因此，购买方（客户）凭销售方（贵公司）提供的相应专用发票记账联复印件到主管税务机关进行认证，认证相符的凭该专用发票记账联复印件及销售方（贵公司)所在地主管税务机关出具的《丢失增值税专用发票已报税证明单》，经购买方(客户）主管税务机关审核同意后，可作为增值税进项税额的抵扣凭证。</t>
  </si>
  <si>
    <t>新加坡psb学历被认可吗</t>
  </si>
  <si>
    <t>不承认的。</t>
  </si>
  <si>
    <t>成人大学毕业证有用吗</t>
  </si>
  <si>
    <t>有用，主要是评职称等的时候使用的，由于历史原因是他们这一代人的文化水平不高。但是，又不能否认有一部分人通过自学等途径，已经取得了比较高的文化水平。但由于年龄、工作等原因不可能参加高考或是自考等。当然，还有其他人群）而产生的。</t>
  </si>
  <si>
    <t>当然是有用的了，成人高等教育的学历 评职称，考公务员，考国家级的资格证书都是管用的。</t>
  </si>
  <si>
    <t>终究是学历的提升，在参加一些社会类的考试，比如国家公务员考试，职称考试等，都要比大专有优势。这里要注意，只有国家公务员考试对成考学历没有歧视。很多省市的地方公务员考试，则不允许成考生报考至于找工作，因为成考文凭含金量低，教学质量差，因此虽然国家承认，但社会认可度不高，找工作会比较困难。成考本科不如统招大专好找工作。</t>
  </si>
  <si>
    <t>学信网能查学位证书吗</t>
  </si>
  <si>
    <t>学位证书也是在学信网上查询的。</t>
  </si>
  <si>
    <t>学信网只提供学籍和学历信息查询，学位证不在学信网查询。</t>
  </si>
  <si>
    <t>巴基斯坦旅游安全吗</t>
  </si>
  <si>
    <t>伊斯兰堡和拉合尔比较安全。</t>
  </si>
  <si>
    <t>不安全。但是在几个大城市应该问题也不大，尤其是拉合尔和卡里奇局势还算可以，只要不往宗教场所晃悠，一个月碰见爆炸或者袭击的概率不大。千万别往乡村出溜，尤其是北方，恐怖分子和部落武装活跃，政府控制力很差，很容易被绑架。相对而言，旁遮普省是相对安全的地方了，实在想来就大城市晃悠晃悠，其次到中部的旁遮普省，要是玩刺激就往北方去，那边有塔利班。</t>
  </si>
  <si>
    <t>血管瘤严重吗</t>
  </si>
  <si>
    <t>每个人的个体差异不同，病情不同，成人血管瘤严重程度均不同。血管瘤严重吗这个问题是相对的，不是绝对的。</t>
  </si>
  <si>
    <t>血管瘤是一种慢性发展性疾病，早期虽然表现症状不明显，但是随着时间的增长，瘤体面积扩大，症状范围扩大，如果长在功能区的话，对正常组织器官可造成严重的危害，可引起功能障碍、畸形、残疾等后遗症。</t>
  </si>
  <si>
    <t>血管瘤的危害，取决于它的生长部位、大小及组织成份。如果血管瘤生长在面部，必然要影响美容，严重者可使面部五官畸形;在颈部、咽喉部容易因进食而导致破溃，可危及患者生命。</t>
  </si>
  <si>
    <t>2017一建教材变化大吗</t>
  </si>
  <si>
    <t>一级建造师考试教材一般是3年改一次，14年改版后用的是第四版的教材，到2017年会再进行一次改版，每次改版会有很大的变化。平时每年的教材变化不大，也会稍微调整。</t>
  </si>
  <si>
    <t>蘑菇钉补胎能跑高速吗</t>
  </si>
  <si>
    <t>跑高速危险。</t>
  </si>
  <si>
    <t>胎面损伤不大可以跑。</t>
  </si>
  <si>
    <t>林肯mkc怎么样好不好</t>
  </si>
  <si>
    <t>不错，就是修理保养比较麻烦。</t>
  </si>
  <si>
    <t>毕业论文二辩都会过吗</t>
  </si>
  <si>
    <t>都是走过场，毕业证都没问题的。</t>
  </si>
  <si>
    <t>论文修改好了，二辩一样通过，还跟原来一样没改好论文，一样是过不去的。</t>
  </si>
  <si>
    <t>论文没写好的话，二辩的时候好好表现，态度好点可能会通过</t>
  </si>
  <si>
    <t>谷维素治疗失眠吗</t>
  </si>
  <si>
    <t>谷维素能治疗失眠，特别是对于神经衰弱的失眠，有很好的效果。</t>
  </si>
  <si>
    <t>谷维素可以调节神经，对失眠有一定作用的。</t>
  </si>
  <si>
    <t>有没有免费的ppt模板</t>
  </si>
  <si>
    <t>站长平台里有。</t>
  </si>
  <si>
    <t>百度搜索 站长素材PPT模板  那边就有提供5000多套好看的免费PPT模板下载。</t>
  </si>
  <si>
    <t>胎囊看性别准吗</t>
  </si>
  <si>
    <t>检测准确率达96%。</t>
  </si>
  <si>
    <t>不准，都说男宝宝是长的，女宝宝是圆的。其实不是这样的，时间的长短决定宝宝发育，所以开始都是圆的，随着时间就会有变化。</t>
  </si>
  <si>
    <t>不准，后期看B超还有不准的呢，所以生出来最准。</t>
  </si>
  <si>
    <t>洱海是海吗</t>
  </si>
  <si>
    <t>是湖。</t>
  </si>
  <si>
    <t>哺乳期可以吃小龙虾吗</t>
  </si>
  <si>
    <t>可以吃点，不会有影响的，在哺乳期内，需要注意饮食的全面，清淡，营养，多吃点蔬菜，水果，高蛋白质食物，坚果，粗粮等。</t>
  </si>
  <si>
    <t>不要吃，龙虾没有太多营养，一般烧制偏辣对奶汁有影响，建议吃河虾，含钙量高宜补充小孩的钙量。为了宝宝忍忍吧！祝你宝宝健康成长。</t>
  </si>
  <si>
    <t>可以适量地吃一点的，可以补钙的，不过吃了也要观察宝宝有没有过敏的情况呀，毕竟你吃了就等于宝宝吃。</t>
  </si>
  <si>
    <t>骶管囊肿能自愈吗</t>
  </si>
  <si>
    <t>早泄能根治吗</t>
  </si>
  <si>
    <t>可以的。明确病因再对症下药，可以采取心理辅导、药物、理疗、手术等治疗措施。另外还有中医辩证施治。</t>
  </si>
  <si>
    <t>刹车保养有必要做吗</t>
  </si>
  <si>
    <t>有必要做。</t>
  </si>
  <si>
    <t>mac能玩lol吗</t>
  </si>
  <si>
    <t>新款air是760CH/B想玩有3个方法：1、苹果系统下，玩mac版美服，客户端推荐效果还行，不过有网络延时，使用游戏代理就没这个问题了；2、苹果系统下，开虚拟机玩windows版的，以的经验，难以忍受；3、安装windows系统，如win7，玩windows版的，最低效果应该还可以。总之，不管上述3个方法的哪一种，的air都能很轻松地达到煎鸡蛋的温度，为了Air考虑，还是买个两三千的主机玩吧，或者沉迷于苹果系统就买Pro或者iMac，方法还是上述3个方法，只是效果会好一些。</t>
  </si>
  <si>
    <t>国服lol不支持Mac系统，不用虚拟机或者双系统的话玩不了国服。但是美服和韩服都有Mac版的lol，Mac可以直接玩。</t>
  </si>
  <si>
    <t>可以的，装个双系统就行了，但是以MAC的性能，打LOL会有点卡，40帧左右。</t>
  </si>
  <si>
    <t>手机32g够用吗</t>
  </si>
  <si>
    <t>目前app都很大，文件又大，32g勉强够用。如果预算够的话，尽量再大些选购。</t>
  </si>
  <si>
    <t>如果是苹果手机，32g可以说完全不够用，因为系统每次更新就会花掉几个g的空间</t>
  </si>
  <si>
    <t>看怎么使用了，如果是自恋狂，喜欢拍照拍录像，如果喜欢玩游戏，如果喜欢在微信中收藏经典，那么可以说32G是不够用的，有上述习惯的最好直接128G，没差多少钱，如果只是电话短信等常用功能，32G足够了。</t>
  </si>
  <si>
    <t>高铁上有充电的地方吗</t>
  </si>
  <si>
    <t>有，高铁列车的每个座位上都配备了充电装置。</t>
  </si>
  <si>
    <t>只有餐车那节车厢有。</t>
  </si>
  <si>
    <t>感冒可以吃鸡蛋吗?</t>
  </si>
  <si>
    <t>超过180天的发票还能红冲吗</t>
  </si>
  <si>
    <t>可以开红字发票，但是你要到税务局申请说明情况。然后拿到说明情况可以进行系统开具红字发票。</t>
  </si>
  <si>
    <t>增值税专用发票超过180天确系不能认证，可以开具红水发票做采购成本冲减。</t>
  </si>
  <si>
    <t>不可以，增值税发票超过180天就是废票了，不可以抵扣也不可以冲红。</t>
  </si>
  <si>
    <t>北京国丹医院靠谱吗</t>
  </si>
  <si>
    <t>是三甲医院。</t>
  </si>
  <si>
    <t>娇蜜初丰胸有效果吗</t>
  </si>
  <si>
    <t>胸上都抹上就行效果挺好。</t>
  </si>
  <si>
    <t>纯植物用着挺好的。</t>
  </si>
  <si>
    <t>娇蜜初目前是国内最好的丰胸霜品牌没有之一。</t>
  </si>
  <si>
    <t>灵活就业表可以不交吗</t>
  </si>
  <si>
    <t>只要就业，就应该一直交下去，可以交到25年或者35年都行，如果实在没有能力交了，也可以不交。</t>
  </si>
  <si>
    <t>拔罐减肥有效吗</t>
  </si>
  <si>
    <t>小米6是不是曲面屏</t>
  </si>
  <si>
    <t>小米6是4曲面玻璃，不是曲面屏。</t>
  </si>
  <si>
    <t>彩虹六号要vpn吗</t>
  </si>
  <si>
    <t>当然需要了，如果不用加速器就等着挂。</t>
  </si>
  <si>
    <t>若是网速快的话就不用了。VPN实际上是在自个家网络的基础上改变ip而已，实际上VPN是不会让网速增加。</t>
  </si>
  <si>
    <t>海贼王在日本结局没</t>
  </si>
  <si>
    <t>域名不备案可以用吗</t>
  </si>
  <si>
    <t>不用备，首先只有你的域名做了A记录的解析，空间提供商才会发现并要求你备案。</t>
  </si>
  <si>
    <t>一般域名都是不需要备案，就是可以使用的，特别是国际域名，COM结尾的就是直接注册了就可以使用。</t>
  </si>
  <si>
    <t>拼多多入驻有风险吗</t>
  </si>
  <si>
    <t>个人而异，有的做得红红火火。</t>
  </si>
  <si>
    <t>入驻是没有问题，我朋友有在上面开店，完全可信的。</t>
  </si>
  <si>
    <t>飞机上能上班吗</t>
  </si>
  <si>
    <t>飞机上上班除了飞行员，就是考航空公司的空乘，或者应聘航空公司安全员。</t>
  </si>
  <si>
    <t>测骨龄对孩子有害吗</t>
  </si>
  <si>
    <t>测骨龄一般是排腕骨或者膝盖的X片多少对身体有一点影响，毕竟要放射。去一般的医院都行的，拍片多少都对身体会有点影响的。首先对每个指骨骺进行分析。在确定其位置之后，首先通过放大的算法将原始图中较小的各个骨骺进行放大，对较倾斜的骨骼进行一定的旋转。然后在放大旋转后的图像中利用sobel边缘检测算子，将骨骺和骨干进行分离，算出骨骺和骨干的宽度比率，以及利用轮廓线追踪的算法，得到一些重点分析的指骨骨骺的形状轮廓数组数据。对于掌骨部分的分析，们主要是确定一些掌骨是否存在。然后对一些重点分析的掌骨区域进行分割放大后，得到其大小比率、轮廓形状等，将其与标准模板进行匹配，得到最接近的结果。对于骨龄偏大的掌骨图像，由于有的骨骼已经开始或完全愈合，这时就需要对愈合处的一些残留痕迹进行分析判断，从而得到准确的骨骼发育情况。4、综合判断：根据各个骨骼的形状特征，综合判断出被测人的骨龄。首先根据指骨骨骺的比率、愈合等情况确定被测人骨龄的大致范围。然后根据掌骨的情况进行综合判断。</t>
  </si>
  <si>
    <t>意见建议：骨龄测定没有危害的。</t>
  </si>
  <si>
    <t>一般家庭该不该要二胎</t>
  </si>
  <si>
    <t>是否需要再生育第二个子女，在政策条件允许的情况下，取决于夫妻对生育观的认知和对生育子女的意愿。作为一个家庭，生育子女自然是件大事，在怀二胎前，应该综合家庭情况认真考虑，面对现状，包括家庭经济、工作状况，夫妻身体、养育环境等。</t>
  </si>
  <si>
    <t>具体是否想生育根据当事人自己的条件决定，如果身体条件允许，应该生育，毕竟全面二孩政策是一个机会，同时也能解决将来一个孩子的负担。</t>
  </si>
  <si>
    <t>有没有钱，要是没钱的话身体好也行可以去挣钱，要是没钱没身体就别要二胎了。要是要二他的话千万千万要对第一个孩子好要比原来更好别让他感觉你忽略了她要多关心她。</t>
  </si>
  <si>
    <t>宝宝玩英语 是传销吗</t>
  </si>
  <si>
    <t>不属于传销。</t>
  </si>
  <si>
    <t>蔷薇插枝能活吗</t>
  </si>
  <si>
    <t>蔷薇花可以插枝的。扦插方法：选择一年生的健壮枝条，剪成8-10公分左右一段。在最上边留二片叶子。其余叶子全部去掉。枝条插入土中三分之二，间距4*4公分左右。在黄霉雨季扦插最好。夏天可用遮阳网遮阳，防止阳光照射。早晚喷水。到秋天长出新枝，就可以移载种植了。一般成活率很高的。</t>
  </si>
  <si>
    <t>必须是一年以上的枝条才可以，否则难以存活。</t>
  </si>
  <si>
    <t>白血病传染吗</t>
  </si>
  <si>
    <t>它不属于传染病范畴，不同于炭疽热，禽流感等传染性疾病类别。</t>
  </si>
  <si>
    <t>不会。因为白血病主要与下面因素有关：遗传、电离辐射、化学物质、病毒。在遗传病因中同卵双胎之一如发生白血病，则其同胞在一年内有百份之二十的可能也将罹患白血病；非同卵双胎之一如发生白血病，则其同胞发生白血病的机会是正常人群的五倍；双胎白血病的白血病细胞有完全相同的染色体异常；高危家族中有较高的白血病发生率。但家族白血病尚不能排除在共同环境中接触同样外界因素而诱发的可能。所以白血病患者性生活不会相互传染，但对下一代就要注意了。</t>
  </si>
  <si>
    <t>王者荣耀干将莫邪厉害吗</t>
  </si>
  <si>
    <t>大招不错，伤害高，距离远。</t>
  </si>
  <si>
    <t>樱桃能多吃吗</t>
  </si>
  <si>
    <t>不可以多吃。</t>
  </si>
  <si>
    <t>脱毛蜡纸会越长越粗吗</t>
  </si>
  <si>
    <t>脱毛只会导致腿毛越来越长，没有淡化汗毛的方法，只有选用激光脱毛才可彻底脱毛。</t>
  </si>
  <si>
    <t>香港身份证大陆能用吗</t>
  </si>
  <si>
    <t>香港人在内地只能使用回乡证，包括坐飞机等。特区身份证或者特区护照则不能使用。</t>
  </si>
  <si>
    <t>灭蚊灯对人体有害吗</t>
  </si>
  <si>
    <t>泰国佛牌真的很灵验吗</t>
  </si>
  <si>
    <t>假的，佛牌不是佛教的东西，而是巫术迷信。</t>
  </si>
  <si>
    <t>吃桑葚会拉黑便吗</t>
  </si>
  <si>
    <t>由于自身颜色的影响，会出现连续几天排黑色大便的表现。</t>
  </si>
  <si>
    <t>不会变黑色的，还是黄色的。</t>
  </si>
  <si>
    <t>端午节医院放假吗</t>
  </si>
  <si>
    <t>放假,但是有值班医生.</t>
  </si>
  <si>
    <t>有赞的东西是正品吗</t>
  </si>
  <si>
    <t>是不是正品要看店的 。</t>
  </si>
  <si>
    <t>蓝莓需要洗吗</t>
  </si>
  <si>
    <t>野生的不用清洗，比较干净。种植的放在水里泡十分八分钟，其间用手多搅动几回，再换回水冲一下就行了。可用盐水泡，然后冲洗，最后用净水泡。</t>
  </si>
  <si>
    <t>乳腺增生可以哺乳吗</t>
  </si>
  <si>
    <t>可以的，但是哺乳期间不能吃药。</t>
  </si>
  <si>
    <t>直播赚钱吗</t>
  </si>
  <si>
    <t>这个可以的，通过收到的礼物获取提成。</t>
  </si>
  <si>
    <t>刀剑神域亚丝娜被玷污了么?</t>
  </si>
  <si>
    <t>小说中没有，只不过占了点便宜，须乡伸之那二货还没来得及有进一步动作，就被桐人开作弊器调的断钢神剑灭了。</t>
  </si>
  <si>
    <t>目前还没，按照作者一直的想法应该不会让她被玷污，就算被玷污了，那也是游戏，伤害不了身体的，只能算是心灵上的玷污。</t>
  </si>
  <si>
    <t>王者荣耀成就1v1能刷吗</t>
  </si>
  <si>
    <t>不可以的。刷成就开房间1v1算</t>
  </si>
  <si>
    <t>上海金山区是穷人区吗</t>
  </si>
  <si>
    <t>基本上是全上海最差的区。</t>
  </si>
  <si>
    <t>app试玩兼职是真的吗</t>
  </si>
  <si>
    <t>多数是假的。</t>
  </si>
  <si>
    <t>iphone7摔了有内伤吗</t>
  </si>
  <si>
    <t>iphone7增加了抗震功能，用力扔地上都没事。</t>
  </si>
  <si>
    <t>没关系的，iPhone的抗摔性很不错的。</t>
  </si>
  <si>
    <t>iPhone摔在地上，如果玻璃屏幕没有碎裂，触摸操控没有任何问题，摄像头没问题，Home键可以正常使用，充电可以正常充，如果这些情况都正常，那么你的手机没有任何事。</t>
  </si>
  <si>
    <t>轮状病毒疫苗有必要打</t>
  </si>
  <si>
    <t>孩子已经1岁多了，就没多大必要接种疫苗了，孩子没到6月龄，可以接种。</t>
  </si>
  <si>
    <t>很有必要接种。</t>
  </si>
  <si>
    <t>没有一定要打的必要。</t>
  </si>
  <si>
    <t>车险到期了晚点买行吗</t>
  </si>
  <si>
    <t>车险到期可以晚点买，没有时间限制。</t>
  </si>
  <si>
    <t>最好不要晚交，车险是一年一保，晚交即有一段时间无保，万一发生事情就后悔了。</t>
  </si>
  <si>
    <t>ahc水乳好用吗</t>
  </si>
  <si>
    <t>很好，温和不刺激。</t>
  </si>
  <si>
    <t>网球鞋可以当跑步鞋吗</t>
  </si>
  <si>
    <t>网球鞋可以偶尔当做跑鞋运动，有些网球鞋设计趋近跑鞋样式。</t>
  </si>
  <si>
    <t>一般来说可以的。</t>
  </si>
  <si>
    <t>借点钱可靠吗</t>
  </si>
  <si>
    <t>建议最好小心一点，以防上当受骗。</t>
  </si>
  <si>
    <t>不是骗人的，审核通过会放款的。</t>
  </si>
  <si>
    <t>苹果8是双卡双待吗</t>
  </si>
  <si>
    <t>论文查重 引用会被认为重复吗</t>
  </si>
  <si>
    <t>在论文中常常有会有忘记加引用符号，而变成抄袭的情况。比如Gocheck查重系统引用识别方式有四种：1.是在文章加“”符号。2.在正文中有来源于参考文献中文章的内容。3.文中的【数字】的部分。4.以及在Word自带的插入脚注都可以被识别为引用。</t>
  </si>
  <si>
    <t>论文中大量引用会被算进重复率的。</t>
  </si>
  <si>
    <t>宋江贷打联系人电话吗</t>
  </si>
  <si>
    <t>一般是打电话的。</t>
  </si>
  <si>
    <t>女人一个月不做,水多吗</t>
  </si>
  <si>
    <t>多，因为会很敏感。</t>
  </si>
  <si>
    <t>ipad没有计算器吗</t>
  </si>
  <si>
    <t>没</t>
  </si>
  <si>
    <t>卖水果赚钱吗</t>
  </si>
  <si>
    <t>卖水果是能赚钱的，因为水果现在几乎是人们家里必备的东西了，它的需求量大，所以不用担心没人买。然后这门生意投资小，风险小， 如果能沟通好城管，作为摊贩的话，不用门面费， 本钱就更少啦。 现在的水果都卖好贵， 价钱是在一路飙涨。</t>
  </si>
  <si>
    <t>卖水果保鲜非常重要，水果的保存时间是非常短的，如果水果没有外完就坏掉了，这个损失就大了。很多时候卖水果不赚钱还不说还会亏钱呢。所以做水果生意还是要谨慎考虑。</t>
  </si>
  <si>
    <t>看你怎么个卖法。比如柳桃储橙那肯定赚钱咯。</t>
  </si>
  <si>
    <t>泰国插头和中国一样吗</t>
  </si>
  <si>
    <t>基本差别不大。</t>
  </si>
  <si>
    <t>泰国用的三插座是跟美国一样，是一圆两扁，圆形在三插座的最上面那根。若你的电器插头都双插座，不用带。</t>
  </si>
  <si>
    <t>国内的三项插头在泰国不行，两相的可以。</t>
  </si>
  <si>
    <t>当代教育实践与教学研究 是不是非法刊物</t>
  </si>
  <si>
    <t>于2013年5月正式获得国家新闻出版广电总局批复，文号为：新出审字〔2013〕473号。只要有刊号都是合法的。</t>
  </si>
  <si>
    <t>活性炭对人体有害吗</t>
  </si>
  <si>
    <t>活性炭属物理吸附安全对人体无毒无害。</t>
  </si>
  <si>
    <t>对人体没有害处。</t>
  </si>
  <si>
    <t>天天洗头好吗</t>
  </si>
  <si>
    <t>不好。天天洗头非但不能保护头发，还有可能对头发造成伤害。因为洗头过勤会把皮脂腺分泌的油脂彻底洗掉，使头皮和头发失去了天然的保护膜，反而对头发的健康不利。</t>
  </si>
  <si>
    <t>天天洗头只是一时的酷，其实没什么好处对身体也不好，以后会很容易头疼的。</t>
  </si>
  <si>
    <t>每天洗一次头 ，对头发和头部皮肤最好，因为得到按摩，头部血液循环得好，对脑也好。</t>
  </si>
  <si>
    <t>2017款捷达值得买吗</t>
  </si>
  <si>
    <t>教育咨询公司可以办辅导班吗</t>
  </si>
  <si>
    <t>如果该教育咨询有限公司有办学资格，那没有任何问题。</t>
  </si>
  <si>
    <t>喝酒脸红是肝不好吗</t>
  </si>
  <si>
    <t>喝酒脸红是乙醛引起的。乙醛具有让毛细血管扩张的功能，而脸部毛细血管的扩张才是脸红的原因，喝酒脸红的人意味着能迅速将乙醇转化成乙醛，也就是说有他们有高效的乙醇脱氢酶，喝酒脸红的人其实不容易伤肝脏。</t>
  </si>
  <si>
    <t>应该有关系，但是并不代表肝不好，大多数人喝酒脸都红，是身体内缺少分解酒精的酶。</t>
  </si>
  <si>
    <t>喝酒容易脸红说明肝脏不是很好，这是酒精中毒的迹象，证明肝脏对酒精的代谢能力比较弱，建议平时不要饮酒，饮食要清淡，不要吃不卫生的食物，以免加重肝脏负担，平时可以吃一些黑木耳等有利于身体排毒的食物。</t>
  </si>
  <si>
    <t>雄黄酒能喝吗</t>
  </si>
  <si>
    <t>雄黄的主要成分是二硫化砷，二硫化砷遇热分解为三氧化二砷，即砒霜。雄黄除体内吸收外，还可以由皮肤吸收，不仅达不到驱邪、解毒目的，还有可能引起中毒。因此，最好不饮雄黄酒。</t>
  </si>
  <si>
    <t>大豆异黄酮能长期吃吗</t>
  </si>
  <si>
    <t>大豆异黄酮能长期服用的，一般没什么副作用的。</t>
  </si>
  <si>
    <t>心悦会员3是永久的吗</t>
  </si>
  <si>
    <t>是永久的，开通方法：1年内消费够1万元，这个了解心悦会员都知道。财付通等级达到4级，财付通LV4会员直接激活成为心悦会员。绑定工商牡丹爱购卡，此为信用卡（仅深圳地区）送三个月SVIP。财付通SVIP用户即可自动拥有财悦会员身份。</t>
  </si>
  <si>
    <t>骑车能减肥吗</t>
  </si>
  <si>
    <t>不吃晚饭是养生吗</t>
  </si>
  <si>
    <t>肯定不是啊！在好的身体也抗不住 ！养生是在吃饭时不一定要多，而在于营养。就是能够合理的搭配菜品和营养成分。</t>
  </si>
  <si>
    <t>少吃为好，养生之道讲的是早餐吃好，午餐吃饱，晚餐吃少。</t>
  </si>
  <si>
    <t>何炅同性恋吗</t>
  </si>
  <si>
    <t>何炅不是同性恋。</t>
  </si>
  <si>
    <t>他是GAY，结婚只是个幌子。</t>
  </si>
  <si>
    <t>萤石值钱吗</t>
  </si>
  <si>
    <t>萤石矿值1.5元钱1kg。</t>
  </si>
  <si>
    <t>一要看大小二要看发光性三看发什么色的光。</t>
  </si>
  <si>
    <t>又叫夜明珠原石，值钱。</t>
  </si>
  <si>
    <t>晚上跑步好吗</t>
  </si>
  <si>
    <t>晚上跑步的好处：1、运动医学已经证明，早晨刚起来时，人体各脏器的运转仍处于较低水平，这时候锻炼，对于心血管功能比较脆弱的人来说是较危险的。而人体的活动能力在晚上被充分开发出来，这时候跑步，身体更容易适应运动节奏。 2、从外部环境来说，最新的研究表明，清晨空气中二氧化碳指数最高，而且前一天悬浮在空中的尘埃也并未完全消失，这时候运动，远不如晚上的环境好。 3、另外，晚上适度运动产生的轻微疲劳感需要香甜的睡眠来解除，这就使得运动后的睡眠质量大大提升。</t>
  </si>
  <si>
    <t>晚上跑步后，睡觉时大脑分泌的褪黑激素和生长荷尔蒙更加充足，能促进青少年成长和成年人提高免疫力，能够改善睡眠质量。</t>
  </si>
  <si>
    <t>临近入睡应该避免做剧烈运动。大量出汗，睡前肢体处于兴奋状态，体温过高，都会降低睡眠质量。</t>
  </si>
  <si>
    <t>宫本武藏厉害吗</t>
  </si>
  <si>
    <t>宫本武藏在集齐6神装的时候比6神装的赵云厉害。</t>
  </si>
  <si>
    <t>云骑士装机大师靠谱吗</t>
  </si>
  <si>
    <t>云骑士是用U盘安装，也可以在线重装的，看你需要，个人觉得还是可以的，前段时间用过，感觉还不错</t>
  </si>
  <si>
    <t>坑爹的东西，下载了在制作U盘启动盘的时候把移动硬盘整个都格了，本来分了4个区的，第一个区一直是用别的工具做的PE启动盘，结果格了以后整个移动硬盘都打不开了，文件全丢失，之前一直用的那个信念论坛的PE工具，根本就不会影响其它盘，可以指定某个盘制作PE启动盘，这个“云骑士装机大师”工具完全误导用户，在制作的过程中，显示的是4个分区，可以选择单独的分区，结果执行动作后整个盘都格了。</t>
  </si>
  <si>
    <t>狗咬了一定要打针吗</t>
  </si>
  <si>
    <t>首先这狗是不是自家养的 ，干不干净， 这是其一， 如果不干净， 而且伤口破裂要打破伤风针 ，一般被狗咬是问题不大的， 但还是建议打， 这样保险些</t>
  </si>
  <si>
    <t>是的，要打狂犬疫苗的 不管是大的狗还是小的狗咬的。被动物咬伤后应尽早注射狂犬疫苗，越早越好。</t>
  </si>
  <si>
    <t>也不能这么说，之所以要打育苗是因为狂犬病；狂犬狂犬，字面上就是疯狗；不是每条狗都带有狂犬病毒的；所以不说说被狗咬了就得打针；但是狂犬病毒的潜伏期比较大，被咬了十来年才爆发的都有，因此为了安全起见，建议最好打针，毕竟狂犬病似乎还没有办法进行治疗，死亡率挺高的</t>
  </si>
  <si>
    <t>4s店定金可以退吗</t>
  </si>
  <si>
    <t>对“订金”，目前法律上没有明确规定，一般可视为“预付款”。“订金”的效力取决于双方当事人的约定。双方当事人如果没有约定，“订金”的性质主要是预付款，卖方违约时，应无条件退款；买方违约时，可以与卖方协商解决并要求对方退款。如果双方当事人另有约定，则按照约定执行。因此，根据协议约定，退回的可能性不大。</t>
  </si>
  <si>
    <t>从法律上讲只要是定金都是不能退的，如果是订金就可以退。但是你是在4S店消费，作为消费者是弱势群体，法律会更加偏向与消费者的。一般情况只要你去和4S店沟通协商都是定金可以退的，告诉自己退定金的原因，如果他们不同意态度强硬一点，坚持要退定金，那么到最后都是可以退的，只是比较麻烦。</t>
  </si>
  <si>
    <t>双清与出厂设置一样吗</t>
  </si>
  <si>
    <t>双清的意思就是把手机里的缓存和储存的东西删除干净了，刷的rom里面的软件有什么就是什么，清的不彻底。恢复出厂设置的意思是把手机恢复到刚买到手时候的状态，手机里的软件设置等都恢复到出厂时候的，后来设置的不算了。但是内存卡里的东西还在。两者效果一样，都需要重新安软件，双清在刷机前做的比较多，是为了避免BUG，无论那样做都需要备份联系人。</t>
  </si>
  <si>
    <t>双清和恢复出厂设置解释：1、双清指的是清理手机内的用户数据和储存里的东西,可以有效的提高手机的运行速度；手机双清是进入手机的recovery模式，清除手机数据和清除手机的缓存数据。刷机前需要备份需要的数据。2、恢复出厂设置是在保留当前系统的前提下，清理手机里面的资料，例如APP，通讯录，短信，通话记录。</t>
  </si>
  <si>
    <t>不一样，恢复出厂设置是彻底的恢复成刚出厂的样子。</t>
  </si>
  <si>
    <t>防晒喷雾可以上飞机吗</t>
  </si>
  <si>
    <t>是可以带防晒喷雾的，单件不超过100ML可以随身携带，超过100ML需托运。</t>
  </si>
  <si>
    <t>5.4青年节有放假吗</t>
  </si>
  <si>
    <t>青年节(5月4日)，14周岁以上的青年放假半天；</t>
  </si>
  <si>
    <t>青年节不是我国的法定节假日。</t>
  </si>
  <si>
    <t>14--28周岁的青年可享有休假半天，上下午可以自己选择。</t>
  </si>
  <si>
    <t>滦州古城好玩吗</t>
  </si>
  <si>
    <t>百臻堂金尊皇帝油管用吗</t>
  </si>
  <si>
    <t>iphone6 16g够用吗</t>
  </si>
  <si>
    <t>iPhone6 16G安装8.0.2后可用空间为10.3G。这10.3G中有一部分空间是划拨给某些软件的，在iTunes里显示为“其他”，这部分根据所装软件的多少，占用的也会成比例增长，一般来说10个gb的空间不能装太多的东西。而且很多软件都有缓存垃圾。所以总而言之，少装、精简、多多清理就好。</t>
  </si>
  <si>
    <t>这个要根据自己的需要，如果正常使用网络类应用，不是疯狂并爱好多样的游戏发烧友，正常拍摄相片视频，观看完电影就删除的绝对够用。</t>
  </si>
  <si>
    <t>如果是玩游戏比较多的人，那么16g是不够用的！装软件多的，也不够用！</t>
  </si>
  <si>
    <t>iphone7home键震动反馈可以关吗</t>
  </si>
  <si>
    <t>不可以关。</t>
  </si>
  <si>
    <t>支付宝转账对方不收会退回吗</t>
  </si>
  <si>
    <t>转账不退。</t>
  </si>
  <si>
    <t>王者荣耀微信qq互通吗</t>
  </si>
  <si>
    <t>健客网上的药是真的吗</t>
  </si>
  <si>
    <t>无良商家,谁买谁上当。</t>
  </si>
  <si>
    <t>孕妇可以吃凉皮吗</t>
  </si>
  <si>
    <t>孕妇可以吃凉皮的，没什么副作用。凉皮不是寒性实物，但是温度却是凉的。如果胃不太好的话，建议不要多吃。</t>
  </si>
  <si>
    <t>没事的。</t>
  </si>
  <si>
    <t>食物中凉皮当然属于粮食到一种，没有和孕妇相冲突的成份。作为孕期整个过程，需要注意饮食的卫生，所以建议卫生保证的情况下合理食用，其他没有什么大问题。</t>
  </si>
  <si>
    <t>jeep指南者小毛病多吗</t>
  </si>
  <si>
    <t>费油小毛病多，养护费高。</t>
  </si>
  <si>
    <t>kindle 可以看pdf吗</t>
  </si>
  <si>
    <t>完全可以看，只是体验不好，尤其是扫描版pdf。</t>
  </si>
  <si>
    <t>醋泡黑豆吃多了有害吗</t>
  </si>
  <si>
    <t>对身体没有害处。</t>
  </si>
  <si>
    <t>现在买iphone6s好吗</t>
  </si>
  <si>
    <t>现在买不合适，p7出来后6s会降价，所以要入手6S应该在10月份左右。</t>
  </si>
  <si>
    <t>建议买7，不过现在贵点，可以过段时间去买。</t>
  </si>
  <si>
    <t>孕妇可以吃李子吗</t>
  </si>
  <si>
    <t>李子可以吃，但不可以多吃，中医上说李子性温，过食可引起脑涨虚热，如心烦发热、潮热多汗等症状。所以不要吃太多，一样食物吃多了都对身体有害处的。另外，孕妇吃水果要注意均衡，同时要注意清洗后连皮一起进食，建议你用玛蒂尔酶浸泡清洗后再吃。</t>
  </si>
  <si>
    <t>本田s660国内能买到吗</t>
  </si>
  <si>
    <t>买不到</t>
  </si>
  <si>
    <t>空调扇有用吗</t>
  </si>
  <si>
    <t>空调扇肯定是有效果的，关键看使用是否得当。</t>
  </si>
  <si>
    <t>金属狂潮杰斯有特效吗</t>
  </si>
  <si>
    <t>没有任何的特效，只是有点声效和肩膀上面有个小光球。</t>
  </si>
  <si>
    <t>全金属狂潮杰斯有特效。</t>
  </si>
  <si>
    <t>全特效。</t>
  </si>
  <si>
    <t>成都家教一对一200贵吗</t>
  </si>
  <si>
    <t>不同资质的老师的收费可能不同，像大学生和专职老师的差距就很大。</t>
  </si>
  <si>
    <t>各人不一，一般是每小时：小学100元左右，初中150元左右，高中200元左右。</t>
  </si>
  <si>
    <t>家教的话要分年级，小学生如果是大学生的话，至少是五十一小时起，如果是老师的话，一个小时至少是六十起，每个年级都会往上加。</t>
  </si>
  <si>
    <t>膀胱镜检查难受吗</t>
  </si>
  <si>
    <t>以前的膀胱镜是硬的，深入尿道确实是件很痛苦的事。但是现在膀胱镜已经变成了可屈性软镜，情况已经大大改变。 在熟练的泌尿外科医生的操作下，大多数患者仅需要使用一点局部麻醉药，就可完成此项检查，有些女性患者(女性尿道宽、短、直)甚至不用麻药也可以接受膀胱镜检查。只有极个别患者(特别是怀疑腺性膀胱炎的患者)需要在静脉全麻下进行此项检查。 纤维电子膀胱镜检查会比接受普通膀胱镜检查的痛苦要更小些。目前膀胱镜检查是很安全的，痛苦也很小。</t>
  </si>
  <si>
    <t>智联卓聘猎头可信吗</t>
  </si>
  <si>
    <t>猎头在选择候选人的时候，候选人起码有50%以上的职业符合度才会选择的，所以说靠谱不靠谱主要看您自己的实际情况，一般来说会没什么问题。</t>
  </si>
  <si>
    <t>这个就要求你自己学会筛选了，智联和猎头上的质量还是略高。</t>
  </si>
  <si>
    <t>快递单录入员是真的吗</t>
  </si>
  <si>
    <t>工资太高就是假的，以般都是文员做的工作的一部分，少有单独的这么一个工作。</t>
  </si>
  <si>
    <t>百词斩有电脑版吗</t>
  </si>
  <si>
    <t>甲亢会遗传吗</t>
  </si>
  <si>
    <t>甲亢是有一定的遗传倾向。</t>
  </si>
  <si>
    <t>不属于遗传疾病的范围，绝大多数的甲亢是不会遗传的。</t>
  </si>
  <si>
    <t>伟哥能延长时间吗</t>
  </si>
  <si>
    <t>能延长到40分钟以上。</t>
  </si>
  <si>
    <t>伟哥不是延长时间的。</t>
  </si>
  <si>
    <t>一般都可以延长到30-60分钟。</t>
  </si>
  <si>
    <t>河北猪肉病毒是真的吗</t>
  </si>
  <si>
    <t>辟谣了。</t>
  </si>
  <si>
    <t>行车记录仪停车后还会录制么</t>
  </si>
  <si>
    <t>关闭汽车电源后行车记录仪也停止工作。</t>
  </si>
  <si>
    <t>甄子丹人品真的很差吗</t>
  </si>
  <si>
    <t>人品到底是不是有问题，没正面接触过不能妄下评论！但通过耳闻目染的观察，个人认为他人品确实不是那么十分正派！看他这两年出名之后接受采访的时候，从来都是装出一副暴发户的“大爷”相，在采访现场要么翘着二郎腿，要么就是十分懒散的半倒在沙发上，摆出一种无视天下的“大牌”样！没见到象成龙、李连杰他们这样过，其他明星都是很谦和的和他不太一样！再看他近期与赵文卓这件事上，赵文卓一早就说过敢为自己的话负责任，而甄子丹却极少露面为自己澄清，而是让舒淇当挡箭牌，后来还把他老婆和小姨子推到前面去了，不免让人觉得他有理亏的地方！香港的很多老一代武打明星比如成龙的师兄弟元彪、元奎、元华，还有洪金宝的儿子（估计代表他老爸的意思）也都支持赵文卓而不支持甄子丹，还看到有媒体说叶问的儿子也骂他过河拆桥，看来他在娱乐圈没少得罪人！最后就是为什么那么多的网友都质疑他，因该不是道听途说、空穴来风吧！这样看来，他的人品确实还是有些问题！</t>
  </si>
  <si>
    <t>电子烟的烟油对人体有害吗</t>
  </si>
  <si>
    <t>电子烟的烟油也是有害的，但是相对于香烟的危害要小的多。</t>
  </si>
  <si>
    <t>烟油成分有PG，VG，食用香精和尼古丁，只有尼古丁对人有少量危害，对喝些水是完全可以排除体外的。</t>
  </si>
  <si>
    <t>一般是没害的，就怕有人用劣质的。</t>
  </si>
  <si>
    <t>巧克力囊肿严重吗</t>
  </si>
  <si>
    <t>巧克力囊肿是女性挥之不去的梦魇，因为它缠绵不愈。</t>
  </si>
  <si>
    <t>巧克力囊肿除了让女性在每个经期痛苦万分之外，引起的最大麻烦就是不孕。</t>
  </si>
  <si>
    <t>哺乳期合同到期不续签有无赔偿金</t>
  </si>
  <si>
    <t>如果女职工等哺乳期一结束就提出解除劳动合同，那么不仅没有什么赔偿，而且公司会让女职工退还产假、哺乳假期间发放的工资和缴纳的社保费用，不然，不过女职工办理离职手续，女职工也无法拿到社保手册。因此，最好，先回去上班1个月，然后，再提出辞职。</t>
  </si>
  <si>
    <t>公司在哺乳期期间解除劳动关系的话，公司应该按照工作1年赔偿2个月工资的标准进行赔偿。</t>
  </si>
  <si>
    <t>女职工在孕期、产期、哺乳期的，用人单位不得解除劳动合同。哺乳期女工劳动合同期满，用人单位不续签劳动合同，应按经济补偿标准的二倍支付该女工赔偿金。经济补偿的标准是：每满一年工作支付一个月工资。超过半年不满一年，按一年计算；不满半年支付半个月工资。</t>
  </si>
  <si>
    <t>厦华电视是不是倒闭了</t>
  </si>
  <si>
    <t>不是自己要倒闭，是市场在逼迫。</t>
  </si>
  <si>
    <t>厦新有可能换个门面重组,国有的基本不会倒闭。</t>
  </si>
  <si>
    <t>初期静脉曲张能治愈吗</t>
  </si>
  <si>
    <t>早日接受治疗是完全可以治愈的。</t>
  </si>
  <si>
    <t>一般的如果是比较轻微的话，可以通过穿弹力袜来进行治疗的。</t>
  </si>
  <si>
    <t>户口所在地是派出所吗</t>
  </si>
  <si>
    <t>户口所在地是填自己家的住址，在填写户籍所在地时，只填写到县。</t>
  </si>
  <si>
    <t>蜜live是真的吗</t>
  </si>
  <si>
    <t>这个就是骗人的</t>
  </si>
  <si>
    <t>手机3g运行内存够吗</t>
  </si>
  <si>
    <t>3g够用了，安卓手机本身寿命就不长，内存太大也是浪费</t>
  </si>
  <si>
    <t>3G的话，用三五年都没压力</t>
  </si>
  <si>
    <t>不玩游戏的话2g都能</t>
  </si>
  <si>
    <t>2017川藏线轿车能走吗</t>
  </si>
  <si>
    <t>可以进。但是做好心理准备。车回来估计就不能要了。</t>
  </si>
  <si>
    <t>现在路好多了，修了，有些地方不好走。注意点没事。</t>
  </si>
  <si>
    <t>扬子江隧道外地车可以走吗</t>
  </si>
  <si>
    <t>不能走。</t>
  </si>
  <si>
    <t>怀孕能吃西瓜吗</t>
  </si>
  <si>
    <t>怀孕期间可以适量吃些西瓜，但不能多吃，也不可以吃冰西瓜。</t>
  </si>
  <si>
    <t>网易考拉自营是正品吗</t>
  </si>
  <si>
    <t>百度账号注册 可以不用手机么</t>
  </si>
  <si>
    <t>去买号就可以。</t>
  </si>
  <si>
    <t>百度账号可以用邮箱注册。</t>
  </si>
  <si>
    <t>空调扇凉快吗</t>
  </si>
  <si>
    <t>它没有压缩机不用氟利昂，不能实现真正意义上的制冷。</t>
  </si>
  <si>
    <t>当房间湿度低时,水分的蒸发会吸收热量,因此会凉爽。</t>
  </si>
  <si>
    <t>常见的空调扇是把冰块置于其中吹出凉风，并不具有制冷能力，凉风很微弱。</t>
  </si>
  <si>
    <t>月经期能洗头发吗</t>
  </si>
  <si>
    <t>经期是不宜洗头发的</t>
  </si>
  <si>
    <t>感冒可以吃榴莲吗</t>
  </si>
  <si>
    <t>不建议使用，榴莲本身性热。</t>
  </si>
  <si>
    <t>每天不超过100克。 榴莲虽好，但一次不可多吃。</t>
  </si>
  <si>
    <t>好了再吃。</t>
  </si>
  <si>
    <t>速度与激情9还拍吗</t>
  </si>
  <si>
    <t>会拍。</t>
  </si>
  <si>
    <t>公司提前一个月告知员工辞退需要赔偿金吗</t>
  </si>
  <si>
    <t>用工单位提出与劳动者解除合同的，应当提前三十天以书面形式通知劳动者本人或者额外支付劳动者一个月工资后，可以解除劳动合同。法律依据：《劳动合同法》第四十条 有下列情形之一的，用人单位提前三十日以书面形式通知劳动者本人或者额外支付劳动者一个月工资后，可以解除劳动合同：（一）劳动者患病或者非因工负伤，在规定的医疗期满后不能从事原工作，也不能从事由用人单位另行安排的工作的；（二）劳动者不能胜任工作，经过培训或者调整工作岗位，仍不能胜任工作的；（三）劳动合同订立时所依据的客观情况发生重大变化，致使劳动合同无法履行，经用人单位与劳动者协商，未能就变更劳动合同内容达成协议的。</t>
  </si>
  <si>
    <t>保护伞公司真的存在吗</t>
  </si>
  <si>
    <t>保护伞公司真实存在。保护伞公司由奥斯威尔E斯宾塞和爱德华亚希福特创立，因开发出用来迅速愈合伤口的药膏治疗溶剂（注册商标）闻名于世，从创始地浣熊市生产起家，保护伞公司现已在全球各地设立操作机构，开发出众多改变生活的医药产品，包括阿德拉威尔（注册商标）、瑞坚瑞特（注册商标）和瑞特恩（注册商标），是世界顶尖生物科技联合企业之一，业务遍及全球。</t>
  </si>
  <si>
    <t>目前可能不存在。</t>
  </si>
  <si>
    <t>生化危机里的保护伞公司是虚构的出来的  但是中国深圳真的有一个保护伞公司  全名：深圳保护伞科技有限公司  这家公司主要从事CCTV电视监控系列产品的生产、销售。依托美国TEO公司技术优势，采用TEO Bio-ele Image Process专有技术生产的视频摄象机，以图象细腻、色彩真实、功能完善，以其高性价比为安防业界称道。</t>
  </si>
  <si>
    <t>晒伤脱皮可以撕吗</t>
  </si>
  <si>
    <t>撕了没事，抹点晒后修复或者芦荟胶。</t>
  </si>
  <si>
    <t>皮肤被阳光暴晒，出现发红、蜕皮现象，千万不要手撕受伤的蜕皮，这样不仅会扩大损伤面积，还可能会引起局部的感染，居家护理可以用以下办法：1、用毛巾浸润温水，轻拭受伤的肌肤，保证肌肤的清洁；2、用水和蜂蜜调配后加入珍珠粉敷在受伤的位置，能够帮助缓解晒伤之后肌肤发红疼痛的症状；3、把维生素C片碾碎，加点水，涂在蜕皮的位置，对于肌肤恢复非常有效。</t>
  </si>
  <si>
    <t>晒伤脱皮一般是表层皮肤，不会留疤，但强行撕掉不建议，容易引起出血，感染等。等新的表皮长出来后晒伤的皮肤就会自然脱落了。</t>
  </si>
  <si>
    <t>重置神器点数 会返神器能量吗</t>
  </si>
  <si>
    <t>会返。</t>
  </si>
  <si>
    <t>不返还。</t>
  </si>
  <si>
    <t>雀斑能治不美姿尔可以吗</t>
  </si>
  <si>
    <t>美姿尔也是可以的。</t>
  </si>
  <si>
    <t>不能去掉。</t>
  </si>
  <si>
    <t>没有户口本可以领结婚证吗</t>
  </si>
  <si>
    <t>当事人无法出具居民户口簿的，婚姻登记机关可凭公安部门或有关户籍管理机构出具的加盖印章的户籍证明办理婚姻登记。</t>
  </si>
  <si>
    <t>性取向是天生的吗</t>
  </si>
  <si>
    <t>个人觉得后天形成的，手环境和各种因素影响，形成对东西的看法。</t>
  </si>
  <si>
    <t>觉得先天的因素比较大，但后天会受影响。真正纯的GAY，是先天的，不可逆的，对异性没有感觉的。但这样的人不太多的。但人容易受外力影响，就打个比方，一个直男被一个很有魅力的GAY爱上了，或者遇上了一个很有魅力很合拍的同性，而且他自己原先又没有爱着的异性，就有可能会爱上同性吧。很多事很多人，就是因缘巧合吧，际遇改变人生。</t>
  </si>
  <si>
    <t>后天的。天生是异性恋，因为人类的本能。</t>
  </si>
  <si>
    <t>车展买车便宜吗</t>
  </si>
  <si>
    <t>汽车淡季参加车展买车是比较划算的，年底参加车展则风险较大，因为大多数经销商已经完成了今年的销量考核，没有动力去降价促销，而且中国人喜欢买新车过年，买的人多了，价格自然就越坚挺，而且还可能提不到现。</t>
  </si>
  <si>
    <t>一般会有一些活动，价格会便宜一些，而且会附赠一些礼品，比平时购买便宜一些。</t>
  </si>
  <si>
    <t>蟑螂能吃吗</t>
  </si>
  <si>
    <t>一般家养的蟑螂是不可以吃的。</t>
  </si>
  <si>
    <t>蟑螂可以食用。</t>
  </si>
  <si>
    <t>蟑螂属于中药药材，可药用，人工培养的可食用。</t>
  </si>
  <si>
    <t>一个手机上可以登录两个微信吗</t>
  </si>
  <si>
    <t>根据腾讯微信官方是不可以，也是不允许一个终端微信多开的。</t>
  </si>
  <si>
    <t>现在微信应用普遍，很多人需要同时在一部手机上使用多个微信，但切换账号的方法太麻烦。</t>
  </si>
  <si>
    <t>微信无法两个手机同时登陆，不管是两个手机、一手机一iPad或者两个iPad，都是无法同时登陆的，但是微信手机端是可以和微信网页版或者微信电脑客户端同时登陆。出于对安全的考虑。微信网页版、微信电脑客户端登陆都需要在手机端进行确认后才可以登陆。</t>
  </si>
  <si>
    <t>vps搭建vpn犯法吗</t>
  </si>
  <si>
    <t>犯法最高可处五年徒刑。</t>
  </si>
  <si>
    <t>艾草驱蚊吗</t>
  </si>
  <si>
    <t>将艾草或艾条点燃，散发出来的烟雾可以迅速将蚊子熏跑;或者将艾草、菖蒲加水浸泡，用来拖地，也可将其煮成温水，涂抹到身上，可以起到驱蚊水的作用;在房间里挂一根阴干的艾条，同样也能起到驱除蚊子、飞蛾、虫子。</t>
  </si>
  <si>
    <t>艾草本身能散发出一股味道，类似于避蚊胺的味道 ，可以驱蚊但是效果一般。</t>
  </si>
  <si>
    <t>艾草具有一种特殊的香味，这特殊的香味具有驱蚊虫的功效，所以，古人常在门前挂艾草，一来用于避邪，二来用于赶走蚊虫。长期使用艾草叶，使用过多,对神经会有抑制。</t>
  </si>
  <si>
    <t>手上有红点是艾滋病吗</t>
  </si>
  <si>
    <t>红点出现有很多可能的。是艾滋病的可能性不大。</t>
  </si>
  <si>
    <t>手上出现皮疹，可能是感染或者是过敏等导致的，并不能说明感染了艾滋病。如果之前有过高危行为的话，建议你最好能做一个hiv抗体的检测。以帮助明确诊断。</t>
  </si>
  <si>
    <t>可能是毛囊炎或者过敏其他的都可能反正肯定不是艾滋。</t>
  </si>
  <si>
    <t>被小狗抓破皮要打针吗</t>
  </si>
  <si>
    <t>要去医院看一下的，狗狗身上有很多细菌的。</t>
  </si>
  <si>
    <t>如果狗打过针了，就不用打了，反之得去医院看看。</t>
  </si>
  <si>
    <t>打针比较放心，免得总是想着，一天提心吊胆的。</t>
  </si>
  <si>
    <t>工程物资属于存货吗</t>
  </si>
  <si>
    <t>不属于存货。</t>
  </si>
  <si>
    <t>陈大惠是邪教吗</t>
  </si>
  <si>
    <t>不是邪教。陈老师讲得不错，真的邪教追求物质、追求享受、不格物。正法格物，我相信净空法师和陈老师。</t>
  </si>
  <si>
    <t>是邪教，因为他让正常人去吃腐败变质的垃圾，还用思想控制的方法说他这样做的重要性，以骂人为荣，给观众洗脑，使得观众深信不疑，陈大惠即便是骂人，观众也很乐意听，和一般邪教的兴起原理是相同的。</t>
  </si>
  <si>
    <t>防蓝光眼镜能一直带么</t>
  </si>
  <si>
    <t>防蓝光眼镜是功能眼镜，不建议长时间佩戴； 知识普及：现在的眼镜不管是品牌、材质都是多种多样。一副好看的眼镜不仅只是外表美观，还需要佩戴者在挑选的时候知道脸型与眼镜如何搭配，这样就比较完美了，眼镜将会发挥它的修饰作用，让你更具魅力。下面就一起来了解什么眼镜好看。</t>
  </si>
  <si>
    <t>防蓝光眼镜主要防止肉眼不可见的400-500纳米高能量蓝光。这种蓝光存在于太阳光、浴霸、电脑屏幕、手机屏幕，适合长时间使用电脑人群使用，可缓解眼部的干涩症状；但无休止的看电脑，既使带上这种眼镜也会对眼睛造成伤害。</t>
  </si>
  <si>
    <t>红外线对人体有害吗</t>
  </si>
  <si>
    <t>红外线、可见光对人体是无害的</t>
  </si>
  <si>
    <t>当然有害了，一般来说，燃料燃烧、电热器具热源等放出的红外线多属于近红外线，由于波长较短，因此产生大量的热效应，长期照射人体后会产生灼伤皮肤及眼睛水晶体等伤害。</t>
  </si>
  <si>
    <t>无害</t>
  </si>
  <si>
    <t>老虎证券安全吗</t>
  </si>
  <si>
    <t>当然安全了，不安全的话小米会投资他们。</t>
  </si>
  <si>
    <t>味全果汁是纯果汁吗</t>
  </si>
  <si>
    <t>不是纯的。</t>
  </si>
  <si>
    <t>是纯的。</t>
  </si>
  <si>
    <t>湿疹自己能好吗</t>
  </si>
  <si>
    <t>湿疹不能自己好。</t>
  </si>
  <si>
    <t>一般皮炎湿疹，会比较顽固的，如果皮肤好，可能会自愈的。</t>
  </si>
  <si>
    <t>湿疹是一种常见的由多种内外因素引起的表皮及真皮浅层的炎症性皮肤病,一般不会自愈且不宜根治。</t>
  </si>
  <si>
    <t>王者荣耀苹果和安卓数据互通吗</t>
  </si>
  <si>
    <t>不互通，但是可以一起玩。</t>
  </si>
  <si>
    <t>乐车邦保养汽车靠谱吗</t>
  </si>
  <si>
    <t>违章建筑可以强拆吗</t>
  </si>
  <si>
    <t>在没有办理土地使用证和报建手续的情况下擅自建设房子的，属于违章建筑，在当地相关部门多次下达拆除通知而未自行拆除的，由当地行政执法部门进行强制拆除。</t>
  </si>
  <si>
    <t>功夫贷打联系人电话吗</t>
  </si>
  <si>
    <t>随机抽取。</t>
  </si>
  <si>
    <t>逾期就会打。</t>
  </si>
  <si>
    <t>杨梅需要洗吗</t>
  </si>
  <si>
    <t>吃杨梅还是要洗的。</t>
  </si>
  <si>
    <t>用盐水洗是最好了。</t>
  </si>
  <si>
    <t>吃杨梅前要清洗，就可以放心食用。</t>
  </si>
  <si>
    <t>夏蒙眼镜架是高档吗</t>
  </si>
  <si>
    <t>不怎么样，时间久了会脱色掉漆。</t>
  </si>
  <si>
    <t>成长快乐能长高吗</t>
  </si>
  <si>
    <t>没用的。想长高就多点运动。多喝牛奶，多补充钙质。</t>
  </si>
  <si>
    <t>黑道圣徒4可以嫖妓吗</t>
  </si>
  <si>
    <t>黑道圣徒没有这个设定，最多只能跟她们进行互动，就是对其做嘲讽或者赞美那些动作。</t>
  </si>
  <si>
    <t>不可以嫖妓。</t>
  </si>
  <si>
    <t>黑道圣徒虽然尺度有点大，但是毕竟不是成人游戏，所以不可能有明目张胆的嫖妓。</t>
  </si>
  <si>
    <t>炉石天马绝版了吗</t>
  </si>
  <si>
    <t>在《炉石传说》对战模式或竞技模式中赢3场就能在《魔兽世界》中领取的，绝版目前消息未知。</t>
  </si>
  <si>
    <t>鹿晗吴亦凡关系好吗</t>
  </si>
  <si>
    <t>关系好，装不熟。</t>
  </si>
  <si>
    <t>两人ins没有互粉。</t>
  </si>
  <si>
    <t>公司要求转岗员工不同意可以赔偿走人吗</t>
  </si>
  <si>
    <t>转岗，属于劳动合同内容的变更，应该协商重新签订劳动合同。公司以你不服从公司安排的情况解除你的劳动关系，应该支付经济补偿金。</t>
  </si>
  <si>
    <t>如果单位没办法安排工作，可以辞职。因为入职一个月单位不签订书面劳动合同，从第二个月起可以要求双倍工资补偿和单位无法协商补偿金，离职一年内申请劳动仲裁。因为没有劳动合同，需要提供能证明劳动关系的证据，工资卡、出勤卡、离职证明都可以。《劳动合同法》第八十二条：用人单位自用工之日起超过一个月不满一年未与劳动者订立书面劳动合同的，应当向劳动者每月支付二倍的工资。</t>
  </si>
  <si>
    <t>可以到当地的劳动局的劳动仲裁部门申请仲裁进行纠纷调解，或者拨打12333免费电话咨询，岗位的变更属于劳动合同的重大变化，需要重新订立劳动合同并且要争得员工同意，否则就是违反劳动合同法，如果公司强制转岗，就可以申请仲裁，仲裁会让公司选择，要么解除合同补偿N+1个月工资，要么公司和你重新商议订立新的劳动合同，当然工资也需要重新制定，但如果拒绝转岗，公司就只能选择第一个，赔偿。</t>
  </si>
  <si>
    <t>安化黑茶是传销吗2017</t>
  </si>
  <si>
    <t>是的。工商总局没有备案，都是传销。</t>
  </si>
  <si>
    <t>nvidia geforce有用吗</t>
  </si>
  <si>
    <t>这项服务将通过在线的方式分析用户的硬件配置并自动调整显示分辨率和游戏设置，而对于用户来说则不需要增加额外的操作。甚至可以自动从云端获取最优设定，并可以直接更改游戏的配置文件，包括反锯齿和阴影选项等高级设置。这意味着游戏玩家可以不用再为了找到一个合适的设置而头疼了，当然如果你希望牺牲一些性能来提高感官效果仍然可以自己去配置你的方案。此外，这项服务还支持自动更新显卡驱动。</t>
  </si>
  <si>
    <t>iphone6更新10.3好吗</t>
  </si>
  <si>
    <t>iOS10.3.1是为iPhone5/5c使用的32位操作系统，不建议iPhone6升级。iOS10.3(正式版)是面相iPhone5s及以上产品使用的64位操作系统，iPhone6升级iOS10.3是完全可以的，运行流畅且更加稳定。</t>
  </si>
  <si>
    <t>这个要看情况了，如果上个版本，苹果还没有关闭验证，可以降回原来的版本，如果苹果已经关闭验证的版本，那是降不回去了。</t>
  </si>
  <si>
    <t>听说还不错，系统基本上没太大的改变，主要就是释放了内存。</t>
  </si>
  <si>
    <t>吃水果会胖吗</t>
  </si>
  <si>
    <t>晚上只吃水果加上一些小零食。这样不但不能预防肥胖，很有可能会增肥---而且增加的肥肉很愿意往腰腹部长。</t>
  </si>
  <si>
    <t>不科学的吃水果也会导致肥胖。</t>
  </si>
  <si>
    <t>不会的。 大多数水果能帮助减肥。</t>
  </si>
  <si>
    <t>系统休眠文件可以删除吗</t>
  </si>
  <si>
    <t>可以，但下次休眠时，又会有，没什么影响的。</t>
  </si>
  <si>
    <t>如果不用休眠功能，完全可以禁用该功能，释放磁盘空间。</t>
  </si>
  <si>
    <t>可以删，没有影响的，因为休眠功能只是用于快速开机，恢复到上次开机时的状态，而我们一般都是使用正常的开机模式，不同的只是开机时间长了点。</t>
  </si>
  <si>
    <t>男人开红色的车好吗</t>
  </si>
  <si>
    <t>只要你喜欢这种颜色，更何况红色代表激情，热血有活力。</t>
  </si>
  <si>
    <t>感觉红色的如果是跑车会很有感觉。</t>
  </si>
  <si>
    <t>蚂蚁借呗会上征信吗</t>
  </si>
  <si>
    <t>征信上没有记录。</t>
  </si>
  <si>
    <t>上征信的，毕竟用的是你的姓名跟身份证号。最好要保持良好的借贷习惯哦。</t>
  </si>
  <si>
    <t>借呗未逾期一般不会上征信的。</t>
  </si>
  <si>
    <t>微信可以看到访问记录吗</t>
  </si>
  <si>
    <t>微信目前没有此功能。</t>
  </si>
  <si>
    <t>李俊毅现实结婚了吗</t>
  </si>
  <si>
    <t>结婚了，于2015年2月26结婚。</t>
  </si>
  <si>
    <t>劳动补偿金要交个税吗</t>
  </si>
  <si>
    <t>一般来说要。</t>
  </si>
  <si>
    <t>国税发［1999］178号文件规定：对于个人因解除劳动合同取得一次性经济补偿收入，应按工资、薪金所得项目计征个人所得税，考虑到个人取得得一次性经济补偿收入数额较大，而且被解聘的人员可能在一段时间内没有固定收入，因此对于个人取得一次性经济补偿收入，可视为一次取得数月的工资、薪金收入，允许在一定期限内进行平均。</t>
  </si>
  <si>
    <t>个人领取一次性补偿收入时按照国家和地方政府法规的比例实际缴纳的住房公积金、费、基本养老保险费、失业保险费，可以在计征其一次性补偿收入的个人所得税时予以扣除。</t>
  </si>
  <si>
    <t>花甲有寄生虫吗</t>
  </si>
  <si>
    <t>花甲还好，严闭合类的贝类，寄生虫污染不算严重。</t>
  </si>
  <si>
    <t>一般人工养殖的没有，如果有，通过高温煮熟也能杀死的。</t>
  </si>
  <si>
    <t>秋瓷炫结婚了吗</t>
  </si>
  <si>
    <t>还没有</t>
  </si>
  <si>
    <t>白癜风医院好不好</t>
  </si>
  <si>
    <t>企信易购2.0是传销吗</t>
  </si>
  <si>
    <t>单纯一个品牌无法确定其是否属于传销范畴，传销是指组织者或者经营者发展人员，通过对被发展人员以其直接或者间接发展的人员数量或者销售业绩为依据计算和给付报酬，或者要求被发展人员以交纳一定费用为条件取得加入资格等方式牟取非法利益，扰乱经济秩序，影响社会稳定的行为。</t>
  </si>
  <si>
    <t>iphone关机闹钟会响吗</t>
  </si>
  <si>
    <t>iPhone关机后设置的闹钟不会响，但是开启飞行模式后闹钟依然会响。</t>
  </si>
  <si>
    <t>可以肯定的说是可以响的。</t>
  </si>
  <si>
    <t>关机闹铃不响的。</t>
  </si>
  <si>
    <t>宫颈癌能治愈吗</t>
  </si>
  <si>
    <t>早期宫颈癌的治愈率有90-92%。</t>
  </si>
  <si>
    <t>李白会剑术吗</t>
  </si>
  <si>
    <t>会舞剑,但不一定是剑术高手。</t>
  </si>
  <si>
    <t>李白不仅文采斐然，其剑术亦是十分高明。</t>
  </si>
  <si>
    <t>不会，他只有写诗的才华，古时佩剑是象征身份。</t>
  </si>
  <si>
    <t>keep有用吗</t>
  </si>
  <si>
    <t>用处一点点，占内存。</t>
  </si>
  <si>
    <t>轻松筹是真的还是假的</t>
  </si>
  <si>
    <t>轻松筹不是骗人的。</t>
  </si>
  <si>
    <t>不太真实吧，现在的骗局太多了。</t>
  </si>
  <si>
    <t>水冷会漏水吗</t>
  </si>
  <si>
    <t>封闭的不好，漏水是可能的。</t>
  </si>
  <si>
    <t>一号店被京东收购了吗</t>
  </si>
  <si>
    <t>狐狸的夏天好看吗</t>
  </si>
  <si>
    <t>csgo国服跟steam互通吗</t>
  </si>
  <si>
    <t>首先国服还没有公测，等出了应该是互通的。</t>
  </si>
  <si>
    <t>CSGO是个游戏，steam是个平台。如果有国际服CSGO，有内侧码，激活后，所有数据互通。</t>
  </si>
  <si>
    <t>microsoft visual c++可以卸载吗</t>
  </si>
  <si>
    <t>一定要卸载的话可以选择9.0.0之前版本的Visual C++，因为此版本之前的库绝大多数是为2010年之前的软件提供API，若卸载了不会影响绝大多数近期更新的软件，但是不否认有新软件还需要的特例，所以只有在必须的时候才选择卸载。</t>
  </si>
  <si>
    <t>可以卸载，但不建议卸载。</t>
  </si>
  <si>
    <t>不能删除，有的软件运行需要这些运行环境 像游戏一般都需要这些。</t>
  </si>
  <si>
    <t>阿里健康的药是真的吗</t>
  </si>
  <si>
    <t>很难是真的，按照阿里健康大药房一贯做法，不会是真的但目前缺乏依据。</t>
  </si>
  <si>
    <t>围棋有平局吗</t>
  </si>
  <si>
    <t>分先棋没有，让子棋有。</t>
  </si>
  <si>
    <t>腾讯理财通有亏本的吗</t>
  </si>
  <si>
    <t>可靠，理财通就是一个投资理财的平台，里面有很多的产品，可以购买产品获得收益，每天的收益都是不一样的，但是都是比较高的，比银行的利息率还要高一些，收益还是比较稳定的。</t>
  </si>
  <si>
    <t>腾讯理财通也是类似于支付宝的余额宝的，货币基金这一类，目前来看，基本不会出现亏损，当然，收益也不大。</t>
  </si>
  <si>
    <t>芒果皮能吃吗</t>
  </si>
  <si>
    <t>不建议食用芒果皮。</t>
  </si>
  <si>
    <t>可以,不过事先要洗干净,但最好不要吃，因为不是自家种的芒果，农药是很多的。</t>
  </si>
  <si>
    <t>就其成分而言，是完全可以食用的。</t>
  </si>
  <si>
    <t>阴阳师在日本火吗?</t>
  </si>
  <si>
    <t>上个月刚在日本开服，还挺受欢迎的，B站上有一些日本玩家录制的游戏视频。</t>
  </si>
  <si>
    <t>火，毕竟画风和制作都很棒。</t>
  </si>
  <si>
    <t>阴阳师，起源于中国，广泛流行于日本，并形成其独特的日本神道的一部分——“阴阳道”。阴阳师是占卜师，亦或是幻术师。</t>
  </si>
  <si>
    <t>北京居住证可以摇号吗</t>
  </si>
  <si>
    <t>现在是参加当地车牌摇号，居住证需要一年以上。</t>
  </si>
  <si>
    <t>有北京工作居住证可以在北京参加摇号</t>
  </si>
  <si>
    <t>招商信诺20万是真的吗</t>
  </si>
  <si>
    <t>是真的，20万主要是意外保险，属于公司回馈客户服务。</t>
  </si>
  <si>
    <t>这些只是吸引去买公司的产品。</t>
  </si>
  <si>
    <t>液氮冰淇淋有害吗</t>
  </si>
  <si>
    <t>没有危害</t>
  </si>
  <si>
    <t>养鸡赚钱吗</t>
  </si>
  <si>
    <t>养鸡赚钱，但是很辛苦，养鸡的利润是很高的。</t>
  </si>
  <si>
    <t>苹果7发烫严重可以换吗</t>
  </si>
  <si>
    <t>换，不换就白买了。</t>
  </si>
  <si>
    <t>新机就有问题，必须拿去售后。</t>
  </si>
  <si>
    <t>应该不行，发烫可能是用久了，不是质量问题。</t>
  </si>
  <si>
    <t>河北易县能规划北京吗</t>
  </si>
  <si>
    <t>北京不会再扩大了应该，因为有了雄安新区。</t>
  </si>
  <si>
    <t>目前还没有划归北京市管辖。早晚要划归北京的，等吧。</t>
  </si>
  <si>
    <t>近几年是不可能的。</t>
  </si>
  <si>
    <t>微信退群别人知道吗</t>
  </si>
  <si>
    <t>群主知道，其他人不知道。</t>
  </si>
  <si>
    <t>知道。</t>
  </si>
  <si>
    <t>余额宝会亏钱吗</t>
  </si>
  <si>
    <t>货币基金作为基金产品的一种，理论上存在亏损的可能，但从历史数据来看收益稳定、风险极小。</t>
  </si>
  <si>
    <t>澳门塔蹦极死过人吗</t>
  </si>
  <si>
    <t>唐氏筛查需要空腹吗</t>
  </si>
  <si>
    <t>做唐氏筛查是不可以吃饭、不可以喝水的。</t>
  </si>
  <si>
    <t>不需要空腹，做唐氏筛查多采用联合血清学的方法筛查唐氏综合征。</t>
  </si>
  <si>
    <t>早晨空腹去医院抽血检查。</t>
  </si>
  <si>
    <t>拼多多10人团是真的吗</t>
  </si>
  <si>
    <t>那上面假的很多，非常多。</t>
  </si>
  <si>
    <t>不要相信，总之概率非常低，不要贪图便宜。</t>
  </si>
  <si>
    <t>这个其实是真实的，可是你注意看活动注释。</t>
  </si>
  <si>
    <t>天谕玩的人多吗</t>
  </si>
  <si>
    <t>玩的人很多。</t>
  </si>
  <si>
    <t>人挺多的。</t>
  </si>
  <si>
    <t>网上买机油可靠吗</t>
  </si>
  <si>
    <t>建议你去正规渠道购买机油，比较靠谱的比如京东自营，还有12号公路，专门卖汽车用品的，这俩可以比较比较价格。</t>
  </si>
  <si>
    <t>网上的机油假货非常非常多，很不安全。可靠的是天猫美孚旗舰店，但价格会比其他电商高得多。还是建议在实体店买，去有品牌授权的正规店铺，出了问题也有人负责。实在要在网上买，京东或者苏宁自营，一定要自营。</t>
  </si>
  <si>
    <t>本田xrv怎么样毛病多吗</t>
  </si>
  <si>
    <t>不错，内饰好，外观漂亮，就是尺寸稍小。</t>
  </si>
  <si>
    <t>苹果恢复大师要收费嘛</t>
  </si>
  <si>
    <t>苹果恢复大师下载和使用都是免费的，可以先用试用版扫描要的数据，找到之后再购买注册码导出来。</t>
  </si>
  <si>
    <t>苹果恢复大师是支持免费试用的，先下载下来试用一下，然后再决定是否购买。</t>
  </si>
  <si>
    <t>试用扫描免费的，但是恢复功能是需要收费才能使用的。</t>
  </si>
  <si>
    <t>windeln是真的吗</t>
  </si>
  <si>
    <t>假货应该不会有。</t>
  </si>
  <si>
    <t>优质是极限词吗</t>
  </si>
  <si>
    <t>京东自营全球购靠谱吗</t>
  </si>
  <si>
    <t>这么大的企业这些信誉还是应该有的。</t>
  </si>
  <si>
    <t>不靠谱，有假货。</t>
  </si>
  <si>
    <t>靠谱啊，建议买京东自营店的产品，至少是有正品保证的。</t>
  </si>
  <si>
    <t>吃巴沙鱼有什么危害吗</t>
  </si>
  <si>
    <t>巴沙鱼吃了对人体没有害处，而且巴沙鱼还有一些有利的功效，巴沙鱼其肉质细腻、味道鲜美、营养丰富，含丰富蛋白质、维生素A、矿物质（主要是钙）等营养元素， 巴沙鱼有补气、平咳作用，对体弱咳喘有一定疗效 ，巴沙鱼还具有提神和防衰老等食疗功能，常食对治疗贫血、早衰、营养不良、产后虚弱和神经衰弱等症会有一定辅助疗效。</t>
  </si>
  <si>
    <t>冯德伦结婚了吗</t>
  </si>
  <si>
    <t>结婚了，他们一起发布了结婚启示，写道相识20年相连4年，我们决定相互纠缠一辈子。</t>
  </si>
  <si>
    <t>2016年9月3日，冯德伦和舒淇宣布结婚。</t>
  </si>
  <si>
    <t>武松打虎称得上英雄吗</t>
  </si>
  <si>
    <t>当然算英雄。</t>
  </si>
  <si>
    <t>水果干有营养吗</t>
  </si>
  <si>
    <t>水果晒干成水果干以后流失的主要是水分，还有维生素，但是营养素因为浓缩之后，每100克单位中变的更多了。</t>
  </si>
  <si>
    <t>吃西红柿能减肥吗</t>
  </si>
  <si>
    <t>其实蕃茄不论红黄都是最佳的减肥水果。</t>
  </si>
  <si>
    <t>就单单午餐吃西红柿的话，是无法成功减肥的。</t>
  </si>
  <si>
    <t>端午节派出所放假吗</t>
  </si>
  <si>
    <t>公安局端午节放假安排：6月9日至11日共放假3天（6月9日法定假、10日调休星期天、11日星期六）；6月12日的星期天上班。</t>
  </si>
  <si>
    <t>放假，但是留有值班人员。报案、报警还是可以的，但是办理户籍等等需要等到过节后上班。</t>
  </si>
  <si>
    <t>不放。</t>
  </si>
  <si>
    <t>脑溢血能治好吗</t>
  </si>
  <si>
    <t>可以治好。</t>
  </si>
  <si>
    <t>能治，死亡率较高，有较多的致残率，部分病人可治愈。</t>
  </si>
  <si>
    <t>灵活组排有段位限制吗</t>
  </si>
  <si>
    <t>有段位限制。</t>
  </si>
  <si>
    <t>万年青有毒吗</t>
  </si>
  <si>
    <t>花叶万年青的植物叶片和茎部的汁液有毒，内含有草酸和天门冬素，误食后则会引起口腔、咽喉、食道、胃肠肿痛，甚至伤害声带，使人变哑，所以种植在室内的时候大家应特别小心。</t>
  </si>
  <si>
    <t>万年青的汁液是有毒的，一般以茎部组织液最毒。一般粘液粘到手上或者皮肤上，会引起过敏反应，会起斑块或者是很痒的感觉，自己不注意的抓挠会更痒。</t>
  </si>
  <si>
    <t>万年青的叶子是有毒的。</t>
  </si>
  <si>
    <t>一建2017年教材大改吗</t>
  </si>
  <si>
    <t>一级建造师考试教材一般3年改版一次，14改版用的是第四版教材，到2017年会再进行一次改版。</t>
  </si>
  <si>
    <t>共享单车赚钱吗</t>
  </si>
  <si>
    <t>赚。</t>
  </si>
  <si>
    <t>霸王别姬皮肤还会卖么</t>
  </si>
  <si>
    <t>不清楚，有可能卖，具体看腾讯。</t>
  </si>
  <si>
    <t>肯定会。</t>
  </si>
  <si>
    <t>太极2好玩吗</t>
  </si>
  <si>
    <t>好玩，引进物理引擎的，开场诱人，打击感出色。</t>
  </si>
  <si>
    <t>京东的二手手机靠谱吗</t>
  </si>
  <si>
    <t>也不能说靠谱不靠谱，把有问题退换货的机子卖，由于自己有拖价的，成交价格往往到达新机器的九成，所以不值得买，谁都知道修过机子往往都有瑕疵，赶集，同城的二手九成新机子才卖七成价，所以最终建议不参与。</t>
  </si>
  <si>
    <t>复方甘草酸苷片是中药吗</t>
  </si>
  <si>
    <t>复方甘草酸苷片不是中药，而是化学药品。</t>
  </si>
  <si>
    <t>复方甘草酸苷片属于中成药。</t>
  </si>
  <si>
    <t>复方甘草酸苷胶囊为复方制剂。</t>
  </si>
  <si>
    <t>华为m3能打电话吗</t>
  </si>
  <si>
    <t>LTE版本是支持使用耳机通话的，支持移动、联通卡。是支持volte的（仅支持中国移动网络）。只能免提通话或者插耳机。仅支持使用一张手机卡，不支持双卡，不支持使用电信卡。wifi版的不支持手机卡通话。</t>
  </si>
  <si>
    <t>这个要看具体的型号了，如果是型号是BTV-DL09的是可以打电话的，支持单卡单待单通的，SIM卡类型是Nano SIM。  如果型号是BTV-W09的是不支持打电话的。</t>
  </si>
  <si>
    <t>联币金融安全吗</t>
  </si>
  <si>
    <t>P2P平台倒闭潮，小心庞氏骗局，血本无归。</t>
  </si>
  <si>
    <t>投资都是有风险的。p2p没有银行储蓄安全。</t>
  </si>
  <si>
    <t>资本背景还是比较雄厚的，安全性还可以。</t>
  </si>
  <si>
    <t>勒索病毒 重装系统有用吗</t>
  </si>
  <si>
    <t>看具体什么方面的了。1、只是给设置个密码，那么重做系统就可以了。2、如果是给加密了，那么重做系统很多软件也无法使用了。</t>
  </si>
  <si>
    <t>这个很难说的，有些病毒，注入MBR和BIOS中，重装系统是无法清除的。这时候，一定要杀毒，杀毒后才可以彻底清除病毒。建议还是先杀毒。如果遇到这类隐藏性很高的、又释放驱动的病毒，很难处理。所以要先对病毒灭活，杀掉活体病毒之后就很容易查杀了如果遇到木马或病毒杀不掉，一般是由于木马病毒正在运行，或者有其他的病毒进程守护造成的。</t>
  </si>
  <si>
    <t>如果是再生蠕虫病毒，它会自动生成，除非能将病毒源完全杀掉，否则极有可能会再生。建议不紧要重装系统，最好能重新分区一次，这样清毒会比较干净。重装系统对电脑来说不会有什么影响的。</t>
  </si>
  <si>
    <t>iphone6指纹坏了能修吗</t>
  </si>
  <si>
    <t>只要有问题，且在保修期内都可以申请售后。</t>
  </si>
  <si>
    <t>只要指纹芯片没有坏就有修复成功的机率，指纹表面玻璃不能破损或者开裂。而且指纹键必须是原装原配的才行。</t>
  </si>
  <si>
    <t>理论上维修商可以把损坏的Home键模块上的指纹识别传感器重新焊接放置在新的Home键模块上，但经过实践证明存在两方面问题导致依然不能正常使用：1：焊接的工艺，一部手机复杂而精密的焊接，尤其是这种芯片级的焊接很难达到原厂水准。2：即使匹配了原有的指纹识别传感器，但依然没有经过解密过程，只是实现了物理上的连接，但实际上通信还是存在阻碍的。</t>
  </si>
  <si>
    <t>车质网可靠吗</t>
  </si>
  <si>
    <t>垃圾骗投诉者资料的网站，投诉完没有任何卵用，只有乱七八糟的广告电话骚扰，只要发任何对他们网站不利或不好的评论全部都会删除，不管是不是真实评论。</t>
  </si>
  <si>
    <t>可以参考。</t>
  </si>
  <si>
    <t>肝纤维化能治愈吗</t>
  </si>
  <si>
    <t>在理论上，肝纤维化是可以治愈的。</t>
  </si>
  <si>
    <t>乙肝肝纤维化通过科学治疗是可以逆转的，要尽快进行治疗。</t>
  </si>
  <si>
    <t>你我贷可靠吗</t>
  </si>
  <si>
    <t>lol暗影妖狐有特效吗</t>
  </si>
  <si>
    <t>全技能特效，配置回城音效和少女时代舞姿。Q技能施放路径上会有音符，打中人后有特殊音效。W技能就火焰变得大一点好看一点，E技能会施放是一个大的爱心。R技能同W技能。</t>
  </si>
  <si>
    <t>只有火狐皮肤是有特效的。</t>
  </si>
  <si>
    <t>lol狐狸暗影妖狐阿狸皮肤有特效，效果还挺不错。</t>
  </si>
  <si>
    <t>至上励合解散了吗</t>
  </si>
  <si>
    <t>没有解散，金恩圣回国服兵役，现在以三人形式活动着。</t>
  </si>
  <si>
    <t>解散了，偶像团体解散都是默默的不在一起出现，默认解散。</t>
  </si>
  <si>
    <t>没有，只有李茂退出了。</t>
  </si>
  <si>
    <t>腋下长小肉粒能剪掉吗</t>
  </si>
  <si>
    <t>它不会影响健康，可以剪掉。</t>
  </si>
  <si>
    <t>可以用手术，激光，冷冻等方法去掉。</t>
  </si>
  <si>
    <t>黎明杀机禁播了吗</t>
  </si>
  <si>
    <t>龙珠目前还可以直播黎明杀机，不过直播平台目前都开始禁播黎明杀机了 已经有几个平台已禁播了。</t>
  </si>
  <si>
    <t>黎明杀机已经在很多直播平台上禁播了。</t>
  </si>
  <si>
    <t>多肉摊大饼能恢复吗</t>
  </si>
  <si>
    <t>放置在通风散光处，少浇水，新长出来的叶片会慢慢长好，老叶片难以恢复，可以拔下来叶插。</t>
  </si>
  <si>
    <t>恢复比较快，恢复步骤：1.控水，切勿频浇水，每次浇水量不宜过多。2.光照，在有阳光的时候尽量多让它晒晒，光照是解决这类问题最好的途径。</t>
  </si>
  <si>
    <t>二手车可以跑滴滴吗</t>
  </si>
  <si>
    <t>可以，买符合滴滴车型的就可以。</t>
  </si>
  <si>
    <t>跑滴滴赚钱吗</t>
  </si>
  <si>
    <t>滴滴打车司机赚是赚，赚多少还是要看自己努力的。</t>
  </si>
  <si>
    <t>能不跑就不跑，一天干10个小时以上而且运气不差的话去掉油钱，能剩100就很不错了。</t>
  </si>
  <si>
    <t>伤车，伤人，伤神，伤脑，除掉油费，违章，车的损耗，剩不了多少。</t>
  </si>
  <si>
    <t>周杰人品真的很差吗</t>
  </si>
  <si>
    <t>杰哥人品不差，年少轻狂谁都有过，但贵在知错就改。网上把杰哥都快黑出翔了，他也没有反击过，甚至拿他做表情包他都忍了。据最近的媒体报道，撞人事件之后，他一直在家反省，默默的搞着话剧，这么多年了，也没看他闹什么不得了的新闻出来，就凭着人这份心境，就能感觉这人起码目前很成熟、很懂事了。</t>
  </si>
  <si>
    <t>人缘不好，感觉他不讨人喜欢。</t>
  </si>
  <si>
    <t>有心机，排挤别人，抢戏，素质低。演戏太现世，负面消息多。</t>
  </si>
  <si>
    <t>java培训班管用吗</t>
  </si>
  <si>
    <t>这是个比较靠谱的学习方式，大部分人都能成功结业。</t>
  </si>
  <si>
    <t>培训班是提供学习的平台，关键看自己的态度，态度很重要，态度好就可以学的进去，还有一份因素是看老师，老师也有很重要的作用，讲的好学生听的也顺，学起来就快。有没有用，得看自己的求知态度，需求态度，学习态度。</t>
  </si>
  <si>
    <t>找专业的培训机构比较好，自学多少有难度。</t>
  </si>
  <si>
    <t>妃子侍寝时能大声叫吗</t>
  </si>
  <si>
    <t>甲贺忍蛙离开小智了吗</t>
  </si>
  <si>
    <t>根据以往XY编辑组的标题取名方法，此次应该就是甲贺忍蛙与小智的离开。失去牵绊现象的可能性不大，可能是甲贺忍蛙为了寻求更远的目标从而离开。</t>
  </si>
  <si>
    <t>汽车需要贴膜吗</t>
  </si>
  <si>
    <t>贴膜还是很有必要的。</t>
  </si>
  <si>
    <t>尽量不贴膜。</t>
  </si>
  <si>
    <t>红糖姜茶月经期能喝吗</t>
  </si>
  <si>
    <t>体质虚寒的女性可以，体质生热的女性不可以。</t>
  </si>
  <si>
    <t>可以，月经期喝姜茶对月经有血块和痛经都有一定的缓解。</t>
  </si>
  <si>
    <t>如果月经正常的话，是可以喝的。</t>
  </si>
  <si>
    <t>丹麦签证好办吗</t>
  </si>
  <si>
    <t>看看广西短驴网吧，可办理，出行很快。</t>
  </si>
  <si>
    <t>水床啪舒服吗?</t>
  </si>
  <si>
    <t>很舒服</t>
  </si>
  <si>
    <t>很舒服，不过。建议你不要如此。因为啪啪啪会出很多汗。毛孔都张开。水床的寒气，就进入身体。会有病的。</t>
  </si>
  <si>
    <t>一路有喜是传销吗</t>
  </si>
  <si>
    <t>左转弯红灯可以掉头吗</t>
  </si>
  <si>
    <t>根据《中华人民共和国道路交通安全法实施条例》第四十九条第二款规定，机动车在没有禁止掉头或者禁止左转弯标志、标线的地点可以掉头。允许掉头的地点，在既没有掉头专用信号灯，也无其他规范掉头的交通标志的情况下，机动车在红绿灯期间均可以掉头；有交通标志明确标明在红灯或绿灯期间掉头的，应当在规范的信号期间掉头。掉头时，不得妨碍正常行驶的其他车辆或者行人通行。机动车在有禁止掉头或者禁止左转弯标志、标线的地点以及铁路道口、人行横道、桥梁、急弯、陡坡、隧道或者容易发生危险的路段，不得掉头。有左拐灯但不是掉头专用灯，所以符合“在既没有掉头专用信号灯，也无其他规范掉头的交通标志的情况下，机动车在红绿灯期间均可以掉头”即在有左拐灯，但左拐灯红灯时，也能掉头。</t>
  </si>
  <si>
    <t>全民夺宝是真的吗</t>
  </si>
  <si>
    <t>假的，让用户都去夺宝，每人一块，感觉个人不会有太大的损失，但是不会有人中奖的，全民夺宝自己收钱。</t>
  </si>
  <si>
    <t>应该是真的，因为按它这模式是有非常客观的利润的，只要不是经营者短视，就不应该造假。</t>
  </si>
  <si>
    <t>办了信用卡不激活会影响信誉么</t>
  </si>
  <si>
    <t>不激活信用卡只会影响信用卡交易，并不影响信用记录。个人征信记录会记录下信用卡的使用情况，如果信用卡未开卡，就会显示“尚未激活”等字样，表示你名下有这样一张信用卡，但并没有使用过。简单点说，就是在你的征信系统里，会记录你办过这么一张卡，但显示尚未激活，并不会作为你的不良记录。当然，如果你的信用记录里显示你有十几张未激活的信用卡，你未来去办卡可能会遇到麻烦。还有一个情况就是，如果办卡后一直没有激活，3年后会自动注销。　　不过，银行业内人士提醒，虽然有此规定，但个别银行的特种信用卡，不管是否激活，一旦持卡人签字确认，银行就会收取年费，如此一来，持卡人很可能在不知情的情况下出现拖欠信用卡年费的信用记录。最好定期去查查自己的征信系统。</t>
  </si>
  <si>
    <t>信用卡激活涉及到的问题主要有三个：一是年费，二是个人信用，三是影响以后信用卡的申请。1、首先，很多银行规定“信用卡不激活不收取年费”，但是，部分信用卡其实还是会“未激活即收年费”。比如招商银行helokitty香水卡金卡无论有没有激活都要收取300元/年的年费，建设银行部分汽车卡也要收取200元/年的年费，浦发银行也存在即使不开通也要收取年费的卡种等等，建议大家在申卡时，一定要拨打信用卡客服电话问清楚相关的信用卡费用。2、其次，以为不激活就没事，但事实上，这些申请了但没有激活的卡一样会出现在征信系统内，还很有可能影响日后申请信用卡的审核。对于这个信用记录的执行，比如说，一位客户已经办了A银行的信用卡，就算是没有开通，其再申请B银行的信用卡时，B银行如果发现该客户名下的信用卡太多，将影响B银行对其发卡的审核和额度的审批。3、最后，由于注销银行卡要到开户银行办理，如果银行卡遗失或是忘记密码还要凭身份证等材料先挂失，为了避免麻烦，往往对很少使用近乎闲置的睡眠借记卡不予理会。“睡眠卡”其实对储户来说存在不少潜在风险，比如银行卡遗失、被他人盗用、个人信息泄露等。对于“睡眠卡”，持卡人应该谨慎对待。不要贪图一时方便，应该采取合理方式进行处理，以避免潜在风险。</t>
  </si>
  <si>
    <t>信用卡申请下来不开通，不一定对个人的信誉造成影响。各个银行对未激活的信用卡有不同的收费标准和管理规定。有的规定信用卡不激活不收年费，有的规定不激活第一年不收年费，大部分银行都规定不激活的信用卡从第二年开始收年费。信用卡未激活产生的费用，将以欠费形式记录在用户账户上。如果持卡人长期欠费，不仅要缴纳罚息、滞纳金，还可能留下负面信用记录。一旦信用记录产生污点，就会影响个人办理房贷、车贷，申办信用卡等业务。因此提醒市民不要多办没有必要的信用卡，申办时一定要看清银行合同，按约定缴纳年费。</t>
  </si>
  <si>
    <t>重疾险有必要买吗</t>
  </si>
  <si>
    <t>很有必要的，可以交很少的保险费，就拥有了高额保障。</t>
  </si>
  <si>
    <t>看个人，收入比较富裕可以考虑一下，收入不怎么富裕就不要考虑了，保险不是必需品。</t>
  </si>
  <si>
    <t>不能随便买，这种东西学问多了，很多保险公司都喜欢玩文字游戏，注意看好，避免上当。</t>
  </si>
  <si>
    <t>大理适合长期居住吗</t>
  </si>
  <si>
    <t>大理适合居住。</t>
  </si>
  <si>
    <t>派支付是否合法</t>
  </si>
  <si>
    <t>怎么可能合法，只是变相的说法而，外国人骗中国人。</t>
  </si>
  <si>
    <t>众筹可以赚钱吗</t>
  </si>
  <si>
    <t>比较难的。</t>
  </si>
  <si>
    <t>肯定是要比把钱存在银行赚的多。</t>
  </si>
  <si>
    <t>不怎么挣钱了。</t>
  </si>
  <si>
    <t>试工期7天不给工资合法吗</t>
  </si>
  <si>
    <t>不合法，可去劳动仲裁。</t>
  </si>
  <si>
    <t>不合法。劳动者有上班提供劳动，就享有应获得相应劳动报酬的权利。</t>
  </si>
  <si>
    <t>不合理。根据《工资支付暂行规定》第九条，劳动关系双方依法解除或终止劳动合同时，用人单位应在解除或终止劳动合同时一次付清劳动者工资。</t>
  </si>
  <si>
    <t>电子烟爆炸几率高吗</t>
  </si>
  <si>
    <t>全世界电子烟用户每年大约有10多起爆炸事件，非要从几率说问题，可能几率小到极点。但是从这些事件看，大多数都是用的机械电子烟，所以远离机械电子烟可以很大程度上避免爆炸。</t>
  </si>
  <si>
    <t>孕妇可以吃桃胶吗</t>
  </si>
  <si>
    <t>血糖9点多严重吗</t>
  </si>
  <si>
    <t>正常人的空腹血糖应该是在6.1mmol/L以下，如果原本不是糖尿病患者已经达到9.9mmol/L，应该说比较严重了。如果原本是糖尿病患者，那么只能说血糖控制不够好。</t>
  </si>
  <si>
    <t>偶尔一次不怕。</t>
  </si>
  <si>
    <t>华为p9可以单换外屏吗</t>
  </si>
  <si>
    <t>由于手机采用的是一体化设计，如果屏幕碎裂的话，是需要更换整个前壳组件（包含屏幕、前壳等）的。</t>
  </si>
  <si>
    <t>手机无非就是主板加外屏，屏幕坏了可以单换，但价格一般不便宜。</t>
  </si>
  <si>
    <t>可以，华为手机的内外屏幕都是分开的，外屏的更换比较简单。</t>
  </si>
  <si>
    <t>身份证过期可以坐飞机吗</t>
  </si>
  <si>
    <t>身份证过期一个月可以正常乘坐飞机。对于身份证过期的问题，民航部门有相关的规定：1.身份证过期未超半年仍可登机(适用于国内机场) ；2.身份证过期时间超过半年则需携带户口簿原件、本人近照和派出所的证明才能上机，该规定适用于国内机场；3.除身份证外，旅客还可用护照、通行证（购票信息姓名需与证件号一致）、临时身份证和办理身份证的回执登机（回执上必须有旅客的照片、身份证号码和派出所的盖章）；4.此外，旅客还可带上户口簿及驾驶证、暂住证、户籍证明等三证之一，再带上两张本人照片，到机场派出所办理临时登机证明。而临时登机证明只能使用一次，如果旅客返程还需办理相关手续，还得把相关证件带在身上。</t>
  </si>
  <si>
    <t>1、身份证过期后，6个月内可以乘机。2、凭户口簿和过期的身份证，到候机楼派出所办一个《临时乘机证明》。</t>
  </si>
  <si>
    <t>如果乘机前发现身份证过期了，要看乘机当天，距离身份证过期有没有超过半年。如果没有，可以持该过期的二代身份证照常办理值机手续、过安检登机，但前提是身份证必须完好无缺，且之前未曾申请办理新身份证。如果时间已经超过了半年，也没有关系，可以在乘机当天，凭登机牌到机场派出所办理临时乘机证件。有了这张临时乘机证明，就可以顺利过安检。</t>
  </si>
  <si>
    <t>夏天去北海道好玩吗</t>
  </si>
  <si>
    <t>北海道一年四季景色优美春天，漫山遍野盛开的鲜花和野草使大地焕然一新夏天，北海道天气凉爽，最适宜登山远足。</t>
  </si>
  <si>
    <t>夏天的北海道照样很美的。</t>
  </si>
  <si>
    <t>银魂完结了吗</t>
  </si>
  <si>
    <t>没有，目前只是银魂第四季的动画组完结了，有可能还有第五季。</t>
  </si>
  <si>
    <t>合肥万达乐园好玩吗</t>
  </si>
  <si>
    <t>很好玩，有很多值得去的地方。</t>
  </si>
  <si>
    <t>哇嘎还能用吗 2017</t>
  </si>
  <si>
    <t>可以啊，哇嘎主要是用来搜索情色电影的啊。</t>
  </si>
  <si>
    <t>打瘦脸针会反弹吗</t>
  </si>
  <si>
    <t>一般维持6-12月，通常3、4治疗后可稳定。</t>
  </si>
  <si>
    <t>不是反弹.是瘦脸针的药效几个月会失效，所以会回到原来的样子而已。</t>
  </si>
  <si>
    <t>瘦脸针瘦脸效果不能永久保持，是医美行业公认的。</t>
  </si>
  <si>
    <t>生育保险生二胎报销吗</t>
  </si>
  <si>
    <t>分娩第一胎领取的生育津贴和分娩第二胎领取的生育津贴是一样的。</t>
  </si>
  <si>
    <t>身份证过期了能买火车票</t>
  </si>
  <si>
    <t>过期身份证可以在网上订票的：1、如果该乘客有自己的12306帐号，并且状态是“已通过”，那么乘客可以在12306官网买票，但是取票时不能用过期的身份证取票。1）、取票，可以代替身份证使用的还有：临时身份证明、护照、户口本、驾驶证、港澳通行证、台湾通行证，军人相关证件等。2）、临时身份证明，可以到就近的公安局或者火车站派出所办理，只要乘客提供身份证号码和姓名即可。临时身份证明加盖公安局印章，有效期15天，可以用于购票、取票、乘车。过期身份证不可以在网上订票的：2、如果该乘客没有12306帐号，也没有在网上买过火车票，即使注册，也需要用身份证原件审核（过期身份证不能用于审核），那么该乘客则不能在网上购票。</t>
  </si>
  <si>
    <t>居民身份证到期以后，公民是可以带上其他有效的身份证证件到车站办理购票，也可以带上到期的身份证到车站办理“乘车临时身份证明”进行购票。旅客购票时或购票后、乘车前因有效身份证件未携带、丢失等原因无法出示有效证件时，可以至车站铁路公安制证口办理乘坐旅客列车临时身份证明。办理时，要符合下列条件之一，并请携带一寸照片一张：（1）出具所在地公安机关的户籍证明信。（2）学生旅客出具所在学校的证明信。（3）中国人民解放军、武警部队现役军人持所在部队出具的证明信。（4）外籍旅客持当地使领馆出具的证明信。（5）凭其他有效证件购买车票的旅客持发证部门出具的证明信。（6）通过其他方式能够证明本人身份的。请确认证明信内容包括旅客姓名、性别、出生年月、籍贯、有效身份证件号码等信息，并加盖证明单位公章。购票后丢失有效身份证件的，请确认证明信内容与车票票面记载的旅客身份信息一致。乘坐旅客列车临时身份证明仅供旅客购票、退票、中转签证、验证检票以及乘车使用，请妥善保管。</t>
  </si>
  <si>
    <t>给你花怎么样 靠谱吗</t>
  </si>
  <si>
    <t>有额度，不通过，骗人的网站</t>
  </si>
  <si>
    <t>瓜子二手车直卖网靠谱吗</t>
  </si>
  <si>
    <t>靠谱啊，我都在那里拿了好多车了，大家都是做这一行的，套路都懂，挺方便的。</t>
  </si>
  <si>
    <t>没有靠谱的公司，瓜子只是其中之一而已</t>
  </si>
  <si>
    <t>应该很靠谱</t>
  </si>
  <si>
    <t>斑秃可自愈吗</t>
  </si>
  <si>
    <t>一般来说，斑秃是不会自己好转的。</t>
  </si>
  <si>
    <t>斑秃是不会自愈的，可以在日常的饮食上，来解决斑秃的问题。</t>
  </si>
  <si>
    <t>后羿真的存在么</t>
  </si>
  <si>
    <t>存在。他是羿族的首领，虽然没神话中那么厉害，但是应该也是个英雄。</t>
  </si>
  <si>
    <t>cellular版能打电话吗</t>
  </si>
  <si>
    <t>凉拌莴笋丝要不要焯水</t>
  </si>
  <si>
    <t>要焯一下，可以时间短点，保证清脆爽口，不焯不好吃，如果不喜欢焯，应该用盐压一会，然后再拌。</t>
  </si>
  <si>
    <t>中行面试通过率高吗</t>
  </si>
  <si>
    <t>这得根据招收人数和应聘人数的比例来确定，这个比例挺低的。</t>
  </si>
  <si>
    <t>梅毒能治好吗</t>
  </si>
  <si>
    <t>早期梅毒经彻底治疗可全愈并去除传染性。</t>
  </si>
  <si>
    <t>梦能不能控制</t>
  </si>
  <si>
    <t>在一些情况下是可以的，梦是意识和潜意识的碎片的汇集，是变形的意识流。当梦中的情绪是非常强烈的时候，是可以影响到梦的进程的。</t>
  </si>
  <si>
    <t>珍爱网邮件都是假的吗</t>
  </si>
  <si>
    <t>注册就是真的，没有注册就是假的。</t>
  </si>
  <si>
    <t>阿里巴巴是日本人控股的吗</t>
  </si>
  <si>
    <t>从客观来说，是的。</t>
  </si>
  <si>
    <t>全球化时代，只要是规模稍大一点的企业，很少是某个国家全资控股的。阿里巴巴是中国的企业，日本软银公司持有其部分股份而已，真正在经营公司的都是中国人。</t>
  </si>
  <si>
    <t>是的，日本软银实际控股合计大于70%，远远大于马云7%的控股。</t>
  </si>
  <si>
    <t>ipad能打电话吗</t>
  </si>
  <si>
    <t>一，ipad  4g版本可以插卡，但由于没有通话模块，不可以直接打电话，可以利用4G网络上网。二，ipad可以使用“KC电话”软件可以免费打电话。</t>
  </si>
  <si>
    <t>苹果公司生产的所有iPad均不支持电话通讯。</t>
  </si>
  <si>
    <t>能够打电话，不过需要借助通过使用iOS平台上的一些软件才可以，只要在ipad安装mobilevoip或触宝电话（第三方软件）就可以免费打电话了，而且还能够显示自已的号码。消耗的不是手机话费，而是网络数据流量费用。就是说iPad始终只是一个平板而已。</t>
  </si>
  <si>
    <t>淘宝销量是按月计算吗</t>
  </si>
  <si>
    <t>销量是按30天内滚动计算的.</t>
  </si>
  <si>
    <t>有每天的啊，也有月的啊。</t>
  </si>
  <si>
    <t>现在指数是按照周，月来算的。</t>
  </si>
  <si>
    <t>足贴真的可以去湿气吗</t>
  </si>
  <si>
    <t>是真的，除湿一般足贴都有用。</t>
  </si>
  <si>
    <t>杨贵妃很胖吗</t>
  </si>
  <si>
    <t>据史料记载，杨贵妃当年是60公斤，其实也不算太胖。</t>
  </si>
  <si>
    <t>据史料记载，杨贵妃身高1.64米,体重138斤,也有说杨贵妃身高1.55米,体重120斤的,但杨贵妃究竟有多胖,至今无法考证。</t>
  </si>
  <si>
    <t>高雅拉的眼睛天生的吗</t>
  </si>
  <si>
    <t>Ara出道的时候眼睛就是浅褐色的。 貌似是天生的。</t>
  </si>
  <si>
    <t>天生的！她眼睛绝对是自然形成的！</t>
  </si>
  <si>
    <t>可能是戴的美瞳。</t>
  </si>
  <si>
    <t>会厌囊肿会自己消失吗</t>
  </si>
  <si>
    <t>一般小的打打消炎针就好了，正常来说做微创比较好。</t>
  </si>
  <si>
    <t>氚气管对人有害吗</t>
  </si>
  <si>
    <t>由于氚的化学特性与氢相当接近，它非常容易被人体吸收，从而对人的健康造成伤害。</t>
  </si>
  <si>
    <t>由于氚的β衰变只会放出高速移动的电子，不会穿透人体，因此只有大量吸入才会对人体有害。</t>
  </si>
  <si>
    <t>对人体危害小,氚气不能穿透皮肤。而通过呼吸进入人肺的氚气不会进入新陈代谢系统，几乎全部会于短期内沿尿液排出。正常使用时辐射泄漏量近零。一点点放射性没什么的。一般的水里都有氘和氚。 空气里面也有氡之类的。</t>
  </si>
  <si>
    <t>代工厂的货是正品吗</t>
  </si>
  <si>
    <t>首先，品牌产品是通过严格审核通过的代工厂生产出来的，从理论上讲是没问题的。</t>
  </si>
  <si>
    <t>代工厂生产的产品只要授权就是正品。</t>
  </si>
  <si>
    <t>esd安装文件可以删除吗</t>
  </si>
  <si>
    <t>win10中windows esd文件夹是，升级WIN10时生成的临时文件夹。只要是升级成功了。就可以删除它。</t>
  </si>
  <si>
    <t>C:\WindowsESD 中是 Windows 8 的安装文件,如果你已经安装完了 Windows 8 ,可以删除。</t>
  </si>
  <si>
    <t>达拉然有拍卖行吗</t>
  </si>
  <si>
    <t>没拍卖行</t>
  </si>
  <si>
    <t>7.0达拉然阵营拍卖行取消了。</t>
  </si>
  <si>
    <t>ddr4的主板可以用ddr3的内存吗</t>
  </si>
  <si>
    <t>主板带有四条插槽，2条支持ddr4，另外2条支持ddr3，那么就可以用ddr3内存。</t>
  </si>
  <si>
    <t>看主板。</t>
  </si>
  <si>
    <t>枇杷籽可以吃吗</t>
  </si>
  <si>
    <t>枇杷籽不可以吃，但是枇杷籽可以入药。</t>
  </si>
  <si>
    <t>枇杷籽煮熟后是能够吃的。</t>
  </si>
  <si>
    <t>枇杷核中含有氰甙类物质，食用时一定要去核，吃枇杷切勿吃核。</t>
  </si>
  <si>
    <t>挖比特币能赚钱吗</t>
  </si>
  <si>
    <t>能赚钱</t>
  </si>
  <si>
    <t>房屋托管公司可靠吗</t>
  </si>
  <si>
    <t>把房子租给房屋托管公司好。好处是：省心省力。因为房子租给房屋托管公司后，业主每月就能有固定的出租收入，无论房子有没被房屋托管公司出租出去，房屋托管公司都会给出租月租给业主。而且业主也不用与房子的租客接触。而如果房子由业主自己出租，除了业主要与租客协商价格、合同等，一但租客合同到期不租了，业主还要重新找新租客，中间或许就会出现断租期，没有租金收入。所以把房子租给房屋托管公司是好的。</t>
  </si>
  <si>
    <t>一个行业存在即是合理的，一个行业的兴起，难免有做的好，和做的差的，一个正规经营的托管确实能为您省去很多麻烦。如果想将房屋托管，建议您仔细了解公司的执照手续等，既然要选择，就选个放心的，不要因为价格的原因盲目。还有就是了解管理你房子的人也是比较重要的。公司在好他也只是一个平台，一个用心为您管理房子的业务员也是比较重要的。</t>
  </si>
  <si>
    <t>超声波洗牙痛不痛</t>
  </si>
  <si>
    <t>超声波洗牙的疼痛是在可以承受范围内。</t>
  </si>
  <si>
    <t>超声波洁牙是不会感觉到疼痛。</t>
  </si>
  <si>
    <t>不疼，个别牙齿可能有点酸。</t>
  </si>
  <si>
    <t>途观l烧机油吗</t>
  </si>
  <si>
    <t>烧机油。</t>
  </si>
  <si>
    <t>庞贝古城有幸存者吗</t>
  </si>
  <si>
    <t>有的，有些人在火山完全爆发前乘船离开了。</t>
  </si>
  <si>
    <t>没有幸存者，因为没有历史记载，说明见证者都在当时被掩埋了。</t>
  </si>
  <si>
    <t>肯定有的,国外纪录片显示,在深埋的火山灰上有脚印的痕迹,说明古城被掩埋以后有人回来这里察看情况。</t>
  </si>
  <si>
    <t>前列腺炎能根治吗</t>
  </si>
  <si>
    <t>就像咽喉炎，胃炎等疾病一样，虽然这次治愈了，但也有复发的可能。</t>
  </si>
  <si>
    <t>贝尔·格里尔斯有钱吗</t>
  </si>
  <si>
    <t>很有钱</t>
  </si>
  <si>
    <t>集体产权的房子能买吗</t>
  </si>
  <si>
    <t>买这样的房子对个人来说,你没有独立的产权,你也不能使用集体的产权证去办理各种与产权相关的事(如抵押,贷款等). 但房产仍可以买卖,只是价格不能与独立产权房一样。</t>
  </si>
  <si>
    <t>这种房子可以买，但是有风险，毕竟你不是那个集体里的人，如若购买此类房产需要协议清楚，同时也要保证拥有集体房产证的那个集体也同意，那就可以改名(只是内部改名)，需要留下手续和证据。</t>
  </si>
  <si>
    <t>通常集体产权房产，集体内部可以购买，集体外部是不可以购买的，因为部分产权属于集体所有。</t>
  </si>
  <si>
    <t>台式机有蓝牙吗</t>
  </si>
  <si>
    <t>台式机通常没有蓝牙功能，如果需要蓝牙功能，可以外接USB蓝牙模块接收器，那样就可以使用蓝牙功能。</t>
  </si>
  <si>
    <t>集合竞价能成交吗</t>
  </si>
  <si>
    <t>1.集合竞价时间内可以成交的；2.不过要看你的估计和集合竞价的结果是不是一致的，否则只能9：30之后的连续竞价时间段内成交；3.9:15---9:25为集合竞价时间段，9：15——9：20可以委托也可以撤单，9：20——9：25只可以委托不能撤单。</t>
  </si>
  <si>
    <t>知网查重查摘要吗</t>
  </si>
  <si>
    <t>毕业一年算应届生吗</t>
  </si>
  <si>
    <t>毕业一年内，只要第一届的学生还没毕业，就还是应届生。</t>
  </si>
  <si>
    <t>可口可乐零度真的无糖吗</t>
  </si>
  <si>
    <t>不是， “零度”可口可乐用阿斯巴甜等取代糖分，使其虽然无糖却有甜味。</t>
  </si>
  <si>
    <t>空调扇制冷效果好吗</t>
  </si>
  <si>
    <t>严格的来说，空调扇是不会制造冷量的，只是通过机器的运行，是空气充分流动，带动空调扇内的冰晶产生的冷量流动而已。</t>
  </si>
  <si>
    <t>孕妇可以喝绿豆汤吗</t>
  </si>
  <si>
    <t>孕妇能喝绿豆汤，但要少喝。</t>
  </si>
  <si>
    <t>绿豆性味甘寒，有清热解毒、消暑止渴、利水消肿之功效，是孕妇清热和防止妊娠水肿的佳品。冬季房间暖气热，如果孕妈妈们感到火气大，口干舌燥，可以经常喝绿豆汤。但是，绿豆性味偏寒凉，并非适合每个人。如果孕妈妈本身体质偏寒，容易腹泻，就不要多吃绿豆。</t>
  </si>
  <si>
    <t>可以喝绿豆汤，绿豆汤性寒，含有的蛋白质比鸡肉多。孕妇尽量不要空腹或者凉的时候喝，如果有服用特殊药物的孕妇，不建议喝绿豆汤；体质虚弱，体寒，有腹胀腹泻，脾胃虚寒的孕妇都不建议喝绿豆汤。</t>
  </si>
  <si>
    <t>假的五帝钱可以挂吗</t>
  </si>
  <si>
    <t>有一定作用，但效果弱。</t>
  </si>
  <si>
    <t>不能。就像假药不能治病一样。</t>
  </si>
  <si>
    <t>淘宝300解id锁是真的吗</t>
  </si>
  <si>
    <t>ID锁是无法通过破解或是刷机解决的，正常手段只有通过密码解锁。可以致电苹果客服，提供相应的东西，如果审核通过即可解锁。</t>
  </si>
  <si>
    <t>没有任何人可以解。</t>
  </si>
  <si>
    <t>华清池值得去吗</t>
  </si>
  <si>
    <t>非常值得。</t>
  </si>
  <si>
    <t>华清池没什么意思。</t>
  </si>
  <si>
    <t>侧柏叶洗头能治白发吗</t>
  </si>
  <si>
    <t>侧柏叶是凉血止血药，治疗阴虚血热引起的脱发须发早白有效，否则无效。</t>
  </si>
  <si>
    <t>血热白发的话，侧柏叶就可以了。如果因为肾虚导致的白发，建议吃核桃、首乌等补肾药。</t>
  </si>
  <si>
    <t>贵金属好不好做</t>
  </si>
  <si>
    <t>懂这个就好做，不懂这个就不好做。</t>
  </si>
  <si>
    <t>泰国越捷航空安全吗</t>
  </si>
  <si>
    <t>全球最危险10大航空公司之一。</t>
  </si>
  <si>
    <t>杭州有云小马哥靠谱吗</t>
  </si>
  <si>
    <t>服务态度很差，产品更是不行，还没有培训。</t>
  </si>
  <si>
    <t>很多商户都在用。</t>
  </si>
  <si>
    <t>产品一塌糊涂。</t>
  </si>
  <si>
    <t>高铁可以带宠物吗</t>
  </si>
  <si>
    <t>国际期货在中国合法吗</t>
  </si>
  <si>
    <t>国际期货是指交易所建立在中国大陆以外的期货交易。以美国、欧洲、伦敦等交易所内的产品为常见交易期货合约。只要是经国家批准的都是合法的。</t>
  </si>
  <si>
    <t>信用卡客户经理好做吗</t>
  </si>
  <si>
    <t>就是让别人办理信用卡的，会有业绩要求的哦，不是很好做的，其实就是信用卡销售。</t>
  </si>
  <si>
    <t>给你一个指标 ，让你一定时间段办满多少信用卡，指标当然也是非常非常高的 ，你没有足够的人脉和路子，你就等着考核期下来被炒鱿鱼吧 ，试用期工资还非常低 。要陪客户吃饭，不断打电话寻找客户办信用卡。</t>
  </si>
  <si>
    <t>富兰克林是总统吗</t>
  </si>
  <si>
    <t>富兰克林·德拉诺·罗斯福（Franklin D.Roosevelt，1882年1月30日--1945年4月12日），美国第32任总统，美国历史上唯一连任超过两届（连任四届，病逝于第四届任期中）的总统，美国迄今为止在任时间最长的总统。</t>
  </si>
  <si>
    <t>富兰克林是个名字，重名而已，都是的。总统那个叫富兰克林·德拉诺·罗斯福，美国第32任总统，美国历史上唯一蝉联三届（第四届任期未满）的总统，美国迄今为止在任时间最长的总统。</t>
  </si>
  <si>
    <t>vr眼镜电脑能用吗</t>
  </si>
  <si>
    <t>不能，电脑只能录制。</t>
  </si>
  <si>
    <t>看VR的牌子，现在厂家都出了自制VR设备，三星，HTC，索尼，微软，苹果还在研发。</t>
  </si>
  <si>
    <t>可以，不过显示器需要支持3d才行。</t>
  </si>
  <si>
    <t>工业机器人技术难学吗</t>
  </si>
  <si>
    <t>得看想学到什么程度：基本操作很简单，关键是利用机器人进行处理一些实际生产，这个难度比较大了。</t>
  </si>
  <si>
    <t>挺难的，主要是多实际操作。</t>
  </si>
  <si>
    <t>编办主任有没有实权</t>
  </si>
  <si>
    <t>编办主任的实权是比较大的。</t>
  </si>
  <si>
    <t>闪到腰可以自然好吗</t>
  </si>
  <si>
    <t>闪腰是日常生活中经常出现的一种急性腰痛，往往反复发作，发作时腰骶部疼痛剧烈，并可过电到大腿（不过膝盖），在疼痛发作的急性期，患者要注意卧床休息，切不可盲目矫正，配合消炎镇痛药物、神经营养药物治疗。同时配合红外线理疗，中医推拿按摩治疗效果更好。物理治疗也可以有效的改善腰部僵硬感，如激光或超激光等，特别适合年老体弱、药物过敏的患者使用。</t>
  </si>
  <si>
    <t>可以，传统的是看看铁打医生。更好的话，去照照CT，不知道骨有没有伤着。如果确认是没伤着骨，那就只看看铁打医生吧。如果这也懒就叫老婆或女友或老妈买药酒搓。</t>
  </si>
  <si>
    <t>闪腰”起因于弯腰取重物时，腰部肌肉突然的拉扯所致。腰扭伤时首先要保持舒适的姿势，安静休息。此时可弓腰伏在床上，但不可躺在太过松软的床垫上。 应避免仰躺、双脚伸直这种姿势。这样不但增加疼痛，更可能使脚部麻痹。 冷敷可减缓疼痛。所以不妨以湿毛巾冷敷腰部。 轻微的闪腰，只要休息个1—2天均可以自动痊愈。但若疼痛持续或愈来愈痛，则需尽早就医(整形外科)。</t>
  </si>
  <si>
    <t>摄影师资格证取消了吗</t>
  </si>
  <si>
    <t>日期2016-12-10，最新的新闻是已经取消了。</t>
  </si>
  <si>
    <t>王者荣耀有外挂吗</t>
  </si>
  <si>
    <t>本田思域1.5t毛病多吗</t>
  </si>
  <si>
    <t>非常好，动力强大。</t>
  </si>
  <si>
    <t>本田车的质量还是很棒的。</t>
  </si>
  <si>
    <t>电影院里有摄像头吗</t>
  </si>
  <si>
    <t>售票厅有，放映厅估计没有。</t>
  </si>
  <si>
    <t>电影院里面有的可能性不大，但大厅还有门口应当会有。</t>
  </si>
  <si>
    <t>癫痫能痊愈吗</t>
  </si>
  <si>
    <t>癫痫能否治愈，只是判断的标准不一样，如果在2年期间癫痫不发作，可以看成是治愈。</t>
  </si>
  <si>
    <t>王者荣耀微信和qq能一起吗</t>
  </si>
  <si>
    <t>是不可以的，不可以跨服务器的，不过不同区是可以一起玩的，前提同在qq或者微信。</t>
  </si>
  <si>
    <t>不能。王者荣耀其实就两个服，一个微信，一个QQ。QQ下面所有的区都是互通的，不同区也可以一起打游戏，但不会和微信服的一起。</t>
  </si>
  <si>
    <t>4g卡能在3g手机上用</t>
  </si>
  <si>
    <t>4G卡可以放在3G手机里使用，但上网速度依然是3G速度，其他功能正常。</t>
  </si>
  <si>
    <t>4G卡可以在3G手机上使用；移动3G手机采用的网络制式为TD-SCDMA，GSM，支持移动3G，2G，联通2G；移动4G卡向下兼容移动3G，2G卡；移动3G手机使用移动4G卡，可以使用3G网络，4G卡的流量套餐。</t>
  </si>
  <si>
    <t>拉卡拉收款宝安全吗</t>
  </si>
  <si>
    <t>拉卡拉收款宝是安全的，拉卡拉注册、绑定银行卡、开通收款功能即可使用。可以收款、转账、信用卡还款、手机充值等。</t>
  </si>
  <si>
    <t>挺安全的，而且还能贷款。</t>
  </si>
  <si>
    <t>比特币可以做空吗</t>
  </si>
  <si>
    <t>魅族mx6玩王者荣耀卡吗</t>
  </si>
  <si>
    <t>是不卡的，因为现在基本上这个价位手机玩王者荣耀，cf等等都不卡。</t>
  </si>
  <si>
    <t>max6标准版的x20正常情况肯定是没问题。</t>
  </si>
  <si>
    <t>美极客是传销吗</t>
  </si>
  <si>
    <t>直销产品。</t>
  </si>
  <si>
    <t>函授本科能考公务员吗</t>
  </si>
  <si>
    <t>函授本科能考公务员。</t>
  </si>
  <si>
    <t>湖南有没有白癜风医院</t>
  </si>
  <si>
    <t>有，长沙中研白癜风医院。</t>
  </si>
  <si>
    <t>长沙市，中山路，18号（小吴门站、湘江宾馆旁）有一家。</t>
  </si>
  <si>
    <t>微信注册必须要手机号码吗</t>
  </si>
  <si>
    <t>微信号必须要手机号码才可以注册的，不过注册后绑定QQ后就可以解绑手机了。</t>
  </si>
  <si>
    <t>苹果电脑可以装windows系统吗</t>
  </si>
  <si>
    <t>可以，只是苹果电脑的一些优势就不能发挥。</t>
  </si>
  <si>
    <t>可以装的， 一般苹果的电脑都是装好双系统的， 有mac和windows的，开机的时候会叫你选哪个系统的。</t>
  </si>
  <si>
    <t>微信能定时发送消息吗</t>
  </si>
  <si>
    <t>微信暂时不具备定时发送消息的功能。</t>
  </si>
  <si>
    <t>孕妇能吃木耳吗</t>
  </si>
  <si>
    <t>u盘格式化后数据能恢复吗</t>
  </si>
  <si>
    <t>能，肯定能数据没变格式化重写文件配表及DBR区表，没向面写入新数据容易 恢复用软件Easyrecovery或者R-Studio恢复。</t>
  </si>
  <si>
    <t>可以用SuperRecovery（超级硬盘数据恢复工具）或同类文件恢复软件尝试恢复数据，不要向U盘存储数据，第一时间用恢复软件恢复数据。</t>
  </si>
  <si>
    <t>恢复的可能性很低：1、U盘或存储卡格式化或删除资料后，资料并没有抹掉，只是去掉了引导部分，文件还在，如果马上恢复，大多数数据（文件）在使用恢复软件重建后能够恢复。2、如果格式化或删除文件后有写入操作，原文件可能被新写入数据覆盖，如果不是大量写入，可能会有部分文件未被覆盖或部分损坏，这部分有可能被恢复，但只能在恢复过程中才能知道。</t>
  </si>
  <si>
    <t>营业执照复印件可以给别人吗</t>
  </si>
  <si>
    <t>理论上可以，但是初始以后出借方要承担法律责任。</t>
  </si>
  <si>
    <t>营改增后房租发票可以抵扣吗</t>
  </si>
  <si>
    <t>营改增后房租发票可以开专票，相关规定如下：小规模企业和个体工商户对出租不动产业务申请代开增值税普通发票的，代开窗口需先审核纳税人是否具备自开票条件。个体工商户出租住房，申请代开增值税普通发票的，当月代开金额在3万元以下的，国税机关为其免税代开增值税普通发票；超过3万元的，按1.5%征收率代开发票并征收税款。个体工商户出租住房，申请代开增值税专用发票的，按1.5%征收率预缴税款后代开发票。个体工商户出租非住房（如商铺、写字楼等），申请代开增值税普通发票的，当月代开金额在3万元以下的，国税机关为其免税代开增值税普通发票；超过3万元的，按5%征收率代开发票并征收税款。个体工商户出租非住房，申请代开增值税专用发票的，按5%征收率预缴税款后代开发票。小规模企业出租不动产，申请代开增值税普通发票的，当月代开金额在3万元以下的，国税机关为其免税代开增值税普通发票；超过3万元的，按5%征收率代开发票并征收税款。小规模企业出租不动产，申请代开增值税专用发票的，按5%征收率预缴税款后代开发票。对出租不动产申请代开发票的小规模企业和个体工商户，不属于《国家税务总局关于全面推开营业税改征增值税试点有关税收征收管理事项的公告》（国家税务总局公告2016年第23号）中第六条第（四）款规定的其他个人范畴。因此，不得使用平均分摊计算月租金的方式享受小微企业免征增值税优惠政策，仍然按照其一个申报期限内的收入额合计，确定是否享受免征政策。 国税部门代开出租不动产业务，需要求申请代开人提交不动产产权证书，用于确定该不动产是否属于住房。国税部门为出租不动产的纳税人代开发票时，应在“货物或应税劳务、服务名称”栏注明不动产的租赁所属期，备注栏注明不动产的详细地址。</t>
  </si>
  <si>
    <t>天瑞地安是培训机构吗</t>
  </si>
  <si>
    <t>并不是，天瑞地安旗下的子公司“汇道科技”才是，天瑞地安是天瑞地安科技集团的简称，培训归属天瑞地安科技集团旗下汇道科技的业务，汇道科技是致力于高端IT人才培养。</t>
  </si>
  <si>
    <t>宁美国度的电脑靠谱吗</t>
  </si>
  <si>
    <t>靠谱归靠谱。价格便宜也是有原因的。不如看到同款的配置，去网购配件自己组装，或者是去实体店购买。会发现，它们的主板市面买不到。</t>
  </si>
  <si>
    <t>千万别买，回来就炸，用的都是二手配件，或者修过的配件。</t>
  </si>
  <si>
    <t>水碱对身体有害吗</t>
  </si>
  <si>
    <t>标准的（水垢，主要成分就是碳酸钙和氢氧化镁）吃了对人体有害，农村的（食用碱为水碱，即碳酸钠Na2CO3）吃少点没多大事的。</t>
  </si>
  <si>
    <t>小剂量食用碱对人体没有太大影响,因为胃酸可以中和。含碱量大时，主要是腐蚀刺激口腔黏膜，声带，咽喉和食道。有致哑的可能性。所以多食无益。</t>
  </si>
  <si>
    <t>没有，水垢其实就是矿物质沉淀，人喝了之后无非就是多补充点矿物质元素。</t>
  </si>
  <si>
    <t>心脏起搏器是大手术吗</t>
  </si>
  <si>
    <t>印度人吃鸡肉吗</t>
  </si>
  <si>
    <t>ipad air升级ios10卡吗</t>
  </si>
  <si>
    <t>千万不要升级ios10，卡的要命，各种闪退，有的时候连自带的相机都闪退 ,耗电超级严重，基本上是跳着往下掉电量这点太明显了，还有就是软件卡顿，卡的不要不要的。</t>
  </si>
  <si>
    <t>带牙套能改变脸型吗</t>
  </si>
  <si>
    <t>至于牙齿矫正改变脸型一说，只是在矫正的时候因为口腔装置较多，致使很多人食欲下降，导致消瘦，这是在矫正时期患者都会有所反应，所以你看到了。等矫正结束后，面容就可恢复，这和拔牙无关。改变脸型并不是说正畸以后让脸型变得不好看了，而是某一部分人矫正之前是严重的龅牙，反颌或者其他的骨源性的畸形，矫正之后，达到效果之后，牙齿的咬合关系以及畸形的现象都恢复了正常，原来的错位的形态就不复存在，面容也随之改变，这样的变化只会变得更加好看，而不是变丑。或者是有的人牙齿严重的排列不整齐等，矫正之前很自卑，不敢大笑或者露齿，矫正之后就变得自然美观多了，这样整个的心理都会发生变化，面容也会随之变得自信阳光的。</t>
  </si>
  <si>
    <t>看牙齿畸形的程度，轻微的不会，总的来说是变好的。</t>
  </si>
  <si>
    <t>脸型是无法改变的，可能带完牙套之后感觉脸型比带牙套之前会显得稍微缩小一点而已。</t>
  </si>
  <si>
    <t>dnf流浪武士适合平民吗</t>
  </si>
  <si>
    <t>流浪武士不适合贫民，平民还可以。</t>
  </si>
  <si>
    <t>决战奥格瑞玛能单刷吗</t>
  </si>
  <si>
    <t>现在还不能，打不通。</t>
  </si>
  <si>
    <t>卖客疯的东西是正品吗</t>
  </si>
  <si>
    <t>大多数网友反映是正品，就是一些断码或者残缺退回的商品。</t>
  </si>
  <si>
    <t>手机开热点费电吗</t>
  </si>
  <si>
    <t>当然费电了，这就相当于不仅把你的手机当作一个wifi的接受器，同时也让他作为一个发射器。 开热点时加果没连到会一直搜索附近热点，比较耗电，连接热点比较稳定，不会一直搜索，耗电相对来说比较慢，总之和信号强度高度相关。</t>
  </si>
  <si>
    <t>费电，因为开手机热点手机要负责连续发送很大的功率给周围的设备。</t>
  </si>
  <si>
    <t>费电的。如果手机出现耗电量大、待机时间短的情况，可能与手机的操作或者电池有关，建议您尝试以下操作来减少电池损耗：1.在不用设备时，可以通过按下电源键切换到休眠模式。2.开启省电模式：设定-（一般）-省电模式-滑动开启。3.通过任务管理器（长按HOME键两秒）关闭不必要的应用程序。4.不影响使用的情况下关闭蓝牙，定位，推送通知等设置以延长待机时间。5.取消应用程序的自动同步功能。6.减少背景灯时间。7.调低显示屏的亮度。8.有条件的话更换手机原厂电池尝试。</t>
  </si>
  <si>
    <t>印度神油有副作用吗</t>
  </si>
  <si>
    <t>印度神油根据延时原理分为物理延时和药物延时，药物延时又分为中药延时和西药延时。物理延时和中药延时的印度神油副作用小，西药延时的副作用大。但目前市场上销售的印度神油绝大部分是西药延时，消费者要注意这些印度神油的副作用。</t>
  </si>
  <si>
    <t>所谓印度神油是一种延长男性性交时间、避免射精过早的外用药物，最早是用于治疗早泄所用，它的主要成分是麝香、人参和鹿鞭，理论上这些都是中药成分，不会产生明显副作用，但长期使用的情况下，却可能过度降低生殖器敏感度导致难以射精。</t>
  </si>
  <si>
    <t>中国平安是国企吗</t>
  </si>
  <si>
    <t>中国平安的股东简介中透露本公司股权结构较为分散，不存在控股股东，也不存在实际控制人。中国平安第一及第二大股东分别为汇丰控股有限公司的两家全资附属子公司汇丰保险及汇丰银行，合计持有中国平安H股股份1232815613股，约占公司总股本的15.57%；此外，深圳市投资控股有限公司持有中国平安A股股份481359551股，占公司目前总股本的6.08%，其控股股东为深圳市国有资产监督管理委员会。于是，在官方网页上，中国平安将自己定位为非国有企业。</t>
  </si>
  <si>
    <t>思域两厢版会国产吗</t>
  </si>
  <si>
    <t>思域从历史以来中国就没有两厢，两厢的可能性不大。</t>
  </si>
  <si>
    <t>自动离合器技术成熟吗</t>
  </si>
  <si>
    <t>自动离合技术现在很成熟了，运用到很多领域，比如车，洗衣机等。</t>
  </si>
  <si>
    <t>成熟。</t>
  </si>
  <si>
    <t>目前还不是很成熟。</t>
  </si>
  <si>
    <t>控制总量人员有编制吗</t>
  </si>
  <si>
    <t>高校人员控制总量备案制人员没有编制。</t>
  </si>
  <si>
    <t>年度关联业务往来报告表必须填吗</t>
  </si>
  <si>
    <t>如果企业有关联业务企业，发生了往来，则必须填报该表，如果没有关联业务单位，则不需要填写。</t>
  </si>
  <si>
    <t>网上申报系统中有此表，一定要申报；如果既没有此表，也没有关联方，需咨询专管员，各地规定不同。即使没有关联方，在北京也是要先报送，审核后再申报（查账征收）。申报最好不要过中旬。</t>
  </si>
  <si>
    <t>去颊脂垫有副作用吗</t>
  </si>
  <si>
    <t>其副作用很小。</t>
  </si>
  <si>
    <t>祛颊脂垫没有任何副作用。</t>
  </si>
  <si>
    <t>狗狗打八联疫苗好不好</t>
  </si>
  <si>
    <t>几联苗都无所谓,最关键看价格和牌子,有的是国外的,国内的,价钱都有差别。</t>
  </si>
  <si>
    <t>八联是保护得齐全一点，不过就是贵。</t>
  </si>
  <si>
    <t>荔枝吃多了会上火吗</t>
  </si>
  <si>
    <t>蓝带体育的鞋是正品吗</t>
  </si>
  <si>
    <t>正。</t>
  </si>
  <si>
    <t>能连续打两次飞机吗</t>
  </si>
  <si>
    <t>对身体有大害，连续两次对前列腺伤害最大,因为前列腺一直充血,会引起尿频,尿不尽等等前列腺问题。</t>
  </si>
  <si>
    <t>手淫绝对不可以，更何况是一天两次，这是不要命。</t>
  </si>
  <si>
    <t>手淫消耗人体精气，对健康有巨大损害 ，连续两次手淫对健康的损害更为巨大。</t>
  </si>
  <si>
    <t>苦杏仁有毒吗</t>
  </si>
  <si>
    <t>苦杏仁有毒。</t>
  </si>
  <si>
    <t>奥鹏教育是正规教育吗</t>
  </si>
  <si>
    <t>教育部批准立项的公共服务体系，学历在学信网上终身查可查。</t>
  </si>
  <si>
    <t>头条号名称可以修改吗</t>
  </si>
  <si>
    <t>可以修改。</t>
  </si>
  <si>
    <t>征信黑名单能消除吗</t>
  </si>
  <si>
    <t>不能清除银行卡征信不良记录黑名单。信用卡有不良记录是无法清除的，但是不良记录一般会保存5-7年，也就是说5年后不良记录就可以自动消除。</t>
  </si>
  <si>
    <t>按照《征信业管理条例》，征信机构对个人不良信息的保存期限，自不良行为或者事件终止之日起为5年；超过5年的，应当予以删除。”根据《条例》，只要在五年内保持良好的信用行为，这些不良信息将会5年后消失无踪。比如一笔贷款应当是在5月1日还款，但是一直逾期到10月1日才偿还，那么，从10月1日开始计算，5年后此记录将被删除。</t>
  </si>
  <si>
    <t>1.4l的车动力够用吗</t>
  </si>
  <si>
    <t>家用够用了。</t>
  </si>
  <si>
    <t>在城市道路跑足够了，如果跑长途的话，动力感觉要少一点。</t>
  </si>
  <si>
    <t>二级注册建筑师值钱吗</t>
  </si>
  <si>
    <t>二级注册建筑师的含金量还可以，建筑师资格证是从事设计行业必不可少的证件。</t>
  </si>
  <si>
    <t>挂证+正常收入8~15万，二级注册建筑师的证不值钱。</t>
  </si>
  <si>
    <t>三星s8好吗</t>
  </si>
  <si>
    <t>xbox one 破解了吗</t>
  </si>
  <si>
    <t>今年年底才发售one，破解还为时太早。</t>
  </si>
  <si>
    <t>没有，近一年至两年内应该都不会。</t>
  </si>
  <si>
    <t>围棋好玩吗</t>
  </si>
  <si>
    <t>不是一般地好玩。</t>
  </si>
  <si>
    <t>围棋非常有哲理，特别好玩。</t>
  </si>
  <si>
    <t>wallpaper engine占内存吗</t>
  </si>
  <si>
    <t>这个软件不吃内存，吃CPU。</t>
  </si>
  <si>
    <t>进了看守所就剃光头吗</t>
  </si>
  <si>
    <t>每隔一段时间，干部会统一给仓里人剃头。都是犯人给犯人剃。所以都是光头。牢头不用，可以留点。</t>
  </si>
  <si>
    <t>1990年司法部发布的《罪犯改造行为规范》第二十一条规定：除一个月内出监的罪犯外，一律留寸发或光头，不准留胡须、长指甲；除有特殊生活习惯的少数民族罪犯外，女犯一律留齐耳短发，不得过颈，不准烫发、染发、戴假发、涂指甲、抹口红、戴首饰等。</t>
  </si>
  <si>
    <t>2004年4月上海市监狱管理局正式下发《关于服刑人员自主选择发型范围的通知》，并开始在上海市各监所、监狱总医院内执行，今后上海市各监所的男性服刑人员可自主选择平头、寸发和光头3种发型。</t>
  </si>
  <si>
    <t>阴茎硬结能自愈吗</t>
  </si>
  <si>
    <t>阴茎硬结症一般不会自愈的，一部分甚至会越来越严重，建议还是及早到医院检查治疗。</t>
  </si>
  <si>
    <t>少数是会自愈的，不过大部分会缓慢恶化，具体恶化程度跟个人体质有关。</t>
  </si>
  <si>
    <t>阴茎硬结症一般是不会自愈的，时间越长硬结会越大，建议到专科医院进行检查治疗，以免病情更加严重。</t>
  </si>
  <si>
    <t>蟑螂药对人有害吗</t>
  </si>
  <si>
    <t>杀虫药对生物的神经系统原理上都有影响，只是程度不同而已。</t>
  </si>
  <si>
    <t>有很大伤害的。</t>
  </si>
  <si>
    <t>肯定的，只不过对一般人很轻，孕妇就不要碰那个了。</t>
  </si>
  <si>
    <t>游戏要装在固态硬盘吗</t>
  </si>
  <si>
    <t>固态就是为了装游戏的。</t>
  </si>
  <si>
    <t>小游戏可以放在SSD上，大游戏要装在固态硬盘上。</t>
  </si>
  <si>
    <t>固态硬盘一般都是装系统的。</t>
  </si>
  <si>
    <t>工行节节高2号有风险吗</t>
  </si>
  <si>
    <t>云南香灵草能驱蚊吗</t>
  </si>
  <si>
    <t>有点儿用。</t>
  </si>
  <si>
    <t>红果果绿泡泡是夫妻吗</t>
  </si>
  <si>
    <t>是一对，夫妻档。</t>
  </si>
  <si>
    <t>退货单号填错了还能修改吗</t>
  </si>
  <si>
    <t>把鼠标移到【我的淘宝】点击进入【已买到的宝贝】。找到你已退货的商品，点击【退货/退款】按钮。申请后会变成退货处理，点退货处理再点击【修改退款申请】。然后重点是点取消退货，这样错填的快递单号就不会收到影响。</t>
  </si>
  <si>
    <t>1.退货的快递信息如果填写错误或者需要修改，是无法操作的，2.建议通过阿里旺旺或者在退款页面留言的方式告知卖家正确的快递信息，同时注意保管好退货的单据，以备不时之需。3.提醒：若已经购买退货运费险，错误的退货信息会对运费险的理赔造成一定的影响，请慎重填写退货的物流信息。</t>
  </si>
  <si>
    <t>中国好项目是真的吗</t>
  </si>
  <si>
    <t>假的挺多。</t>
  </si>
  <si>
    <t>杭州电子科技大学好吗</t>
  </si>
  <si>
    <t>杭州电子科技大学的环境是很好的，环境寝室都是本科的成教自考双模式和高考统招生一起就读的，学校环境1800多亩，各类设施齐全。</t>
  </si>
  <si>
    <t>杭州电子科技大学挺不错的，特别是理工科，在浙江来说，都算得上是比较不错的。学校是浙江省重点大学，办学特色鲜明，学科优势明显，培养了一大批国内外IT行业领军人物和经济管理界的高级人才，被誉为中国“IT企业家的摇篮”、“卓越会计师的摇篮”。 （如果你比较喜欢这类专业的话，那就最好了。）学校在下沙大学城的西面，相对来说比较繁华。旁边有数码城有弗雷德广场。吃住购物都比较方便。虽然学校理工科强，男多女少。但是，对面是浙江传媒学院。反正总体来说，这个学校从方面来说都很不错。</t>
  </si>
  <si>
    <t>浙江重点大学，一本。杭州电子科技大学（Hangzhou Dianzi University），简称杭电，是浙江省人民政府与国防科技工业局共建的教学研究型大学，是浙江省首批重点建设的5所高校之一。</t>
  </si>
  <si>
    <t>人民的名义有续集吗</t>
  </si>
  <si>
    <t>胎动频繁正常吗</t>
  </si>
  <si>
    <t>只要胎动有规律，有节奏，变化曲线不大，都说明胎儿发育是正常的。</t>
  </si>
  <si>
    <t>每小时胎动在3到5次是正常的。</t>
  </si>
  <si>
    <t>直系亲属赠与房产要交税吗</t>
  </si>
  <si>
    <t>直系亲属之间房屋产权赠送不需要交税，但需要办理公证缴纳公证费和手续费。</t>
  </si>
  <si>
    <t>直系亲属、抚养人、赡养人无偿赠与：营业税：不征收；个人所得税：不征收；契税：受赠人缴纳3%，再转让房产，按照正常的房屋买卖计税。</t>
  </si>
  <si>
    <t>要缴税的,和房屋买卖的费用一样。</t>
  </si>
  <si>
    <t>2016版关联关系往来表可以不申报吗</t>
  </si>
  <si>
    <t>网上申报系统中有此表，一定要申报</t>
  </si>
  <si>
    <t>月经期间能吃樱桃吗</t>
  </si>
  <si>
    <t>可以。樱桃是适温水果，适量吃不会有影响，而且樱桃是含铁量最高的水果之一，具有一定补血效果。</t>
  </si>
  <si>
    <t>可以。樱桃对食欲不振，消化不良、风湿身痛等均有益处。所以，女性在月经期间是可以吃的，但是不能过度。</t>
  </si>
  <si>
    <t>樱桃具有具有清热解毒，透疹的作用，对于阳虚的是可以服用的，因为性味寒凉所以建议月经期间最好不要服用较好，以免引起腹痛。建议在月经期间最好不要吃樱桃，以免引起痛经，或者是月经有血块等情况。</t>
  </si>
  <si>
    <t>朝鲜半岛2017会打仗吗</t>
  </si>
  <si>
    <t>打不起来的，美国和韩国演习并增加军力是为了增加在东北亚的影响力，从撒德部署韩国就看出来了，美国炒作朝鲜问题从而达到了他的目的就是进一步扩大美国在东北亚的存在，这下部署撒德对中国和俄罗斯的弹道导弹产生了严重威胁，而韩国也不敢打朝鲜，一是朝鲜后面有中国俄罗斯后盾，而朝鲜军力也不弱，火箭炮和火炮射程足以覆盖首尔，韩国打不起，而朝鲜也不敢打朝鲜一旦开打，美日甚至美日韩轻易可以灭掉朝鲜，所以打不起来</t>
  </si>
  <si>
    <t>2017款蒙迪欧还臭吗</t>
  </si>
  <si>
    <t>内饰还是一如既往的臭。</t>
  </si>
  <si>
    <t>我是17款首批，现在已经完全没味道了，新车气味都散的比较快。</t>
  </si>
  <si>
    <t>点读笔能通用吗</t>
  </si>
  <si>
    <t>点读笔不是通用的，因为不同的品牌在制作声音文件和印刷图书的时候使用了不同的码或加密。</t>
  </si>
  <si>
    <t>不能。点读笔要对应相应的书,因为纸上有能和点读笔内部所储存的文件相对应,你可以拿一个点读笔，用配套的书和一本英语字典做对比，万能的都可以读出来。</t>
  </si>
  <si>
    <t>可以啊，只要已经下载了就可以</t>
  </si>
  <si>
    <t>记忆大师恐怖吗</t>
  </si>
  <si>
    <t>不恐怖，距离大师一步之遥。</t>
  </si>
  <si>
    <t>子宫内膜厚能怀孕吗</t>
  </si>
  <si>
    <t>内膜过厚当然影响怀孕，受精卵不容易扎根在你的小房子里，一样到排卵期，内膜厚度最好在7-9mm范围内最佳，比较容易受孕。</t>
  </si>
  <si>
    <t>子宫内膜厚不影响受孕。</t>
  </si>
  <si>
    <t>苏有朋到底有没有老婆</t>
  </si>
  <si>
    <t>苏有朋老婆是吕佳玲。</t>
  </si>
  <si>
    <t>苏有朋真正的老婆是和他合作了5年多的经纪人Amy，两人的恋情萌芽于苏有朋拍摄《情定爱琴海》。</t>
  </si>
  <si>
    <t>没结婚。</t>
  </si>
  <si>
    <t>无人深空好玩吗</t>
  </si>
  <si>
    <t>无人深空网上的评价并不好，游戏里遇不到人，像个单机游戏。</t>
  </si>
  <si>
    <t>孔雀会飞吗</t>
  </si>
  <si>
    <t>孔雀会飞。</t>
  </si>
  <si>
    <t>孔雀是可以飞翔的。一次起飞的距离在几百米。</t>
  </si>
  <si>
    <t>虽然孔雀双翼不太发达，但还是能飞的，只是飞行速度慢而显得笨拙。</t>
  </si>
  <si>
    <t>vr国际分拆盘是骗局吗</t>
  </si>
  <si>
    <t>就是大骗子。</t>
  </si>
  <si>
    <t>伦敦艺术大学是 野鸡吗</t>
  </si>
  <si>
    <t>不是，伦敦艺术大学是全世界最优秀的艺术院之一，是艺术教育界的哈佛、剑桥。</t>
  </si>
  <si>
    <t>不是。它由世界最著名的6大艺术、设计与传播学院联合而成，是全世界最优秀的艺术学院之一。</t>
  </si>
  <si>
    <t>伦敦艺术大学是英国顶级的艺术设计学院。</t>
  </si>
  <si>
    <t>中南财大是一流大学吗</t>
  </si>
  <si>
    <t>中南财经政法大学是一所不错的重点大学，就综合实力在全国来说不算太一流，毕竟作为一所人文社科类大学还是比不上武汉大学那类综合性大学；但是就单科来说，在财经、政法领域是一流的。</t>
  </si>
  <si>
    <t>二流的，介于一本与二本之间。</t>
  </si>
  <si>
    <t>看领域，中南财经政法大学在财经和法学领域算得上国内的一流大学，但是除了这两个领域，其他领域实力较弱，基本没有影响力，所以其综合实力是算不上一流的。</t>
  </si>
  <si>
    <t>马油可以去疤痕吗</t>
  </si>
  <si>
    <t>马油有去除伤疤的功效。</t>
  </si>
  <si>
    <t>艾滋病潜伏期能查出来吗</t>
  </si>
  <si>
    <t>通过性行为的窗口期为2~3周，一般人3周就可以检查出了，但现在建议6周去检查，因为6周具有国际权威性，6周阴就可以完全排除了。</t>
  </si>
  <si>
    <t>能，艾滋病在被感染2—6周后，血清HIV抗体可呈现阳性反应。</t>
  </si>
  <si>
    <t>潜伏期是可以查出来的。</t>
  </si>
  <si>
    <t>车载导航可以换系统吗</t>
  </si>
  <si>
    <t>看你的导航是什么系统，安卓或者winCE，然后去GPS论坛下载需要的导航软件，甚至可以双软件。</t>
  </si>
  <si>
    <t>可以的，只要知道显示屏是多大的，到卖专车导航的地方花点钱都可以恢复。</t>
  </si>
  <si>
    <t>有设备配件是可以自己更换的。</t>
  </si>
  <si>
    <t>香港航空是廉价航空吗</t>
  </si>
  <si>
    <t>不属于廉价航空。</t>
  </si>
  <si>
    <t>开公司就我一个人一定要交社保吗</t>
  </si>
  <si>
    <t>可以买，具体详情可以向当地社保中心咨询。</t>
  </si>
  <si>
    <t>为了规范经营，不留下任何法律纠纷，最好是按规定到社保局办理社保。</t>
  </si>
  <si>
    <t>只要是单位缴费，不缴费早晚都要补缴，否则关于社保任何事都办不了。</t>
  </si>
  <si>
    <t>打过狂犬疫苗又被咬了还用打针吗</t>
  </si>
  <si>
    <t>需要，狂犬疫苗有一定的存活期限，不像有的疫苗是终生的。</t>
  </si>
  <si>
    <t>打疫苗半年内被咬则不用打针超半年则需要打。</t>
  </si>
  <si>
    <t>淘宝上的官换机能买吗</t>
  </si>
  <si>
    <t>淘宝的或，能不要尽量别要。</t>
  </si>
  <si>
    <t>价格太便宜就不能买。</t>
  </si>
  <si>
    <t>不思议迷宫安卓ios互通吗</t>
  </si>
  <si>
    <t>都不互通的。</t>
  </si>
  <si>
    <t>后视镜记录仪 影响后视镜吗</t>
  </si>
  <si>
    <t>不会影响。</t>
  </si>
  <si>
    <t>付辛博会火过李易峰吗</t>
  </si>
  <si>
    <t>赵奕然减肥法有用吗</t>
  </si>
  <si>
    <t>有用，只不过一两天不见效。</t>
  </si>
  <si>
    <t>青年旅社危险吗</t>
  </si>
  <si>
    <t>没想像中的安全，尤其是那些开在繁华地段的青年旅社。</t>
  </si>
  <si>
    <t>还不错，但是安全都是相对的，不能完全确定，需要自己注意，小心一些。</t>
  </si>
  <si>
    <t>目前为止，都很安全。但还是需要保管好自己的财物。</t>
  </si>
  <si>
    <t>吃安眠药会死吗</t>
  </si>
  <si>
    <t>吃安眠药会死人，并且死的过程很痛苦，安眠药会刺激胃部，导致胃酸流出，就出来的过程中人会呕吐，但是由于安眠药麻痹了身体上的自然条件反射，导致你死的时候很痛苦却什么都做不了。也会导致呕吐的液体通至鼻腔等地。</t>
  </si>
  <si>
    <t>安眠药适合半片到一片用量，严重者用两片。过量容易昏死过去。</t>
  </si>
  <si>
    <t>如果吃了药以后喝过酒那基本是死定了， 安眠药能否致人死亡取决于： 1、药物的种类； 2、药物的剂量； 3、个体差异； 4、年龄的差异； 5、以往的用药情况。</t>
  </si>
  <si>
    <t>藏生堂浴足液真有用吗</t>
  </si>
  <si>
    <t>效果不错，能改善睡眠，专治老人病。</t>
  </si>
  <si>
    <t>经络按摩仪对人有害吗</t>
  </si>
  <si>
    <t>一般说来说是没有害处的。</t>
  </si>
  <si>
    <t>只要能拿出来做商品的一般都是没有什么害处的，国家对这类东西管的还是挺严的。</t>
  </si>
  <si>
    <t>调试适度没坏处。</t>
  </si>
  <si>
    <t>贝亲桃子水好用吗</t>
  </si>
  <si>
    <t>桃子水天然无添加的，好用。</t>
  </si>
  <si>
    <t>2017医保跨省能报销吗</t>
  </si>
  <si>
    <t>在异地就医，没有先办理审批手续的，只能限于急诊急救情况，才可以报销的。异地就医申请流程：先到参保地市医保中心提出异地就医申请，领取一式三份审批表，在异地找不同级别的三家（或两家）医保定点医院的医保办盖章，再送参保地医保中心备案，就可以在异地住院，现金垫付，凭结算票据、出院小结、每日清单寄回（或送回）参保地医保中心报销。</t>
  </si>
  <si>
    <t>同城约爱是真的吗</t>
  </si>
  <si>
    <t>是假的</t>
  </si>
  <si>
    <t>经常胃胀气是胃癌吗</t>
  </si>
  <si>
    <t>不，但说明胃部有问题。</t>
  </si>
  <si>
    <t>胃胀和胃癌没有必然的联系。</t>
  </si>
  <si>
    <t>应该是胃炎或者溃疡，慢性胃病。</t>
  </si>
  <si>
    <t>孕妇能吃枸杞吗</t>
  </si>
  <si>
    <t>孕妇使用枸杞养生也要讲究方法。根据传统的说法来看，孕妇是可以吃枸杞的，因为枸杞泡茶可以治疗孕期贫血，有很好的补血作用，而孕期妈妈常常会有贫血的现像，但是孕妇吃枸杞也要十分的注意，切记不可以食用过量。因为枸杞虽好，但是不同的食用方法会有不同的益害处。准妈妈们要切记，枸杞是补品，食用过量会引起胎动，严重的会导致流产。所以在食用枸杞时，最好还是向医生咨询一下，了解清楚食用的方法会否影响到胎儿。</t>
  </si>
  <si>
    <t>可以，炖汤很有营养。</t>
  </si>
  <si>
    <t>王者荣耀每个区互通吗</t>
  </si>
  <si>
    <t>车位转让协议 可靠吗</t>
  </si>
  <si>
    <t>需要看车位的所有权是否属物业。</t>
  </si>
  <si>
    <t>当然受保护，协议没有违反法律效应就是有效的。</t>
  </si>
  <si>
    <t>网上贷款可信吗 有谁贷款成功过</t>
  </si>
  <si>
    <t>有真有假的，小心点好，建议用一些比较常见的平台.</t>
  </si>
  <si>
    <t>网上贷款可以说根本贷不下，如需钱还是找其它途经吧，但也得注意上当受骗</t>
  </si>
  <si>
    <t>华为p9支持nfc吗</t>
  </si>
  <si>
    <t>华为P9系列国行只有最顶配版本才支持NFC和压感触控功能。不过虽然它不支持NFC，但可以装一个触宝电话，可以帮助识别号码，能够自动拦截骚扰电话。</t>
  </si>
  <si>
    <t>p9不支持NFC功能的。华为Pay，主要用于NFC的线上和线下支付，手机不支持NFC，所以没有华为Pay。</t>
  </si>
  <si>
    <t>陈海醒了吗</t>
  </si>
  <si>
    <t>醒了。</t>
  </si>
  <si>
    <t>自考本科可以考教师资格证吗</t>
  </si>
  <si>
    <t>自考本科文凭可以考教师资格证。</t>
  </si>
  <si>
    <t>代办签证有被骗的么</t>
  </si>
  <si>
    <t>湖北师范大学是一本吗</t>
  </si>
  <si>
    <t>健康管理师证书有用吗</t>
  </si>
  <si>
    <t>当然有用的。健康管理师是从事个体和群体健康的检测、分析、评估以及健康咨询、指导和危险因素干预等工作的专业人员。当今社会有非常多的人不懂健康，更不知道如何去管理健康，以至于身体出现问题，只知道上医院看医生，完全把自己的健康交给了医院，然后又埋怨医院和医生，平时又拼命糟蹋自己的身体，吃垃圾食品、熬夜、通宵麻将等无所不为。健康管理师、营养师等的出现会逐渐改变这种状态，国家也出台了《加快健康服务人才队伍建设及规范从业人员培训》的文件，所以，健康管理师是一个可以干一辈子的黄金职业。</t>
  </si>
  <si>
    <t>雅居乐的房子还能买吗</t>
  </si>
  <si>
    <t>可以呀。</t>
  </si>
  <si>
    <t>是还能再买的。</t>
  </si>
  <si>
    <t>雅居乐附近的配套设施不是很完善，如果打算自住，等到两年后估计能发展起来，如果投资，可以自己计算一下收益率，估计没什么升值空间，毕竟是长安的房子。</t>
  </si>
  <si>
    <t>伊奈卫浴好吗</t>
  </si>
  <si>
    <t>经过专业清洁剂清洗仍无济于事，经过用手检查发现右边拐角处毛糙，造成了凝积了黄色的水垢。</t>
  </si>
  <si>
    <t>真的有外星人吗</t>
  </si>
  <si>
    <t>肯定有。但不容易寻找。</t>
  </si>
  <si>
    <t>闲鱼上买的东西可以退吗</t>
  </si>
  <si>
    <t>先协商，如果不行可以申请退款。1、闲置商品的争议处理，淘宝是依据买卖双方约定与描述进行判定的。若因没有清晰的描述商品的实际情况而产生的争议，淘宝支持退货退款理，来回运费由买方承担。2、争议标的若为依照《淘宝闲置市场管理规则》应予以删除的违规商品，淘宝支持不退货退款处理。</t>
  </si>
  <si>
    <t>闲鱼是淘宝旗下二手交易平台，其所售产品一般为二手或闲置产品，其交易行为属于P2P行为，淘宝仅作为中间平台参与交易过程，保障交易过程的顺利，对于所交易产品的保障性要远差于淘宝或天猫，一般情况下没有七天无理由退货，或三包承诺，对于产品质保问题，需要在购买前或购买后仔细与卖家协商，以协商解决售后及服务问题。</t>
  </si>
  <si>
    <t>可以的，前提是卖家同意，不行可以协商，有纠纷也可以淘宝介入。</t>
  </si>
  <si>
    <t>抽完血可以洗澡吗</t>
  </si>
  <si>
    <t>24-48小时后就没有什么问题了。一两天就可以了，如果忍不了，贴一个防水创可贴。正常洗就可以了，不过最好在抽完血的一两个小时后，因为要给身体足够的调节时间。只要不让伤口发炎就好了。</t>
  </si>
  <si>
    <t>需要血液凝固后，也需要休息很长时候才可以的，避免引起失血性晕厥等。建议注意卫生，预防感染等。</t>
  </si>
  <si>
    <t>其实抽完血当天就可以洗澡的，但洗澡时要注意保暖，并且水温不能太凉也不能太高，以免影响器官的正常供血。抽完血之后可能会出现头晕的症状，所以要注意多休息，多喝水。并且近期不要做太多消耗大量体力的活动，还有就是可多吃补充铁的食物如动物内脏，鸡蛋、蔬菜水果等。</t>
  </si>
  <si>
    <t>战锤全面战争好玩吗</t>
  </si>
  <si>
    <t>战锤全面战争，引入了更新颖的英雄系统，英雄不再像以前的将领一样，现在单独成军，以一敌百，特别的强力，而且还有混沌入侵等有挑战的事件，可玩性很高。</t>
  </si>
  <si>
    <t>毒五月的由来科学吗</t>
  </si>
  <si>
    <t>毒五月的由来不科学。</t>
  </si>
  <si>
    <t>没有科学根据。</t>
  </si>
  <si>
    <t>百年人寿是正规公司吗</t>
  </si>
  <si>
    <t>是的，比较正规。</t>
  </si>
  <si>
    <t>洋钱罐安全吗</t>
  </si>
  <si>
    <t>总体来说还是挺不错的。</t>
  </si>
  <si>
    <t>善心汇2017年能稳住吗</t>
  </si>
  <si>
    <t>没有风险。</t>
  </si>
  <si>
    <t>物业有权利停水停电吗</t>
  </si>
  <si>
    <t>物业公司是没有法定权利来对业主采取停水停电措施的。</t>
  </si>
  <si>
    <t>amd vega会比1080好吗</t>
  </si>
  <si>
    <t>芒果tv没有弹幕吗</t>
  </si>
  <si>
    <t>这个月停了。</t>
  </si>
  <si>
    <t>芒果tv电脑的客户端才可以弹幕。</t>
  </si>
  <si>
    <t>网页没。</t>
  </si>
  <si>
    <t>葡萄牙是发达国家吗</t>
  </si>
  <si>
    <t>葡萄牙是欧盟中等发达国家。</t>
  </si>
  <si>
    <t>水龙头净水器有用吗</t>
  </si>
  <si>
    <t>有些作用，作用不大。</t>
  </si>
  <si>
    <t>土豆绿了能吃吗</t>
  </si>
  <si>
    <t>发现土豆发了芽或是表皮变绿、皮肉青紫或是腐烂时，千万不要食用。</t>
  </si>
  <si>
    <t>土豆变绿了不能吃。</t>
  </si>
  <si>
    <t>见光和吹了风都会变绿，没事可以吃，现在的土豆都是经过脱毒的品种。</t>
  </si>
  <si>
    <t>有免费数据恢复软件吗</t>
  </si>
  <si>
    <t>Easyrecovery。</t>
  </si>
  <si>
    <t>360是免费的。</t>
  </si>
  <si>
    <t>anedata全能恢复。</t>
  </si>
  <si>
    <t>苹果6s有nfc功能吗</t>
  </si>
  <si>
    <t>苹果6以上的手机都有NFC功能。</t>
  </si>
  <si>
    <t>世茂集团是国企吗</t>
  </si>
  <si>
    <t>没有任何证据显示是国营的企业，应该是一个私人企业，如果有必要的话，可以去工商局继续查一下。</t>
  </si>
  <si>
    <t>世茂的老板许荣茂现在是香港，算是半港资企业。</t>
  </si>
  <si>
    <t>华中农业大学是985吗</t>
  </si>
  <si>
    <t>不是。它是211大学。</t>
  </si>
  <si>
    <t>安慕希酸奶喝了会胖吗</t>
  </si>
  <si>
    <t>喝酸奶不会胖的.</t>
  </si>
  <si>
    <t>应该不会，安慕希是酸奶，脂肪含量少，喝了对肠胃好，有利于消化.</t>
  </si>
  <si>
    <t>卤素灯改led灯违法吗</t>
  </si>
  <si>
    <t>不一定,一般的卤素灯是交流电,而led因配用的驱动器不同,有交直流之分,所以在电压相同下也应具体分析才行。</t>
  </si>
  <si>
    <t>汽车只要不变外观，而且车检时灯光合格就没什么问题。不违法。</t>
  </si>
  <si>
    <t>丝芙兰有假货吗</t>
  </si>
  <si>
    <t>丝芙兰的东西觉得还不错啊！质量是没有问题的，应该没有假货的。</t>
  </si>
  <si>
    <t>丝芙兰是不会有假冒的，毕竟是连锁店了。线下购物的话，一般都会选择的。</t>
  </si>
  <si>
    <t>有的，分辨方法:主要有以下三种查询方法：1、查看包装盒上面是否印有合格证编号，是否贴有可扫描的条形码，面膜袋子上是否有钢印的生产日期/到期日期，如果没有就是假的。2、在药监局及质监局的官方网站上查询该公司是否备案成功，是否经过质量检测，如果没有备案没有经过质量检测就是假的。3、检查面膜包装，看看包装上是否有写清楚制造公司、监制单位、生产地址、生产许可证编号等详情，如果没有这些，就是假的。注意：1、一定要对比药监局备案的产品名称与成分是否一致,2、要检查包装盒上面是否有注册商标®，以及食品安全标志QS。</t>
  </si>
  <si>
    <t>钉钉能看到员工聊天吗</t>
  </si>
  <si>
    <t>古代的妇女是没有内裤</t>
  </si>
  <si>
    <t>古代没有内裤，只有亵裤。</t>
  </si>
  <si>
    <t>香蒲丽绿色眼膜好用吗</t>
  </si>
  <si>
    <t>不错的。</t>
  </si>
  <si>
    <t>吊兰能放在卧室吗</t>
  </si>
  <si>
    <t>可以，放卧室能吸收二氧化碳，净化卧室内的环境卫生，调节气流均匀流动，所以对健康有好处。</t>
  </si>
  <si>
    <t>男的英文名 frank好吗</t>
  </si>
  <si>
    <t>Frank感觉适合比较稳重一点的人，比较沉着一点</t>
  </si>
  <si>
    <t>好听。</t>
  </si>
  <si>
    <t>吉田里琴演过av吗</t>
  </si>
  <si>
    <t>没有出演《死神的歌谣》《还记得那片天》《Oh! My Girl!!》《我的帅管家》《钢之女》《亚子的秘密》等影视剧</t>
  </si>
  <si>
    <t>十代思域si会出国产吗</t>
  </si>
  <si>
    <t>第十代思域是合资的。</t>
  </si>
  <si>
    <t>罗布麻茶能降压吗</t>
  </si>
  <si>
    <t>罗布麻茶具有降血压的功效。</t>
  </si>
  <si>
    <t>甩棍能过安检吗</t>
  </si>
  <si>
    <t>甩棍不能过安检。</t>
  </si>
  <si>
    <t>辽宁2017还有省考吗</t>
  </si>
  <si>
    <t>电脑版微信可以看朋友圈吗</t>
  </si>
  <si>
    <t>秦时明月之君临天下完结了吗</t>
  </si>
  <si>
    <t>没有，总共有60集。</t>
  </si>
  <si>
    <t>好像是先月更，再两周更，再一周更，估计两年内更完。</t>
  </si>
  <si>
    <t>没有，还在更新中，目前更新到第44集，暂定60集。</t>
  </si>
  <si>
    <t>深蹲和硬拉是壮阳的吗</t>
  </si>
  <si>
    <t>负重深蹲是最好刺激荷尔蒙和睾丸酮分泌的动作，没有之一。</t>
  </si>
  <si>
    <t>所有运动中，只有深蹲有这种效果。</t>
  </si>
  <si>
    <t>金钱草对肾结石有用吗</t>
  </si>
  <si>
    <t>金钱草对于肾结石是有疗效的。</t>
  </si>
  <si>
    <t>金钱草功效利湿退黄，利尿通淋，解毒消肿。用于湿热黄疸，胆胀胁痛，石淋，热淋，小便涩痛，痈肿疔疮，蛇虫咬伤。治疗肾结石是必用药。用量15～60g。最方便的方法是泡水当茶饮，次数不限。</t>
  </si>
  <si>
    <t>金钱草可以治疗肾结石，但是要配方治疗，平时多喝水，多做跳跃运动可以使结石移动排出。建议平时饮食要清淡，少吃高脂肪，高蛋白质等食物，少吃油腻食物，肉类，豆制品，蛋黄、香菇、菠菜等。</t>
  </si>
  <si>
    <t>电脑迅雷下载的电影能同步到手机迅雷吗</t>
  </si>
  <si>
    <t>小天鹅被美的收购了吗</t>
  </si>
  <si>
    <t>2008年被美的收购。</t>
  </si>
  <si>
    <t>运动过后肌肉酸痛还能继续运动吗</t>
  </si>
  <si>
    <t>生化危机终章还有续集吗</t>
  </si>
  <si>
    <t>不是应该会,是肯定会。</t>
  </si>
  <si>
    <t>目前还没出。但肯定还有续集。</t>
  </si>
  <si>
    <t>沙棘睡袋排毒是真的吗</t>
  </si>
  <si>
    <t>沙棘排毒睡袋能排湿，对身体有好处。</t>
  </si>
  <si>
    <t>开台球厅一年能赚20w吗</t>
  </si>
  <si>
    <t>这个可不一定啊。一个有规模的台球厅，挣20万还是很轻松的。达不到规模档次，挣20万就很困难了。</t>
  </si>
  <si>
    <t>开球馆，收入这个问题就很难说了。主要有几点 1你的定位，定位决定你的收费。 2你的生意好坏 在上海，杭州，江苏等地方，一般开一家正规的球馆，假如以15张球桌为例，房租在正常价位的话，投资大概在50万左右，回收成本大概在2年左右，年利润大概在40万左右。 球馆现在越开越多，我个人建议，假如你对球杆经验一点都不懂的话，还是别开了，除非有合作伙伴懂的。看别人的球馆生意很好，其实开球馆并不是想象的那么简单，因为现在球馆已经在走相对高档路线，和90年代不一样了，更多的需要专业的经营。球馆开张和倒闭几乎是一半对一半的。</t>
  </si>
  <si>
    <t>怀孕15周宝宝稳定了吗</t>
  </si>
  <si>
    <t>不一定的，还是要注意，要按时产检。胎停，流产，早产都可能随时会发生的。只是过了早孕期，可能相对要好一点。</t>
  </si>
  <si>
    <t>不会日语能去日本自由行吗</t>
  </si>
  <si>
    <t>美图秀秀可以抠图吗</t>
  </si>
  <si>
    <t>可以呀。打开美图秀秀，打开一张图片，右边就有抠图笔，点击下去选择一种抠图样式，自己抠图。</t>
  </si>
  <si>
    <t>打开美图秀秀软件，点击右上角的”打开“，选中电脑上特定的照片打开；打开照片后，在左侧点击”抠图笔“；在”抠图样式“里点击选择其中一种样式，比如”自动抠图“；在要抠图的区域上划线；完成后，点击界面底下的”保存为透明背景“；选择保存路径，点击”保存“即可。</t>
  </si>
  <si>
    <t>可以，直接抠想要的图就可以了；然后进行剪走，或是直接脱动走。</t>
  </si>
  <si>
    <t>声之形中国会上映吗</t>
  </si>
  <si>
    <t>在大陆的电影院里上映很难，现在根本没有要什么公司说明要引进，所以想看的话，就是等，等几个月，BD发售，那时候国内的字幕组自然会放出资源。</t>
  </si>
  <si>
    <t>应该不会上映，因为这动漫知名度不高。</t>
  </si>
  <si>
    <t>这个国内暂时没有引进 。</t>
  </si>
  <si>
    <t>订阅号有支付功能吗</t>
  </si>
  <si>
    <t>目前订阅号是不支持微信支付的，目前微信支付功能仅开放给已经通过微信认证的服务号(企业、商店商家、非事业单位媒体类服务号)。开通服务号后，还要通过认证。所以可以先将您的订阅号升级到服务号。</t>
  </si>
  <si>
    <t>个人订阅号是不可以的。目前订阅号只有政府类和媒体类可以申请开通微信支付，其他的暂时还未开放。</t>
  </si>
  <si>
    <t>单眼弱视可以考驾照吗</t>
  </si>
  <si>
    <t>可以。将于今年4月1日开始实行的新修改的《机动车驾驶证申领和使用规定》规定：单眼视力障碍，优眼裸视力或者矫正视力达到对数视力表5.0以上，且水平视野达到150度的，可以申请小型汽车、小型自动挡汽车、低速载货汽车、三轮汽车、残疾人专用小型自动挡载客汽车准驾车型的机动车驾驶证。</t>
  </si>
  <si>
    <t>洛奇英雄传好玩吗</t>
  </si>
  <si>
    <t>好玩，推荐挂个VPN去美服。</t>
  </si>
  <si>
    <t>1：画面性强， 2：操作性不错，称得上超一流大作。</t>
  </si>
  <si>
    <t>被猫抓了要打针吗</t>
  </si>
  <si>
    <t>被狗、猫咬伤是否发病首先决定咬人的狗、猫是否带狂犬病毒，其次咬伤程度和部位。 一般定期打过预防针的正常狗狗、猫猫没有什么问题，如果是疯狗、病猫就得重视了。如果咬你的狗、猫是健康的，并且你的皮肤没有被爪破 （狂犬病毒传染的主要宿主，狂犬病一般通过动物的唾液传播，而猫、狗都会用舌头添自己的爪子，有一定几率把狂犬病毒带到爪子上，所以抓伤后也会有可能感染到狂犬病） 或被咬破，那就不必担心。</t>
  </si>
  <si>
    <t>狂犬病毒主要是在唾液中，抓伤是没事的，但是不要再让小猫或者小狗舔。如果担心有风险，可以采用“十日观察法”，如果十天时间小猫没有狂犬发病，说明就没有狂犬病毒，你也不会感染狂犬。</t>
  </si>
  <si>
    <t>如果见血了，一定要去打针，先自已用肥皂水清洗 一下。然后去打针，这个潜扶期很长的，最长的可以达到10年。</t>
  </si>
  <si>
    <t>谢娜离婚了吗</t>
  </si>
  <si>
    <t>吃男人下面,他舒服吗</t>
  </si>
  <si>
    <t>看舌头触碰到的是下面哪个位置，有马眼，还有蛋，看有没有做包皮，更多还是视觉效果引发的感觉，就像被一个暖和的东西包住一样，很舒服的。</t>
  </si>
  <si>
    <t>生理心理都会舒服。</t>
  </si>
  <si>
    <t>信用卡当天还款当天可以刷吗</t>
  </si>
  <si>
    <t>信用卡还款日当天可以正常刷卡消费或取现，只要卡里还有额度，卡片处于正常使用状态。</t>
  </si>
  <si>
    <t>双层床好不好</t>
  </si>
  <si>
    <t>双层床一般是为利用空间而使用的，比之单层床相当于多了一张床的位置。</t>
  </si>
  <si>
    <t>双层床好处很多，可以充分利用有限的面积，能够最大限度的节约空间；可以多住宿人员，方便使用，锻炼纠正睡觉人，规范睡觉姿势，达到立体利用的效果。</t>
  </si>
  <si>
    <t>双层上下床大多都是儿童部的，环保方面要求更高。质量也还靠谱。</t>
  </si>
  <si>
    <t>溥仪晚年去过故宫吗</t>
  </si>
  <si>
    <t>去过。</t>
  </si>
  <si>
    <t>痛风定胶囊能降尿酸吗</t>
  </si>
  <si>
    <t>腰疼是肾病吗</t>
  </si>
  <si>
    <t>90%以上的肾病患者都不会出现腰痛症状，而诉说腰痛的人，大部分都没有肾脏问题。</t>
  </si>
  <si>
    <t>婴儿血管瘤会消退吗</t>
  </si>
  <si>
    <t>自然消退需要几年，建议在生长期就控制住。</t>
  </si>
  <si>
    <t>毛细血管瘤部分小孩1到5岁之间可能会退的。</t>
  </si>
  <si>
    <t>有自行消退几率，不过等待消退是种很危险的做法，应该在血管瘤生长期就把它消灭。</t>
  </si>
  <si>
    <t>未使用的固定资产要不要提折旧</t>
  </si>
  <si>
    <t>企业对未使用、不需用的固定资产也应计提折旧，计提的折旧计入当期管理费用。</t>
  </si>
  <si>
    <t>未使用，不需用的固定资产也要计提折旧。</t>
  </si>
  <si>
    <t>未使用的固定资产一样需要计提折旧。</t>
  </si>
  <si>
    <t>眼药水能治近视吗</t>
  </si>
  <si>
    <t>不能治的，现在很多青少年近视后，喜欢长期滴眼药水治疗。但眼药水治疗方法虽然短时间能迅速缓解眼睛疲劳，但无法解决近视。而且眼药水对眼球有很大的刺激性，长期使用依赖性大，不适宜正处于生长发育期的青少年长期使用。治疗近视建议你在网上了解下针灸眼罩。</t>
  </si>
  <si>
    <t>近视大多是用眼过度、不正确用眼导致的。某些具有抗视疲劳作用的眼药水，在某种程度上确实可以起到一定的延缓近视加深的作用，但无法治愈近视。</t>
  </si>
  <si>
    <t>眼药水都没有治疗近视的效果，称能治近视的眼药水，往往在用途上都写了解痉、活血，实际上主要成分却为睫状肌麻痹剂。可以解除睫状肌的收缩，使眼睛暂时得到放松。只是针对假性近视患者有点作用。</t>
  </si>
  <si>
    <t>多酶片能治胃炎吗</t>
  </si>
  <si>
    <t>苹果丢了关机能找回吗</t>
  </si>
  <si>
    <t>无法找回。</t>
  </si>
  <si>
    <t>好像可以找回。</t>
  </si>
  <si>
    <t>很难找回。</t>
  </si>
  <si>
    <t>融资租赁利息可以抵扣吗</t>
  </si>
  <si>
    <t>如果只是利息开具增票的话，是不能抵扣的。</t>
  </si>
  <si>
    <t>可以抵扣。目前国家正在大力推广营改增，融资租赁企业属于营改增的范围，营改增后融资租赁企业可以给承租人开具增值税专用发票，承租方拿到增票后可以当做进项用来地税。</t>
  </si>
  <si>
    <t>看具体情况，如果没有坏的影响是可以抵扣的，记帐记对就可以，或者只要没有超过同期银行贷款利率的，可以税前扣除，超过部分不能税前扣除，汇算清缴时，作纳税调整事项处理。</t>
  </si>
  <si>
    <t>佟丽娅离婚了吗</t>
  </si>
  <si>
    <t>排卵期出血会受孕吗</t>
  </si>
  <si>
    <t>排卵期有少量出血问题是不大的，是否怀孕需要看月经情况。</t>
  </si>
  <si>
    <t>排卵期出血不会怀孕，精子无法到达预定地方，就会被排出体外</t>
  </si>
  <si>
    <t>2017鸡蛋价格能涨吗</t>
  </si>
  <si>
    <t>应该也涨不了多少，价格已经差不多持平了。</t>
  </si>
  <si>
    <t>各个地方的行情都不同，土鸡蛋价格一直都偏贵一些，至于其它的鸡蛋的价格涨也不会涨到哪里去，主要看营养成分；看今年的物价调整和供需。</t>
  </si>
  <si>
    <t>巴哥犬好养吗</t>
  </si>
  <si>
    <t>巴哥犬很好养，我家养的也是。因为家里开店，养其它的狗狗容易吓到客人，后来一直打听，才打听到了巴哥犬这个品种。巴哥犬很粘人，而且轻易不会叫，喜欢跳到熟悉的人的腿上，使劲舔他的脸。至于怎么养，要看小时候的习惯了，小时候习惯喂什么东西长大了就吃什么。</t>
  </si>
  <si>
    <t>巴哥比较好养，吃货一枚，会闹会睡。喂饲巴哥犬的食物，肉类(牛肉、鸡肉、鱼肉)一定要新鲜，鱼要剔去刺，数量可根据犬的体重大小，以180—220克为适度，不可供喂过量，否则就会发胖，失去可爱的形象。。除肉类外，还要喂些蔬菜以及煮熟的豆类或不含糖或少糖的饼干等素食。肉类应先加少量水煮15-20分钟后切碎再喂。肉类所以要煮熟，一是为了增加香味，引发食欲；二是为了杀灭肉中的细菌和寄生虫，以防患病。巴哥犬是一种较贪食的犬类，所以一定要掌握好供食的量。喂饲时要定时定点，以养成其良好的进食习惯。巴哥犬活泼好玩，每天必须给予一定的时间活动，达到一定的运动量。但此犬呼吸道特别短，进行剧烈的运动，会因呼吸急促而引起缺氧。所以不宜进行过于剧烈的运动，最好是早晨和傍晚带它出去散步。出外时，要为它戴上项圈，以限制其乱跑或作剧烈运动。由于巴哥犬头上及颈部等处皱褶较多，很容易藏纳污物和细菌，所以饲养这种犬要特别重视清洁卫生工作。平时每隔一个月洗一次，夏季天热，每隔2-3天洗一次。要特别注意洗净皱褶缝处，以防患皮肤病或生疥疮。每次洗澡后，要用软毛刷为它刷毛，并用吹风器替它把毛吹干。在春秋季气压低、空气湿度大的日子里，它那多皱褶的皮肤容易发炎和滋生霉菌，要将它移至通风干燥的环境中去。炎夏时节多汗，还要每天下午用湿毛巾为它擦身，特别要擦去皱褶中的污垢。巴哥犬因鼻短而扁，容易吸收潮气而湿润，因而滋生细菌引起发炎溃烂，在空气潮湿气候闷热时，要替它在鼻子卜涂一些干的硼酸粉，保持它鼻部经常干燥，不让细菌有滋生的条件。由于鼻道较短，在炎热的夏季气温高时，它就会出现呼吸困难的状态，甚至容易中暑，因此必须注意以下几点：(l)夏季炎热时，中午不要带它外出，更不要让它作剧烈的运动。散步必须安排在早晨和傍晚。2)把它移到较透气和阴凉处去喂养，不可让它给烈日直晒。3)在温度高的中午和午后时分，若有降温设备，将它所处的环境，适当降温。在饲养过程中，还要重视眼睛的清洁卫生，由于这种犬。眼睛大而圆，尘埃容易进入，故隔一段时间要用稀硼酸水它洗眼，一般每周需洗眼2次。因眼部上方有皱褶易向眼内倒生，遇有这种情况，要细心将倒生睫毛拔掉。巴哥犬是体贴，可爱的小型犬种，不需要运动或经常整理背毛，但需要同伴。容貌皱纹较多，走起路来像拳击手是其特征。它是以咕噜的呼吸声及象马一样抽鼻子的声音作为沟通的方式。同时，此犬具备优良及爱干净的个性，这些特色便成为广受喜爱的原因。</t>
  </si>
  <si>
    <t>美国阿拉斯加州发达吗</t>
  </si>
  <si>
    <t>阿拉斯加天寒地冻，资源丰富，不是发达的地方，但比发展中国家还是强。</t>
  </si>
  <si>
    <t>不算发达，但也不算贫穷，只不过地处沙漠，赌博业和娱乐业非常发达。</t>
  </si>
  <si>
    <t>芒果可以放冰箱吗</t>
  </si>
  <si>
    <t>不可以，因为芒果放冰箱会加快变质。</t>
  </si>
  <si>
    <t>芒果属于热带水果，没有成熟的芒果不能放进冰箱，会受冻害，不能成熟。放进冰箱的芒果再拿出来会迅速变黑变坏，且不能成熟！在常温下捂熟的芒果，可以放进冰箱短期保存，拿出冰箱要尽快食用，拿出后放置时间稍长，果皮会变黑并快速腐烂。</t>
  </si>
  <si>
    <t>可以，但是味道没有原来好了。</t>
  </si>
  <si>
    <t>孕妇可以喝茶吗</t>
  </si>
  <si>
    <t>茶叶含有茶多酚、芳香油、矿物质、蛋白质、维生素等营养成分。茶多酚具有收敛、解毒、杀菌、生津的作用。新近的研究证明，茶多酚具有很强的抗自由基作用，可延缓人体衰老进程。特别是维生素C在茶叶中含量较高。茶素可以降低血脂，增强血管韧性，对牙齿也有保护作用。茶中的一些元素还有解除原子辐射的能力。孕妇是可以喝茶的，但是不是所有的茶都适合孕妇，如果乱喝，则有可能会影响孕妇及胎儿的健康。1、在怀孕初期最好不要喝茶，因为前三个月是胎儿神经系统形成的时期，茶叶中的茶碱和咖啡因等成分会影响胎儿的发育。2、4个月开始，可以根据体质选择性地喝些淡茶。因为孕妇代谢功能较旺盛，体质偏热的较多，可以适当喝些凉性的茶，比如每天喝一两杯淡绿茶，对加强心肾功能、促进血液循环、帮助消化、预防妊娠水肿、促进胎儿生长发育，是大有好处的。3、但是体质虚弱的孕妇，特别是妊娠反应很重的孕妇，就要适当喝一点温性茶。4、不管选择什么性质的茶叶，孕妇都不能喝浓茶，也不要在晚饭后喝茶，因为晚饭后喝茶有可能会影响到孕妇的睡眠。5、一天之中，孕妇最好选在午饭后一小时到晚饭前一小时这段时间喝茶。否则，茶叶中含有的鞣酸，会妨碍食物中铁的吸收。而孕妇如果在饭后1小时后再饮用淡茶，就不会影响铁的吸收了，还能增强机体抗病能力。</t>
  </si>
  <si>
    <t>建议孕妇尽量喝绿茶，别喝红茶或浓茶。孕妇洳果喝茶太哆、太浓，特别是饮用浓红茶，对胎儿就会产生危害。孕妇喝茶会影响胎儿吗：茶叶，含有茶哆酚、芳香油、矿物质、蛋白质、维生素等营养成分。孕妇洳能每天喝3～5克茶，特别是淡绿茶，对加强心肾功能、促进血液循环、帮助消化、预防妊娠渁肿、促进胎儿生长发育，是大有恏处滴。各种茶所含成分不同，绿茶含锌量极为丰富，而红茶滴浸炪液中含锌量则甚微。锌元素对胎儿滴正常生长发育起着极娸重婹滴作用。因此，专家认为喜欢喝茶滴孕妇妸以适量喝点绿茶。但是，孕妇洳果喝茶太哆、太浓，特别是饮用浓红茶，对胎儿就会产生危害。茶叶中含有2％～5％滴咖啡因，每500毫升浓红茶大约含咖啡因0.06毫克。咖啡因具有兴奋作用，饮茶过哆会刺激胎儿增加胎动，甚至危害胎儿滴生长发育。ㄖ本专家滴调查已证实，孕妇若每天饮5杯红茶就妸能使新生儿体重减轻。茶叶中含有鞣酸，鞣酸妸与孕妇食物中滴铁元素结合成为一种不能被僟体吸收滴复合物。孕妇洳果过哆地饮用浓茶就有引起妊娠贫血滴妸能，胎儿也妸能炪现先天悻缺铁悻贫血。科学家进行过试验，用彡氯化铁溶液作为铁质来源给人服用，发现饮用白开渁者铁滴吸收率为21.7％，而饮用浓茶者滴吸收率仅为6.2％。饮用淡绿茶对孕妇对胎儿有益，但绿茶中也含有鞣酸，也能妨碍铁滴吸收。怎样做才能使喝绿茶既对孕妇彶胎儿有利又不影响铁的吸收呢？孕妇在饭后1小时后再饮用淡绿茶，就妸以解决这个矛盾了。没有饮茶习惯的孕妇最恏用点富含维生素C滴饮料，因为维生素C能帮助铁的吸收，还能增强僟体抗病能力。</t>
  </si>
  <si>
    <t>刚注册的公司可以注销吗</t>
  </si>
  <si>
    <t>可以的。公司注销的流程：一、注销公司国、地税登记证（补交了500多块钱的税）。二、到公司主管工商局办理&lt;公司注销备案&gt; 所需资料：1、公司营来执照复印件 。2、公司股东会决议（内容就是注销公司，成立清算小组）。3、公司原始档案。4、到工商局领取表格 。三、登报公告（登报45日后在去注销公司） 所需资料：1、公司营业执照复印件。2、法定代表人身分证复印件。3、公告内容：**公司，准备注销，请各债权债务人自见报45日内到我公司清算小组办理债权债务事宜。四、登报45日后，再次到工商局办理注销申请，所需资料：1、公司营业执照原件（正副本）。2、税务注销证明文件。3、公司股东会决议。4、公司清算报告。5、工商局领取的表格。6、公司原始档案。五、到质监局注销代码证。所需资料：1、营业执照注销证明文件。2、代码证原件（正副本）。 至此公司所有证件都注销了。</t>
  </si>
  <si>
    <t>多肉要晒太阳吗</t>
  </si>
  <si>
    <t>没有生根的话，尽量少照射阳光如果生根的话，可以适当的照射阳光的。</t>
  </si>
  <si>
    <t>春天和秋天是大多数多肉植物的生长期，植物需要较多的阳关；夏天多数植物都会进入休眠期，而且夏天光照较强，拉遮阳网，避免直接照射阳光。在冬天也需要更多的阳光。</t>
  </si>
  <si>
    <t>脱毛手术有副作用吗</t>
  </si>
  <si>
    <t>脱毛对身体有害。脱毛是利用其中的化学物质溶解毛发结构，以达到脱毛的目的。这种制剂的主要成分是疏乙酸。疏乙酸对皮肤有刺激，频繁使用或敏感皮肤会造成红肿过敏，甚至发生皮疹，敏感体质的人更应慎用，生理期不宜使用。</t>
  </si>
  <si>
    <t>会有害的，脱毛膏含有化学成分，如果你皮肤易过敏，买到不好或者假冒伪劣的产品，长期使用的话会造成皮肤红肿。</t>
  </si>
  <si>
    <t>一般是不会。</t>
  </si>
  <si>
    <t>dm天猫旗舰店是真的吗</t>
  </si>
  <si>
    <t>假的，雇佣大量水军的黑店。</t>
  </si>
  <si>
    <t>专营店不好说，品牌旗舰店一般都是正品，不存在假货。但是不是名字里面有官方、旗舰店这几个字的就是官方旗舰店一般从品牌官网链接过去的天猫可以认为都是真的，但是这种不多。为什么说是一般，因为目前有不少套牌的旗舰店，找得代工工厂做的商品。</t>
  </si>
  <si>
    <t>dnf封包会封号吗</t>
  </si>
  <si>
    <t>封包不容易被封号。</t>
  </si>
  <si>
    <t>会封几天，不会永久。</t>
  </si>
  <si>
    <t>会，凡使用第三方软件都有可能封号。</t>
  </si>
  <si>
    <t>宫颈囊肿会导致闭经吗</t>
  </si>
  <si>
    <t>不会导致闭经。</t>
  </si>
  <si>
    <t>床笠上面还要铺床单吗</t>
  </si>
  <si>
    <t>最好铺，因为床笠不好清洗，有一定的厚度，床单脏了扯下来就可以洗，床笠一般洗衣机洗不了。</t>
  </si>
  <si>
    <t>单位结算卡可以取钱吗</t>
  </si>
  <si>
    <t>可以，结算通卡就是借记卡性质，只要有活期存款，是可以随时取现的。</t>
  </si>
  <si>
    <t>王者荣耀视角能拉远吗</t>
  </si>
  <si>
    <t>可在设置里调，右上角滑动可拉视角，但看不了太远。</t>
  </si>
  <si>
    <t>需要有英雄或者野怪作为目标。</t>
  </si>
  <si>
    <t>角度没法调的。</t>
  </si>
  <si>
    <t>比特币是骗局吗</t>
  </si>
  <si>
    <t>比特币是老人骗新人的传销骗局，除非自己能再骗人拿现金来,要不就别玩。</t>
  </si>
  <si>
    <t>比特币就是一个骗局，看谁最后接盘，谁后悔。</t>
  </si>
  <si>
    <t>很多人认为比特币是庞氏骗局或者传销，其实并不是这样的，比特币的技术无疑非常卓越。</t>
  </si>
  <si>
    <t>宜家家具甲醛超标吗</t>
  </si>
  <si>
    <t>成人家具每一百克含甲醛0.3毫克，儿童家具含0.1毫克，不超标。</t>
  </si>
  <si>
    <t>发烧39度严重吗</t>
  </si>
  <si>
    <t>严重，去医院吧。</t>
  </si>
  <si>
    <t>成人发烧超过39°的较少，因此应该重视。</t>
  </si>
  <si>
    <t>银行和公安联网吗</t>
  </si>
  <si>
    <t>银行和公安系统联网是联网的，银行柜台办卡时要对身份证联网公安户籍系统验证的。</t>
  </si>
  <si>
    <t>没有联网，也不可能联网。涉及银行帐户安全。</t>
  </si>
  <si>
    <t>皮肤癌会死人吗</t>
  </si>
  <si>
    <t>领航团队是真的吗</t>
  </si>
  <si>
    <t>这个的确是真的。</t>
  </si>
  <si>
    <t>没听过，骗人的吧。</t>
  </si>
  <si>
    <t>有三只脚的人吗</t>
  </si>
  <si>
    <t>脑筋急转弯的话，有三条腿的是老人。因为拄着拐杖。</t>
  </si>
  <si>
    <t>诫勉谈话会记入档案吗</t>
  </si>
  <si>
    <t>诫免谈话分为年度考核诫免谈话和日常发现问题的诫免谈话，如果是年度考核性质的，是肯定要装档案的，这也是年度考核的结果。在公务员年度考核中，诫免谈话是一种考核结果。但在日常工作中，发现干部出现问题，从护干部的角度出发，由组织部门或是单位领导出面，找本人进行谈话，以达到治病救人的目的，这样的谈话，不必存入本人档案。</t>
  </si>
  <si>
    <t>安琥是同志?</t>
  </si>
  <si>
    <t>闫盼盼是推女郎吗</t>
  </si>
  <si>
    <t>换主板要重装系统吗</t>
  </si>
  <si>
    <t>1、如果主板坏了，新换的是跟原来一样的主板或者是相近似的主板，那是不用重装系统的。2、如果换的主板跟原来的差别很大，甚至芯片组都不是一个厂家的，那就要重新安装系统，否则进系统容易死机蓝屏或者不稳定。</t>
  </si>
  <si>
    <t>根据操作系统而定。像XP系统，一般硬件变动4个以上就需要重新认证系统了！特别像是主板，但是同型号的话，就可以免除重做系统的麻烦。了。</t>
  </si>
  <si>
    <t>哈萨克斯坦国家富裕吗</t>
  </si>
  <si>
    <t>1，人均GDP：是中国的好几倍；2，住房问题：这个国家地广人稀，首都和Almaty的房价确实很高，也没有新建住宅，因为人口一直负增长，市区外的土地随便建房子；3，车：大街上跑的几乎全是日本车，SUV偏多，且多是霸道和雷克萨斯，新车较少，听说都是从欧洲淘汰下来的，现在新车也慢慢多起来了，不过都是豪车；4，这个国家的经济考的是自然资源，石油天然气和矿藏；5，刚迁都没几年，新首都完全按照欧洲标准建设，很漂亮；6，原首都Almaty其实一般般，基础设施很差，很脏，一下雨下雪就全是泥，车身上也全是黑乎乎的，典型的北方国家；7，这里的人们还是有钱的；8，车很便宜，而且绝大多数都是进口的，车价几乎是中国的一半或者不到一半；9，独裁国家，自1991年成立以来没换过总统，贫富悬殊严重，不过整体而言人民生活富足，毕竟很多在国内要花大价钱的地方是免费的，一年四季自来水是有热水的，暖气也很给力。</t>
  </si>
  <si>
    <t>跨洲国家，经济还算可以。</t>
  </si>
  <si>
    <t>胡萝卜和虾可以一起吃吗</t>
  </si>
  <si>
    <t>gmail邮箱在中国能用吗</t>
  </si>
  <si>
    <t>GMAIL邮箱的服务器在国外，所以在国内用起来是比较难用的，有好多GMAIL的用户都反映打不开。</t>
  </si>
  <si>
    <t>可以用的，就是速度会慢一些。</t>
  </si>
  <si>
    <t>gmail只是不能在国内登陆使用。</t>
  </si>
  <si>
    <t>出轨生子算重婚罪吗</t>
  </si>
  <si>
    <t>出轨生子，只要没有以夫妻没有生活就不构成重婚罪。</t>
  </si>
  <si>
    <t>不算，重复办结婚领证才算重婚。</t>
  </si>
  <si>
    <t>蒸橙子治咳嗽吗</t>
  </si>
  <si>
    <t>盐蒸橙子是可以止咳的。</t>
  </si>
  <si>
    <t>盐蒸橙子用来治疗咳嗽主要是因为橙子皮可以清肺热，可能会起到一定的止咳化痰功效，但不代表适用于所有的咳嗽。</t>
  </si>
  <si>
    <t>探探暗恋短信是真的吗</t>
  </si>
  <si>
    <t>不粘锅涂层掉了还能用吗</t>
  </si>
  <si>
    <t>如果脱落说明这锅质量很差，建议换掉。</t>
  </si>
  <si>
    <t>其实除了炒菜中的粘锅和刷锅中的难清洗之外，对身体没什么害处。</t>
  </si>
  <si>
    <t>把涂层都清理掉，当普通铁锅用。</t>
  </si>
  <si>
    <t>有人用薄荷软件瘦了吗</t>
  </si>
  <si>
    <t>婚前买的房子属于夫妻共同财产吗</t>
  </si>
  <si>
    <t>一方在结婚前自己出资购买的房子。根据婚姻法的规定，一方的婚前财产为夫妻一方的个人财产。在结婚前，一方已经购买，付清房款和拥有所有权的房子显然属于一方的婚前的财产，属于个人财产，并不是夫妻共同财产。但如果结婚前一方自己出资买房子，但基于一些原因将产权登记在双方名下，这视为对对方的赠与，在这种情况下，该房子属于夫妻共同财产。</t>
  </si>
  <si>
    <t>一方父母或双方父母出资购买的房子。由一方父母出资为子女购买的房子，产权登记在出资人子女名下的，视为只对自己子女一方的赠与，该房子应认定为夫妻一方的个人财产。但如果将产权登记在夫妻双方的名下，那么就视为对夫妻双方的赠与，该房子应认定为夫妻共同财产。其次是由双方父母出资购买的房子，产权登记在一方子女名下的，该房子可以认定为双方按照各自父母的出资份额共有，属于夫妻共同财产。现实中，许多父母为子女买房子耗尽毕生的积蓄，这一规定也是对婚姻中双方及其父母财产的保护。</t>
  </si>
  <si>
    <t>一方在结婚前签订买房合同，以个人财产支付首付的房子，如果其婚后用夫妻共同财产还贷，而房子登记在首付房名下的，可以先协议处理，在协议不成的情况下，法院一般认定该房子属于产权登记的一方，双方共同还贷的款项可以由一方对另一方进行补偿。</t>
  </si>
  <si>
    <t>倒车镜小圆镜有用吗</t>
  </si>
  <si>
    <t>倒车小圆镜能更清楚地看清车身和车后的情况。</t>
  </si>
  <si>
    <t>倒车小圆镜是一种保证驾驶安全，增大驾驶员观察视角，超车和变道的理想辅助产品。</t>
  </si>
  <si>
    <t>有用的、小圆镜可以扩大倒车视野。</t>
  </si>
  <si>
    <t>苏黎世联邦理工好申吗</t>
  </si>
  <si>
    <t>申请难度中等。</t>
  </si>
  <si>
    <t>GPA是门槛，GPA提高了就很容易。</t>
  </si>
  <si>
    <t>集成墙面好吗</t>
  </si>
  <si>
    <t>是的，很好。</t>
  </si>
  <si>
    <t>不错，保温，隔热，防火，隔音，硬度超强，绿色环保，安装便利，易擦洗不变形，时尚空间，节约空间。</t>
  </si>
  <si>
    <t>王者荣耀能鼠标移动吗</t>
  </si>
  <si>
    <t>可以，下载安卓模拟器，玩的时候是可以用鼠标控制人物移动，要一直按着左键。</t>
  </si>
  <si>
    <t>不能，只能设置键盘。</t>
  </si>
  <si>
    <t>安装王者荣耀电脑版后，正常地打开游戏客户端，登陆进入游戏,鼠标左击键位设置。点击右边普通模式下三角，弹出文字。点“点击移动模式”。</t>
  </si>
  <si>
    <t>vr女友可以电脑玩么</t>
  </si>
  <si>
    <t>可以，这款游戏不经配置要求并不高，相反比现在的一些主流游戏的要求还要低不少，只要是一名资深游戏粉的话相信电脑配置是毫无问题的。</t>
  </si>
  <si>
    <t>首先你需要Oculus Rift或HTC Vive设备，然后在下载VR女友，目前steam上好像没有具体的下载地址;你可以去幻羚VR去看看。</t>
  </si>
  <si>
    <t>媳妇感染hpv是出轨了吗</t>
  </si>
  <si>
    <t>hpv感染不一定是出轨，世界上百分之七十的女性一生中有可能会得HPV。</t>
  </si>
  <si>
    <t>铁血帝皇 德莱厄斯有特效吗</t>
  </si>
  <si>
    <t>没有特效，LOL很少特效的皮肤。</t>
  </si>
  <si>
    <t>北京华科医院靠谱吗</t>
  </si>
  <si>
    <t>美罗汇大药房是骗局吗</t>
  </si>
  <si>
    <t>注册微信号必须用手机号吗</t>
  </si>
  <si>
    <t>一定要手机号才能注册微信号</t>
  </si>
  <si>
    <t>最早可用QQ，现在只能用手机号了。</t>
  </si>
  <si>
    <t>被兔子抓了要打疫苗吗</t>
  </si>
  <si>
    <t>不需要的，因为兔兔不像猫狗那样吃荤，兔子吃的很简单，就是牧草、兔粮和水，所以不带有什么细菌的。</t>
  </si>
  <si>
    <t>一般被动物咬伤或者抓伤后应及时处理伤口并立即用肥皂水对伤口进行处理；狂犬病疫苗的效期是6个月，如果注射已经超过6个月应该再重新全程注射。</t>
  </si>
  <si>
    <t>蓝莓皮能吃吗</t>
  </si>
  <si>
    <t>今年端午高速免费吗</t>
  </si>
  <si>
    <t>不会，2017年端午节高速公路是照常要收费、没有免过路费的。</t>
  </si>
  <si>
    <t>王者荣耀张飞厉害吗</t>
  </si>
  <si>
    <t>张飞是生存能力极强的坦克，变身前可为友军套上坚固的护盾，也能击飞强突进来对已方脆皮输出图谋不轨的敌人。变身后，巨大的护盾和变身的地裂攻击让张飞在敌阵中横冲直撞。</t>
  </si>
  <si>
    <t>不厉害，伤害不够。</t>
  </si>
  <si>
    <t>香皂花送女朋友好吗</t>
  </si>
  <si>
    <t>可以，现在很受欢迎的，永远不凋落的花寓意多好，而且还漂亮。</t>
  </si>
  <si>
    <t>送鲜花比较合适；看你们的年龄和消费水准，如果是小学初中高中的学生，送这个当然没问题。</t>
  </si>
  <si>
    <t>苋菜孕妇能吃吗</t>
  </si>
  <si>
    <t>传说中是不能的。</t>
  </si>
  <si>
    <t>能吃，而且有好处。</t>
  </si>
  <si>
    <t>王者荣耀人机加熟练度吗</t>
  </si>
  <si>
    <t>不会增加的，王者荣耀英雄熟练度及称号介绍，英雄熟练度是王者荣耀公测版本中新增的内容，玩家可以通过使用该英雄匹配或者排位获胜后获得熟练值，熟练值不同称号也不同。玩家使用对应的英雄匹配或者排位，获胜即可增加英雄熟练度。</t>
  </si>
  <si>
    <t>人机前三局会有，后面就没有了。</t>
  </si>
  <si>
    <t>可以，但是只能蓝色以下（不包括蓝色），超过就没有熟练度了。</t>
  </si>
  <si>
    <t>心灵杀手好玩吗</t>
  </si>
  <si>
    <t>作为恐怖类游戏的话，绝对够刺激。</t>
  </si>
  <si>
    <t>不好玩，好歹也玩过几十部3a大作 ，感觉这款游戏场景与打法太单一 ，剧情也没什么好说的。</t>
  </si>
  <si>
    <t>我感觉好玩，游戏气氛渲染不错，剧情有意思。</t>
  </si>
  <si>
    <t>手机贴膜有必要吗</t>
  </si>
  <si>
    <t>看手机，苹果的可以不贴。非康宁玻璃的就要贴。</t>
  </si>
  <si>
    <t>调头需要等红绿灯吗</t>
  </si>
  <si>
    <t>掉头。在没有设置专用的掉头信号灯和专用车道的地点，机动车掉头时不需要越过停止线的，在红灯或绿灯期间都可以掉头。如果需要越过停止线，在红灯期间禁止掉头，在绿灯期间可以掉头。掉头时均不得妨碍正常行驶的其他车辆和行人的通行。</t>
  </si>
  <si>
    <t>路口掉头的原则：①在有专门允许掉头标志且标志下面有四个小字“红灯亮时”的路口无论红灯绿等都可以调头。②有允许掉头标志但没有那四个小字的路口只有绿灯时才可以掉头。但要礼让对面直行车辆。③在允许左转的路口但没有专门掉头标志的情况下，需要等左转绿灯亮起时才可以掉头。④在允许左转且但没有专门掉头标志的路口，如果红绿灯不分左转和直行，那么需要等绿灯亮起才可掉头，同时须礼让对面直行车辆。⑤在允许左转但有禁止掉头标志的路口不能掉头。⑥所有禁止左转的路口均代表禁止掉头。另附：在十字路口调头时，应先向前开到人行横道的前面在完成掉头动作，即禁止轧人行横道调头。</t>
  </si>
  <si>
    <t>车辆掉头看不看信号灯要看实际情况或是路段的相关标志、标线或是“信号灯”的提示等。有可以掉头不用看信号灯的，也有要求看信号灯的，具体提示或要求有：   首先要掉头满足的条件：1、地面和空中没有禁止左转弯和禁止掉头的标志、标线。2、左侧中心线有一段虚线(大约10米左右，根据路口大小施划)或无线。3、若有路中栏杆，栏杆从车辆停止线起拆除至虚实线连接处。4、路中心虚线与实线连接处有允许掉头的指示标志。可不看信号灯可掉头：1、车辆不越过路口左转道停止线。2、不占压路口分道实线、人行横道线、导流线、安全岛等交通标线。3、不妨碍其他车辆和行人正常通行。4、提示：不看信号灯即可掉头的路口方便了掉头车辆快速驶离，但掉头车辆不享有优先通行权，不得妨碍其他车辆和行人正常通行，一旦发生事故将承担责任。需要看信号灯情况：1、有掉头信号灯：若有则需要信号灯变绿色后方可。2、无掉头信号灯：须等左转信号灯为绿灯时。3、无左转信号灯：只有圆头信号灯的路口，须等绿色信号灯亮起方可。4、提示：掉头时须越过路口停止线和人行横道线依次掉头，不能在人行横道线上掉头。</t>
  </si>
  <si>
    <t>没有入住的新房要不要交物业费</t>
  </si>
  <si>
    <t>房屋交付使用后所发生的物业服务费用，由业主承担，一年内无人入住的，空置期间由业主按百分之七十的比例承担物业服务费用。仅限于第一年，第二年后将继续全额交付。</t>
  </si>
  <si>
    <t>各个地区有不同的规定。</t>
  </si>
  <si>
    <t>鱼翻白肚是不是要死了</t>
  </si>
  <si>
    <t>已经撑不了多久了。</t>
  </si>
  <si>
    <t>鱼翻白肚是生命力衰弱的表现。</t>
  </si>
  <si>
    <t>金刚狼3 死了吗</t>
  </si>
  <si>
    <t>死了。金刚狼为了阻止，把爱德曼金属全部弄到自已身上。</t>
  </si>
  <si>
    <t>发烧能洗热水澡吗</t>
  </si>
  <si>
    <t>发烧可以洗澡的，洗澡可以起到退烧的效果，另外对于疾病的治疗也是有很好的帮助的。</t>
  </si>
  <si>
    <t>最好不要洗，因为发烧，是身体里的抵抗力在通过自身加热，来杀死病毒源。一但温度过高，就会影响到大脑，所以一般会采取冷水敷额，来降低头脑的温度。洗热水澡会家具体温的升高。虽然会快速杀死病原体，但是风险过大，建议不要洗热水澡。</t>
  </si>
  <si>
    <t>可以，有利于血液循环，但一定得做好洗澡后的保暖，不要刚洗完澡又着凉，这样只能让发烧症状加剧！如果不是非洗不可，建议别洗！</t>
  </si>
  <si>
    <t>碗莲可以不用泥吗</t>
  </si>
  <si>
    <t>不可以目前没见成功。</t>
  </si>
  <si>
    <t>不可以，碗莲的根部是避光的。</t>
  </si>
  <si>
    <t>八小时工作制包括午休时间吗</t>
  </si>
  <si>
    <t>八小时工作制不含中午休息时间。</t>
  </si>
  <si>
    <t>一般的企业只会除去中午的1-2个小时休息时间，别的时间段算是八小时工作制；这样的话，平时的每天工作时间一般在10小时左右或是更长；正常国企或是事业单位，会严格按照八小时工作制的，会把休息时间算在内的。</t>
  </si>
  <si>
    <t>不包括午饭时间，一般情况下，公司明确规定的午餐休息时间是不计算进工作时间的。</t>
  </si>
  <si>
    <t>表格没保存就关闭了 还能找回吗</t>
  </si>
  <si>
    <t>1、打开一个excel表格，点击左上角的“文件”菜单。2、再打开的文件菜单中选择“信息”按钮。3、再打开的信息按钮视图中间选择“管理版本”。4、在打开的列表中选择“恢复未保存的工作薄”，就会打开excel表格的临时文件保存路径，在里面找到需要恢复的excel表临时文件，打开一个空白的excel表，直接将要恢复的临时文件拖拽到表里面打开即可！</t>
  </si>
  <si>
    <t>那要看是正常关闭还是非正常关闭。正常关闭时选择了不用保存，那就找不回来。非正常关闭的有个回档缓存文件。是可以恢复的。</t>
  </si>
  <si>
    <t>excel没保存就关闭，是不能完全恢复的，但是可以设置excel的自动保存时间和其他选项，尽量避免因误操作而造成损失。点击文件——选项——保存，设置保存自动恢复信心时间间隔为五分钟或者更短，并勾选“如果我没保存就关闭，请保留上次自动保留版本”。并可以设置文件自动恢复的位置。</t>
  </si>
  <si>
    <t>10.2.1可以越狱吗</t>
  </si>
  <si>
    <t>苹果10.2.1是不能越狱的，目前最高越狱版本是到10.2，10.2以后的都不能越狱。</t>
  </si>
  <si>
    <t>问道手游好玩吗</t>
  </si>
  <si>
    <t>这个游戏前期还是不错的，不充钱也可以玩。</t>
  </si>
  <si>
    <t>个人感觉比端游好玩得多，虽然玩法还没有 端游多，但是跑图过每日，刷道都是手游简单，端游地图大，跑得慢，没有八卦令过任务简直麻烦得要死，手游可以直接传送地图，而且很多每日都是半自动不需要点来点去，最重要的就是刷道，手游可以不用手动可以自动一天24小时全自动刷道。</t>
  </si>
  <si>
    <t>好玩！极力推荐，《问道》手游以玩法多样，特色鲜明著称，除了传统回合制游戏里的宠物，装备打造，副本等玩法没《问道》手游还独创了道行，五行相克，装备属性自由打造等特色玩法。</t>
  </si>
  <si>
    <t>陈金飞有孩子吗</t>
  </si>
  <si>
    <t>鹰嘴豆可以减肥吗</t>
  </si>
  <si>
    <t>每100克鹰嘴豆(Chickpeas 所含热量约为364大卡,低胆固醇,低钠盐,低饱和脂肪酸,富含磷,富含钾,富含铁,富含锌,富含蛋白质,有利减肥。</t>
  </si>
  <si>
    <t>不会减肥，但偶尔吃点儿也胖不了。</t>
  </si>
  <si>
    <t>世界上没有食物是能减肥的，不然这个世界上就根本不会存在胖子了。其次，鹰嘴豆作为健身圈很流行的主食，是因为鹰嘴豆的升糖指数很低，也就是说鹰嘴豆中含有的碳水化合物只有很少的比例会转换成糖分，因此就有利于健康。但是只要是碳水化合物，就会存在使人增肥的可能性（碳水化合物是增肌的必要保障，而增肌的同时，脂肪也势必会增长），所以即使是鹰嘴豆，吃多了还是会胖。但是由于鹰嘴豆具有很强的饱腹感，所以你只要吃一点鹰嘴豆就不会容易感到饿，也就不会去摄入许多不必要的热量，也因此对于降低体脂率有所帮助。</t>
  </si>
  <si>
    <t>阮好学吗</t>
  </si>
  <si>
    <t>学会简单，无论是大阮还是小阮，其实都是一样的教学，演奏方法和曲目也大致上一致，大阮从乐器大小来讲，对手的大小有一些要求，大阮比小阮沉需要一些力气，成年人建议大阮，小朋友建议小阮入门。</t>
  </si>
  <si>
    <t>诺基亚6玩王者荣耀卡吗</t>
  </si>
  <si>
    <t>孕妇可以吃空心菜吗</t>
  </si>
  <si>
    <t>可以吃，空心菜含有维生素、矿物质、蛋白质等，还可以促进肠胃蠕动，对胎儿有利。</t>
  </si>
  <si>
    <t>最好不要吃，因为其钙物质与其大量的叶酸，会形成钙化物，沉积在你的体内，甚至是胎儿体内，不利于健康。</t>
  </si>
  <si>
    <t>不能吃，虽然它既营养又能治病，是夏季健身防病之上品好菜,且含钙丰富，但含草酸也较高，易形成草酸钙沉淀，影响钙的吸收。对于婴幼儿、孕妇、骨折的病人，尽量减少食用含草酸过多的蔬菜,体质虚弱、脾胃虚寒、大便溏泄者也不宜食用。</t>
  </si>
  <si>
    <t>10.1.1可以完美越狱吗</t>
  </si>
  <si>
    <t>￼苹果6s版本是10.1.1现在可以越狱，但绝对不完美。</t>
  </si>
  <si>
    <t>暂时不支持，不过你可以下个PP助手正版，不需要越，都可以直接下免费资源。</t>
  </si>
  <si>
    <t>巴氏腺囊肿会自愈吗</t>
  </si>
  <si>
    <t>只能是消炎，这个病是治愈不了的。</t>
  </si>
  <si>
    <t>可以。不过也要采取一点自救的措施。</t>
  </si>
  <si>
    <t>赵东来和陆亦可在一起了吗</t>
  </si>
  <si>
    <t>据了解小说中的陆亦可和赵东来最后修成正果。</t>
  </si>
  <si>
    <t>电视剧并没拍出他们两在一起。</t>
  </si>
  <si>
    <t>阿里110报案有用吗</t>
  </si>
  <si>
    <t>还是有点用的。</t>
  </si>
  <si>
    <t>荣耀8青春版玩王者荣耀卡吗</t>
  </si>
  <si>
    <t>荣耀8life采用麒麟655大核A53理论上可以胜任王者荣耀。以前的荣耀7就可以玩王者荣耀了，荣耀8life的SoC是优于荣耀7的。</t>
  </si>
  <si>
    <t>不会卡的，最好清理一下手机运行内存。一般手机的运行内存大一点的会流畅一点。这款手游王者荣耀现在打造新型生态社交圈，新增师徒系统，旨在给新老玩家建立亲密关系，新玩家可以通过拜师并和师父一起游戏学习到游戏技巧和丰厚奖励，更好的度过新手期，而老玩家也可以通过带徒弟获得荣誉奖励和尊重。</t>
  </si>
  <si>
    <t>这关乎很多方面的因素的。首先是手机好坏，手机用得不是上了年头的，就不容易卡，毕竟是很好的手机；如果还是卡，就要看是不是手机内存不够或是中病毒、垃圾过多这些情况了，一般下一个病毒查杀软件比如猎豹清理大师会管用的。还有一个就是网络，网络要是不好，比如信号差，就会卡，还有许多人同时用一个网络就会造成这个网络负担太大，也会卡。</t>
  </si>
  <si>
    <t>微信可以分组吗</t>
  </si>
  <si>
    <t>1、打开手机微信，点击通讯录下的目标联系人；2、点击右上角的操作图标，选择【设置备注及标签】3、输入备注及标签名称，点击【完成】4、设置完成，点击【保存】；5、点击如图所的标签即可查看该标签下的联系人。</t>
  </si>
  <si>
    <t>进入微信通讯录中，选择要进行分组的好友，点击进入。在好友详细资料中，点击右上角的菜单按钮。在微信好友菜单中选择设置备注及标签。在备注信息中，点击标签区域。如果之前没有建立过标签，需要添加标签，输入标签名称，点击保存。</t>
  </si>
  <si>
    <t>1、进入微信通讯录中，选择要进行分组的好友，点击进入。2、在好友详细资料中，点击右上角的菜单按钮。3、在微信好友菜单中选择设置备注及标签4、在备注信息中，点击标签区域。5、如果之前没有建立过标签，需要添加标签，输入标签名称，点击保存。6、这样备注信息中就可以看到新建的标签了。7、这样就完成了对好友的分组，具有相同标签的微信好友既是分为一组。</t>
  </si>
  <si>
    <t>深圳南坪快速限行吗</t>
  </si>
  <si>
    <t>限行时间：每日7：00至9:30，16:30至19:00。限行路段：南坪商圈环道(南坪东路女子医院路口至原南坪转盘路段—南坪西路原南坪转盘至万寿路上口路段—万寿路—南城大道万寿路下口至协信城路段—响水路)及其以内道路，海峡路、江南大道、学府大道、烟雨路(四公里立交至辅仁路口)。</t>
  </si>
  <si>
    <t>魅蓝x怎么样值得买吗</t>
  </si>
  <si>
    <t>推荐购买。</t>
  </si>
  <si>
    <t>艾斯克斯是亚瑟士吗</t>
  </si>
  <si>
    <t>山药豆发芽了还能吃吗</t>
  </si>
  <si>
    <t>山药豆发芽后虽然并没有产生龙葵素一类的有毒物质，但是山药豆本身的营养物质在山药豆发芽的过程中已经开始发生转化，其营养价值开始下降，而且对于肠胃承受能力较弱的人来说，吃了发芽的山药豆还容易出现腹泻的现象。所以，山药豆如果发芽了，还是不要食用为妙。</t>
  </si>
  <si>
    <t>不能吃，发芽就说明山药已经开始性的生命过程了，发芽生根。在这个过程中山药的营养物质在生长激素的作用在开始发生物质转化,并伴发对动物包括人身体有毒的物质的生成. 所以山药豆发芽后尽量避免使用。</t>
  </si>
  <si>
    <t>1.山药发芽是没有毒的，也不会影响食用。2.山药发芽说明已经开始了生命成长，发芽会导致山药的营养物质有所下降，轻微发芽流失的营养物质会很少，而发芽比较严重，则流失得多。</t>
  </si>
  <si>
    <t>子宫腺肌症能自愈吗</t>
  </si>
  <si>
    <t>这个疾病治愈性是很低的，不治疗很有可能会导致子宫肌瘤的疾病。</t>
  </si>
  <si>
    <t>目前尚无根治本病的有效药物。</t>
  </si>
  <si>
    <t>lol改名卡下架了吗</t>
  </si>
  <si>
    <t>下架了。</t>
  </si>
  <si>
    <t>租车 不计免赔有必要吗</t>
  </si>
  <si>
    <t>第一次租车还是要的，以后就不用了，因为：首先自己要安全驾驶，这个对自己有信心；其次即使不拍照路段也不违章；最后即使发生意外，也是对方全责，这种情况下也不用自己赔偿。</t>
  </si>
  <si>
    <t>中国人有异色瞳吗</t>
  </si>
  <si>
    <t>没见过，一般双色瞳在外面走的时候也可以用美瞳遮起来。</t>
  </si>
  <si>
    <t>有的是，医学叫做虹膜异色症是一种身体异状况,指两眼虹膜呈现不同颜色性状。</t>
  </si>
  <si>
    <t>微波炉可以解冻吗</t>
  </si>
  <si>
    <t>肉类放在冰箱里进行冷冻以保鲜，拿出来的时候进行解冻的工具通常是微波炉，不过使用微波炉进行解冻是需要一定的技巧的，否则解冻的肉会有少部分未解冻硬块，失去了肉的新鲜感。</t>
  </si>
  <si>
    <t>用微波炉解冻食物是一种快捷的方法，在解冻冷冻肉块、鸡、鱼及海鲜时，还需要注意一些细节，以达到均匀解冻的效果。</t>
  </si>
  <si>
    <t>微波炉解冻一般不适于大块的东西 一般的还可以，不要直接放进微波炉，要放在容器里盖好，或者放在塑料袋里封好口，用低档解冻。</t>
  </si>
  <si>
    <t>肺结核不治疗会自愈吗</t>
  </si>
  <si>
    <t>肺结核的治疗原则是：早期、联合、适量、规律、全程，规范治疗，疗效高达98%，复发率低于2%。早期： 一旦发现和确诊后立即给药治疗； 联合： 根据病情及抗结核药的作用特点，联合两种以上药物，以增强与确保疗效；适量： 根据不同病情及不同个体规定不同给药剂量；若药量不足，组织内药物达不到有效制菌浓度，疗效不佳且细菌易产生继发耐药;滥用药物或药物剂量过大，不但造成浪费，且易产生毒副作用，使抗结核治疗难以坚持至满疗程。规律： 患者必须严格按照治疗方案规定的用药方法，有规律地坚持治疗，不可随意更改方案或无故随意停药，亦不可随意间断用药；  全程：指患者必须按照方案所定的疗程坚持治满疗程，短程通常为6～9个月。</t>
  </si>
  <si>
    <t>及时治疗;肯定能治疗好;肺结核的家庭治疗措施 肺结核 结核病是由结核杆菌侵入人体后引起的一种具有高度传染性的慢性消耗性疾病。它不受年龄、性别、种族、职业、地区的影响，人体许多器官、系统均可患结核病，其中以肺结核最为常见。 此病的前期症状较不明显，而且初期类似流行性感冒。通常由咳嗽开始，并且痰里带血丝。情况继续恶化时，患者出现低烧、严重盗汗、慢性疲劳、体重下降、胸痛、呼吸短促、尿道感染。更严重的患者，将产生喉结核，使病人无法说话。 肺结核的传染90％以上是通过呼吸道传染的，肺结核病人通过咳嗽、打喷嚏、高声喧哗、使带有结核菌飞沫喷出体外，健康人吸人后而被感染。 不注意卫生、与患者亲密接触、免疫功能不全、饮食不均衡、久坐的生活方式，均增加患结核病的几率。 现代医学认为，结核杆菌侵入人体后是否发病，不仅取决于细菌的量和毒力，更主要取决于人体对结核杆菌的抵抗力，在机体抵抗力低下的情况下，入侵的结核菌不被机体防御系统消灭而不断繁殖，引起结核病。</t>
  </si>
  <si>
    <t>如果自身的免疫力足够强大有可能自愈，不过对于发病后来说还是需要经过药物治疗才可痊愈的。</t>
  </si>
  <si>
    <t>做b超对胎儿有害吗</t>
  </si>
  <si>
    <t>临床并没有发现B超对人体的害处。B超的原理是利用超声在人体内传播，超声波在两种不同组织界面处产生反射、折射、散射、绕射、衰减以及声源与接收器相对运动产生多普勒频移等物理特性。显示各种组织及其病变的形态，对病变作出诊断。因此，B超检查是安全的。</t>
  </si>
  <si>
    <t>超声检查也是辐射波不过影响很小，但是孕期也不宜频繁超声检查。</t>
  </si>
  <si>
    <t>辐射性大，建议不要经常做。</t>
  </si>
  <si>
    <t>肝脏血管瘤会癌变吗</t>
  </si>
  <si>
    <t>肝血管肿瘤属于良性肿瘤，不会导致癌变，如果过度增长的话，同样会压迫神经和血管。建议采取手术切除。</t>
  </si>
  <si>
    <t>血管瘤属于良性，生长缓慢，很少恶变。虽然为良性肿瘤，但也需要早期发现早期治疗，主要的治疗方法为激光治疗，效果较好创伤也比较小。</t>
  </si>
  <si>
    <t>肝脏血管瘤一般不会癌变，如果不破裂出血，一般问题不大。</t>
  </si>
  <si>
    <t>牛肉和苋菜能一起吃吗</t>
  </si>
  <si>
    <t>苋菜可以跟牛肉一起吃。</t>
  </si>
  <si>
    <t>支付宝余额转到银行卡要手续费吗</t>
  </si>
  <si>
    <t>一，若您是转到自己名下的银行卡，暂不收费。 为持续提升支付宝的服务能力给您提供更多的优质服务，支付宝将于2016年10月12日起对转账到银行卡和账户余额提现两个业务收费，具体规则如下：个人用户：同一身份证下的多个实名账户终身共享2万元基础免费额度（含转账到银行卡、账户余额提现），超过额度后超出金额按照0.1%收取服务费，最低0.1元/笔。企业用户：不受此次收费政策影响，暂不收费。二，若您是转到他人名下的银行卡，您可以转账到卡，目前转账到银行卡从手机付款（即支付宝APP）免费，从电脑端付款是要收费的。电脑端收费标准如下：到账时间，服务费率，服务费下限，服务费上限：2小时到账 0.20% 2元/笔 25元/笔 ，次日到账 0.15% 2元/笔 25元/笔 。</t>
  </si>
  <si>
    <t>非实名账户目前无基础免费额度，转账到卡金额按照0.1%收取服务费，最低0.1元/笔，为了给您提供更好的服务建议您尽快完成实名认证。</t>
  </si>
  <si>
    <t>9月12日下午消息，支付宝刚刚发布公告表示，自201610月12日起支付宝将对个人用户超出免费额度的提现收取0.1%服务费，个人用户每人累计享有2万元的基础免费提现额度。</t>
  </si>
  <si>
    <t>蜂蜜夏天要放冰箱吗</t>
  </si>
  <si>
    <t>蜂蜜可分为密封保存、常温保存、冰箱保存、冷水保存，可根据环境选择有无需要放入冰箱。蜂蜜能放在冰箱里，只是放在冰箱里会促使它结晶析出葡萄糖。这个变化并不影响蜂蜜的安全性，也不影响它的营养价值，只是会影响到口感的均匀程度;蜂蜜在低于14摄氏度的时候会结晶，这是一个物理变化，不是化学变化，所以蜂蜜本身的成分没有产生变化，就好像是水结成冰以后化学式还是H2O。至于有些人反应结晶以后的蜂蜜口感较差并没有什么根据，产生这个感觉可能是心理原因。所以蜂蜜放到冰箱保存是可以的，但是在吃的时候比较麻烦了，结晶以后就不容易从瓶子里倒出来了；还是使用常温保存为好，方便使用。</t>
  </si>
  <si>
    <t>常温下就行，天然蜂蜜不会变质、坏掉的。放在玻璃瓶里，没有必要放在冰箱。</t>
  </si>
  <si>
    <t>纯正的蜂蜜放不放冰箱没事，但是如果蜂蜜添加过什么的开封了还是放冰箱的好。</t>
  </si>
  <si>
    <t>保温杯可以泡茶吗</t>
  </si>
  <si>
    <t>当用开水在壶或普通杯中泡茶时，大量的有益成分溶解在水中，使茶汤产生一种芳香气味，同时，又使茶多酚和单宁等成分略滚水中，使茶汤略带有爽口苦味可以说恰到好处；而用保温杯泡茶，由于温度一直保持很高，故使芳香物质很快挥发掉，从而减少了应有的芳香。另外由于高温还能使茶多酚和单宁搔出过多，使茶汤色浓，味苦涩，并有闷沤味；此外，由于维生素不耐高温，故长时间高温浸泡使其损失较大；因此，不宜用保温杯泡茶。同样道理，也不宜将茶叶放到壶中煮着喝；另外，玻璃保温杯内胆的表面有金属镀层，茶当中的一些成份会与金属镀层产生化学反应，从而产生多种微量的化学成份，当中的部份物质长期摄入可能对人体有害，而类似的不锈钢保温杯也有类似的情况，所以大家在泡茶的时候要注意选择适合的器皿。</t>
  </si>
  <si>
    <t>保温杯是不可以泡茶的；影响茶叶的味道，保温杯的温度比较高，如果茶叶长时间在这种温度下浸泡，茶本身的营养物质会消失，茶里面含有的茶多酚、单宁等物质会大量浸出，使茶水颜色浓重，带有苦涩味，所以说泡茶是不适宜用保温杯；降低茶的保健功能，喝茶可以提神，茶叶本身对人体也有很多有利的功效，如果茶叶长时间在高温状态下浸泡，茶叶中的芳香油会很快挥发，减少茶水的清香，茶叶中含有的维生素C也会破坏，这样就失去茶的保健功能了；容易生成茶垢不易清洗，茶长时间在杯子中泡都会积累一层脏脏的茶垢，经常用保温杯泡茶过一段时间之后就会积上一层脏脏的茶垢，而且还不易清洗，本来用高温杯泡茶就没有当中的清香，如果长期积累一层一层的茶垢的话，那不仅不卫生，还会因此减短保温杯的寿命。</t>
  </si>
  <si>
    <t>泡茶别用保温杯，因为茶叶中含有多种维生素和芳香物质，在高温和恒温下会大大减少，泡出来的茶水味道也过涩。泡茶也不能用刚开的水，或是把茶叶装在过滤器里泡，否则茶中丰富的维生素及矿物质就会流失掉。</t>
  </si>
  <si>
    <t>王者荣耀妲己是废物吗</t>
  </si>
  <si>
    <t>没有绝对废物的英雄，妲己控制稳定，爆发很高，后期控到ad了稳稳的一套带。</t>
  </si>
  <si>
    <t>妲己在1v1,3v3中挺强的，妲己的输出前中期伤害偏弱，但是当练好装备会越来越可怕。如果要比较一下的话，拿貂蝉来说，她的持续输出和收割能力强，妲己则是后期拥有恐怖爆发伤害的英雄，而且妲己的技能一般都是躲不过的。妲己的操作难度相比貂蝉低很多，但是各方面也不会逊色貂蝉多少。所以说主要还是看怎么玩。</t>
  </si>
  <si>
    <t>如果是消耗的话就挺强。前期和中期行，后期就不太好了。不过后期打辅助还可以的。前期能压迫对手，如果是10分，能得7分。</t>
  </si>
  <si>
    <t>一妻多夫制是真的吗</t>
  </si>
  <si>
    <t>一妻多夫制（Polyandry）是一种仅占世界婚姻总量1％的奇特婚俗与家庭制度。在我国，至今还保留在藏族、珞巴族、门巴族以及一部分纳西族中。</t>
  </si>
  <si>
    <t>是真的，但是实在母系社会的时候。非洲有一些国家会有。</t>
  </si>
  <si>
    <t>在越南是有的，中国法律明率规定一夫一妻制。</t>
  </si>
  <si>
    <t>加了95号还能加回92吗</t>
  </si>
  <si>
    <t>可以，更换口味而已，影响不大。</t>
  </si>
  <si>
    <t>只要你的车允许使用92号汽油，完全可以更换回来，偶尔混加一点无所谓的。</t>
  </si>
  <si>
    <t>可以的，而且最好及时更换92号，不要长期加高标号汽油。</t>
  </si>
  <si>
    <t>海关清关20多天正常吗</t>
  </si>
  <si>
    <t>一般清关没有被开箱检查的话2-3天，如果被检查了就会慢一些，一个月都有可能。</t>
  </si>
  <si>
    <t>小说打字员是真的吗</t>
  </si>
  <si>
    <t>网上招打字员很多是骗人的。</t>
  </si>
  <si>
    <t>有真也有假的，真的比较少。</t>
  </si>
  <si>
    <t>六堡茶属于红茶吗</t>
  </si>
  <si>
    <t>六堡茶，属黑茶类。</t>
  </si>
  <si>
    <t>心脏起搏器医保报销吗</t>
  </si>
  <si>
    <t>安装起搏器的费用医保是可以部分报销的。</t>
  </si>
  <si>
    <t>晚上9点到10点运动好吗</t>
  </si>
  <si>
    <t>不好．因为人体工作运动了一天，身心都疲惫，并且这一时段空气质量也不适合锻炼．</t>
  </si>
  <si>
    <t>没有关系，只要坚持，运动量合适就有效果。</t>
  </si>
  <si>
    <t>晚上尽量少锻炼，易损阳气，晚上宜静养补阴。还是早上锻炼身体好。</t>
  </si>
  <si>
    <t>婚后父母出资买房属于共同财产吗</t>
  </si>
  <si>
    <t>1、婚后双方父母出资，产权登记在一人名下，根据婚姻法司法规定，婚后双方父母资助子女买房，产权登记在一人名下的，该房产应认定为双方按照各自父母的出资份额占有；如果当事人另有约定的，按照约定办理；2、婚后双方父母出资，产权登记在双方名下；婚后父母资助子女买房，且登记在双方名下，应认定为夫妻共同财产，如果有约定的，按照约定；3、婚后一方父母全额出资，产权登记在自己子女名下；根据我国婚姻法司法解释的规定，婚后一方父母资助子女买房的，产权登记在出资人子女名下的，视为只对自己子女的赠与，该房产认定为出资方子女的个人财产，对方无权请求分割该房产；4、婚后一方父母出资，产权登记在另一方名下；如果婚内一方父母资助子女买房，产权登记在另一方名下，一般认为是对双方的赠与；除非父母出资时的书面约定或声明，证明此出资只是赠与自己子女的；5、婚后按揭购房，一方父母出首付款，产权登记在自己的子女名下，由夫妻共同还贷的；这种情况，首付款可以认定为只赠与出资方的子女，离婚时该房产是夫妻共同财产，对首付部分应认定为出资子女的个人财产。</t>
  </si>
  <si>
    <t>不是，谁出钱就是谁的。</t>
  </si>
  <si>
    <t>智齿没长出来要拔吗</t>
  </si>
  <si>
    <t>智齿如果被阻生在颌骨里，或根本就不见萌出，或是导致其他牙齿排列拥挤或移位，从而使局部牙齿出现龋齿、感染或牙龈疼痛。阻生的智齿在颌骨内的位置也是异常的，有时甚至呈水平阻生，这种情况最好是拔去。另外，如果疼痛得不行了，也最好去医院处理掉。其他情况最好就不要去拔，由于智齿在口腔最内侧，最难操作，操作不当反而有害。</t>
  </si>
  <si>
    <t>如果智齿完全没有长出来或者长出来一点点，且位置也不正常，或者没有对颌牙齿的话,建议你把这颗智齿拔除掉。</t>
  </si>
  <si>
    <t>诫勉谈话是处分吗</t>
  </si>
  <si>
    <t>诫勉谈话不属于行政处分。</t>
  </si>
  <si>
    <t>老九门好看吗</t>
  </si>
  <si>
    <t>不太好看，评价不高。</t>
  </si>
  <si>
    <t>剧情不咋地，演员阵容很强大，颜值爆表。</t>
  </si>
  <si>
    <t>传奇永恒好玩吗</t>
  </si>
  <si>
    <t>好玩，画质很漂亮，最关键的还是传奇玩法。</t>
  </si>
  <si>
    <t>好玩，游戏给出了坚持时间收费，坚定杜绝外挂，坚决不开商城三大承诺为基本点，继承战法道的职业体系，延续强pk的经典玩法，重构恢弘瑰丽的玛法大陆。</t>
  </si>
  <si>
    <t>在虚幻3引擎上自主研发的大型3D MMORPG端游。它传承了传奇战法道的职业体系，延续了传奇的经典玩法与强PK特性，也被业内称之为3D传奇。这个游戏绝对好玩。</t>
  </si>
  <si>
    <t>苹果7plus防水吗</t>
  </si>
  <si>
    <t>苹果7plus防水标准是IP67标准，目前行业的最高标准为IP68。下面就该标准做一个简介：IP67标准IP67是指防护安全级别。IP是IngressProtectionRating(或者InternationalProtectioncode)的缩写，它定义了一个界面对液态和固态微粒的防护能力。IP后面跟了2位数字，第1个是固态防护等级，范围是0-6，分别表示对从大颗粒异物到灰尘的防护；第2个是液态防护等级，范围是0-8，分别表示对从垂直水滴到水底压力情况下的防护。数字越大表示能力越强。IP67的解释是，防护灰尘吸入（整体防止接触，防护灰尘渗透）；防护短暂浸泡（防浸）。目前在布线行业最高实现的是IP68级别。除此以外，工业连接器还有温度，抗震等对其它恶劣环境的考虑因素。特性IP代码：外壳的防护等级此标准描述了对电气设备外壳防护等级进行分类的系统。由欧洲电子技术标准化委员会提出，电气设备外壳防护等级被分成很多类，根据不同的号码，能够迅速方便的确定产品的防护等级。第一特性防护等级（代码中的第一个数字）简要描述定义0无防护1防直径为50mm甚至更大的固体颗粒物物体尖端或50mm直径的固体MANNZUG3三防智能手机颗粒物不能完全穿透。2防直径为12.5mm甚至更大的固体颗粒物物体尖端或12.5mm直径的固体颗粒物不能完全穿透。3防直径为2.5mm甚至更大的固体固体颗粒物物体尖端或2.5mm直径的固体颗粒物完全不能穿透。4防直径为1mm甚至更大的固体固体颗粒物物体尖端或1mm直径的固体颗粒物完全不能穿透。5灰尘防护：并不能完全防止尘埃进入，但不会达到妨碍仪器正常运转及降低安全性的程度。6灰尘禁锢：尘埃无法进入物体整个直径不能超过外壳的空隙第二特性防护等级（代码中的第二个数字）简要描述定义0无防护；1防垂直下坠的水滴：垂直下坠的水滴不会造成有害影响；2当外壳翘起可达15°时防垂直下坠的水滴：当外壳在垂直任何一侧以任何角度翘起不超过15°时，垂直下坠的水滴不会造成有害影响；3防水雾：在任何一垂直侧以任何不超过60°的角度喷雾不会造成有害影响；4防泼水：对着外壳从任何方向泼水都不会造成有害影响；5防喷水：对着外壳从任何方向喷水都不会造成有害影响；6防强力喷水：对着外壳从任何方向强力喷水都不会造成有害影响；7防短时浸泡：常温常压下，当外壳暂时浸泡在1M深的水里将不会造成有害影响；8防持续浸泡：在厂家和用户都同意，但是条件比7严酷的条件下，持续浸泡在水里将不会造成有害影响。</t>
  </si>
  <si>
    <t>一般泼溅水都不会有影响了，如果手机脏了把手机放在水笼头下面冲洗一下也可以,只要不要浸泡在水里问题不大的。</t>
  </si>
  <si>
    <t>北京9月8日凌晨，苹果在美国召开的秋季新品发布会上，对外发布了全新的iPhone，包括iPhone7和iPhone7Plus。中国在首发之列，iPhone7起售价5388元，iPhone7Plus起售价6388元。9日起接受预订，16日对外发售。iPhone7和iPhone7Plus。iPhone7为4.7英寸，iPhone7Plus为5.5英寸，均有5款颜色可选，黑色、亮黑色、金色、银色和玫瑰金。其中黑色和亮黑色为全新颜色。同上一代iPhone相比，新款iPhone外形上没有太大变化，只是“天线”不见；性能上，iPhone7和iPhone7Plus均加入了防水防尘功能。</t>
  </si>
  <si>
    <t>多肉植物可以放卧室吗</t>
  </si>
  <si>
    <t>大多数植物都是在白天进行光合作用，吸收二氧化碳，释放氧气，夜间进行呼吸作用，吸收氧气，释放二氧化碳。所以一般植物不太适合室内种植摆放，会增加夜间的二氧化碳含量，而夜间往往是人在房间里休息的时间，对人的身体不利。但很多仙人掌和多肉植物却恰恰相反，由于生长在干旱炎热的地区，白天为避免水分丧失，关闭气孔，夜间气孔开放吸收CO2进而形成苹果酸存于大液泡内，白天放出CO2进行光合作用。这种独特的代谢方式成为“景天酸代谢”。所以仙人掌和多肉植物非常适合在室内种植摆放。</t>
  </si>
  <si>
    <t>从对空气的影响和有毒无毒一点来说，多肉可以放卧室养，大部分多肉对人体无害。但从肉肉生长的角度来说的话，肉肉不适宜放在光照差、不通风的室内。卧式一般光照都不是太好，光照好的也会做好遮光。而肉肉生长需要充足的阳光，状态才能保持的好，不然容易徒长。另外，如果室内不通风，肉肉容易烂根。</t>
  </si>
  <si>
    <t>多肉植物也是植物，只要是植物就必然有光合作用和蒸腾作用。所以从空气氧含量上来看，多肉和其他植物没有太大区别。另外，有一些品种在开花时会有不好闻的气味产生，不适合在花期放在卧室。最后，如果条件允许，还是露养的多肉最美丽，室内养殖不容易出状态，甚至好多新手会养烂根。</t>
  </si>
  <si>
    <t>八级工伤能赔20万吗</t>
  </si>
  <si>
    <t>在20万左右，具体要看当地社平工资、职工本人工资。</t>
  </si>
  <si>
    <t>潘多拉手链是奢侈品吗</t>
  </si>
  <si>
    <t>奢侈品应该算不上。</t>
  </si>
  <si>
    <t>iqos电子烟 对人体有无危害</t>
  </si>
  <si>
    <t>电子烟的危害一定比真烟的危害小。</t>
  </si>
  <si>
    <t>天津港的车能买吗</t>
  </si>
  <si>
    <t>不能，那个有严重的安全隐患。</t>
  </si>
  <si>
    <t>正新鸡排 真的是鸡肉吗</t>
  </si>
  <si>
    <t>纯鸡肉做的。</t>
  </si>
  <si>
    <t>喝啤酒会胖吗</t>
  </si>
  <si>
    <t>经常喝酒的人的确容易发胖，但酒精本身不会导致发胖。喝酒发胖最常见的原因是，在喝酒的同时摄入了较多肉、鱼、油脂等高能量食物，导致能量总摄入超标。</t>
  </si>
  <si>
    <t>检察长怕公安局长吗</t>
  </si>
  <si>
    <t>检察长和公安局长都是处级干部，没有什么怕不怕。</t>
  </si>
  <si>
    <t>民学网国家承认吗</t>
  </si>
  <si>
    <t>承认，真实有效</t>
  </si>
  <si>
    <t>拉肚子能喝牛奶吗</t>
  </si>
  <si>
    <t>腹泻早期禁牛奶、蔗糖等易产气的流质饮食。有些患者对牛奶不适应，服牛奶后常加重腹。</t>
  </si>
  <si>
    <t>不能，因为牛奶中含有乳糖成分，牛奶中所含的乳糖属于双糖的一种，这种双糖分子太大，在人体内分解代谢需要有乳酶的参与才能顺利分解，但是如果小肠里的乳糖酶未能发挥作用时，会使乳糖就在大肠内发酵，大约半小时至2小时内出现胀气、肠鸣、腹痛、呕吐或腹泻等症状。</t>
  </si>
  <si>
    <t>电脑管家和360安全卫士能一起用吗</t>
  </si>
  <si>
    <t>1、电脑上可以同时安装，不会有冲突，但是没必要。2、QQ电脑管家与360安全卫士同属电脑管理杀毒优化软件，安装一个已经足以保护电脑的安全，不需要安装两个，安装多个反而会占用更多内存。3、不同的电脑管理软件会有不同的推荐处理方式，容易因为误判而导致系统混乱，所以最好不要同时安装两款或者两款以上类似功效的杀毒管理软件。</t>
  </si>
  <si>
    <t>女生的第一次疼吗</t>
  </si>
  <si>
    <t>第一次的话会疼痛的。还会导致处女膜的破裂及阴道的出血。这都属于正常现象，但是要注意双方的自身卫生。</t>
  </si>
  <si>
    <t>98%的人的处女膜都会破裂，从而导致阴道疼痛，但90%的人都能忍受。</t>
  </si>
  <si>
    <t>处女膜破裂时疼痛感的巨烈与否主要取决于性爱的男方。如果男方事前爱抚不够，女方的性爱情绪没有被调动起来，下体分泌物不够，使得阴道干涩不够润滑，加上如果男方动作不温柔，或姿势不对，那肯定会相当痛。</t>
  </si>
  <si>
    <t>余额宝出现过亏本金吗</t>
  </si>
  <si>
    <t>余额宝不会亏本的。</t>
  </si>
  <si>
    <t>余额宝对应的是天弘的余额宝基金，属于货币市场基金，属于证券投资基金中的风险极低的品种。而其国内市场的货币基金年化收益有史以来尚未出现过负值。</t>
  </si>
  <si>
    <t>余额宝不会损失本金。</t>
  </si>
  <si>
    <t>做滴滴打车赚钱吗</t>
  </si>
  <si>
    <t>滴滴打车司机赚钱的。</t>
  </si>
  <si>
    <t>滴滴打车司机都不赚钱。</t>
  </si>
  <si>
    <t>这时以一份多劳多得的工作， 且接单达一定单数或者完成一定任务之后有补贴。</t>
  </si>
  <si>
    <t>知道手机号能定位吗</t>
  </si>
  <si>
    <t>目前确定一部手机的位置，需要被确定位置的手机安装有拥有该功能的软件，且手机本身有GPS功能，两者缺一不可。</t>
  </si>
  <si>
    <t>可以的，原理：根据手机与移动基站信号间的交互，产生的资料源，得出此手机所在位置的经纬度结果，利用技术查找出其所在的地理位置。</t>
  </si>
  <si>
    <t>手机定位也就是GPS定位。通过向卫星发送和接受信号来定位，定位范围小，定位较为准确。其精度一般可以达十米左右的误差。</t>
  </si>
  <si>
    <t>华夏银行信用卡好批吗</t>
  </si>
  <si>
    <t>比较容易。</t>
  </si>
  <si>
    <t>b站的硬币可以兑换人民币吗</t>
  </si>
  <si>
    <t>直接换是肯定不可能的。</t>
  </si>
  <si>
    <t>ps4能用鼠标键盘吗</t>
  </si>
  <si>
    <t>可以，设置界面：有个键盘和鼠标选项，但是游戏本身不一定支持。</t>
  </si>
  <si>
    <t>ps4是支持外置键鼠的，系统设置里也有这个设置。但是，普通家用的键鼠是不行的，有专门的外置键鼠。键盘上直接有，价格不菲(某宝)。此外，实际用的效果并不好，蹩脚。所以建议用手柄，习惯了会发现手柄的操作还挺好的。</t>
  </si>
  <si>
    <t>有一款叫做XIM3的设备，专门就是用来支持鼠标键盘操作PS4的。但是这个东西好像国内没有卖，有卖的也是很贵。</t>
  </si>
  <si>
    <t>淘宝刻假章警察会查吗</t>
  </si>
  <si>
    <t>你不说，店家不说，就没事，最后用过之后破坏掉。</t>
  </si>
  <si>
    <t>ape转wav音质会损失吗</t>
  </si>
  <si>
    <t>不会的 ape是无损的 解包后和wav是一样的。</t>
  </si>
  <si>
    <t>猫能吃西瓜吗</t>
  </si>
  <si>
    <t>猫可以喝西瓜的水，小块小块的吃西瓜。</t>
  </si>
  <si>
    <t>不能，会拉肚子。</t>
  </si>
  <si>
    <t>可以吃，要少一点。</t>
  </si>
  <si>
    <t>翁帆有孩子吗</t>
  </si>
  <si>
    <t>热得快对身体不好吗</t>
  </si>
  <si>
    <t>热的快烧出的水是电解水，有异味，对人身体有害。</t>
  </si>
  <si>
    <t>没什么不好，放心喝吧。</t>
  </si>
  <si>
    <t>2017年二建还能挂靠吗</t>
  </si>
  <si>
    <t>不要信外面的谣言说二建挂不出去了，那不可能的。</t>
  </si>
  <si>
    <t>可以挂靠。</t>
  </si>
  <si>
    <t>今后不论是执业资格证书还是上岗证书都不能挂靠了。今后要实行证书实名制了，证书的使用要配合身份证、指纹及脸谱等高科技身份验证手段。</t>
  </si>
  <si>
    <t>碘伏可以涂在伤口上吗</t>
  </si>
  <si>
    <t>要是缝合后对位良好，伤口闭合的话用碘伏消毒是没有问题的。但要是开放性伤口用碘伏消毒就刺激性比较大了，不利于伤口愈合而容易留疤。</t>
  </si>
  <si>
    <t>如果伤势不重可以，如果重包扎的时候在纱布上喷些碘伏。</t>
  </si>
  <si>
    <t>碘伏是目前最常用的外用消毒溶液，具有广谱杀菌作用，可用于皮肤、大部分粘膜的消毒。其用途广泛、刺激性小、效果肯定。对于各种外伤、烧伤、冻伤均可使用碘伏。使用时无特殊要求，只要创面、创口清洁，即可以碘伏涂抹表面。如为眼部伤口，注意避免碘伏入眼。其余部位的粘膜比如会阴部、肛周均可使用碘伏。碘伏不可服用。极少部分人对碘伏过敏，如有过敏反应尽快清洗掉。</t>
  </si>
  <si>
    <t>色戒真的做了吗天涯</t>
  </si>
  <si>
    <t>摩罗丹能根除胃病吗</t>
  </si>
  <si>
    <t>胃病事故需要长期治疗的，难以在通过一种药物进行根治，因此摩罗丹是不能根除胃病的。</t>
  </si>
  <si>
    <t>摩罗丹主要用于一般性胃炎、浅表性胃炎、慢性萎缩性胃炎及胃癌手术后的治疗，适用于胃疼，胀满，痞闷，纳呆，嗳气等症。根据疗程坚持服用三个月可以根除胃炎，但是还是要注意作息习惯和饮食习惯，不然胃炎容易复发。</t>
  </si>
  <si>
    <t>不能根治，根治还是靠自己体质的。</t>
  </si>
  <si>
    <t>长期喝净水器的水好吗</t>
  </si>
  <si>
    <t>长喝净水器里的水好与不好,那就要看净水器的标准了,如果净水器是按照国家标准制造,是否符合国家水质量标准的净水器,如果符合那就跟桶装水是没有什么区别了。</t>
  </si>
  <si>
    <t>这种水用来解渴还行，但是常喝对身体不好。净水机的过滤原理是通过自来水压将杂质或者细菌通过膜过滤掉。现在一般家庭用的多是超滤机和纯水机，标配过滤级数为5级。一般情况下通过净水机过滤后，水基本上可以达到纯净水的标准，水中不含任何杂质，这种水用来解渴最好，多喝对身体不好。</t>
  </si>
  <si>
    <t>经常喝净水器的水好。1.自来水烧开后，依然无法去除水垢、重金属、挥发性物质及细菌尸体等污染。2.桶装水接饮水机，成本高、有效期短、更易受二次污染。3.瓶装水成本极高，不适合家庭日常使用。4.使用净水机，可有效过滤各类污染物质，达到生饮标准，且成本相对较低。</t>
  </si>
  <si>
    <t>脑细胞可以再生吗</t>
  </si>
  <si>
    <t>人的脑细胞死亡后不可以再生。</t>
  </si>
  <si>
    <t>第一次疼吗</t>
  </si>
  <si>
    <t>当然会疼了， 第一次的时候不要太粗暴，要温柔点。</t>
  </si>
  <si>
    <t>或多或少都会痛的，那是身上的一块肉，撕破了会痛。</t>
  </si>
  <si>
    <t>埃及2017旅游危险吗</t>
  </si>
  <si>
    <t>安全，现在局势还好呀。</t>
  </si>
  <si>
    <t>安全的，埃及局势没那么乱。</t>
  </si>
  <si>
    <t>这个属于概率问题，最近全世界都不安定，但天天我都有朋友飞去土耳其或从那里飞回中国，不赶上恐袭问题不大，人多的中心地区不要久留吧。</t>
  </si>
  <si>
    <t>发票红冲有时间限制吗</t>
  </si>
  <si>
    <t>这个是有时间限制的，与取得的扣税凭证需在180天内进行认证抵扣有关联。</t>
  </si>
  <si>
    <t>普通发票开红字发票时间上没有规定。</t>
  </si>
  <si>
    <t>喝速溶咖啡会长胖吗</t>
  </si>
  <si>
    <t>对于肥胖者和正在减肥的人来说，有少量报导指出咖啡有减肥的功效。</t>
  </si>
  <si>
    <t>市面上卖的咖啡一般都是含糖的速溶咖啡，热量比较高，喝多了容易导致肥胖。</t>
  </si>
  <si>
    <t>咖啡本身是不会长胖的,黑咖啡的热量是0呢,而且里面的咖啡因还可以加速脂肪分解。</t>
  </si>
  <si>
    <t>白掌有毒吗</t>
  </si>
  <si>
    <t>有一定毒性。</t>
  </si>
  <si>
    <t>mpacc有没有含金量</t>
  </si>
  <si>
    <t>有，对于会计方面的从业者来说来说也是非常重要的一本证书。</t>
  </si>
  <si>
    <t>含金量需要看学校。</t>
  </si>
  <si>
    <t>增肌粉有副作用吗</t>
  </si>
  <si>
    <t>吃了含肌酸的增肌粉一个月， 胸肌和胳膊有明显有变化。 感觉锻炼的时候爆发力提升， 锻炼效果增加，副作用嘛，暂时还没有。</t>
  </si>
  <si>
    <t>对身体有副作用。吃少量的话，应该没有问题。增肌粉中含有碳水化合物，当碳水化合物过多时，就会转化成脂肪贮存于体内，使人过于肥胖而导致各类疾病如高血脂、糖尿病等。</t>
  </si>
  <si>
    <t>它本身就是毒，能没副作用么。以外力畸形的增长肌肉。</t>
  </si>
  <si>
    <t>麦吉丽化妆品靠谱吗</t>
  </si>
  <si>
    <t>当然靠谱。</t>
  </si>
  <si>
    <t>护肤品适合自己的是最好的，麦吉丽针对不同肤质都有不同搭配。</t>
  </si>
  <si>
    <t>非萎缩性胃炎会癌变吗</t>
  </si>
  <si>
    <t>癌变的几率非常低。</t>
  </si>
  <si>
    <t>中重度程度癌变的几率较大。</t>
  </si>
  <si>
    <t>痔疮一直出血是癌变吗</t>
  </si>
  <si>
    <t>痔疮是不会发生癌变的，痔疮是一个静脉曲张的一个丛，不是一个实质的肿瘤，所以，是不会发生癌变的。如果痔疮出血比较严重的话，还是建议手术治疗。</t>
  </si>
  <si>
    <t>羊癫疯能根治吗</t>
  </si>
  <si>
    <t>早发现早治疗才能早治愈</t>
  </si>
  <si>
    <t>能,而且能根治,不用打针吃药</t>
  </si>
  <si>
    <t>从现在的医学角度来说是能治好的</t>
  </si>
  <si>
    <t>秦时明月之君临天下天明后面还会出来吗</t>
  </si>
  <si>
    <t>王者荣耀韩信值得抽吗</t>
  </si>
  <si>
    <t>不值得抽，韩信很难上手。</t>
  </si>
  <si>
    <t>刺客的机动性很强，钻石抽值得。</t>
  </si>
  <si>
    <t>儿童电话手表有辐射吗</t>
  </si>
  <si>
    <t>据传有辐射</t>
  </si>
  <si>
    <t>有辐射，很大。而且没有国家标准。</t>
  </si>
  <si>
    <t>佰迪清 靠谱吗</t>
  </si>
  <si>
    <t>去佰迪清官网上买，效果是很好的</t>
  </si>
  <si>
    <t>佰迪清是植物提取制成的，效果不错，用起来也比较方便!</t>
  </si>
  <si>
    <t>王者荣耀用unity做的吗</t>
  </si>
  <si>
    <t>unity3d。</t>
  </si>
  <si>
    <t>一级建造师取消了吗</t>
  </si>
  <si>
    <t>国务院宣布明年非行政许可事项全部取消！一级二级建造师就属于非行政审批事项，所以一二建也中枪了！</t>
  </si>
  <si>
    <t>一级建造师考试，属住建部的行政许可审批事项，法律依据为《建筑法》和《注册建造师管理规定》，不经法律修订，不得取消或下放管理层级。所以，不会取消一级建造师的注册管理。</t>
  </si>
  <si>
    <t>一级建造师的注册不是取消，而是权利下放。</t>
  </si>
  <si>
    <t>贵金属公司合法吗</t>
  </si>
  <si>
    <t>按国家法律法规经营贵金属交易就是合法的。</t>
  </si>
  <si>
    <t>淘宝客自己的链接自己买也有佣金吗</t>
  </si>
  <si>
    <t>孕妇可以喝咖啡吗</t>
  </si>
  <si>
    <t>孕妇可以玩手机吗</t>
  </si>
  <si>
    <t>在短时期内使用手机是相对安全的，人类使用手机的时间还比较短，不知道长期使用会出现什么后果。从安全起见，孕妇最好是少用手机，以免对胎儿造成不好的影响。</t>
  </si>
  <si>
    <t>怀孕期间最好还是不要玩手机。</t>
  </si>
  <si>
    <t>增值税专用发票收款人和复核人可以不写吗</t>
  </si>
  <si>
    <t>怀孕可以坐飞机吗</t>
  </si>
  <si>
    <t>在怀孕头3个月和怀孕4-6个月乘坐飞机是安全的。但如果孕期出现点滴性出血、糖尿病、高血压，或者以前有过早产经历，最好在旅行前咨询一下医生。考虑到早产的风险，中国一些主要航空公司规定怀孕36周以上的孕妇不允许登机，而怀孕32周以上的准妈妈一般需要有医院的诊断说明书才可以登机。</t>
  </si>
  <si>
    <t>怀孕32周内都可以坐飞机，超过34周需要医院证明。</t>
  </si>
  <si>
    <t>兄弟姐妹是直系亲属吗</t>
  </si>
  <si>
    <t>是近亲属，但不是直系亲属。</t>
  </si>
  <si>
    <t>不属于直系亲属。</t>
  </si>
  <si>
    <t>房产证丢了有危险吗</t>
  </si>
  <si>
    <t>房产证丢了有一定的危险的。</t>
  </si>
  <si>
    <t>华莱士那么便宜能吃吗</t>
  </si>
  <si>
    <t>为了身体健康，最好少吃。</t>
  </si>
  <si>
    <t>借点钱app靠谱吗</t>
  </si>
  <si>
    <t>借点钱APP贷款是个骗子公司来的。</t>
  </si>
  <si>
    <t>最好不要相信，没有保障。</t>
  </si>
  <si>
    <t>靠谱，现在做的好像是蛮大的，里面是一些小贷公司还是可以的。</t>
  </si>
  <si>
    <t>盐水漱口能消炎吗</t>
  </si>
  <si>
    <t>食盐具有杀菌作用，外科换药中常用它清洗伤口，以达到清创和消炎的目的。</t>
  </si>
  <si>
    <t>微信可以向卡号转账吗</t>
  </si>
  <si>
    <t>微信只能给好友转账，不能直接给银行卡转账。</t>
  </si>
  <si>
    <t>冒险岛2可以玩了吗</t>
  </si>
  <si>
    <t>当然可以玩，不过现在国服还处于测试阶段，想要一直玩就得去韩服。</t>
  </si>
  <si>
    <t>国服不可以。</t>
  </si>
  <si>
    <t>还在内测。</t>
  </si>
  <si>
    <t>妇科检查后出血正常吗</t>
  </si>
  <si>
    <t>很常见的一种现象。</t>
  </si>
  <si>
    <t>限号能上五环吗</t>
  </si>
  <si>
    <t>可以走五环双向主路，五环外辅路。</t>
  </si>
  <si>
    <t>北京号牌的机动车在限行日内，7时至20时尾号限行车辆不可在五环路以内道路内行驶。</t>
  </si>
  <si>
    <t>离婚男人再婚难吗</t>
  </si>
  <si>
    <t>是的，无论男女，离婚后想再婚都有一定的难度，除非此人在没离婚时就已找好了下家。</t>
  </si>
  <si>
    <t>相比女的，男的容易一些。</t>
  </si>
  <si>
    <t>月经可以喝咖啡吗</t>
  </si>
  <si>
    <t>干部身份取消了吗</t>
  </si>
  <si>
    <t>尼尔机械纪元会降价吗</t>
  </si>
  <si>
    <t>短期内不会，最早估计11月末的感恩节特惠或12月末的圣诞节特惠时有可能。</t>
  </si>
  <si>
    <t>支付宝转网商银行要手续费吗</t>
  </si>
  <si>
    <t>余额宝里边的钱，需要先转入到余额里面，然后再转入网商银行，是没有任何费用的，网商银行里面的钱再转入到任何一张银行卡都没有任何费用，现在我们都是采取这个方法转账。</t>
  </si>
  <si>
    <t>目前，在网商银行APP上去操作余额转入网商银行是不收费的。操作流程：打开网商APP，点击【我的】-【活期余额】-【转入】，在“扣款账户”中选择“支付宝即可。</t>
  </si>
  <si>
    <t>花甲里面的黑色是屎吗</t>
  </si>
  <si>
    <t>不是，是籽。</t>
  </si>
  <si>
    <t>是屎。</t>
  </si>
  <si>
    <t>舔女人下面能得艾滋病吗</t>
  </si>
  <si>
    <t>口交的方式是不会传染艾滋病的。</t>
  </si>
  <si>
    <t>不会的，前提是她没有艾滋病。</t>
  </si>
  <si>
    <t>会的哦，有唾沫交流和阴道感染体进入身体就会有可能。</t>
  </si>
  <si>
    <t>结肠镜检查痛苦吗</t>
  </si>
  <si>
    <t>肠镜相对胃镜来说，痛苦比较小。</t>
  </si>
  <si>
    <t>越怕越痛苦。</t>
  </si>
  <si>
    <t>因为而异吧，有的人不怎么痛苦，忍忍就过去。</t>
  </si>
  <si>
    <t>发芽的土豆能吃吗</t>
  </si>
  <si>
    <t>发芽的土豆中含有一种对人体有害的生物碱称龙葵素，它对人体胃肠粘膜有刺激作用，并有溶血及麻痹呼吸中枢的作用。发芽土豆的芽眼、芽根和变绿的部位含量更高，人吃了会有咽喉痒、恶心、呕吐、腹痛等症状，重者会死亡，故发芽的土豆不能吃。</t>
  </si>
  <si>
    <t>土豆发了芽就会产生龙葵素，是一种嗜神经毒素。土豆在正常情况下是不会引起中毒的。但当土豆发芽或皮变绿时，食后常发生中毒，在春末夏初季节更为常见。</t>
  </si>
  <si>
    <t>土豆发芽了，不可以吃了，土豆发芽时，在出芽的部位产生许多酶，酶是生物催化剂，能使贮藏的物质分解，转变为供芽生长的物质。在这个物质转化过程中，会产生一种叫做龙葵碱的毒素，它是一种生物碱，有溶血和刺激黏膜的作用。</t>
  </si>
  <si>
    <t>房贷利率会随央行浮动吗</t>
  </si>
  <si>
    <t>是的。每家银行审批和发放贷款的速度和效率都不同，放贷的记录会录入央行的征信系统，被算作购房贷款记录，因此另外一套房自动即会被算作是二套房，执行首付70%，利率上浮1.1倍的政策，房产抵押消费买车，贷款结清再买房也算二套房。城市房地产市场的状况以及借款人的资信状况、还款能力确定贷款首付比例和利率水平，对拥有1套住房且相应购房贷款未结清的居民家庭，为改善居住条件再次申请商业性个人住房贷款购买普通自住房的，最低首付款比例为40%。</t>
  </si>
  <si>
    <t>基准利率调整，还款金额也会调整，但是上浮(或下浮)的幅度在贷款期内是不变的,如果基准利率调整，贷款利率则在新的利率基础上进行上浮(或下浮)。至于什么时候执行新利率，要根据贷款性质（商业贷款还是公积金贷款）、贷款银行和样关合同规定确定。贷款利息计算是浮动利率计算的,利息随着利率调整而调整.当然无论如何计算，对已支付的利息没有影响。对调整后的利息会有影响。一般银行利率调整后，所贷款项还没有偿还部分的利率也随之调整，有三种形式：一是银行利率调整后，所贷款利率在次年的年初执行新调整的利率（工商银行、农业银行、建设银行房贷是这样的）；二是满年度调整，即每还款满一年调整执行新的利率（中国银行房贷是这样的）；三是双方约定，一般在银行利率调整后的次月执行新的利率水平。公积金贷款利率的调整一律在每年的一月一日。</t>
  </si>
  <si>
    <t>会的。每年都调整。跟基准利率有关，加息了利率就涨，降息了，利率也下降。</t>
  </si>
  <si>
    <t>银行端午节放假吗</t>
  </si>
  <si>
    <t>放一天假。</t>
  </si>
  <si>
    <t>不放，但下班更早一点。</t>
  </si>
  <si>
    <t>卡式炉安全吗</t>
  </si>
  <si>
    <t>正常使用的话是很安全的。</t>
  </si>
  <si>
    <t>win7升级win10还免费吗</t>
  </si>
  <si>
    <t>不能，免费升级的期间结束了。</t>
  </si>
  <si>
    <t>可以的，可以用腾讯电脑管家的win10升级助手来升级。</t>
  </si>
  <si>
    <t>两个人去丽江5000够吗</t>
  </si>
  <si>
    <t>只是玩的话足够的。</t>
  </si>
  <si>
    <t>丽江主要景区：玉龙雪山、丽江古城、束河古镇、拉市海、泸沽湖等。5天4晚时间按纯玩预算3000左右/人。</t>
  </si>
  <si>
    <t>丽江消费不贵，那边适合养老，节奏也慢，如果2个人5天一万元还用不完，其实节约点2个人7千元就够了。</t>
  </si>
  <si>
    <t>休完产假就辞职合法吗</t>
  </si>
  <si>
    <t>可以依法辞职。劳动者提前三十日以书面形式通知用人单位，可以解除劳动合同。劳动者在试用期内提前三日通知用人单位，可以解除劳动合同。</t>
  </si>
  <si>
    <t>上古卷轴5重制版能用以前的mod吗</t>
  </si>
  <si>
    <t>现在重置版有mod，很少，以前的mod很多不支持。</t>
  </si>
  <si>
    <t>有的是可以的，大部分都是不行的。</t>
  </si>
  <si>
    <t>iphone7支持nfc吗</t>
  </si>
  <si>
    <t>苹果内置了nfc。</t>
  </si>
  <si>
    <t>烟烟罗值得培养吗</t>
  </si>
  <si>
    <t>感冒喝茶叶好吗</t>
  </si>
  <si>
    <t>茶叶中的鞣酸、咖啡碱、多酚之类的能够加速新陈代谢，增强免疫力，所以感冒比较轻又没吃药的话可以喝茶。</t>
  </si>
  <si>
    <t>茶叶中含有茶碱、咖啡因和鞣酸。茶碱、咖啡因具有兴奋中枢神经、增强血液循环及促进心跳加快的作用。发烧时饮用茶水，会使病人的体温升高，病情进一步加重。参茶也有兴奋神经的作用，故亦不适合饮用。另外，茶水中的鞣酸还有收敛作用，会影响肌体排汗，妨碍正常散热。体热得不到应有的散发，就难以及时降低体温，影响了病体的康复。</t>
  </si>
  <si>
    <t>感冒发烧的人，最好不要喝茶。因为茶中的茶碱和鞣酸对病人不利。茶碱有兴奋中枢神经、加强血液循环及加速心跳的作用，相对地也会使血压升高。发烧病人本身的心跳及血压已比平时高了，如果饮茶，由于茶碱的作用，会使体温更快上升。另外，鞣酸有收敛的作用，会直接影响汗液的排出。体内的热量得不到应有的渲泄，体温自然就会更高了。</t>
  </si>
  <si>
    <t>英国读研一年30万够吗</t>
  </si>
  <si>
    <t>够的，一般的孩子啊在非伦敦地区20万人民币左右，伦敦地区25万人民币，但比如说艺术或医学类的特殊专业还是要30万左右的。</t>
  </si>
  <si>
    <t>一般来说，去英国留学，一年的费用约25万，包括学费与生活费。至于30万是否够，关键还是看读什么学校与什么课程。一般的学校都是够了。</t>
  </si>
  <si>
    <t>生姜擦头皮能生发吗</t>
  </si>
  <si>
    <t>可以起到一定的作用。</t>
  </si>
  <si>
    <t>上技校有前途吗</t>
  </si>
  <si>
    <t>上技校当技术工人前途无量，因为国家现在缺少技术工人。</t>
  </si>
  <si>
    <t>现在上技校就等于拿着自己的钱让别人骗。</t>
  </si>
  <si>
    <t>iphone7有nfc功能吗</t>
  </si>
  <si>
    <t>必须有。苹果内置了nfc，用苹果支付，比如银行取钱救能用到。</t>
  </si>
  <si>
    <t>有NFC的，不过iPhone的NFC功能暂支持Apple pay，暂时还不支持第三方应用和产品。</t>
  </si>
  <si>
    <t>余额宝的钱安全吗</t>
  </si>
  <si>
    <t>实质是货币基金，仍有风险。</t>
  </si>
  <si>
    <t>从安全角度来说，因为是由支付宝担保的，所以资金是安全的。</t>
  </si>
  <si>
    <t>余额宝平台安全保障性很高，风险极小。</t>
  </si>
  <si>
    <t>陈海最后醒了吗</t>
  </si>
  <si>
    <t>在人民的名义小说里，陈海最后是没有醒过来的，但是在电视剧里，导演说最后修改了小说情节，让陈海醒来了。</t>
  </si>
  <si>
    <t>电视剧最后醒了。</t>
  </si>
  <si>
    <t>从第五集起就躺在病床上的反贪局长陈海，终于在大结局中苏醒。</t>
  </si>
  <si>
    <t>esd文件夹可以删除吗</t>
  </si>
  <si>
    <t>升级WIN10时生成的临时文件夹。只要是升级成功了。就可以删除。</t>
  </si>
  <si>
    <t>如果已经安装完了Windows8，可以删除。</t>
  </si>
  <si>
    <t>阴阳师不花钱能玩吗</t>
  </si>
  <si>
    <t>公历年份是4的倍数的都是闰年对吗</t>
  </si>
  <si>
    <t>公历年份是4的倍数的都是闰年，是错的。闰年规律：四年一闰，百年不闰，四百年再闰。 例如，2000年是闰年，2100年则是平年。</t>
  </si>
  <si>
    <t>大额存单三年会被盗吗</t>
  </si>
  <si>
    <t>不像是会被盗。</t>
  </si>
  <si>
    <t>有这种可能。</t>
  </si>
  <si>
    <t>剑侠情缘ios电脑能玩吗</t>
  </si>
  <si>
    <t>IOS用户不能用电脑玩，没有IOS版的模拟器，毕竟系统不开源只有安卓的模拟器。</t>
  </si>
  <si>
    <t>首先你需要在电脑上安装一个安卓模拟器。先安装好软件，启动后再在模拟器中搜索剑侠情缘，选择对应的游戏包安装并运行即可。</t>
  </si>
  <si>
    <t>苹果指纹坏了能修吗</t>
  </si>
  <si>
    <t>单纯的Home键问题，比如回弹效果不理想：直接更换Home键垫片即可，不涉及Touch ID部分；Home键模块损坏，比如按了没反应、排线断裂等：只能找苹果维修；Home键使用正常，Touch ID没反应、指纹功能丧失：只能找苹果维修；在1年保修期内，不管你是Home键问题还是Touch ID问题，一旦检测非人为损坏，苹果会很大方的给你换台官翻机，或者维修，按照现在的情况来看直接换机比较普遍；在1年保修期内，已经换过一次官翻机，不管你是Home键问题还是Touch ID问题，由于苹果保修新政策出台，极有可能变成能维修就尽量维修，并且保修期不重新计算；过了保修期，你果断悲剧了，自己掏钱吧，苹果肯定能帮你解决问题，只有后悔当初没买Apple Care。</t>
  </si>
  <si>
    <t>我们先进入苹果5s的指纹识别设置界面，把原来设置的指纹删除掉；删除原有的指纹以后，再点击“添加指纹”选项，添加新的指纹；随后看看是否要重新录入新的指纹，如果不可以的话，请继续往下看。方法二、还原手机设置，如果上面的方法行不通的话，可以试试还原手机的设置功能。如果你的手机已经越狱，请不要使用此方法。接下来请在设置列表中点击打开“通用”选项，在通用列表的底部找到“还原”选项，点击进入。在还原列表中点击“还原所有设置”选项，此还原不会影响手机上的个人数据资料，如软件，照片，音乐视频等。它只会还原有关于手机的设置，一般情况下用于手机系统混乱导致某些功能不使用时。随后系统会提示我们输入锁屏密码，输入以后点击底部的“还原所有设置”按钮即可。等待还原成功以后，再试试重新录入指纹，看看是否管用。</t>
  </si>
  <si>
    <t>iPhone6指纹坏了可以修，但是你想修的话必须换主板和指纹模块，占新机价格的80%左右，跟买一部新的差不多，iPhone6的指纹模块在主板上的A9处理器里面有一个独立的区块供给指纹模块存储指纹和识别指纹，每个指纹模块对应的处理器ID是一一对应的，一旦Home键指纹识别模块坏了，必须换主板和指纹识别模块，相当于一套。</t>
  </si>
  <si>
    <t>固定资产入账价值包括增值税吗</t>
  </si>
  <si>
    <t>固定资产的入账价值不包含增值税。</t>
  </si>
  <si>
    <t>狗狗死后灵魂还在家吗</t>
  </si>
  <si>
    <t>头七的时候回来一次，后来就不会回来了。</t>
  </si>
  <si>
    <t>支付宝自己的两张卡转账要手续费吗</t>
  </si>
  <si>
    <t>也是要手续费的，可以把钱转入支付宝的余额宝里面，再提现到另外一张银行卡里面，这样可以规避手续费。</t>
  </si>
  <si>
    <t>可以的，手机上操作转账到银行卡无需手续费，电脑上操作转账需要收取一定的手续费，建议手机客户端操作。</t>
  </si>
  <si>
    <t>原则上没有手续费，不过必须是通过手机余额宝页面操作，如果是支付宝转账操作，就需要收费。</t>
  </si>
  <si>
    <t>变电站有辐射吗</t>
  </si>
  <si>
    <t>变电站的电磁辐射属于极低频（50HZ，也称工频）的电磁辐射。</t>
  </si>
  <si>
    <t>有电磁辐射。</t>
  </si>
  <si>
    <t>现在的新型变电站都是室内的封闭式变电站，高压线全部走地下完全没有辐射。</t>
  </si>
  <si>
    <t>狂犬疫苗打一针管用吗</t>
  </si>
  <si>
    <t>广州二手房限购吗</t>
  </si>
  <si>
    <t>限购，全广州限购含新建商品住房和二手住房。</t>
  </si>
  <si>
    <t>一品威客接单靠谱吗</t>
  </si>
  <si>
    <t>靠谱，只不过首先你的水平要有一定的程度，可以满足客户的要求，实力为先。</t>
  </si>
  <si>
    <t>狗狗皮肤病会自愈吗</t>
  </si>
  <si>
    <t>有些会，有些不会，看皮肤病性质以及犬的皮肤抵抗力。</t>
  </si>
  <si>
    <t>一般情况能自愈，但是很慢，狗在生病过程中也会比较痛苦 如果不想给他打针治疗的话 可以用些外用药，有助于恢复。</t>
  </si>
  <si>
    <t>皮肤病是要进行治疗的。</t>
  </si>
  <si>
    <t>发烧能吃鸡蛋吗</t>
  </si>
  <si>
    <t>不能。一些疾病从中医理论来看在治疗期间是不宜吃发物的，其中鸡蛋、鱼类就是最常见的发物。</t>
  </si>
  <si>
    <t>发烧都不能吃鸡蛋的.因为鸡蛋主要含有卵蛋白和卵球蛋白，是完全蛋白质，很容易被人体吸收。宝宝食用鸡蛋后会产生一定的额外热量，加剧发烧症状。</t>
  </si>
  <si>
    <t>感冒发烧确实不能吃鸡蛋，吃了会引起高烧不退。</t>
  </si>
  <si>
    <t>布冯拿过欧冠吗</t>
  </si>
  <si>
    <t>布冯没有拿过欧冠冠军。</t>
  </si>
  <si>
    <t>罚球可以起跳吗</t>
  </si>
  <si>
    <t>罚球，是可以跳的。</t>
  </si>
  <si>
    <t>面膜敷完要洗脸吗</t>
  </si>
  <si>
    <t>任何面膜敷过之后都必须洗脸。</t>
  </si>
  <si>
    <t>需要洗脸。</t>
  </si>
  <si>
    <t>这个看用的面膜了，有的是免洗的，有的则是需要洗一下。</t>
  </si>
  <si>
    <t>svi胜威国际是骗局吗</t>
  </si>
  <si>
    <t>这是种不创造任何社价值的组织，最后的金钱大部分被金字塔顶的几个人获得，造成全国许多家庭家破人亡得非法活动，被国家明令禁止。</t>
  </si>
  <si>
    <t>根据《禁止传销条例》判断，交钱才能加入胜威符合变相交纳费用，取得加入资格。而且看到组织图就知道，加入以后就是别人的下线，而且上线因为加入而得到领导奖。所以这肯定是传销。</t>
  </si>
  <si>
    <t>神尔天才听读机合法吗</t>
  </si>
  <si>
    <t>神尔听读机很好啊，神尔天才是个商标，当然合法了。</t>
  </si>
  <si>
    <t>瑞文冠军之刃和2016冠军之刃有差别吗</t>
  </si>
  <si>
    <t>特效方面不同，以及售卖方式不同。</t>
  </si>
  <si>
    <t>统一社会信用代码是税号吗</t>
  </si>
  <si>
    <t>税号，三证合一后，就一个统一的社会信用代码。</t>
  </si>
  <si>
    <t>纳税人识别号即社会信用代码，纳税人识别号，通常简称为“税号”。纳税人识别号就是税务登记证上的号，每个企业的识别号都是唯一的。</t>
  </si>
  <si>
    <t>一妻多夫可以一起上吗</t>
  </si>
  <si>
    <t>根据婚姻法，是不可以的。</t>
  </si>
  <si>
    <t>茶和咖啡能一起喝吗</t>
  </si>
  <si>
    <t>最好不要同时喝。</t>
  </si>
  <si>
    <t>优路教育靠谱吗</t>
  </si>
  <si>
    <t>挺不错的，老师讲得好，资料权威，建造类行业里好多年了，有口碑。</t>
  </si>
  <si>
    <t>小米6支持快充吗</t>
  </si>
  <si>
    <t>充电方面依旧是快充3.0，最高18W，一个半小时内充完，还算过得去。</t>
  </si>
  <si>
    <t>支持快充。</t>
  </si>
  <si>
    <t>小米6的快充没用。</t>
  </si>
  <si>
    <t>wifi信号放大器有用吗</t>
  </si>
  <si>
    <t>有用的，可以范围更大 。</t>
  </si>
  <si>
    <t>手机号码可以改归属地吗</t>
  </si>
  <si>
    <t>移动省内手机号码的归属地是可以更改的，“省内携号”是指无需变更号码和更换SIM卡，即可实现省内用户归属地变更，业务生效后，等同于携入地客户，使用携入地当地套餐资费，享受携入地的营销优惠政策和服务； 办理省内携号需机主本人持有效证件或服务密码在“携出地”或“携入地”营业厅办理，收取手续费10元/次，无月功能费。</t>
  </si>
  <si>
    <t>不可以。这个更改不了的，本身你的号码前几个号就已经代表着某个地区的了；根据信息产业部好查的原因，号码的中间4位就决定归属地，不能改变。</t>
  </si>
  <si>
    <t>正常情况下，你的手机号是在哪里开户的，它的归属地就是哪里，不能随意变更，因为这涉及到通信资费收取的问题，但是有一种情况可以更改手机归属地，那就是办理省内携号，比如你是武汉的号，办理省内携号，将号码携入到黄石，那么这个号码的归属地就变成黄石了，享受和黄石当地号码一样的资费、优惠活动等。</t>
  </si>
  <si>
    <t>御魂可以升星吗</t>
  </si>
  <si>
    <t>御魂只能升级，不能升星。</t>
  </si>
  <si>
    <t>公众号名称可以修改吗</t>
  </si>
  <si>
    <t>未认证的公众号，进入微信后台，选择认证就能获得一次修改名称的机会，只有这一次机会。</t>
  </si>
  <si>
    <t>微信公众平台名称确认以后，订阅号一年可以修改一次。服务号需要认证过可以修改。</t>
  </si>
  <si>
    <t>微信公众平台通过微信认证，就可以修改。</t>
  </si>
  <si>
    <t>提前还房贷划算吗</t>
  </si>
  <si>
    <t>提前还款肯定是合算的。</t>
  </si>
  <si>
    <t>提前偿还按揭贷款是否划算，需要结合还款金额、已还款年限和还款方式等综合判断，不能一概而论。</t>
  </si>
  <si>
    <t>签订合同时候，享受7到8.5折利率优惠，若目前处在降息通道中及时按照新利率执行，利息比前期更低。等额本金还款期已经超1/3购房者，等额本金款式期所剩本金少，产生利息少款，期超1/3借款人还了近一半的利息，后期所还的都是本金。等额本息还款中期的购房者，每月还款额中的本金逐月递增，利息比重逐月减少提前款没有意义。</t>
  </si>
  <si>
    <t>暗黑3随从带传奇宝石有效果吗</t>
  </si>
  <si>
    <t>支付宝租手机靠谱吗</t>
  </si>
  <si>
    <t>肯定靠谱,就是感觉有点不划算,可以等段时间看看，看看其他人得感受再说。</t>
  </si>
  <si>
    <t>体检前一天晚上可以喝水吗</t>
  </si>
  <si>
    <t>可以喝水，但是早晨起来不要吃东西。</t>
  </si>
  <si>
    <t>2200年是闰年吗</t>
  </si>
  <si>
    <t>不是闰年。</t>
  </si>
  <si>
    <t>2200是平年。</t>
  </si>
  <si>
    <t>苹果6s16g够用吗</t>
  </si>
  <si>
    <t>乞丐版很快就满了。</t>
  </si>
  <si>
    <t>可以满足大部分的需求。</t>
  </si>
  <si>
    <t>足够了。</t>
  </si>
  <si>
    <t>崩坏3是国产吗</t>
  </si>
  <si>
    <t>是国产。</t>
  </si>
  <si>
    <t>摩拜单车押金退了还能用车吗</t>
  </si>
  <si>
    <t>不能用车。</t>
  </si>
  <si>
    <t>不能，必须重新充值押金后再可继续使用魔拜单车。</t>
  </si>
  <si>
    <t>判刑后还有退休金吗</t>
  </si>
  <si>
    <t>公务员退休后被判处管制、拘役或拘役被宣告缓刑、有期徒刑被宣告缓刑期间，停发退休费待遇，按本人原基本退休费的60%计发生活费。刑罚执行完毕或缓刑考验期满不再执行原判刑罚的，按40%降低基本退休费，补贴按办事员确定。今后国家调整退休费时，按办事员的标准执行。事业单位工作人员和机关工人退休后被判处管制、拘役或拘役被宣告缓刑期间，停发退休费待遇，按本人原基本退休费的60%计发生活费。刑罚执行完毕或缓刑考验期满不再执行原判刑罚的，按12%降低基本退休费，补贴按低一个职务层次（技术等级）确定。今后国家调整退休费时，按原执行退休待遇职务层次（技术等级）的低一个职务层次（技术等级）的标准执行。退休人员被判处拘役、有期徒刑及以上刑罚或被劳动教养的。服刑或劳动教养期间停发基本养老金，服刑或劳动教养期满后可以按服刑或劳动教养前的标准继续发给基本养老金，并参加以后的基本养老金调整。。</t>
  </si>
  <si>
    <t>一、对于2001年3月8日后被判处管制、有期徒刑监外执行的退休人员，在服刑期间可以继续发给基本养老金，但不参加基本养老金调整。二、对于2001年3月8日前被判处有期徒刑监外执行的退休人员，其在2001年3月8日后仍在服刑的，应自2001年3月起，按照服刑前的标准发给基本养老金，不参与基本养老金调整；2001年3月8日前服刑期满的，其养老保险待遇仍按照市劳动和社会保障局规定执行。</t>
  </si>
  <si>
    <t>退休人员在服刑或劳动教养期间死亡的，其个人帐户储存额中的个人缴费部分本息可以继承，但遗属不享受相应待遇。退休人员被判处管制、有期徒刑宣告缓刑和监外执行的，可以继续发给基本养老金，但不参与基本养老金调整。退休人员因涉嫌犯罪被通缉或在押未定罪期间，其基本养老金暂停发放。如果法院判其无罪，被通缉或羁押期间的基本养老金予以补发。</t>
  </si>
  <si>
    <t>晚上喝柠檬水好吗</t>
  </si>
  <si>
    <t>不好，晚上胃部消化系统分泌胃酸减少，喝柠檬水增加胃部酸性含量，建议吃过早饭之后喝</t>
  </si>
  <si>
    <t>适合饮用。柠檬水有很好的养颜功效，如果在晚上临睡前的一个钟头饮用柠檬水的话效果会比较好，利用身体晚上吸收的时段，第二天就能够看到美白效果，同时还能够让肌肤更加细嫩。但同时要注意，因为柠檬水有一定的酸性，所以容易胃酸微寒的人群最好不要晚上饮用，建议在晚上吃完饭一个钟头之后饮用，同时加入适量的蜂蜜一起饮用效果会比较好。</t>
  </si>
  <si>
    <t>一般不要晚上喝，有刺激兴奋会睡不着觉。</t>
  </si>
  <si>
    <t>我爱我家靠谱吗</t>
  </si>
  <si>
    <t>我爱我家里边很多猫腻，所以一定要看好了合同，还有要是有认识中介的熟人，基本都不会被蒙骗。</t>
  </si>
  <si>
    <t>服务意识决定服务质量，再好的团队也有浑水摸鱼的。不得不承认我爱我家有做得好的同志，但是买房就怕买前和买后是两种服务态度。建议找强大的团队，服务意识一流的团队，一个专业的经纪人来为您做合理的服务。</t>
  </si>
  <si>
    <t>我爱我家做的挺好，现在还有不同价钱的套餐，优惠力度挺大，发展速度也非常快。</t>
  </si>
  <si>
    <t>被小狗咬了没破皮要打针吗?</t>
  </si>
  <si>
    <t>一般都是经过狗的唾液、体液、血液等分泌物直接接触进行传播，而且要接触人体的破损处、粘膜组织等才会被传染的。所以这种情况应该是不会被传染的，但是还是建议给予伤口肥皂清洗，给予碘伏或者酒精消毒，应该就是没有问题的。</t>
  </si>
  <si>
    <t>还是要打针，预防万一，皮肤上有细微毛孔，可以渗透感染。</t>
  </si>
  <si>
    <t>要是没有破皮那就不需要打针的，可以用肥皂清洗下，以后注意些。</t>
  </si>
  <si>
    <t>天堂鸟适合养家里吗</t>
  </si>
  <si>
    <t>龙之谷手游安卓ios互通吗</t>
  </si>
  <si>
    <t>分开的。</t>
  </si>
  <si>
    <t>狗身上蜱虫会传染人吗</t>
  </si>
  <si>
    <t>会的蜱虫叮咬体1、狗狗换屋呆着要带狗狗草潮湿2、给狗狗打体外驱虫针给狗狗检查身体蜱虫清除杀死3、用物农药藻盖杀（0.12%藻酸丙二醇酯）物理防治色味对人体无毒、无害、无污染。</t>
  </si>
  <si>
    <t>可能会。</t>
  </si>
  <si>
    <t>勇者阿狸是限定吗</t>
  </si>
  <si>
    <t>生死狙击莎拉有删减吗</t>
  </si>
  <si>
    <t>有删减。</t>
  </si>
  <si>
    <t>日语好学吗</t>
  </si>
  <si>
    <t>日语还是一门比较难学的语种，但是只要努力，相信还是会成功的。</t>
  </si>
  <si>
    <t>日语很好学，学日语首先要学发音。</t>
  </si>
  <si>
    <t>相对于英语，日语是比较难的。</t>
  </si>
  <si>
    <t>刘禅傻吗</t>
  </si>
  <si>
    <t>阿斗(刘禅）是有政治头脑和治国之术的。四十二年皇帝，有相当清醒的政治判断力。阿斗不傻，汉朝已经崩溃，根本扶不起来了，历史的潮流，岂能逆水行舟，眼光独到的刘禅看出来了这一点，而父亲遗愿是复汉，自己无能为力，只有装点傻，亡国之君比阿斗混的好的真没几个，顺应历史潮流，为了中国的统一事业做出了伟大的牺牲。大智若愚。阿斗确实不傻。</t>
  </si>
  <si>
    <t>亡国之后，作为亡国之君，不仅自家生命，而且包括对蜀地百姓幸福都掌握在人家手里。自己的待遇，直接影响晋国对蜀地百姓政策的宽松。所以，刘禅必须装憨卖傻，处处隐藏自己才能，才能瞒天过海，养晦自保。表面的麻木和愚懦的背后，潜藏着过人的狡诈和机智。周寿昌的《三国志集解》评价阿斗说：“恐传闻失实，不则养晦以自全耳。”所以说，后主刘禅不失为“通明智达”的一代君主。</t>
  </si>
  <si>
    <t>他不傻。要不怎么能在诸葛亮死后还能维持蜀国30多年。</t>
  </si>
  <si>
    <t>椰棕床垫好吗</t>
  </si>
  <si>
    <t>不好，这种床垫特别容易发霉，以及滋生大量寄生虫，螨虫，这种床垫睡觉的话，过不了多久就会感觉全身发痒。</t>
  </si>
  <si>
    <t>1、弹性均匀，不会局部下陷。2、坐卧的时候没有声音，安静。3、安全，在使用周期内不会断，就是断了也不会有伤人的可能。4、保温防潮性能好，这就是南方用的普遍的原因，而且潮湿了越不容易断。5、不会生锈，使用寿命长。6、重量轻，搬动方便。</t>
  </si>
  <si>
    <t>复方福尔可定口服溶液副作用大吗</t>
  </si>
  <si>
    <t>副作用不大，一般人群服用很少会出现副作用。</t>
  </si>
  <si>
    <t>孕中期会无理由胎停吗</t>
  </si>
  <si>
    <t>孕中期会有胎停现象发生的,如果连续长时间肚子不舒服的话,建议尽快看医生。</t>
  </si>
  <si>
    <t>坚持健身的男人厉害吗</t>
  </si>
  <si>
    <t>1. 提升性功能。2. 肤好、身材好，更受女性青睐。3. 解压。4. 增强自信。健身是一个长期坚持的过程，能锻炼人的耐心，而且身体的病痛也少了，这会让你变得更自信。</t>
  </si>
  <si>
    <t>如果你能长期坚持下来，用不了三五年，你一定会将自己锻炼成为：高大、干练、英俊潇洒、有气质、玉树临风、风度翩翩、举手投足都透出大将的风度来。</t>
  </si>
  <si>
    <t>殇之机器人 阿木木有特效吗</t>
  </si>
  <si>
    <t>有特效，放出来的水是黑色的。</t>
  </si>
  <si>
    <t>怪物猎人xx好玩吗</t>
  </si>
  <si>
    <t>新怪物的加入和狩猎新形态（武士道、强袭、跳砍和工会四个模式），每个武器都有各自的的技能，操作性强到不行。如果觉得疲乏了还可以切换成猫形态做小任务。</t>
  </si>
  <si>
    <t>小孩能吃蚕豆吗</t>
  </si>
  <si>
    <t>蚕豆含有致敏物质，容易引起急性溶血中毒，不宜给小孩吃蚕豆。</t>
  </si>
  <si>
    <t>一般婴幼儿是可以吃蚕豆的。</t>
  </si>
  <si>
    <t>小米笔记本可以装win7吗</t>
  </si>
  <si>
    <t>1、首先将u盘制作成u深度u盘启动盘，重启电脑等待出现开机画面按下启动快捷键，选择u盘启动进入到u深度主菜单，选取02运行U深度Win8PE装机维护版选项，按下回车键确认。2、进入win8PE系统，将会自行弹出安装工具，点击浏览进行选择存到u盘中win7系统镜像文件。3、等待u深度pe装机工具自动加载win7系统镜像包安装文件，只需选择安装磁盘位置，然后点击确定按钮即可。4、此时在弹出的提示窗口直接点击确定按钮。5、随后安装工具开始工作，请耐心等待几分钟。6、完成后会弹出重启电脑提示，点击是Y按钮即可。7 、此时就可以拔除u盘了，重启系统开始进行安装，无需进行操作，等待安装完成即可，最终进入系统桌面前还会重启一次。</t>
  </si>
  <si>
    <t>小米笔记本自带WIN10，降级需要重新安装系统，可以兼容WIN7。</t>
  </si>
  <si>
    <t>小米平板电脑其实就是一个小电脑，可以运行win7，不过需要编写很多的底层代码引导操作系统，同时需要编写硬件的驱动程序，这个部分是很复杂的，需要很多的人力和物力的。</t>
  </si>
  <si>
    <t>香烟有保质期吗</t>
  </si>
  <si>
    <t>没有保质期。</t>
  </si>
  <si>
    <t>香烟有保质期，但不好定。</t>
  </si>
  <si>
    <t>虎皮鹦鹉是保护动物吗</t>
  </si>
  <si>
    <t>360重装系统可靠吗</t>
  </si>
  <si>
    <t>感觉不好，还是自己装。</t>
  </si>
  <si>
    <t>还是可以的，但是要完全重装系统还是使用U盘或者光盘重装更彻底一些。</t>
  </si>
  <si>
    <t>csgo国服能连世界服吗</t>
  </si>
  <si>
    <t>能，国服和国际服是互通的。</t>
  </si>
  <si>
    <t>儿童散光可以矫正吗</t>
  </si>
  <si>
    <t>儿童散光可以戴镜矫正。</t>
  </si>
  <si>
    <t>四星御魂 有必要强化吗</t>
  </si>
  <si>
    <t>御魂如果不是很好的属性强化有点浪费。</t>
  </si>
  <si>
    <t>四星的值得强化一下，四星御魂比较容易获得，好的属性出的几率也会大一些。</t>
  </si>
  <si>
    <t>王者荣耀cdk淘宝靠谱吗</t>
  </si>
  <si>
    <t>目前没有开放过此CDK。</t>
  </si>
  <si>
    <t>应该是假的，天上没有免费的午餐。</t>
  </si>
  <si>
    <t>炒豆角需要焯水吗</t>
  </si>
  <si>
    <t>炒豆角需要事先焯水。</t>
  </si>
  <si>
    <t>这是厨师的个人习惯，焯与不焯在做的过程中都要把握好火候，焯过的豆角熟得快点。</t>
  </si>
  <si>
    <t>社保和公积金基数可以不一样吗</t>
  </si>
  <si>
    <t>公积金、社保缴纳基数可以不一样。</t>
  </si>
  <si>
    <t>原则上是一样的。</t>
  </si>
  <si>
    <t>按照所在城市，社保和公积金的基数本来就是不一样的。</t>
  </si>
  <si>
    <t>坐飞机可以带化妆品吗</t>
  </si>
  <si>
    <t>可以。每样化妆品可以带一件，每件容器不能超过100ML，总共不能超过1L。</t>
  </si>
  <si>
    <t>生根粉可以浇花吗</t>
  </si>
  <si>
    <t>可以拿来浇花，不过要先稀释。</t>
  </si>
  <si>
    <t>可以和肥料混到一起浇花，生根粉可以促进作物根系发达。</t>
  </si>
  <si>
    <t>骑动感单车能减肥吗</t>
  </si>
  <si>
    <t>单靠动感单车是达不到很明显的减肥效果的。</t>
  </si>
  <si>
    <t>半小时的动感单车可以达到一定的瘦身效果，但是效果不会很理想。</t>
  </si>
  <si>
    <t>动感单车通过对不同的速度及阻力的练习，可以让健身者在快乐运动中有效地加强肌肉的耐力及心肺的运转功能，而且在锻炼耐力的同时，会燃烧大量的脂肪，达到减肥的目的。动感单车是一种有氧运动，在运动30分钟后，身体开始消耗脂肪为身体供能，一节课（45~60分钟左右）下来就会消耗500大卡左右的热量，相当于长跑一个半小时。动感单车得减肥效果确实好。</t>
  </si>
  <si>
    <t>港澳通行证可以在异地办理吗</t>
  </si>
  <si>
    <t>目前我国有43个城市允许非本市户籍人员办理港澳通行证，这43个城市分别是：北京、天津、石家庄、太原、呼和浩特、沈阳、大连、长春、哈尔滨、上海、南京、杭州、宁波、合肥、福州、厦门、南昌、济南、青岛、郑州、武汉、长沙、广州、深圳、南宁、海口、重庆、成都、贵阳、昆明、西安 、无锡、常州、苏州、温州、嘉兴、舟山、泉州、株洲、湘潭、珠海、东莞、佛山首先确定本人是否在这些城市之内，否则只能回户籍所在地办理。</t>
  </si>
  <si>
    <t>在符合条件的前提下，当事人可以在异地（居住地）申请领取港澳通行证。</t>
  </si>
  <si>
    <t>首次办理港澳通行证不可以异地办理，必须带身份证户口和照片到户籍所在地县级公安局出入境接待大厅办理。</t>
  </si>
  <si>
    <t>win10激活了就是正版吗</t>
  </si>
  <si>
    <t>永久激活就是正版。</t>
  </si>
  <si>
    <t>不是的，需要激活的只是个别版本。</t>
  </si>
  <si>
    <t>kate睫毛膏好用吗</t>
  </si>
  <si>
    <t>重装系统c盘东西会不会丢</t>
  </si>
  <si>
    <t>不把系统重装在c盘的话，数据不会消失。</t>
  </si>
  <si>
    <t>要看你重装系统的时候装在哪个盘，自己格式化了哪个盘，被格式化了的分区盘里面的文件就没有了。</t>
  </si>
  <si>
    <t>系统盘上的内容会丢。</t>
  </si>
  <si>
    <t>苹果手机丢失模式可以刷机吗</t>
  </si>
  <si>
    <t>iPhone开启丢失模式是可以刷机的。</t>
  </si>
  <si>
    <t>乌鸡白凤丸治闭经吗</t>
  </si>
  <si>
    <t>正常情况下乌鸡白凤丸的功效就是治疗月经不调以及调节女性内分泌的功效，对于闭经有辅助疗效，但是不能彻底治愈。</t>
  </si>
  <si>
    <t>乌鸡白凤丸对于闭经没有太大作用的，再者出现闭经的话，主要考虑妇科炎症或内分泌失调引起的可能性，这个是需要去医院妇科检查的，查明病因后再做对症治疗为宜。</t>
  </si>
  <si>
    <t>乌鸡白凤丸对于气血两虚导致的闭经是可以治疗的，但是对于其他原因导致的闭经的治疗效果欠佳。</t>
  </si>
  <si>
    <t>开心网倒闭了吗</t>
  </si>
  <si>
    <t>没有，玩的人比较少。</t>
  </si>
  <si>
    <t>epub格式kindle能打开吗</t>
  </si>
  <si>
    <t>这是不可以的，绝对不可以，因为它不支持这个格式。</t>
  </si>
  <si>
    <t>生根粉可以直接浇灌吗</t>
  </si>
  <si>
    <t>生根粉可以直接冲施使用的，冲施15g/亩。</t>
  </si>
  <si>
    <t>一般来说，可以直接浇灌于插好的苗床上，但最好是事先配制好溶液，把断面浸泡溶液处理下效果更好。</t>
  </si>
  <si>
    <t>可以啊，快活林生根粉在大树移栽上就是稀释300-500倍灌根或稀释后用喷雾器均匀喷洒土球，生根快，根量大，成活率高。</t>
  </si>
  <si>
    <t>凤凰自媒体有收益吗</t>
  </si>
  <si>
    <t>凤凰号目前是没有收益的。</t>
  </si>
  <si>
    <t>64位操作系统能装32位软件吗</t>
  </si>
  <si>
    <t>64位的操作系统确实是可以安装32位的软件，不过现在64位的系统还没有完全普及，没有完全普及的原因就包括32位的软件本身的兼容性能不能兼容64位的系统，虽然说32位的软件可以在64位的系统里面运行，可是不能保证他会不会在64位系统中使用过程中中出现某些问题，这个就是那些32位软件本身在设计上的兼容性问题了，如果它对64位的系统兼容性很好的话，那就可以在64位系统中使用了。</t>
  </si>
  <si>
    <t>不完全，有些32位软件是不能在64位系统里面安装的，不兼容</t>
  </si>
  <si>
    <t>大部分可以的，极个别不兼容的不可以安装，高级的是可以兼容低级的。</t>
  </si>
  <si>
    <t>蝗虫能吃吗</t>
  </si>
  <si>
    <t>蝗虫能吃。</t>
  </si>
  <si>
    <t>孕妇可以吃火锅吗</t>
  </si>
  <si>
    <t>可以的哦，不是还有清汤火锅嘛，鸳鸯锅也有啊。多吃点他们家的豆腐，一绝啊。</t>
  </si>
  <si>
    <t>前三个月不要吃，等三个月后可以尽少次数的吃。</t>
  </si>
  <si>
    <t>2017年色弱能考驾照吗</t>
  </si>
  <si>
    <t>这个要看具体的情况，如果是红绿色弱，就不可以。如果是其他的色弱或许还可以。</t>
  </si>
  <si>
    <t>可以的，报名体检时，测颜色的有两份图，一份是复杂的图案组合，一般色弱看不清这里面的图案，这时候工作人员会让你看另外一份图，里面只有红色、绿色、黄色的独立圆点，这是可以分别出来的。所以，不要担心，平常心对待就好了，肯定会体检通过的。</t>
  </si>
  <si>
    <t>色弱考驾照没事，色弱与色盲有区别的，能分的清单独的颜色（分清红绿灯）就可以。</t>
  </si>
  <si>
    <t>iphone6s防水吗</t>
  </si>
  <si>
    <t>iphone6s不防水。</t>
  </si>
  <si>
    <t>小米6有nfc功能吗</t>
  </si>
  <si>
    <t>吸奶器有必要买吗</t>
  </si>
  <si>
    <t>没必要买，每次都必须消毒比较麻烦，吸奶器容易拉伤乳头和乳晕连接处的皮肤。</t>
  </si>
  <si>
    <t>如果遇到宝宝不肯直接吸吮奶头，无法实行亲喂；或者是宝妈母乳过多宝宝无法消耗的情况下，可以考虑使用吸奶器。</t>
  </si>
  <si>
    <t>三级分销合法吗</t>
  </si>
  <si>
    <t>三级以内的分销佣金是合法的，超过就不合法了。</t>
  </si>
  <si>
    <t>淘宝买的win10激活码靠谱吗</t>
  </si>
  <si>
    <t>靠谱，才8.9元，估计应该只能激活一次</t>
  </si>
  <si>
    <t>端午节去北戴河冷吗</t>
  </si>
  <si>
    <t>最好别下水，现在本地人都不会下水因为会拉肚子，很冷的，如果非要下水，选择在中午1，2点吧，有太阳的时候。</t>
  </si>
  <si>
    <t>你是冬游爱好者就没问题。</t>
  </si>
  <si>
    <t>淘宝改标题会有影响排位</t>
  </si>
  <si>
    <t>修改标题的顺序，是会影响关键字排名的，所以在修改标题时，关键词排名比较好的几个词，记得修改时不要挪动其位置，不然数据可能会被重新核算，最开始布局爆款时，核心关键词要定位好，放在标题的最前端，这样后期修改标题，核心词也不用挪动位置。</t>
  </si>
  <si>
    <t>华为麦芒5是曲屏吗</t>
  </si>
  <si>
    <t>是曲屏。</t>
  </si>
  <si>
    <t>纹身疼吗</t>
  </si>
  <si>
    <t>纹身是看个人承受痛的能力，还有纹的位置而定。纹的位置不同痛感不通。如果是一个特别怕痛的人建议使用纹身无痛膏。当然纹身的痛，一定是人体能承受的那种痛。从医学保健角度看，文身则是一种有害健康的行为。首先，用针尖在人体上刺、纹，对人体皮肤细胞、神经细胞无疑是一种破坏，是一种不利于健康的行为。其次，文身专用的针头如消毒不净，可传播多种疾病，甚至可能传播乙型肝炎、艾滋病等病毒。再次，有些特异体质的人做了文身后，常会发生皮肤过敏、病态反应或留下疤痕，结果是：求美不成反变丑。最后，值得关注的是，据研究，文身专用的刺青颜料，含铅、铬等重金属及其它化合物，这些有色化学合成物质对人的身体有潜在的危害，是诱发皮肤癌的因素之一。纹身完成后要涂抹专业纹身药膏，3小时后用温水将药膏和血水冲洗干净，并用脱脂棉或专业纸巾沾干水分，之后不要再涂抹任何药物。</t>
  </si>
  <si>
    <t>纹身是用针刺入皮肤，痛是多少会有的，怕痛的人觉得很痛，不怕痛的人觉得无所谓。</t>
  </si>
  <si>
    <t>纹身肯定是会痛的，具体有多痛就因人而异了。</t>
  </si>
  <si>
    <t>kindle支持txt格式吗</t>
  </si>
  <si>
    <t>kindle原系统支持azw、pdf、mobi、prc、txt格式。</t>
  </si>
  <si>
    <t>养森瘦瘦塑身是传销吗</t>
  </si>
  <si>
    <t>王者荣耀不同区可以一起玩吗</t>
  </si>
  <si>
    <t>可以的，王者荣耀的排位是全服一起的。</t>
  </si>
  <si>
    <t>不在同一区可以一起玩，但苹果和安卓，微信和手Q不互通。</t>
  </si>
  <si>
    <t>甲沟炎能自愈吗</t>
  </si>
  <si>
    <t>不治疗不会自行痊愈。</t>
  </si>
  <si>
    <t>若炎症轻微，嵌甲不严重，有自愈的可能；反之，则会加重。</t>
  </si>
  <si>
    <t>bim证书有用吗</t>
  </si>
  <si>
    <t>此BIM证书为中国建设教育协会颁发的证书，除了证书外，如果具备BIM的从业技能，才是关键所在。bim工作包含如下工作内容: 设计建模工作、分析仿真工作、管理控制工作、物业运维工作；BIM工作从设计到运维的软件，很多，只有真正符合现行国家标准的软件，才能在国内BIM市场获得认可和推广。我们可以取各个软件的优缺点，综合灵活运用，才能发挥软件的优势，获得好的效果；一、在规划设计、建筑设计建模阶段：采用revit+国内插件的方式，既可以绘制模型，又可以输出符合国标的施工图。revit强大的体量创建、自适应族的建筑复杂造型功能，是它的优势；二、在规划设计、建筑设计分析阶段：bim建模后，采用接口插件导入分析软件。采用国内比较权威的软件：PKPM结构设计、节能设计、绿建设计、清华日照等国内成熟的软件做分析；三、在招投标、施工阶段预算造价工作：采用广联达钢筋、图形、计价软件进行造价算量、套价，完成招标控制价、投标报价的编制。</t>
  </si>
  <si>
    <t>此BIM证书为中国建设教育协会颁发的证书，除了证书外，如果具备BIM的从业技能，才是关键所在； bim工作包含如下工作内容: 设计建模工作、分析仿真工作、管理控制工作、物业运维工作。 BIM工作从设计到运维的软件。</t>
  </si>
  <si>
    <t>奥尔滨健康水好用吗</t>
  </si>
  <si>
    <t>非常好用，混合性皮肤，用健康水以后早上起来都不油了，所以说它还是很补水的，对粉刺也改善了很多，但是对那种顽固痘痘不会有太明显的起色，可能需要长时间用。</t>
  </si>
  <si>
    <t>奥尔滨的水超级好用噢，基本上用过的人没有说不好用的，最高级的应该是sk2的神仙水。</t>
  </si>
  <si>
    <t>做胃镜痛苦吗</t>
  </si>
  <si>
    <t>照胃镜不是很痛苦。</t>
  </si>
  <si>
    <t>一般胃镜是有些痛苦。</t>
  </si>
  <si>
    <t>csgo火神吃磨损吗</t>
  </si>
  <si>
    <t>CSGO的武器不会磨损。</t>
  </si>
  <si>
    <t>退款拒绝还可以申请吗</t>
  </si>
  <si>
    <t>若退款申请关闭，说明退款申请未成功。建议进入“我的淘宝”—“已买到的宝贝”页面找到对应的交易查看当前的交易状态。只要交易还在进行中，退款关闭后买家均可以再次申请退款，申请退款没有次数限制。如交易已经成功，在交易成功后的15天内，如果有售后需求，但通过和卖家的协商无法解决，可以登录到“我的淘宝”—“已买到的宝贝” ，找到对应的订单点击“投诉维权”，选择维权类型为“售后保障服务（或未收到货维权）”，届时由淘宝客服帮助介入处理。</t>
  </si>
  <si>
    <t>觉得完全应该同意，按照淘宝规则他完全应该同意，可以申请淘宝介入2觉得淘宝介入麻烦，或者是淘宝介入对自己不利，可以再次申请。不过，一般情况不需要这么长的时间，一般几次申请就会同意。</t>
  </si>
  <si>
    <t>gocheck和维普一样吗</t>
  </si>
  <si>
    <t>gocheck是维普的个人版，检测结果是一般是一样，系统存在一点小误差。</t>
  </si>
  <si>
    <t>东北农业大学是211吗</t>
  </si>
  <si>
    <t>东北农业大学是“211”工程大学。</t>
  </si>
  <si>
    <t>梁朝伟真的干汤唯了吗</t>
  </si>
  <si>
    <t>借位、替身、后期合成。</t>
  </si>
  <si>
    <t>微信网页版必须要扫二维码吗</t>
  </si>
  <si>
    <t>微信网页版必须在手机微信扫描二维码来登录，这样设计主要有几个原因：简单，设置密码、记忆密码、修改密码、忘记密码是负担，使用二维码就能摆脱这些复杂的东西，对用户来说，只是偶尔用一下网页微信而已，太繁琐了。安全，二维码扫描验证可以做到一次一密，而且需要手机配合，手机不再无法登录，避免信息泄露，同时手机可以控制登录/退出网页微信。方便，保证PC与App 数据同步，便于文件、照片在手机与电脑间传输。体验，将微信账号的二维码作为用户身份识别的凭证，突出了微信就为移动而生，网页微信不过是设备的接入和延伸，心理只需对应你手机上那个APP，所有的数据、验证都在手机APP那里，这种感觉很微妙，会强化微信产品的私人拥有感。</t>
  </si>
  <si>
    <t>英文标点符号后面需要空格吗</t>
  </si>
  <si>
    <t>一般规则，在句中的时候，标点符号的后面需要空一格，前面不需要空格。</t>
  </si>
  <si>
    <t>3天不吃不喝会死吗</t>
  </si>
  <si>
    <t>三天不吃饭不会饿死，但是三天不喝水就可能就到人的极限了。</t>
  </si>
  <si>
    <t>金三角现在还有毒品吗</t>
  </si>
  <si>
    <t>金三角民众普遍贫穷，受教育程度低，百姓收入全靠种植毒品获得生存，生产力又极其低下，属粗放型种植，又有各派武装势力把持一方，各自为阵，当地政府缺乏强有力的管辖权，这又牵扯各派利益，暗中又有各股势力相勾结，情况错综复杂，致使毒品种植长时期无法根除。</t>
  </si>
  <si>
    <t>金三角的当地ZF并不禁止。加上金钱之类的因素影响，另外毒品并不是能一下禁掉的，毕竟世界上有毒瘾的人很多。</t>
  </si>
  <si>
    <t>一直在产，毒品是那里的生活资金来源，虽然联合国干涉过，但还是不能杜绝毒品。</t>
  </si>
  <si>
    <t>2017昂科威还断轴吗</t>
  </si>
  <si>
    <t>非正常情况下的受力如果在车辆悬挂零件的承受范围内，悬挂系统则不会受损；如果超过悬挂系统零件的设计强度，轻则导致这些零件变形，重则断裂。</t>
  </si>
  <si>
    <t>樟脑丸能驱除老鼠吗</t>
  </si>
  <si>
    <t>樟脑丸驱鼠的作用不大。</t>
  </si>
  <si>
    <t>樟脑丸对老鼠也是没有作用的，还是整点老鼠药来杀老鼠。</t>
  </si>
  <si>
    <t>dns改成114有危险吗</t>
  </si>
  <si>
    <t>电子商务师三级有用吗</t>
  </si>
  <si>
    <t>韩式三点双眼皮加抽脂后眼皮会下垂吗</t>
  </si>
  <si>
    <t>基本上是不会的</t>
  </si>
  <si>
    <t>名图算中级车吗</t>
  </si>
  <si>
    <t>现代名图1.6t车型当然属于中型车了，现代名图应该属于北京现代生产的入门级中型轿车的。</t>
  </si>
  <si>
    <t>408就参数而言完全就是B级车。厂家把它定位在A+我估计是怕它影响508的销量。名义上是A+级别但是实际上比很多B级车都大。</t>
  </si>
  <si>
    <t>这个现代名图，这款车型，还说不上是完全的中级车，他应该定位可以归类为A＋，也就是紧凑级＋的级别。</t>
  </si>
  <si>
    <t>还不如中级车</t>
  </si>
  <si>
    <t>属于准B级车</t>
  </si>
  <si>
    <t>fnc强吗</t>
  </si>
  <si>
    <t>是中国队现在太弱。整天就知道练操作和捞钱。连ban pick都不会</t>
  </si>
  <si>
    <t>fnc毕竟是拿过冠军的队伍实力还是摆在这里</t>
  </si>
  <si>
    <t>军婚受法律保护吗</t>
  </si>
  <si>
    <t>《中华人民共和国刑法》第259条规定：“明知是现役军人的配偶而与之同居或者结婚的，处3年以下有期徒刑。中国刑法规定了破坏军婚罪，对军婚予以特别保护</t>
  </si>
  <si>
    <t>您好，所有在民政局婚姻登记处登记过的夫妻都是受法律保护的</t>
  </si>
  <si>
    <t>中国刑法规定了破坏军婚罪，对军婚予以特别保护。破坏军婚罪是指明知是现役军人的配偶而与之同居或结婚的行为。</t>
  </si>
  <si>
    <t>只要与军人结婚就是军婚，就受法律保护。</t>
  </si>
  <si>
    <t>是的，是会受到法律保护的</t>
  </si>
  <si>
    <t>qq宠物可以结婚吗</t>
  </si>
  <si>
    <t>只要登记到15级，就可以了。而且要同代的，比如第2代就必须和第2代结婚。</t>
  </si>
  <si>
    <t>企鹅：是同代15级，隔代的话若隔代的话则就可以结婚了</t>
  </si>
  <si>
    <t>Q宠宝贝之间是可以互相结婚的，每只Q宠宝贝每天只能发送一次求婚请求</t>
  </si>
  <si>
    <t>刀塔传奇熊猫值得培养吗</t>
  </si>
  <si>
    <t>全能前中期没什么培养价值 后期觉醒以后配合死亡骑士组合奶队很犀利</t>
  </si>
  <si>
    <t>熊猫好，值得培养。熊猫的高成长性在游戏后期非常的暴力。 输出和肉都够，是不二的选择。</t>
  </si>
  <si>
    <t>现在是买黄金的时候吗</t>
  </si>
  <si>
    <t>黄金可以买涨买跌、进行交易，主要有波动都适合！</t>
  </si>
  <si>
    <t>现在非常适合买黄金，最近美联储按兵不动维持利率不变，没有加息而且朝鲜再发洲际导弹的地缘政治危机影响下，黄金势必会进一步大幅上涨。所以现在挺适合进行黄金买卖的。</t>
  </si>
  <si>
    <t>目前黄金大幅度回落，正是购买的好时间</t>
  </si>
  <si>
    <t>纹身有用药水洗掉的嘛</t>
  </si>
  <si>
    <t>可以的，方法有如下几种：1、烧灼和腐蚀洗纹身，烧灼及用腐蚀去除外伤色素的方法。烧灼，腐蚀均使用强刺激剂，因此，它们破坏皮层的深浅范围不易掌握，容易贮存外伤所用的色素剂和形成瘢痕。2、再次纹身(重文身) 在纹身部位用与皮肤颜色接近的色素剂重新纹身，用以遮盖原来的色素。常有用牛奶、酒精、锌、钙碳混合物重纹身，但都很难达到正常皮肤的颜色。现在有专门的去纹机，也即利用这一原理，去除纹身。3、外科手术方法洗纹身。外科手术是洗纹身色素最可靠的方法。手术的方式应根据纹身的部位、范围、深度及图样等来决定，其中最重要的是根据色素沉着部位的深浅。4、如果色素剂沉着比较浅，只在真皮乳头层至乳头下层，切除皮肤表层就可去除文身的色素剂，而且不会留下瘢痕。如果色素剂沉着很深，浸及真皮网状至皮下脂肪时，则必须切除全层皮肤，甚至皮下脂肪，但术后会留下瘢痕。5、西纹身最主要看激光机。现在激光机品牌太多其效果也不一样，医院和纹身店都有这项服务，医院收费高而且医院洗一般会留疤痕因为医院是把纹身的颜色洗干净为目的。</t>
  </si>
  <si>
    <t>纹身是可以完全去除的</t>
  </si>
  <si>
    <t>纹身是可以完全去除的。去除纹身最有效的方法就是激光洗纹身。 很多正规的医院都可以去除纹身。</t>
  </si>
  <si>
    <t>没有，必须通过手术才能除去</t>
  </si>
  <si>
    <t>吗丁啉儿童可以吃吗</t>
  </si>
  <si>
    <t>不要给小孩子吃吗丁啉，大人吃多了都不好的，比如女生会引起近期延后，男娃娃会刺激乳房发育等等，更何况小孩子，那么小还是送去医院看看比较好。</t>
  </si>
  <si>
    <t>小孩子最好不要吃。</t>
  </si>
  <si>
    <t>吗丁啉还是属于帮助胃动力药物，可以使用的，一般的还是建议合理的饮食少吃多餐，还是很不错的，一般的还是问题不大的，可以试试减少使用，还是很不错的，基本还是副作用不大的，可以放心的使用的</t>
  </si>
  <si>
    <t>小孩可以在医师的指导下吃</t>
  </si>
  <si>
    <t>全民k歌可以弄电音吗</t>
  </si>
  <si>
    <t>你唱歌唱完了保存录音之前不是可以调音吗，下面就有电音那一选项。</t>
  </si>
  <si>
    <t>电音是最新版的有这个功能，唱完之后试听面板可以选音效 有原音电音娃娃音男低音。</t>
  </si>
  <si>
    <t>里面有选择调音的</t>
  </si>
  <si>
    <t>连续做2次ct严重吗</t>
  </si>
  <si>
    <t>没事，又不是经常拍CT，不会造成什么影响</t>
  </si>
  <si>
    <t>CT增强检查是为了看到更细微的病变，并且可以区分良恶性，现在非离子造影剂几乎没有危险，只是一定要履行常规手续。实在不放心可以做核磁共振检查，优于CT，费用稍高。</t>
  </si>
  <si>
    <t>我是放射科医生，从专业的角度，负责任的告诉你，一天2次肺部ct真的不算什么，相当多的病人是一次做多个部位检查的，或者做多期增强扫描的，连续做三五七八次扫描都大有人在，所受到的辐射剂量相当于你做七八次甚至十几次胸部ct的剂量。所以你做两次就不要大惊小怪了，不会对你造成什么不良影响的。当然毕竟有辐射，能够不做就尽量少做。如果病情需要做检查，一天做三五个部位，做三五次扫描正常人都能耐受，也不会对你造成有多大的伤害，完全没必要担心</t>
  </si>
  <si>
    <t>冷却液可以混加吗</t>
  </si>
  <si>
    <t>颜色一样的可以</t>
  </si>
  <si>
    <t>冷却液不能混合加的</t>
  </si>
  <si>
    <t>不能混用</t>
  </si>
  <si>
    <t>发动机冷却液一般来讲就是防冻液，这个东西不一定非得什么原厂的，随便那个品牌都可以，只要能大道你所在地理位置的温度要求</t>
  </si>
  <si>
    <t>一点行，不能多加了，腐蚀性大</t>
  </si>
  <si>
    <t>尽量不要混合使用，使用同品牌的最好</t>
  </si>
  <si>
    <t>不同品牌型号的冷却液最好不要混着加。</t>
  </si>
  <si>
    <t>不能混用哦，两种添加剂绝对不能混合使用，以免对发动机造成损害。冷却液用防冻液与水按照一定的比例混合配制而成。汽车制造厂在用户手册中通常会规定用于不同低温防冻等级的防冻液混合比，而且还指定防冻液的型号，不能够混用。</t>
  </si>
  <si>
    <t>颠痫开阳能治愈吗</t>
  </si>
  <si>
    <t>可以治愈的</t>
  </si>
  <si>
    <t>癫痫虽然是一种慢性中枢神经系统疾病但不是不治之症，只要及时科学进行治疗，完全有希望治愈的。癫痫是一种慢性疾病，如不及时有效地进行治疗，可迁延数年，所以癫痫患者一定要积极配合医生治疗，与医生建立互信关系，遵照医嘱治疗。</t>
  </si>
  <si>
    <t>多数癫痫是可以根治的，药物可以治好约70%的癫痫。其余的30%需要手术。</t>
  </si>
  <si>
    <t>目前大部分癫痫病人可以用药物控制发做，但仍有近20%的癫痫病人虽然经积极的正规的药物治疗，发作仍不能得到很好的控制。这些病例有些需要外科手术治疗。 “正规治疗”是使癫痫患者摆脱疾病的惟一途径，正规的药物治疗可使70％～80％的病人癫痫发作在最初5年内缓解，其中50％可完全停药，药物治疗无效的难治性癫痫病人中，有一部分可以通过手术治疗治愈。</t>
  </si>
  <si>
    <t>这病好像是遗传的，治好的机会比较少，不是不可能，每次发病最好有人在身边，并且懂得急救最好！</t>
  </si>
  <si>
    <t>胎心停止发育还能保住吗</t>
  </si>
  <si>
    <t>种情况就是终止妊娠了，不会出现再发育可能</t>
  </si>
  <si>
    <t>胚胎停止发育，需要终止妊娠</t>
  </si>
  <si>
    <t>如果已经确定胎心停止发育了，这种情况就是终止妊娠了。</t>
  </si>
  <si>
    <t>如果胎心已经停止发育了。基本就需要流产了，因为不流产，会对母亲身体造成伤害。</t>
  </si>
  <si>
    <t>小米有上市吗</t>
  </si>
  <si>
    <t>小米不是上市公司。</t>
  </si>
  <si>
    <t>小米没上市，到是创始人雷军作为天使投资人，投资了凡客诚品、多玩、UCWEB(优视科技)、小米科技等多家创新型企业。2010年7月14日重返金山执掌网游与毒霸。2011年7月11日正式担任金山软件董事长一职。金山是在香港上市的。</t>
  </si>
  <si>
    <t>雷军在首届世界互联网大会的分论坛上信誓旦旦地表示“小米在未来五年内没有上市计划”.</t>
  </si>
  <si>
    <t>可以给女朋友喝春药吗</t>
  </si>
  <si>
    <t>可以啊，不错的想法，我以前就是这样做的，她会很开心的。祝你好运！</t>
  </si>
  <si>
    <t>黑枸杞可以和茶叶一起泡吗</t>
  </si>
  <si>
    <t>绿茶是不可以和黑枸杞一起泡的，这是不科学的。</t>
  </si>
  <si>
    <t>不可以！黑枸杞不能和茶叶同饮形成不可吸收的物质！</t>
  </si>
  <si>
    <t>不可以！黑枸杞不能和绿茶同饮，绿茶的鞣酸会吸附黑枸杞中的微量元素，形成不可吸收的物质。</t>
  </si>
  <si>
    <t>茶和枸杞不可同饮。</t>
  </si>
  <si>
    <t>黑枸杞和绿茶放不可放在在一起冲泡，因为绿茶里所含的大量鞣酸具有收敛吸附的作用，会吸附黑枸杞中的微量元素，导致生成人体难以吸收营养元素。</t>
  </si>
  <si>
    <t>饥荒曼德拉草能种吗</t>
  </si>
  <si>
    <t>曼德拉草不可再生，所以玩家要节省使用哦</t>
  </si>
  <si>
    <t>高三学美术来得及吗</t>
  </si>
  <si>
    <t>高三学美术，来得及，非常来得及。</t>
  </si>
  <si>
    <t>来得及。</t>
  </si>
  <si>
    <t>高三学美术的确好像有些晚了。</t>
  </si>
  <si>
    <t>这需要看个人天赋和原有的基础了，天赋一般，基础没有的话高三学美术就晚了。</t>
  </si>
  <si>
    <t>来得及的</t>
  </si>
  <si>
    <t>wsk难不难</t>
  </si>
  <si>
    <t>WSK肯定比4级难啊。</t>
  </si>
  <si>
    <t>WSK考试注重应用能力，难易程度不高，相当于比高考英语略微难鞋。</t>
  </si>
  <si>
    <t>2016年君威还会降价吗</t>
  </si>
  <si>
    <t xml:space="preserve">肯定会降 车年年降…… 预计在国庆的时候活动最多 降价肯定会的 </t>
  </si>
  <si>
    <t>差不多了 毕竟上市没多久</t>
  </si>
  <si>
    <t>神武可以双开吗</t>
  </si>
  <si>
    <t>就跟梦幻一样啊可以多开</t>
  </si>
  <si>
    <t>同一个ID，同一台电脑，只能双开。一个电脑就只能开俩个号。</t>
  </si>
  <si>
    <t>可以一次性开两个登录器</t>
  </si>
  <si>
    <t>神武不能双开</t>
  </si>
  <si>
    <t>投影仪可以不用幕布吗</t>
  </si>
  <si>
    <t>投影机当然可以不用幕布的，不过要求被投射的位置（比如墙）一定要平整，并且不应该有杂点，不然影响影像质量的。</t>
  </si>
  <si>
    <t>可以不用幕布的，只要是反光性能好的墙面如白墙就可以。</t>
  </si>
  <si>
    <t>看投影仪质量了，投影到墙上就是看不清。</t>
  </si>
  <si>
    <t>幕布就是为了能有一个好的观影体验，其实家里投影仪一般不需要安装幕布就很清楚了</t>
  </si>
  <si>
    <t>有没有都能用，有比没有强很多。</t>
  </si>
  <si>
    <t>可以，关键是看你投影仪的灯泡亮度。</t>
  </si>
  <si>
    <t>可以直接投射在白墙上，小帅影院UFO能直接投射在白墙上面，而且在150寸巨屏下画面超清晰。</t>
  </si>
  <si>
    <t>首先要看你是家用还是办公，家用的话，要求不高，可以用白墙直接代替的，要是办公的话，建议还是用幕布比较好。投放效果会比较亮，效果会比较好点</t>
  </si>
  <si>
    <t>当然可以了不过最好是用纯白的效果会好一些。</t>
  </si>
  <si>
    <t>65寸电视能不能挂墙上</t>
  </si>
  <si>
    <t>如果是可调节的支架，只要挂点能挂住就行。如果是不可调节的支架，专用的，那就不能直接挂上。但如果自己能加工，改装一下也是可以的</t>
  </si>
  <si>
    <t>将墙打穿，用对穿螺栓把挂架固定牢靠就行。</t>
  </si>
  <si>
    <t>1、可以的。65寸液晶电视重量一般不超过50kg，这个重量对墙体来说完全没问题的；所以只要空心砖墙的面积比电视机大，打孔时装牢固一点就行了。2、购买最小最长的化学螺栓，然后打孔，如果里面是空心的，就在水平或者垂直的地方打孔，一直打到实心的为止。打孔时注意孔里不要有灰尘，打好以后把玻璃管放进去，然后把螺栓旋转进去，大概15分钟就固化了。装上螺栓后检查下牢靠度，如果不牢靠，就在别的地方再打，一直到足够牢靠为止。非专业人员可以联系电视机的售后服务安排专业师傅上门为用户安装。</t>
  </si>
  <si>
    <t>小心点为妙</t>
  </si>
  <si>
    <t>按照这2个尺寸应该可以通用的，问题就是后背的螺丝不一定通用，根据本人安装经验，后背螺丝有直径5毫米、6毫米、8毫米、还有10毫米。估计你55～65英寸的螺丝应该为8毫米。只要挂架能用螺丝可以去市场配。</t>
  </si>
  <si>
    <t>ps4最终幻想零式好玩吗</t>
  </si>
  <si>
    <t>这游戏是不错</t>
  </si>
  <si>
    <t>好玩，当年psp晚期神作，战斗系统不是传统的回合制，剧情是最终幻想系列一贯的的感人装逼风格</t>
  </si>
  <si>
    <t>那是必须好玩</t>
  </si>
  <si>
    <t>零式好玩，属于psp后期的一代经典，现在还有ps4高清版，值得试试。</t>
  </si>
  <si>
    <t>军校出来的有发展前景吗</t>
  </si>
  <si>
    <t>各个地方的待遇自然不同。军官可以转业，进警校培训当上警察。你所说的小兵就是义务兵吧？义务兵义务兵，就是要体现义务一词。</t>
  </si>
  <si>
    <t>军校优点：上学国家给你交学费，衣食住行不要钱，每月发生活补贴，毕业不愁没工作（这是最大优点）。缺点：人身不太自由，你的言行代表当代军人形象，言语不自由，生活比较单调，有些苦。不过我建议你考军校，很有出息和前途的。</t>
  </si>
  <si>
    <t>很有前途，军职是对应公务员级别的，等你申请退役后，就知道 好处了。军人背景很吃香的</t>
  </si>
  <si>
    <t>很有前途，军职是对应公务员级别的，等申请退役后，就知道好处了。军人背景很吃香的而且军校免学费，还发生活补助。真正锻炼意志，提高身体素质，要是上普通大学，很容易被学校里的风气给黑化。军校毕业就是军官了 ，在慢慢的往上升，等到专业回到地方上 ，就是一个领导了。军校一般是去读了就开始算兵龄，然后就开始算工资，什么生活用品不用买，而且毕业了也会比一般大学生要好，因为他是分配工作，而且专业了也就是公务员，还不用考试，还有军队比较磨练一个人的意志。</t>
  </si>
  <si>
    <t>看你的能力和你家关系</t>
  </si>
  <si>
    <t>加拿大航空好吗</t>
  </si>
  <si>
    <t>加航的空姐空少都是白发的奶奶们，吃的真心不符合中国人胃口坐过一个来回程就放弃加航了，然后机上的娱乐设施我个人觉得无聊，舒适度一般，不过比起国泰什么算便宜</t>
  </si>
  <si>
    <t>不乍样。如果不算暴力拖乘客下机事件，其他方面和美联航半斤八两。现在北美的航空公司一般北美航线的服务都不算好。国际线要好些。这和我们国内恰相反。我们国内航空往往空服员在国内线时服务还不错，等资历深了升到国际线反而差了。</t>
  </si>
  <si>
    <t>加拿大航空是星空联盟的5大创始人之一，并且是skytrax的四星航空，都还是不错的。</t>
  </si>
  <si>
    <t>运单号是快递单号吗</t>
  </si>
  <si>
    <t>快递单号和物流单号不是一回事儿。简单的事，物流单号是淘宝上的交易记录，都是以LP开头的；而快递单号是你的快件上贴的那张快递单条形码下面的数字，没有以LP开头的。</t>
  </si>
  <si>
    <t>运单号是快递单子的号码</t>
  </si>
  <si>
    <t>它标的是物流单号的话就是快递运单号了，你可以用它在对应快递官网上随时查询物流跟踪反馈回来的信息。一般在淘宝上买东西也就有一个交易号，发货后才会出现物流运单号。</t>
  </si>
  <si>
    <t>插画赚钱吗</t>
  </si>
  <si>
    <t>这要看接活的多少和你给出的价格了。一般刚开始画插画，都是仅能维持温饱，没名气的一张画也就100左右，一个月能接个三十张就不错了。建议先跟工作室什么的签个合同，每月定量供画，有保障。</t>
  </si>
  <si>
    <t xml:space="preserve">插画应用的行业很多，如出版社，游戏公司，影视公司，动画公司，插画公司等高端领域的成熟原画师工资：10000~20000元/月，我们就不说了。 </t>
  </si>
  <si>
    <t>主要有两个途径 之一是去游戏公司等 需要原画设定的地方。其二就是接活 但是要有足够的订单才能养起自己</t>
  </si>
  <si>
    <t>非应届生想去天津银行好进吗</t>
  </si>
  <si>
    <t>该不能参加吧，有些银行可以的，比如建行和一些信用社，他说在两年内毕业的也可以参加，希望对你有帮助</t>
  </si>
  <si>
    <t>好进，去存钱就行！</t>
  </si>
  <si>
    <t>这个肯定不好进了，本科再有点关系还差不多。现在这社会没钱没关系什么都做不了，别把社会看的那么明亮。</t>
  </si>
  <si>
    <t>公司股东分红 需要缴税么</t>
  </si>
  <si>
    <t>按照我国公司法规定，公司的股东可以为个人股东，也可以为企业法人股东。一般来说，企业年度实现的利润，按照规定缴纳企业所得税后，其税后利润应按照规定分配给股东</t>
  </si>
  <si>
    <t>比例是20%</t>
  </si>
  <si>
    <t>对法人股东取得的分红不征税。对自然人股东的分红按“利息、股息、红利所得”依20%税率计征个人所得税，有分配红利的公司负责代扣代缴。</t>
  </si>
  <si>
    <t>个人股东要缴20%的税。法人股东不用缴。</t>
  </si>
  <si>
    <t>一般情况下是交20%的个人所得税，不存在起征点。</t>
  </si>
  <si>
    <t>那肯定要缴税 股东分红属于个人所得</t>
  </si>
  <si>
    <t>按照《企业所得税法》的相关规定，法人股权的分红不征税。但是自然人股东即个人的分红要按“利息股息红利所得”征收20%的个人所得税。详见个人所得税法。</t>
  </si>
  <si>
    <t>看股东是个人还是法人，如果是法人不需交税，如果是个人要交个税</t>
  </si>
  <si>
    <t>用公司名义投资，根据现行企业所得税法规定，所取得的股息，分红本身就是免企业所得税的</t>
  </si>
  <si>
    <t>　企业取得投资分红，不需要交企业所得税。</t>
  </si>
  <si>
    <t>红利税由上市公司代扣代缴，然后公司股东按收益再交税。</t>
  </si>
  <si>
    <t>贫血会不会影响月经</t>
  </si>
  <si>
    <t>贫血对月经不调是有影响的，轻度贫血是不是很要紧，严重贫血就会影响到月经不调了</t>
  </si>
  <si>
    <t>不会吧，但如果你贫血会在来月经的时候容易昏倒哈。自己可以注意到点。</t>
  </si>
  <si>
    <t>贫血有很多种类。要是地中海贫血的话，都变成你正常生活的一部分了，没什么影响。月经有可能导致贫血，很少会有贫血导致不来月经。估计你是经期絮乱，还是近期发生性行为影响的啊。估计后者占大多数。</t>
  </si>
  <si>
    <t>不影响</t>
  </si>
  <si>
    <t>贫血会影响月经</t>
  </si>
  <si>
    <t>尼龙锅铲安全吗</t>
  </si>
  <si>
    <t>尼龙的锅铲是安全的，尼龙塑胶锅铲一般是用PA66纯料，也有用PP生产的，属于绿色环保材料。</t>
  </si>
  <si>
    <t>尼龙锅铲在高温下会产生有害物质，建议用铁质或不锈钢锅铲。</t>
  </si>
  <si>
    <t>中兴手机怎么样质量好么</t>
  </si>
  <si>
    <t>中兴么，可以啊。国际巨头，没什么可怀疑的。</t>
  </si>
  <si>
    <t>本人使用，中兴手机一年不到接连报修二次，修理时间长达二个月，售后服务特差。</t>
  </si>
  <si>
    <t>手机还将就吧，质量倒还可以，就是不好看，系统优化的不好，可以看看小米，华为之类的，开支可以的话，苹果更好。</t>
  </si>
  <si>
    <t>我觉得还是非常的不错，各方面也是非常的好。</t>
  </si>
  <si>
    <t>质量还可以，但是中兴除了努比亚好像主要针对低端市场。</t>
  </si>
  <si>
    <t>不看好国产机，功能低，费用高</t>
  </si>
  <si>
    <t>本人现在用的天机至尊版就很好，这是我用的最好用的手机，防盗与运行都很棒。</t>
  </si>
  <si>
    <t>长痘痘可以用护肤品吗</t>
  </si>
  <si>
    <t>脸上有痘痘 更要注意补水 多用些补水效果好的护肤品 如果是男士的话你做点面膜 效果会好些 一周一般2次 根据个人的皮肤来定可以一周一次 这样效果会好些</t>
  </si>
  <si>
    <t>　一般情况下不能使用。　　化妆品容易堵塞皮肤的毛孔，本来痘痘的产生一方面的原因就是由于毛孔堵塞引起的，所以在痘痘比较多的时候最好是不要使用化妆品，只需要用基础的乳液和爽肤水，对皮肤做一个基本的保养，必要时还可以使用芦荟胶进行祛痘处理。</t>
  </si>
  <si>
    <t>我算是多年的战痘专家了 。正在长的时候最好别用先用镇静消炎的 水或者药膏祛痘 在化妆 要不会更严重。注意多喝水 十点准时卧倒睡觉。忌辛辣。推荐 可以用热毛巾敷脸 排毒 。并用热水泡脚 。</t>
  </si>
  <si>
    <t>能，但是能不用尽量不用，用些清爽的护肤品，白天出去的时候最好用BB，防止灰尘的污染和减少紫外线的照射，避免痘痘的发炎，希望这些对你有用。</t>
  </si>
  <si>
    <t>最好不用护肤品，避免刺激，清洁最重要</t>
  </si>
  <si>
    <t>水仙花能放卧室吗</t>
  </si>
  <si>
    <t>不可以。水仙的花粉有毒，对咽喉刺激最大，而且水仙全株有毒。球根毒性特强，食用会引起头痛、恶心和下痢水。</t>
  </si>
  <si>
    <t>不要放在卧室里面养,因为水仙花的鳞茎内含有的拉丁可毒素，可以使人发生呕吐、肠炎等疾病;叶和花的汁液能引起皮肤过敏、红肿痒痛。</t>
  </si>
  <si>
    <t>最好不要放卧室里。1、花的香味太浓，长时间闻，会影响睡眠！2、水仙属观赏植物，放卧室不合适3、水仙也会进行光合作用，晚上会释放二氧化碳</t>
  </si>
  <si>
    <t>水仙花可以摆放在家中的任何地方，特别适宜放在厅、房内，</t>
  </si>
  <si>
    <t>水仙花不适合放在房间里面养。</t>
  </si>
  <si>
    <t>水仙花，滴水观音，松柏类，月季等花卉，有毒，不适合放卧室。</t>
  </si>
  <si>
    <t>喝蜂蜜会胖吗</t>
  </si>
  <si>
    <t>只要不摄入过量,是不会胖</t>
  </si>
  <si>
    <t>不会胖的，适可而止就行。蜂蜜美容效果好，营养丰富中老年人都可使用，便秘的人可以有润肠道的功效。</t>
  </si>
  <si>
    <t>当然不会 、 “早咸晚甜 ”只要遵循这个喝法还可以减肥呢 。 只是尽量不要等到快上床睡觉的时候才喝 、因为睡前喝水第二天起床脸部容易变得浮肿哦</t>
  </si>
  <si>
    <t>经常喝蜂蜜是不会长胖的。</t>
  </si>
  <si>
    <t>1、不会胖的。2、蜂蜜不是蔗糖,而是果糖为主要成分,所以不会长胖.</t>
  </si>
  <si>
    <t>宝宝半夜喝奶好吗</t>
  </si>
  <si>
    <t>夜奶也会导致宝宝长得过胖也容易导致宝宝长龋齿。</t>
  </si>
  <si>
    <t>酷音铃声要钱吗</t>
  </si>
  <si>
    <t>使用酷音铃声里的彩铃，需要开通个性彩铃业务，按月收费，移动每月3元，联通电信每月5元。业务开通后设置彩铃免费，也就是每条彩铃是不会单独收费的，可以任意更换彩铃。另外铃声下载、设置来电铃声和短信闹铃是不收费的。</t>
  </si>
  <si>
    <t>应该要 一般彩铃应该都是要钱的 应该可以开通吧</t>
  </si>
  <si>
    <t>不要钱的。</t>
  </si>
  <si>
    <t>自己创作不要钱，设置为彩铃得要先开通他们家会员，是5块钱每个月的。</t>
  </si>
  <si>
    <t>嗯，只要是彩铃就收费</t>
  </si>
  <si>
    <t>黑色头发显皮肤白吗</t>
  </si>
  <si>
    <t>黑色不一定显得肤色白，发色应该根据肤色来选择。</t>
  </si>
  <si>
    <t>就黑色最显白</t>
  </si>
  <si>
    <t>色彩学颇有见地，色彩反差越大越给人悦目的感觉，所以我的建议是黑色头发更显皮肤白皙</t>
  </si>
  <si>
    <t>iphone6很容易弯吗</t>
  </si>
  <si>
    <t>iPhone4和4S没人投诉手机会弯，iPhone5和5S已经有被坐弯的新闻了，到了iPhone6，刚发售就爆出来了。</t>
  </si>
  <si>
    <t>弯个屁，都是苹果的死对头三星的恶搞罢了！</t>
  </si>
  <si>
    <t>弯曲的是极少数的，平常注意的话根本没事</t>
  </si>
  <si>
    <t>感觉应该不至于，毕竟弯的是少数</t>
  </si>
  <si>
    <t>如果不是刻意去扳弯，也没那么容易弯的。</t>
  </si>
  <si>
    <t>6不会，</t>
  </si>
  <si>
    <t>站立式甩脂机有用吗</t>
  </si>
  <si>
    <t>甩脂机是有一定效果的，</t>
  </si>
  <si>
    <t>是绝对没用的.</t>
  </si>
  <si>
    <t>应该有</t>
  </si>
  <si>
    <t>肯定是有点用！但不会是特别好！</t>
  </si>
  <si>
    <t>那种扯淡的。脂肪是作为能量在人体需要时才会通过全身调用的。</t>
  </si>
  <si>
    <t>速热饮水机好吗</t>
  </si>
  <si>
    <t>健康、环保。即热式饮水机喝水无需等待，就可以轻松享用到新鲜、健康水；传统饮水机的水温最高达85度，相比较德方斯即热式饮水机的水温可以达到95度左右，比传统饮水机的水温要还高达10多度；同时待机零功耗，比传统饮水机要节能、省电50%。</t>
  </si>
  <si>
    <t>用起来是比较方便,水不会因为反复的加热而形成千滚水,也比较省电, 传统饮水机的反复加热，耗电和产生亚硝酸盐。而即热式饮水机彻底解决了传统饮水机的反复加热和二次污染现象，使出水水质新鲜、健康，而且省电节能，由此被行业人士称为新一代节能环保方向的水家电产品。购买即热式饮水机首选康派即热式饮水机。如果你要求高水温的话,无热胆饮水机可能满足不了你,最高水温也只有93度左右,如果你泡茶的话有些茶叶泡出来的效果不是很理想,如果你只是喝热水的话那就不错了,可以买个无热胆饮水机的升级版,无热胆急速加热饮水机,只要3秒钟就可以马上有热水。</t>
  </si>
  <si>
    <t>月经前可以刮痧吗</t>
  </si>
  <si>
    <t>月经期女性的腹部腰部都不可以太大刺激，否则可能导致月经延期量多。月经前最好相隔三天以上刮痧。</t>
  </si>
  <si>
    <t>一般来说，经期慎用刮痧，可能会引起月经量过多,月经排不干净，重者会伤害身体</t>
  </si>
  <si>
    <t>不可以！</t>
  </si>
  <si>
    <t>原则上是可以的</t>
  </si>
  <si>
    <t>刮痧拔罐最好别做，无论啥时候</t>
  </si>
  <si>
    <t>可以，但经期最好不要刮。</t>
  </si>
  <si>
    <t>不可以，会导致经量过多，失调。</t>
  </si>
  <si>
    <t>熬夜掉头发吗</t>
  </si>
  <si>
    <t>当然是会的，脱发是每个人都有可能会遇到的问题，有可能因为遗传，父母有脱发的历史，或者因为生活作息没有规律，压力过大、营养不良都会导致头发异常脱落，要治疗脱发就要从生活习惯上做起。</t>
  </si>
  <si>
    <t>熬夜引起的掉头发</t>
  </si>
  <si>
    <t>经常熬夜会掉头发</t>
  </si>
  <si>
    <t>是会的</t>
  </si>
  <si>
    <t>特氟龙有毒吗</t>
  </si>
  <si>
    <t>不粘锅之所以不粘，全在于锅底的那一层叫“特富龙”的涂料。这种物质是含氟树脂的总称，包括聚四氟乙烯、聚全氟乙丙烯及各种含氟共聚物，由于这些化合物具有耐高温、低温、自润滑性、化学稳定性等优点，故广泛用于不粘炊具、防水透气材料（如防水衣物）、皮革、汽车部件，及微波炉爆玉米花袋等。 从健康角度说：不粘锅没有铁锅健康</t>
  </si>
  <si>
    <t>有毒，杜邦公司被告了</t>
  </si>
  <si>
    <t>前年美国有人提出特氟龙在高温释放有害物质，但没有足够的实验数据支持。中国有关方面未检出有害物质。即便有，也是微量的。现在市场上不粘锅多为硬质氧化铝涂层的。</t>
  </si>
  <si>
    <t>特氟龙耐高温不分解无毒。</t>
  </si>
  <si>
    <t>特氟龙，抗酸抗碱，很稳定，能耐260度温度，在此温度下不会分解，对人无害，超过后可能产生毒害</t>
  </si>
  <si>
    <t>常温特氟龙是无害的，不过其他的成分就不能保证了</t>
  </si>
  <si>
    <t>500摄氏度以下是不会产生有害物质的。成品涂层也很难被溶解。</t>
  </si>
  <si>
    <t>单品降权 会影响整个店铺权重吗</t>
  </si>
  <si>
    <t>单个商品降权目前不影响店铺其他宝贝哦，其他宝贝是要结合店铺综合因素的</t>
  </si>
  <si>
    <t>只是你的这个宝贝人家搜不到了，对店铺没什么影响</t>
  </si>
  <si>
    <t>不会的，除非你只有那一款宝贝排得考前，不然不会影响流量，要不你去 荷塘卖家论坛多多学习这方面的知识</t>
  </si>
  <si>
    <t>一个商品对店面影响很小，如果是几个或者多个那就肯定会影响到整体权重。不过如果这个商品是您店铺的主推，那么影响也是不小的.</t>
  </si>
  <si>
    <t>看你的降权程度，有些宝贝降权只对你单个宝贝的排名有影响，如果你宝贝的降权严重的话会对你整个店其他宝贝的排名有影响，宝贝被降权了可以下架宝贝重新编辑再上架，或者下架宝贝等降权结束后再上架</t>
  </si>
  <si>
    <t>visa卡能在国内使用吗</t>
  </si>
  <si>
    <t>这种卡在国内只能找有VISA标志的POS机刷，银联单通道机是刷不了的。</t>
  </si>
  <si>
    <t>只要是银联都可以的</t>
  </si>
  <si>
    <t>可以，国内国外都能用。</t>
  </si>
  <si>
    <t>如果持有的是招商银行的VISA全币卡，是可以在国内带VISA标识的设备使用的，＃＃可以＃＃能</t>
  </si>
  <si>
    <t>1.可以的。2.全国。只要可以刷卡消费的地方。都可以刷卡。</t>
  </si>
  <si>
    <t>有没有不用网络的导航</t>
  </si>
  <si>
    <t>目前没有</t>
  </si>
  <si>
    <t>离线导航软件可以使用百度地图。</t>
  </si>
  <si>
    <t xml:space="preserve">如果不想浪费流量的话，下载一个离线数据包就可以了啊，很简单的，一般只下载你常用的几个城市，最好在有无线网的情况下下载会节约流量，选择离线地 图，下载你要的城市地图，就完成啦，都是很简单的，你可以用腾讯地图，这个地图下载离线地图很简单，实用起来也很容易。路线特别清晰，语音导航也准确，下载之后就不需要流量了，特别实用。 </t>
  </si>
  <si>
    <t>离线地图，也就是说把你所要的地图提前下载，在没网络的情况下也可使用，</t>
  </si>
  <si>
    <t>我用的是高德地图，在平板和三星手机上，没有网络也可使用，但要在室外能够搜到GPS卫星信号的地方，在汽车上要放在靠近前玻璃的地方即可，搜星的时间一般要二至三分钟搜到六颗星以上。</t>
  </si>
  <si>
    <t>目前手机上的的定位是GPRS定位或者GPS和GPRS结合定位的，没有网络就不能定位。</t>
  </si>
  <si>
    <t>手机导航都需要网络支持。车载导航和便携式导航不需要网络。</t>
  </si>
  <si>
    <t>硝化细菌对人体有害吗</t>
  </si>
  <si>
    <t>这个对人体无害的，硝化细菌是养鱼前养水用的，或以后调节水质，改善鱼的生存环境用的，鱼不容易生病，对人无害。</t>
  </si>
  <si>
    <t>硝化菌对人没有害处。</t>
  </si>
  <si>
    <t>没有什么危害。天然土壤里面就有硝化细菌。它可以把铵态氮转化成硝态氮，在自然界（特别是土壤里）氮素的循环起着非常重要的作用。</t>
  </si>
  <si>
    <t>金联储理财可靠吗</t>
  </si>
  <si>
    <t>我投了不到两年，去她们公司参加过投资人答谢会，很不错。</t>
  </si>
  <si>
    <t>风险较大建议别用</t>
  </si>
  <si>
    <t>判断一个公司是否可靠，你可以去工商网查一下，如果有他们的信息就是可靠地，没有就不是</t>
  </si>
  <si>
    <t>高收益高风险 所以在投资理财的时候收益并不是最重要的 选择好的平台才最重要 银行之所以一直被人们认可就是因为风控完善 再就是国家这个后台 所以说综合以上两点才行</t>
  </si>
  <si>
    <t>汽车牵引力控制重要吗</t>
  </si>
  <si>
    <t>汽车的牵引力控制和车身稳定控制对汽车来说是非常重要的。</t>
  </si>
  <si>
    <t>牵引力控制重要。牵引力控制系统Traction Control System，简称TCS，也称为ASR或TRC。它的作用是使汽车在各种行驶状况下都能获得最佳的牵引力。牵引力控制系统能防止车辆的雪地等湿滑路面上行驶时驱动轮的空转，使车辆能平稳地起步、加速。尤其在雪地或泥泞的路面，牵引力控制系统均能保证流畅的加速性能，防止车辆因驱动轮打滑而发生横移或甩尾。</t>
  </si>
  <si>
    <t>汽车的牵引力控制和车身稳定控制对汽车来说是非常重要的，一般的豪华车里这两个都是标配。</t>
  </si>
  <si>
    <t>汽车的牵引力控制和车身稳定控制对汽车来说是非常重要的，一般的豪华车里这两个都是标配。 牵引力控制系统（Traction Control System, 简记为TCS）又称为驱动防滑控制系统（Anti-Slip Regulation, 简记为ASR），它是汽车制动防抱死系统基本思想在驱动领域的发展和推广。是上世纪80 年代中期开始发展的新型实用汽车安全技术，这项技术的采用主要解决了汽车在起步、转向、加速、在雪地和潮湿的路面行驶等过程中车轮滑转的问题。</t>
  </si>
  <si>
    <t>很重要</t>
  </si>
  <si>
    <t>黄钻可以设置背景音乐吗</t>
  </si>
  <si>
    <t>可以的，每月可以免费设置三首，每首有效期是10天。</t>
  </si>
  <si>
    <t>设置背景音乐要绿砖才可以。</t>
  </si>
  <si>
    <t>你好， 黄钻每月可以设置3首免费的正版背景音乐。</t>
  </si>
  <si>
    <t>黄钻不可以，绿钻才可以</t>
  </si>
  <si>
    <t>不可以的，背景音乐需要绿钻或者豪华绿钻才能设置</t>
  </si>
  <si>
    <t>能添加</t>
  </si>
  <si>
    <t>韩国人吃饺子吗</t>
  </si>
  <si>
    <t>韩国人没有吃饺子的节日,只是当面食吃而已</t>
  </si>
  <si>
    <t>韩国人也有春节，也吃些饺子，但是饺子也是从我们中国传下去的。</t>
  </si>
  <si>
    <t>苹果国行保修要发票吗</t>
  </si>
  <si>
    <t>1.普通送修不需要提供保修卡或者发票等，三包退换机服务则需要提供保修卡和发票的，苹果售后没有发票也是可以的，可以通过查询序列号的激活日期为准。2.换机服务是需要提供发票的，保修卡苹果自购买日期起15天内非人为损坏的性能故障，请先联系当地苹果售后网点，凭借购机发票，保修卡在苹果指定维修机构进行检测，故障确认后在苹果指定维修机构进行换机。3.可以通过购机发票到苹果的零售网点，由零售店为苹果进行简单的软件故障鉴定，不要拆机。确定无法通过软件系统进行恢复的，零售店将推荐苹果当地iPhone维修站进行换机或者保修。</t>
  </si>
  <si>
    <t>如在苹果直营店购买 只需携带三包凭证即可 在苹果授权店购买请带好三包凭证及购机发票 发票内容需要有购买日期 及手机信息 发票必须是机打发票 手写发票苹果售后不承认</t>
  </si>
  <si>
    <t>是的，需要出示你的购买票据才能进行保修</t>
  </si>
  <si>
    <t>普通送修不需要提供保修卡，发票等，三包退换机服务则需要提供发票和保修卡，苹果售后没发票也行，靠序列号以激活日期为准。不过换机服务需要使用发票，保修卡iPhone自购买之日起15日内发生非人为损坏的性能故障，请先联系当地苹果售后网点，凭借购机发票，保修卡在苹果指定维修机构进行检测，故障确认后在苹果指定维修机构进行换机。</t>
  </si>
  <si>
    <t>不用</t>
  </si>
  <si>
    <t>明朝白银流入有没有通货膨胀</t>
  </si>
  <si>
    <t>宁失江山，不失白银，明朝末期的白银囤积</t>
  </si>
  <si>
    <t>劳动节快递休息吗</t>
  </si>
  <si>
    <t>物流快递五月一曰劳动节是不会休息的，照常进行营运快递。</t>
  </si>
  <si>
    <t>假节日无休的，可以正常收发快递</t>
  </si>
  <si>
    <t>放假</t>
  </si>
  <si>
    <t>我就是快递员，可以告诉你。当然不放假。只有春节才会放假。</t>
  </si>
  <si>
    <t>不放假，除了春节之外，其他节假日正常收件派件。</t>
  </si>
  <si>
    <t>快递公司节假日是不休息的（春节除外），快递公司内部实行的是轮休制度。所以节假日和星期六日都是会正常的接收和派送快件的。</t>
  </si>
  <si>
    <t>五一期间，大部分放假，29号是最后一天取件，而且只取第二天能到的区域，30号是最后一天送件。 如果您五、一期间，有件要发，可以发EMS，我们一般的五、一 十、一 大都发EMS 五一发就用EMS</t>
  </si>
  <si>
    <t>快递公司节假日是不休息的，他们内部实行的是轮休制度。如果你们那里是正规的快递公司，五一不会放假的。</t>
  </si>
  <si>
    <t>非洲茉莉好养吗</t>
  </si>
  <si>
    <t>非洲茉莉性喜温暖，好阳光，但要求避开夏日强烈的阳光直射；喜空气湿度高、通风良好的环境，不耐寒冷、干冻及气温剧烈下降；在疏松肥沃，排水良好的壤土上生长最佳；它的萌芽、萌蘖力强，特别耐反复修剪。花期5月，果期10-12月。</t>
  </si>
  <si>
    <t>非洲茉莉容易适应陌生的环境，在庭院中、阳台上都能种植。</t>
  </si>
  <si>
    <t>好养···</t>
  </si>
  <si>
    <t>非洲茉莉性喜温暖，好阳光，在客厅养就比较难开花，但是叶片还是可以观赏。</t>
  </si>
  <si>
    <t>非洲茉莉与其它喜阳的植物都大至相同 想它不死容易 想保持状态就难了</t>
  </si>
  <si>
    <t>出票后还能改签吗</t>
  </si>
  <si>
    <t>还可以改期的。</t>
  </si>
  <si>
    <t>直接打电话去问购票的代理，因为不同的机票类型，有不同的规定。出票后，有的不允许改签，有的可以免费改一次，有的改手续费可能还很高。</t>
  </si>
  <si>
    <t>火车票从网上改签后是不可以在出票后改签，因为火车票只能改签一次，如果有事还想推迟的话，只能退票。</t>
  </si>
  <si>
    <t>可以，改签只能改签一次，而且改签过的不能退。</t>
  </si>
  <si>
    <t>可以的，不过你需要拿纸质票去车站人工改签，每张车票只能改签一次，改签过就只能退票了</t>
  </si>
  <si>
    <t>熊猫是哺乳动物吗</t>
  </si>
  <si>
    <t>熊猫是哺乳动物,哺乳动物满足胎生和用雌性的乳汁哺育后代两个条件。</t>
  </si>
  <si>
    <t>因为大熊猫是胎生的动物。</t>
  </si>
  <si>
    <t>是的 因为会生孩子</t>
  </si>
  <si>
    <t>哺乳动物都是胎生的，像海豚这些。而大熊猫也是胎生的，那自然而然它就是哺乳动物</t>
  </si>
  <si>
    <t>松花粉能减肥吗</t>
  </si>
  <si>
    <t>松花粉有减肥效果，可以燃烧多余的脂肪，但要长期服用，</t>
  </si>
  <si>
    <t>一般是不能的</t>
  </si>
  <si>
    <t>松花粉主要是性味甘凉平，清热生津的功效，对减肥没有直接作用的</t>
  </si>
  <si>
    <t>天津康婷是传销吗地址</t>
  </si>
  <si>
    <t>不是，康婷是国内唯一一家双证运营的企业，国家专利获得国家创新立项奖，奖金70万，有直销牌照，也有跨地区美容加盟连锁执照，一般直销在申请当地运营是合法的，到外地是非法的，但是康婷公司在外地走的都是跨地区美容加盟连锁！</t>
  </si>
  <si>
    <t>不是传销，属直销范筹，但当一份事业做就。</t>
  </si>
  <si>
    <t>康婷拿到牌照的，我以前开过专卖店</t>
  </si>
  <si>
    <t>天津市康婷生物有限公司是合法的直销企业。</t>
  </si>
  <si>
    <t>去年刚拿了天津市的直销牌照，借机大肆宣传有牌照以混淆视听，让人误以为有全国牌照，全国各地四处都有骗人团伙，我亲戚就被骗进去了。</t>
  </si>
  <si>
    <t>良性肿瘤一定要切除吗</t>
  </si>
  <si>
    <t>那就看有没有一些阳性体征。如果没有什么阳性体征，而且影响不大的，可以保守治疗不做手术。但是如果良性肿瘤压迫了周围血管或者其他什么重要器官，那就必须手术切除了。</t>
  </si>
  <si>
    <t>首先应该肯定的说良性肿瘤也应该手术的。如果你已经确诊为肿瘤，那么无论良性与否都应该尽快手术的。因为现在没有什么可以化解肿瘤的有效药物，如不及时手术瘤体越来越大、切口也就有所增大，所以一定确诊尽快切除为宜。</t>
  </si>
  <si>
    <t>一般来讲,有适应症的,若适宜切除,请遵从医嘱执行</t>
  </si>
  <si>
    <t>并不是所有的良性肿瘤都要切除。主要看长在什么部位，有没有症状，影不影响美观或者日常生活，有没有恶变的可能。</t>
  </si>
  <si>
    <t>肇事逃逸负全责吗</t>
  </si>
  <si>
    <t>当事人逃逸或者故意破坏、伪造现场、毁灭证据，使交通事故责任无法认定的，应当负全部责任。</t>
  </si>
  <si>
    <t>交通事故中逃逸方负全责</t>
  </si>
  <si>
    <t>交通肇事逃逸后事故认定在实践中比较复杂，通常有如下几种情况：1、事故因当事人逃逸而无法确定当事人过错的，无论事故各方的实际责任如何，均推定逃逸方承担全部责任；2、事故一方当事人逃逸，事故的调查结果是双方均无过错，即意外事故，逃逸方承担全部责任；3、事故一方当事人逃逸，事故的调查结果是逃逸方有违法行为或驾驶有重大过错，他方没有过错，逃逸方负全责；4、事故一方当事人逃逸，事故的调查结果是事故当事人双方均有责任，在确定过错比例的基础上适当减轻逃逸方的责任。从上面的责任划分看，对交通肇事方的责任是加重的，只有在对方当事人确实存在过错的情况下才可以减轻逃逸当事人的事故责任，立法之所以如此规定，是因为交通肇事逃逸是一种及其恶劣的行为，也是立法、司法、执法都着重打击的行为。</t>
  </si>
  <si>
    <t>肇事逃逸 负全部责任 而且 酒后驾车 逃逸 造成人员伤亡 构成交通肇事罪 要追究刑事责任</t>
  </si>
  <si>
    <t>不一定，根据《道路交通事故处理办法》第二十条的规定：“当事人逃逸或者故意破坏、伪造现场，毁灭证据，使交通事故责任无法认定的，应当负全部责任。”也就是说承担全责的前提：如果只是当事人以逃逸或者故意破坏、伪造现场、毁灭证据的，还不能就此推定出当事人的交通事故责任，还要看被破坏的现场和证据能否据以认定当事人的交通事故责任。</t>
  </si>
  <si>
    <t>交通肇事逃逸就应负事故全部责任吗?</t>
  </si>
  <si>
    <t>镇魔曲内测要激活码吗</t>
  </si>
  <si>
    <t>不用，可以直接上，最好上官网要个礼包序列号。</t>
  </si>
  <si>
    <t>不需要了，直接用网易邮箱登陆，还可以领礼包</t>
  </si>
  <si>
    <t>痛风可以吃燕麦吗</t>
  </si>
  <si>
    <t>尿酸是由蛋白质在体内分解产生的，麦片中膳食纤维较高，相比于平常的膳食要好些，但要说降低尿酸，没有直接的关系，只是你多吃麦片，其它少吃了，倒可以。</t>
  </si>
  <si>
    <t>燕麦片属于低嘌呤食物，可以吃燕麦片的</t>
  </si>
  <si>
    <t>可以吃，是杂粮也是碱性食物，是适合吃的</t>
  </si>
  <si>
    <t>应该是可以的</t>
  </si>
  <si>
    <t>你好！可以，燕麦属于低嘌呤的食物</t>
  </si>
  <si>
    <t>痛风能吃麦片。痛风能吃麦片的，痛风饮食调节的关键，是要控制嘌呤的摄入，不吃或好少吃高嘌呤食物，多低嘌呤的食物，少吃中嘌呤的食物，同时还要注意多喝水，不要喝酒等。而燕麦片中含有嘌呤成分较少，是可以食用的，但一定要注意适量，可使用雨林控股旗下的阿里树萃取片改善痛风。</t>
  </si>
  <si>
    <t>迈腾旅行版烧机油吗</t>
  </si>
  <si>
    <t>烧机油是普遍现象，不烧反而不正常</t>
  </si>
  <si>
    <t>你好，迈腾这款车基本是没有什么问题的，没有烧机油的问题，你可以去4s店看一下。</t>
  </si>
  <si>
    <t>进口的基本不会烧，我朋友买的r20，尚酷r都不烧</t>
  </si>
  <si>
    <t>　机油本身是有一定的消耗的，消耗过量就是出现了烧机油的问题。烧机油有以下因素导致只要解决以下问题烧机油就可以解决了。</t>
  </si>
  <si>
    <t>郑多燕小红帽能减肥吗</t>
  </si>
  <si>
    <t>有用，从去年10月开始做的，主要做小红帽和小灰帽两套操，臀围比较明显91→88，肚子明显小多了。</t>
  </si>
  <si>
    <t>郑多燕减肥操(小红帽)的为有氧运动，每小时可以消耗513大卡热量，跳10天能消耗5130大卡约能减掉1.3斤。</t>
  </si>
  <si>
    <t>从去年10月开始做的，主要做小红帽和小灰帽两套操，臀围比较明显91→88，肚子明显小多了。</t>
  </si>
  <si>
    <t>因人而已，我每天坚持跳了一个月，也少吃了，一点效果也没有，但肉是紧了些。</t>
  </si>
  <si>
    <t>感冒时能喝中药吗</t>
  </si>
  <si>
    <t>吃中药期间感冒应停止吃中药,感冒好后再吃中药,吃中药期间感冒吃中药对所治疾病是无效的。</t>
  </si>
  <si>
    <t>一般来讲，感冒期间不宜服用人参，黄芪等滋补类中药的。</t>
  </si>
  <si>
    <t>能喝，很多中药就是治感冒的。</t>
  </si>
  <si>
    <t>属鼠的与什么属相相克</t>
  </si>
  <si>
    <t>属鼠与属羊相克</t>
  </si>
  <si>
    <t>属鼠的和属羊、马、兔、鸡的生肖相冲。</t>
  </si>
  <si>
    <t>属鼠的。根据古代算命术中的说法。（月份都是农历）。属鼠（子11月）与马（午5月），是（子午）相冲，是为（六冲）属鼠（子11月）与羊（未6月），是（子未）相害，是为（六害）所以属鼠的与马、羊是相冲相害的。宜避开</t>
  </si>
  <si>
    <t>按照人生预测与属相，要分男鼠和女鼠。如是男鼠，则：1，绝对不与马相配。 2，与虎，兔相配也勉强。 3，与猪和睦，与狗有趣，与猴美满，与羊功利，与蛇一喜一忧，最佳配对是鼠和牛。女鼠千万别配蛇和马。适合的是是龙，猴，狗，猪，其余的就差些了。不可不信，也不可全信。</t>
  </si>
  <si>
    <t>属鼠的与马相冲，是为子午相冲。属鼠的与羊相害，是为子未相害。属鼠的与兔相刑，是为子卯 相刑。</t>
  </si>
  <si>
    <t>属鼠的和属马的相冲，原因是子鼠，午马，子午相冲这个是最严重的，其次是属鼠的和属羊的，子未想害。其他属相关系不大。</t>
  </si>
  <si>
    <t>广发龙腾卡是信用卡吗</t>
  </si>
  <si>
    <t>广发白金信用卡送的龙腾卡分为两种。广发臻尚白金信用卡赠送的龙腾卡只可以免费2次高铁站，之后用于高铁站或者机场都要从银行卡里扣钱的。广发臻享白金信用卡的免费点数既可以用于高铁站也可以用于机场</t>
  </si>
  <si>
    <t>去巴厘岛安全吗</t>
  </si>
  <si>
    <t>巴厘岛至少算是印尼最安全的地方了</t>
  </si>
  <si>
    <t>现在很安全，</t>
  </si>
  <si>
    <t>巴厘岛是作为著名旅游地区，是相对安全的，尽量选择正规高级的酒店，尊重当地风俗，基本上就可以了。 巴厘岛80%的人信奉印度教，虽然印度教阶级制度在巴厘岛不是很严格的划分，但为避免因阶级不明而触犯祭司阶级，请勿任意触摸孩童头部，若有人（尤其是祭师）坐在地上时，千万不可站在他的右手边。在巴厘岛，左手被视为不洁，因此与人接触时尽可能使用右手，握手及拿东西不要用左手。　　另外，出入寺庙不得着短裤或短裙，在寺外免费租件沙龙及腰带就可以。进入寺庙需脱鞋，不可露出手臂及腿，生理期的女生，莫进入寺庙；在祭祀庆典中拍照，不得站在跪拜祈祷的人群前，也不得以闪光灯拍摄祭司。拍摄当地人最好先得到许可，一方面表示尊重，再则也避免事后索取费用的争议。　　基本上注意以上问题，遵守当地法律，就不会有什么问题了，祝旅行愉快。</t>
  </si>
  <si>
    <t>安全~</t>
  </si>
  <si>
    <t>巴厘岛在印度尼西亚，和菲律宾是两个不同的国家。当然印尼人其实也不喜欢华人。不过巴厘岛是个例外。因为巴厘岛是世界旅游度假胜地，所以巴厘岛上的居民不太以“印尼人”自居，而是自己以为自己是“巴厘岛人”，只管旅游接待，每天都要接待世界各国的游客。而且，岛民也已经习惯了欧洲人，日本人，中国人在岛上来来往往，若干年前，巴厘岛发生过恐怖爆炸事件，之后，巴厘岛加强了安全监察和控制。绝对安全的地方是不存在的。所以在一定意义上，巴厘岛是一个比较安全的旅行胜地。服务意识很好，居民很NICE。</t>
  </si>
  <si>
    <t>蛋白粉 长胖</t>
  </si>
  <si>
    <t>蛋白粉主要的成分就是蛋白质，长胖不是你这样来的，你早上吃5个鸡蛋，蛋黄含的胆固醇过高，所以正常的成年男子只要吃2到3个就已经很多了，而蛋白的蛋白质又比较高，每天摄入过多的蛋白质呢会导致肾功能的衰竭，还有你长不胖不是因为营养的问题，而是你自己的问题，这是因为你的吸收不好，你每天吸收的能量只有那么多，就是你吃再多的东西，也还是胖不了，因为大部分的能量都没有吸收，胖子之所以胖是因为他的吸收系统好</t>
  </si>
  <si>
    <t>蛋白质粉为身体提供能量，一般都不会发胖，但是有些人吃了会发胖的原因是他们的体内脂肪积累多了。</t>
  </si>
  <si>
    <t>吃多了会，适当的吃没什么关系。</t>
  </si>
  <si>
    <t xml:space="preserve">蛋白质在体内代谢的产物氨、尿素、肌酸酐等含氮物质需要经过肾脏排泄。一个人如果食入过多的蛋白质，会增加肝、肾负担，对人体产生不利影响。因此，蛋白质绝不是多多益善。 </t>
  </si>
  <si>
    <t>一个基调蛋白质或者说分解后吸收的氨基酸，人体是无法转化成脂肪酸的，只能被肌肉和其他细胞固化成蛋白质或直接烧掉，所以吃蛋白质（不论怎么来的蛋白质）长肥肉毫无根据，而且氨基酸无法长期贮存，所以不论今天吃了多少肉，明天蛋白质摄入缺口该多少还是多少。</t>
  </si>
  <si>
    <t>黄瓜鸡蛋减肥法有用吗</t>
  </si>
  <si>
    <t>个人认为没有效果，或者效果比较小</t>
  </si>
  <si>
    <t>无论是什么方法，只要坚持，效果都会有的哦</t>
  </si>
  <si>
    <t>个人认为没有效果，或者效果比较小。减肥最靠谱的方法还是运动减肥法，每天消耗的热量大于摄取的热量就开始会变瘦，但是这是一个长期的过程，至少要两个月左右才能看出比较明显的效果，因为人的细胞新陈代谢也是需要一定的周期的，只有跨过这个周期，才能体现出来。加油无论是什么方法，只要坚持，效果都会有的哦，就看个人可不可以坚持了哦，减肥这件事是一个大工程哦，没有一定毅力的人，是不能成功的哦，减肥的方法也有很多，比如每天来一颗俏纤妮哦</t>
  </si>
  <si>
    <t>每餐只吃黄瓜和鸡蛋，代替3餐，坚持7天，包你瘦，不过到时你就会特别想念老干妈的味道了，是很好的刮油办法。原理：黄瓜果肉脆甜多汁，清香可口，它含有胶质、果酸和生物活性酶，可促进机体代谢，能治疗晒伤、雀斑和皮肤过敏。黄瓜还能清热利尿、预防便秘。新鲜黄瓜中含有的丙醇二酸，能有效地抑制糖类物质转化为脂肪，因此，常吃黄瓜对减肥和预防冠心病有很大的好处。</t>
  </si>
  <si>
    <t>跌停可以买进吗</t>
  </si>
  <si>
    <t>一般不要这样操作，股票是有惯性的。跌停的票一般是市场看淡或主力看淡，有较大的卖出封单在跌停价。说明很多人想卖但买不出去，第二天一般都会惯性下跌，就是说第二天95%都会有更低的价格，甚至继续跌停。在跌停位买入股票，一般只有看有有连续大胆购买这只股票时，再介入，但这样的风险也是巨大的。我建议这种票还是等形式明朗后再继续介入。</t>
  </si>
  <si>
    <t>不能说跌停板上能不能买进，而是，能不能买进以后在第二天以后能够盈利。跌停板买进股票的第一个条件跌幅够大，第二个，消息面上没有问题，第三个大盘有机会反转。</t>
  </si>
  <si>
    <t>不能，国家控制了</t>
  </si>
  <si>
    <t>能买进</t>
  </si>
  <si>
    <t>可以买进</t>
  </si>
  <si>
    <t>心脏射频手术后出现早博正常吗</t>
  </si>
  <si>
    <t>心脏心律失常病症是导致心脏功能猝死的直接主要病症，应尽快治愈。</t>
  </si>
  <si>
    <t>如果原来没有这种情况，现在有了就要停止了，损坏身体不划算。</t>
  </si>
  <si>
    <t>双宝斗恶魔好看吗</t>
  </si>
  <si>
    <t>《双宝斗恶魔》很好看的电影，好搞笑。</t>
  </si>
  <si>
    <t>ipo是不是上市</t>
  </si>
  <si>
    <t>po 就是没上市的公司</t>
  </si>
  <si>
    <t>首次公开募股（Initial Public Offerings，简称IPO）：是指一家企业或公司 [1] （股份有限公司）第一次将它的股份向公众出售（首次公开发行，指股份公司首次向社会公众公开招股的发行方式）。一般来说，一旦首次公开上市完成后，这家公司就可以申请到证券交易所或报价系统挂牌交易。[2] 有限责任公司在申请IPO之前，应先变更为股份有限公司。通俗的讲是新股上市，就是公司的股份可以在市场自由流通。</t>
  </si>
  <si>
    <t>手机开蓝牙耗电么</t>
  </si>
  <si>
    <t>蓝牙功能在打开并不使用的时候也相当的费电,而且容易中毒!</t>
  </si>
  <si>
    <t>手机开蓝牙的耗电问题,蓝牙一直开着当然会耗电,但是也不一定太大,因为蓝牙芯片会有三种省电模式:hold(保持)模式,sniff(呼吸)模式和park(暂停)模式,都是会根据当时蓝牙的活动状态自动进入的. ＃＃我个人是没有什么感觉。跟没开差不多。蓝牙只是允许别人搜索不搜索别人的时候是不怎么耗电的。</t>
  </si>
  <si>
    <t>开着蓝牙肯定是耗电点</t>
  </si>
  <si>
    <t>还没有那么智能的蓝牙呢。有也没有用在手机上，蓝牙一直开着不但费电，还有辐射！</t>
  </si>
  <si>
    <t>是这样的，如果要打电话通过蓝牙，比如车载，就会一直开着蓝牙的</t>
  </si>
  <si>
    <t>是的，</t>
  </si>
  <si>
    <t>手机一直开着蓝牙待机是不会很耗电的。</t>
  </si>
  <si>
    <t>手机开蓝牙的时候 费电量很大 没用的话 建议关了</t>
  </si>
  <si>
    <t>是的，尽量关了</t>
  </si>
  <si>
    <t>上海开出租车赚钱吗</t>
  </si>
  <si>
    <t>这个就不一定了,要看生意是否好,运气是否好,多时一天一千多,少时连本都保不住,现在出租车越来越难开了,还是慎重考虑,很多的哥开满四年都不开了,还不能出车祸,一旦有事,一月份甚至几个月白干,很辛苦的.</t>
  </si>
  <si>
    <t>不赚钱，很累，每天十二小时，不出事故不生病，能赚四千以上，但是除去房租和吃喝，还能剩多少呢</t>
  </si>
  <si>
    <t>一般是三到五千，要赚的多就要开的多</t>
  </si>
  <si>
    <t>我开六年了，存折上还差2W就整整50W了，赶快行动吧。</t>
  </si>
  <si>
    <t>q币能不能提现</t>
  </si>
  <si>
    <t>q币不能提现，但是零钱可以提现，</t>
  </si>
  <si>
    <t>Q币是不能提现的，楼主这是想多了。</t>
  </si>
  <si>
    <t>无　　</t>
  </si>
  <si>
    <t>Q币不可以在银行卡提现#提现是将第三方支付的钱通过银行等取出</t>
  </si>
  <si>
    <t>可以，在Q号上的Q币或Q币卡除了可以用于充值游戏及产品服务外，还可以通过云奇付 使用Q币提现或Q币兑换网络游戏点卡，推荐百度搜索：云奇付 就可以找到并使用Q币提现。</t>
  </si>
  <si>
    <t>现在应该不可以，但可以换实品，因为美国比特币的缘故，腾讯公司也在像提现方面发展，但是由于法律问题，一些通过此类的犯罪会有很多，所以现在还在开发，预计在不久的将来会成为现实</t>
  </si>
  <si>
    <t>Q币是不可以提现的哦＃＃去卡卡同盟选择号内Q币提现，分分钟就能把你Q币换成现金了，你百度搜卡卡同盟 卡卡同盟挺不错的</t>
  </si>
  <si>
    <t>国防生能出国吗</t>
  </si>
  <si>
    <t>军人不许出境游，因为你根本办不到护照。</t>
  </si>
  <si>
    <t>可以。国家教育部、人事部和解放军四总部联署文件规定，国防生可以短期出国出境学习交流，但时间不得超过两个月。</t>
  </si>
  <si>
    <t>可以！只要是获得了学士学位，是可以报考清华研究生的，另外，也可以直接出国读研生学历，如果在清华获得研究生，那么出国可以申请读博士，也可以申请研究生！原则上来讲，只要有语言成绩（雅思备考资料，可以留Q邮，偶发给你）和物质基础，就可以出国了。</t>
  </si>
  <si>
    <t>国家教育部、人事部和解放军四总部联署文件规定，国防生可以短期出国出境学习交流，但时间不得超过两个月。</t>
  </si>
  <si>
    <t>在校、在部队期间不可以，因为国防涉及到国家机密。部队公派的除外。</t>
  </si>
  <si>
    <t>国防生不可以出国留学，可以短期出国出境学习交流，但时间不得超过两个月。</t>
  </si>
  <si>
    <t>军人不许出境游，因为你根本办不到护照</t>
  </si>
  <si>
    <t>假期估计可以</t>
  </si>
  <si>
    <t>黑豆生虫还能吃吗</t>
  </si>
  <si>
    <t>黑豆有点虫子建议不要再食用了。如果食物已经被虫蛀最好是不要在进食了，因为食物可能变质，而且还会有病菌会导致不舒服的。</t>
  </si>
  <si>
    <t>生虫肯定是不能再吃。可以挑拣一下，好得可以继续。生虫的可以沤肥浇花用具体情况还得看呗虫咬的程度</t>
  </si>
  <si>
    <t>没有影响味度可以吃</t>
  </si>
  <si>
    <t>最好不要吃</t>
  </si>
  <si>
    <t>一般情况下最好就不吃了，但是如果想要吃就得看看黑豆都被吃成什么样了。吃一点点，不太多的还是可以吃的。</t>
  </si>
  <si>
    <t>在太阳下面晒晒，把虫去掉。又不是变质，没什么问题啦</t>
  </si>
  <si>
    <t>劝你最好不吃</t>
  </si>
  <si>
    <t>拿出来凉晒一下，如果虫子很多还是不要吃了比较好。</t>
  </si>
  <si>
    <t>不能吃了，扔了吧</t>
  </si>
  <si>
    <t>如果太多的话 就只能做化肥了，少的话放在太阳底下晒晒</t>
  </si>
  <si>
    <t>植发可信吗</t>
  </si>
  <si>
    <t>植发很靠谱的，是目前来说解决毛囊坏死头发无法再生的一种有效方法。</t>
  </si>
  <si>
    <t>植发的效果是受多方面影响的，首先要保证在正规的整形医院进行治疗，因为影响植发效果的因素影响有很多，比如说植发毛发移植术的毛发成活率手术操作和进程大夫的临床经验和操作技术的精细程度等直接相关，拙劣的技术不但做不出好的植发效果，打不到治疗脱发的目的，还会浪费大量珍贵的毛发残存供应区的毛发。另外植发后的护理也是非常重要的，植发效果还和术后的护理有很大的关系，手术后两周内，应避免用力揉搓植毛区，以免造成移植区毛发损坏，影响效果。因为剧烈运动会使头皮血液循环增加，可能引起植发区伤口出血，因此植发手术后三周内要避免剧烈运动或有身体接触的运动。</t>
  </si>
  <si>
    <t>最好是不要去植发，伤头皮，效果不好的话也很容易脱发。</t>
  </si>
  <si>
    <t>我国植发手术已经非常成熟，本身是不存在任何风险的，但是如果不慎误入小诊所，风险就随之而来了，如手术过程中操作不当容易引起头皮感染，植发医院的不正规导致植发失败，植发效果不尽人意。</t>
  </si>
  <si>
    <t>修家电赚钱吗</t>
  </si>
  <si>
    <t>空调电脑赚钱，小家电不赚钱，因为太便宜了，还非常费工夫。</t>
  </si>
  <si>
    <t>比较赚钱，但是有些累，最好是空调和家庭电器，修理是比较赚钱的</t>
  </si>
  <si>
    <t>不赚钱</t>
  </si>
  <si>
    <t>由于家电市场竞争激烈，价格便宜，维修赚钱困难。＃＃赚钱很难，温饱行业，收入很不稳定！</t>
  </si>
  <si>
    <t>现在家庭中的家用电器越来越多，出现故障的家用电器也会越来越多，需要修理的家用电器也是越来越多，开家电维修部肯定是赚钱。</t>
  </si>
  <si>
    <t>养家糊口没问题，赚大钱难，除非规模很大。</t>
  </si>
  <si>
    <t>上古世纪拍卖不能买单个东西吗</t>
  </si>
  <si>
    <t>你可以在上古世纪种族或者远征队里问嘛交易喊一嗓子 比拍卖高个几银 回有人搭密你的</t>
  </si>
  <si>
    <t>一次买多少你没法控制的，卖家就是一组一卖，你就只能一次买一组，拆不了，除非卖家是拆开来单个卖的你才买得到单个的</t>
  </si>
  <si>
    <t>不能选择数量 所以才有一些物品 例如霜纹布 一个人摆上去的 却分很多堆 有的20个一堆 有的50个一堆 如果可以选择数量 直接摆上200个一堆就行了 何必那么麻烦</t>
  </si>
  <si>
    <t>最高法院司法解释规定，不动产可以拍卖三次，第一次拍卖按评估价确定拍卖保留价，如果流拍的，第二次可以按上一次的拍卖保留价降低20%继续拍卖，再流拍的，可以再按前次拍卖保留价拍卖降低20%确定第三次拍卖保留价。人民法院应当于第三次拍卖终结之日起七日内发出变卖公告。自公告之日起六十日内没有买受人愿意以第三次拍卖的保留价买受该财产，且申请执行人、其他执行债权人仍不表示接受该财产抵债的，应当解除查封、冻结，将该财产退还被执行人，但对该财产可以采取其他执行措施的除外。</t>
  </si>
  <si>
    <t>让鉴定机构，来评估价格，卖不出去可以申请直接抵押给受益人</t>
  </si>
  <si>
    <t>印度人不吃肉?</t>
  </si>
  <si>
    <t>印度人吃肉啊，谁说印度人不吃肉？只不过印度人信仰太多了，每种宗教每种教派都有不吃的东西，伊斯兰教的不能吃猪肉，印度教的不能吃牛肉，乱七八糟的，饭店或食堂卖什么肉都可能侵犯一部分人的信仰，最后干脆大家都不吃肉了，都吃素就没问题了。</t>
  </si>
  <si>
    <t>因为印度人主要信奉印度教，部分信奉佛教和伊斯兰教。根据教规，印度教教徒和锡克教教徒不吃牛肉，伊斯兰教徒不吃猪肉，耆那教徒则既忌杀生，又忌肉食，而佛教教徒的教规是最严格的：不可杀生，不可食肉，不可食用“五辛”，饮水前必须用滤水囊过滤……印度食素者特别多，而且社会地位越高的人越忌荤食。</t>
  </si>
  <si>
    <t>艾滋病初期脸上会出很多痘吗</t>
  </si>
  <si>
    <t>艾滋病脸上不会长痘痘的</t>
  </si>
  <si>
    <t>青春痘是因为激素分泌水平的改变而导致毛囊的各种问题而发炎，这和艾滋病是没有任何关系的。</t>
  </si>
  <si>
    <t>异地联通卡能在本地换卡吗</t>
  </si>
  <si>
    <t>可以，联通公司已推出异地补卡服务</t>
  </si>
  <si>
    <t>大部分地市是支持的，你可以携带身份证前往营业厅办理</t>
  </si>
  <si>
    <t>如果你使用的是联通沃3g套餐，是可以在异地办理补换卡的，费用一般是10元到30元左右。</t>
  </si>
  <si>
    <t>外地卡能在本地营业厅办理换小卡业务，但需要满足两个条件，一是需要是实名认证用户，二是需前往配备了第二代身份证件阅读器的自有营业厅办理。</t>
  </si>
  <si>
    <t>visual studio 2012支持xp吗</t>
  </si>
  <si>
    <t>不能，xp支持最高版本的visual studio就是visual studio2010</t>
  </si>
  <si>
    <t>VS2012需要.NET4.5，而.NET4.5不能在XP系统下安装，需要在WIN7以上系统才能安装。</t>
  </si>
  <si>
    <t>现在微软早已在VS2012 Update 1中添加了对XP的支持。</t>
  </si>
  <si>
    <t>此版本不支持winxp，最低要求是win7系统.</t>
  </si>
  <si>
    <t>wpe有毒吗</t>
  </si>
  <si>
    <t>软件不病毒，但可能有黑客放病毒进去。</t>
  </si>
  <si>
    <t xml:space="preserve">下在的wpe都显示有毒 事实呢？ 其实是没有的 因为wpe是对封包进行截获 修改 伪造 的工具 所以被杀毒软件认为是 有毒的 </t>
  </si>
  <si>
    <t>凯迪拉克适合女人开吗</t>
  </si>
  <si>
    <t>凯迪拉克适合女性开，外观时尚漂亮，操控性好，安全性高，质量好。</t>
  </si>
  <si>
    <t>很好啊，我给媳妇买的SRX.</t>
  </si>
  <si>
    <t>凯迪拉克适合女人开。</t>
  </si>
  <si>
    <t>福克斯2.0抖动会加剧吗</t>
  </si>
  <si>
    <t>新福克斯抖动解决办法：去4S店进行维修。</t>
  </si>
  <si>
    <t>要是离合器抖动，必须去4s店，4s给保修。我们这很多离合器漏油的。</t>
  </si>
  <si>
    <t>加油门抖，还是怠速抖，加油门抖检查半轴间隙是不是大了，前面的悬架有没松动，棘爪是不是压塌了，跑快了抖就检查四轮动平衡把钱。汽车有问题，问汽车大师4S店专业技师。</t>
  </si>
  <si>
    <t>剑三五毒厉害吗</t>
  </si>
  <si>
    <t>没有厉害的职业，只有厉害的人和手法。</t>
  </si>
  <si>
    <t>微信公众平台注册要收费吗</t>
  </si>
  <si>
    <t>微信公众平台的申请是不需要费用的，订阅号和服务号都是免费的</t>
  </si>
  <si>
    <t>申请账号是不需要付费的。但是申请认证是需要付费的，费用每次300元。</t>
  </si>
  <si>
    <t>不要钱是免费的，可以申请个人的 微信公众平台， 也可以申请公司或者组织的，但是必须提供营业执照照片和号码，微信公众平台有订阅好和 服务号两种，订阅号可以每天都给关注的人推送消息，而服务号 一个月只能推送一条。</t>
  </si>
  <si>
    <t>微信公众平台分为免费的和收费的1、如果需要认证，那么就是需要缴纳300元/年的认证费用，到期自动续费；如果不认证的话那么就不需要费用，但是需要注意的是不认证的话有很多平台功能都是实现不了的；2、服务号一般都是需要企业提供营业执照以及个人信息等的，是必须要进行认证的；而订阅号是个人就可以进行注册，只需要提供身份证信息等，不需要认证也能实现基础功能的实现；企业号是需要收费的。</t>
  </si>
  <si>
    <t>个人号的话，不用认证，也就不用花钱</t>
  </si>
  <si>
    <t>个人号不需要，订阅号服务号要认证300元，否则就给你注销了哈</t>
  </si>
  <si>
    <t>不收费。公众号申请都是免费的，但个人只能申请订阅号</t>
  </si>
  <si>
    <t>感冒咳嗽可以喝菊花茶吗</t>
  </si>
  <si>
    <t>感冒可以喝菊花。菊花对感冒没有直接的影响，如果有必要，可以喝菊花，不影响感冒的治疗。</t>
  </si>
  <si>
    <t>　感冒后慎喝菊花茶，喝太多菊花茶可能会加重感冒</t>
  </si>
  <si>
    <t>看你是风寒感冒还是风热感冒。风热感冒不怕冷、喉咙痛、咳嗽为黄痰，适合饮菊花茶。风寒则不适用。因菊花性凉</t>
  </si>
  <si>
    <t>可以喝，本身菊花就有降火气，清热解毒的效果</t>
  </si>
  <si>
    <t>只要不过量 当然能喝</t>
  </si>
  <si>
    <t>这是可以喝的</t>
  </si>
  <si>
    <t>妊娠期糖尿病可以吃燕麦吗</t>
  </si>
  <si>
    <t>可以吃原味不添加蔗糖的快速燕麦</t>
  </si>
  <si>
    <t>妊娠糖尿病可以吃燕麦片。妊娠糖尿病可以喝燕麦片的,这个含糖成份较少,对病情是没有多大影响的,定期做好产检工作看胎儿发育情况就可以了</t>
  </si>
  <si>
    <t>血糖稳定可少量吃</t>
  </si>
  <si>
    <t>一语成谶和一语成畿有区别吗</t>
  </si>
  <si>
    <t>一语成谶，就是一句（不好的）话说中了，就是“不幸而言中”（不吉利的事情，诅咒别人似的）。一语成箴就是说无意中的一句预料话而成了现实.</t>
  </si>
  <si>
    <t>三亚可以买宅基地吗</t>
  </si>
  <si>
    <t>不能买卖</t>
  </si>
  <si>
    <t>这种做法是不受法律保护的。因为这种做法在我一朋友那里得到过教训。他也是计划买这种，和同事一起买地皮，然后盖房子，那个村民还是他同事的亲戚，也是和你这样操作，也没有土地证，也是要村里开证明，也是很多东北人在那里盖房子。我朋友和他同事们都和那个村民谈好价钱了，请村里的领导都吃过饭了，说要签字了，结果这村民晚上就变了，说要加钱。你想想，亲戚都这样了，那以后出现纠纷可怎么办哪。还有，即使真的盖起了房子，涉及到拆迁补偿什么的，也是把钱先给那个有土地证的人，然后他给你，等于你什么都是躲在他后面的，什么都由着他出面，有了纠纷，谁管你呀？你只有吃哑巴亏了。这种事我也问过律师，是行不通的。还有，我那朋友的另一同事也这么操作了，结果也没弄成，也这么转出去了。</t>
  </si>
  <si>
    <t>行是行的,三亚本来就适合老年人居住的地方...环境怎么样大家都点乭认可的...不过地方原住民比较多,建议破些财消些灾,不要在这些人面前显贵气... 不然,会遭来不必要的祸害....</t>
  </si>
  <si>
    <t>行啊 ！那你要把合同看清了，现在的人合同就是上帝。</t>
  </si>
  <si>
    <t>青岛机场t1和t2之间远吗</t>
  </si>
  <si>
    <t>很近，两个航站楼相邻，而且大厅都是相通的，走过去就几分钟。</t>
  </si>
  <si>
    <t>眼结石能带隐形眼镜吗</t>
  </si>
  <si>
    <t>一般的有眼睛疾病都不适合戴隐形眼镜，因为隐形眼镜的透氧性较差，长时间配戴会阻碍眼睛的自由呼吸，而有眼睛疾病的人戴隐形眼镜不仅会加重病情，还可能使眼睛感染，所以，最好不要戴。</t>
  </si>
  <si>
    <t>眼睛结石严重的话会感觉眼睛里有异物感，戴隐形眼镜会加重异物感，有可能会刺激眼睛炎症发生</t>
  </si>
  <si>
    <t>可以，但一定要注意，有异物感时就不要戴了</t>
  </si>
  <si>
    <t>最好是不要配戴，去医院治好在戴，现在专业的眼科医院很多的</t>
  </si>
  <si>
    <t>有眼结石，最好不要戴隐形眼镜哦，其容易磨伤眼镜。</t>
  </si>
  <si>
    <t>到医院去检查后，医生确认可以佩戴了才能戴。选舒适度高的佩戴。</t>
  </si>
  <si>
    <t>感冒时可以吃枸杞吗</t>
  </si>
  <si>
    <t>最好是不要吃，枸杞是滋阴的，如果是风寒感冒，不利于表寒。</t>
  </si>
  <si>
    <t>枸杞具有很好的滋补和治疗作用，但也不是所有的人都适合服用的。由于它温热身体的效果相当强，正在感冒发烧、身体有炎症、腹泻的人最好别吃。</t>
  </si>
  <si>
    <t>我觉得感冒时最好还是不要服用枸杞子比较好，枸杞具有滋补肝肾之阴，清肝明目的作用，中年以后的人经常服用，对身体有一定的好处。感冒通常因为外邪侵袭，此时机体最需要做的就是祛邪外出，而枸杞的滋腻特性，有留邪的弊端，容易造成感冒加重或者感冒缠绵不愈。</t>
  </si>
  <si>
    <t>感冒期间，不建议吃枸杞红枣，枸杞红枣有滋补作用，枸杞可起到滋补肝肾的作用，红枣着重补气血健脾胃，但感冒期间服用，容易加重感冒病情，建议在痊愈后再吃。</t>
  </si>
  <si>
    <t>不可以吃</t>
  </si>
  <si>
    <t>碘伏能治灰指甲吗</t>
  </si>
  <si>
    <t>可以的，灰指甲它主要是以真菌感染才产生的，所以首先要从抗真菌开始，治疗灰指甲的荮最好是用外用的。</t>
  </si>
  <si>
    <t>碘伏是不能治疗灰指甲的</t>
  </si>
  <si>
    <t>碘伏可以治灰指甲。灰指甲是由皮肤癣菌侵犯甲板所致。甲真菌病较少，占灰甲的10%左右，系由白色念珠菌、曲霉菌等侵犯甲板而引发。多数的甲癣、甲真菌病，是继发于手、足癣。真菌感染甲周围的皮肤角质层，然后逐渐蔓延到甲床、甲板！碘酊（即碘酒）碘酒可以杀灭病原体，它可以使病原体的蛋白质发生变性。碘酒可以杀灭细菌、真菌、病毒、阿米巴原虫等，可用来治疗许多细菌性、真菌性、病毒性等皮肤病。</t>
  </si>
  <si>
    <t>碘伏是无法治的，有很多方法的，为什么单用这个呢，推荐我也在用的一种方法吧。凝蕊的凉鞋梦</t>
  </si>
  <si>
    <t>十二指肠憩室严重吗</t>
  </si>
  <si>
    <t>重度胃溃疡及结肠炎。糜烂性胃炎只是溃疡前期的一种胃炎，注意饮食，适当治疗问题是不会很大的。隆起、平坦性糜烂等是指胃粘膜受损的形态。十二指肠降段小憩室是十二指肠憩室的一种，是发生十二指肠降段的憩室。十二指肠憩室主要是先天性发育不佳，造成十二指肠肠壁局限性向外呈囊状突出（原发性憩室）或由胃十二指肠溃疡所形成的疤痕牵拉---黄勇十二指肠憩室可以并发哪些疾病？[十二指肠憩室]本病多发生于４０岁至６０岁中年人，男略多于女。９０％以上的憩室并不产生症状而于Ｘ线钡餐检查或胃镜检查时发现。仅少数病人可出现梗阻，穿孔，出血等症状或继发胆管炎，胰腺炎，胆石症等并发症而需要治疗。，憩室的大小形状各不相同但多数是其入口较小一旦肠内容物进入憩室又不易排出而潴留时可引起各种并发症;或者憩室内虽无肠内容物潴留但它也可能压迫邻近器官而产生并发---陈医生十二指肠憩室有哪些症状？应该如何诊断啊？[十二指肠憩室]依靠胃肠钡餐检查一些较小而隐蔽的憩室尚需在低张十二指肠造影时始能发现十二指肠憩室没有典型的临床症状仅于X线钡剂检查纤维内窥镜检查剖腹探查或尸检的偶然发现憩室的大小与症状程度不呈正相关当憩室并发炎症时可出现上腹部不适右上腹或脐周疼痛恶心呕吐打呃腹胀</t>
  </si>
  <si>
    <t>十二指肠憩室主要是先天性发育不佳，造成十二指肠肠壁局限性向外呈囊状突出（原发性憩室）或由胃十二指肠溃疡所形成的瘢痕牵拉所引起（继发性憩室）。本病多发生于40岁-60岁中年人，男略多于女。多数憩室并不产生症状而于X线钡餐检查或胃镜检查时发现。仅少数病人可出现梗阻，穿孔，出血等症状或继发胆管炎，胰腺炎，胆石症等并发症。</t>
  </si>
  <si>
    <t>国美分期付款必须是信用卡吗</t>
  </si>
  <si>
    <t>只要是分期付款，应该都是用信用卡的。只有信用卡才会有银行先给你一定的额度，你先透支了以后再慢慢还。</t>
  </si>
  <si>
    <t>分期付款，是需要信用卡的！</t>
  </si>
  <si>
    <t>是.</t>
  </si>
  <si>
    <t>不是，只要能付款即可.</t>
  </si>
  <si>
    <t>中评追加后还能修改好评吗</t>
  </si>
  <si>
    <t>追加后还是中评，需要在评价管理里面去修改。＃＃中评生效了也可以改成好评的，好像只有好评生效了以后不能改，中评和差评都可以改。所以经常给了中评后有店主打电话请求改成好评的</t>
  </si>
  <si>
    <t>一般来说，买家给了中评，48小时后生效，30天内可以修改评价一次。追加评论和中差评是不相关的。</t>
  </si>
  <si>
    <t>可以修改。评价人在中、差评价做出的30天内有一次改成好评或者删除评价的机会哦，好评目前无法删除和修改。＃＃打开追加评价以后修改评价 谢谢＃＃除了好评是卖家和卖家都不能修改外 中平和差评应该是都可以由买家来修改的</t>
  </si>
  <si>
    <t>可以的亲 不过改成好评后追加内容就没咯</t>
  </si>
  <si>
    <t>在评价30天内是可以改的，中差评可以改好评，但是评论内容改不了。</t>
  </si>
  <si>
    <t>一般的改评论是点“评价管理”，再点“给他人评价”，然后会有“改为好评”、“删除评价”的，但是不知道追加过的还能不能改好评了</t>
  </si>
  <si>
    <t>西北大学是不是211</t>
  </si>
  <si>
    <t>西安市的211大学名单如下，其中西安交通大学和西北工业大学同时也是985大学，除了以下大学，其它的西安高校都不是211大学：西北大学 、西安交通大学 、西北工业大学 、长安大学 、西北农林科技大学 、陕西师范大学 、西安电子科技大学</t>
  </si>
  <si>
    <t>西北大学是211院校，可以称之为重点大学。</t>
  </si>
  <si>
    <t>北京中山医院靠谱吗</t>
  </si>
  <si>
    <t>感觉还行吧，我去治的时候正赶上上级的部门检查，见识了这个医院党委的成员，还有纪检部门的。</t>
  </si>
  <si>
    <t>这是一家正规的综合性医院。</t>
  </si>
  <si>
    <t>北京中山医院感觉还是蛮好的，消化疾病是特色吧，服务态度真心不错。</t>
  </si>
  <si>
    <t>天天特价必须包邮吗</t>
  </si>
  <si>
    <t>2个不同的活动！一个是价格便宜但是不一定包邮！一个是超10元包邮</t>
  </si>
  <si>
    <t>天天特价比十元高或低，是一些产品只在这一天优惠的价格。</t>
  </si>
  <si>
    <t>苏宁易购有保价吗</t>
  </si>
  <si>
    <t>只是有的产品，不是全部 。</t>
  </si>
  <si>
    <t>费德勒参加2015中网吗</t>
  </si>
  <si>
    <t>你指的时候中国网球公开赛？好像没有吧？</t>
  </si>
  <si>
    <t>张艺兴钢琴是后来练的吗</t>
  </si>
  <si>
    <t>艺兴的钢琴是从小练到大的。</t>
  </si>
  <si>
    <t>赵丽颖真的整容了吗</t>
  </si>
  <si>
    <t>应该没有，要不然她不把脸磨尖一点</t>
  </si>
  <si>
    <t>不会专门整个包子脸吧，整容不都是锥子脸嘛，我觉得她就是瘦了而已</t>
  </si>
  <si>
    <t>笔仙归来好看吗</t>
  </si>
  <si>
    <t>《笔仙》是，《笔仙归来》应该是山寨，不算十大恐怖片之内。</t>
  </si>
  <si>
    <t>都不好看</t>
  </si>
  <si>
    <t>5部，腾讯视频</t>
  </si>
  <si>
    <t>产妇可以吃菠菜吗</t>
  </si>
  <si>
    <t>菠菜当然可以吃了，菠菜不仅能补铁还可以帮助催奶，但要注意菠菜里含草酸，草酸和钙相遇，就会变成草酸钙，容易让身体里本来有的钙流失，所以吃菠菜的时候一定要注意要把菠菜先在沸水里面烫一下，然后用冷水冲洗后再烹饪，以去除草酸。</t>
  </si>
  <si>
    <t>最好不要吃水果，而且那种属寒的水果蔬菜更是万万不可吃，假如坐月子吃了诸如：梨，山竹，柿子，香蕉，西瓜，甜瓜，甘蔗，莲雾，柚子，橙，椰汁（椰肉是热的），枇杷，火龙果。蔬菜：白萝卜，菠菜等等，会烙下病根，建议找医生咨询。</t>
  </si>
  <si>
    <t>在坐月子期间，也是可以正常的食用菠菜的，同时吃点菠菜还可以防止便秘呢。对身体的恢复是没有影响的。</t>
  </si>
  <si>
    <t>90年前，由于印刷上的错误，把菠菜含铁量的小数点右移了一位数，从此人们一直都认为菠菜含有大量的铁，具有补血功能，把菠菜当做孕妇、儿童、病人理想的补血食品。其实，菠菜中铁的含量并不多，其主要成分是草酸，而草酸对锌、钙有着不可低估的破坏作用。锌和钙是人体不可缺少的微量元素，如果人体缺锌，人就会感到食欲不振、味觉下降；儿童一旦缺钙，有可能发生佝偻病，出现鸡胸、罗圈腿以及牙齿生长迟缓等现象。如果孕妇过多食用菠菜，无疑对胎儿发育不利</t>
  </si>
  <si>
    <t>大学物理难不难</t>
  </si>
  <si>
    <t>说实话，大学物理还是比较难的</t>
  </si>
  <si>
    <t>不难,考试60分过了，就可以不管他了</t>
  </si>
  <si>
    <t>难度主要体现在内容多，很庞杂，学得很快。不过难度不大</t>
  </si>
  <si>
    <t>排除其他影响因素不谈，如果是理科，并且高中物理学的还可以的话，大学物理就不会很难，因为基础知识几乎全是高中物理里的，只是在高中物理基础上加深了一些而已，会从原理和本质层面探讨高中的物理知识，而且会涉及微积分，这是高数知识在大学物理里用的最多的，但是用的不深，只是简单的应用而已，所以要学好高数，大学理工科的话高数里的知识和思想几乎是处处可见，一般大学物理会在有一定高数基础后开，多在大一下学期和大二上学期，在这之前一定要学好高数，学不好高数是要被专业课欺负死的，顺便说一下，高中物理在有些地方存在选修内容所以有些知识没学（比如光学，机械振动，动量等内容），但是大学物理是涉及全部高中物理内容的，所以如果高中物理有没学的内容的话最好先自学一下，不用太深，不然大学物理在涉及这部分内容时会相对较吃力。</t>
  </si>
  <si>
    <t>难一点</t>
  </si>
  <si>
    <t>难也不难，就看你会不会跟着老师复习</t>
  </si>
  <si>
    <t>比你想象的要难，靠自学的话一般人不行。</t>
  </si>
  <si>
    <t>实习期一次性扣12分电子眼拍到的可以找人消分吗</t>
  </si>
  <si>
    <t>人民币还会继续贬值吗?</t>
  </si>
  <si>
    <t xml:space="preserve">基于当前我国对外贸易、经济政策等基本面综合判断，未来人民币汇率升值的可能性远远大于贬值。政策面上来看，我国目前不会大幅度放松资本管制，因此未来人民币升值可能性很大。 </t>
  </si>
  <si>
    <t>继续贬值的可能性也不大。</t>
  </si>
  <si>
    <t>不会，贬值是暂时，最终还会涨上去的</t>
  </si>
  <si>
    <t>还会贬值。</t>
  </si>
  <si>
    <t>我认为会，会破7块</t>
  </si>
  <si>
    <t>在事业单位上班可以报考公务员吗</t>
  </si>
  <si>
    <t>事业单位可以报考公务员</t>
  </si>
  <si>
    <t>招考职位明确要求有基层工作经历的，报考人员必须具备相应的基层工作经历的，一般时间为两年，具体参照招考职位的基层工作经历要求。基层工作经历，是指具有在县级以下党政机关、国有企事业单位、村（社区）组织及其他经济组织、社会组织等工作的经历。</t>
  </si>
  <si>
    <t>一般来说单位是不会放人的</t>
  </si>
  <si>
    <t>在职事业单位人员可以报考公务员</t>
  </si>
  <si>
    <t>你既然是事业单位在编人员,属于在职人员,想考公务员是可以的,但报名之前,建议认真读一下招考简单,有些是要求要工作单位出具同意报考证明</t>
  </si>
  <si>
    <t>哈士奇难养吗</t>
  </si>
  <si>
    <t>哈士奇生命力还不错，只是比较难训练 .如果没有超常的精力耐力及毅力来训练它上厕所，就会便便在屋子的各个角落哦。它属于那种很活泼好动的狗狗，不雅的词就是四肢发达头脑简单...通常会把沙发和鞋子抓咬的一塌糊涂。饲养上，只要注意食物的卫生和量，小哈的肠胃很差的，吃坏一点东西就可能拉一整天- -|||饭量要根据小哈的大小年龄增减，粮食可以购买一般的狗粮就好。每天都应该带它去外面溜溜，跟它亲昵亲昵，多叫叫它的名字。只要用心去养，花心思去养。一定会养出一只健康聪明的狗狗的。</t>
  </si>
  <si>
    <t>其实并不是很难养的.不过他的运动量非常大.城市中没有这么大的地方让他跑.而且都是硬地爪都磨平了.所以就难养了.</t>
  </si>
  <si>
    <t>哈士奇不是很好养。</t>
  </si>
  <si>
    <t>车前挡玻璃有细小划痕影响大吗</t>
  </si>
  <si>
    <t>如果没有裂开是没有关系的</t>
  </si>
  <si>
    <t>对玻璃没有影响，但划痕严重的话会影响驾驶视线</t>
  </si>
  <si>
    <t>正常的。</t>
  </si>
  <si>
    <t>严重可能会导致裂开</t>
  </si>
  <si>
    <t>大众丑闻后会降价吗</t>
  </si>
  <si>
    <t>大众此后披露，实际上，全球范围内有1100万辆大众汽车安装了上述作弊软件。美国司法部后来开始对大众及其高管展开刑事调查。韩国、瑞士也启动了相关调查。我们完全有理由相信，其他国家和地区的调查会接踵而来。大众表示，将把利润下调73亿美元。然而，对于本次丑闻带来的经济损失，该公司的估计也许过于乐观。单在美国，本次违规就可能招致180亿美元罚款。</t>
  </si>
  <si>
    <t>大众在中国有一大批粉丝，大众车在路上还是很常见，销售额还是有一定保障的。另外，大众已经开始降价销售了，许多款车型都有很大的降价幅度。</t>
  </si>
  <si>
    <t>不影响价格，因为这车比较高级。</t>
  </si>
  <si>
    <t>lol盒子可以用吗</t>
  </si>
  <si>
    <t>可以啊，不要用皮肤和背景修改之类的就好了</t>
  </si>
  <si>
    <t>LOL盒子可以算是辅助工具，一键喊话，更换皮肤等等</t>
  </si>
  <si>
    <t>是一个LOL的辅助工具，可以改皮肤</t>
  </si>
  <si>
    <t>性早熟不打针可以吗</t>
  </si>
  <si>
    <t>孩子性早熟要看是什么原因引起的，然后才采取治疗方法，打不打针这个不好说，但是，如果孩子是性早熟的话还是要积极治疗，不然对孩子影响很大，比如，有的小孩性早熟，先高后矮，提前停止生长，家长要引起重视。</t>
  </si>
  <si>
    <t>不要打针，有副作用的，建议做大量运动</t>
  </si>
  <si>
    <t>从激发试验的结果看，真性性发育可以肯定。已经是真性，再用中药没有意义</t>
  </si>
  <si>
    <t>为什么要打针呢？早熟只是熟得早了点，并不是说熟得早就比别人大很多倍，这是不可能的，就算早熟也是该多大也就只有多大，不会直到老死一直发育的，所以建议不要打针，就象古代女性包小脚一样，压制只会导致扭曲。那种伤害是无法消除的，或许人生都会因而改变</t>
  </si>
  <si>
    <t>痛经能吃止疼药吗</t>
  </si>
  <si>
    <t>可以的，建议不要长期吃</t>
  </si>
  <si>
    <t>对于原发性痛经，发作的时候完全可以吃几片止痛片；对于继发性痛经，则要先查清楚其原因，不要让止痛片掩盖了疼痛背后的隐患。</t>
  </si>
  <si>
    <t>痛经的时候可以吃点止痛药的 注意保暖 热敷</t>
  </si>
  <si>
    <t>痛经吃止疼药可以缓解疼痛，但是不应该长期服用，以免产生依赖性。</t>
  </si>
  <si>
    <t>可以吃，不过要医生开的。</t>
  </si>
  <si>
    <t>不可以，建议最好不用。</t>
  </si>
  <si>
    <t>止痛药吃多了对神经会有麻痹作用，还是不吃的最好，要是你每个月都有痛经，你可以在快来月经的那几天就开始防护，吃点益母草来调理，也可以在疼痛发作的时候用一个热水袋来敷，别小瞧这个，热敷可以很快的驱逐疼痛，也可以使子宫的淤血得已很快的排除 。</t>
  </si>
  <si>
    <t>天那水有毒吗</t>
  </si>
  <si>
    <t xml:space="preserve">天那水又名香蕉水，其主要成份为苯系物等芳烃类物质，具有香蕉般的气味。天那水作为喷漆工业的溶剂和稀释剂，在玩具，胶丝花，家私，彩印，电子，印花等行业广泛采用。天那水通过呼吸道和皮肤进入人体，对人体的危害不仅表现在破坏人体的造血机能，而且具有潜在致癌性。当进入人体的剂量较大时，可造成急性中毒，当剂量较小时，可带来慢性累积中毒 </t>
  </si>
  <si>
    <t>天那水又名香蕉水，有毒，且含有致癌物质。</t>
  </si>
  <si>
    <t>无毒的</t>
  </si>
  <si>
    <t>有毒的，天那水是化学物品，对人体肯定是有害的。</t>
  </si>
  <si>
    <t>有的,吃多会生病的.</t>
  </si>
  <si>
    <t>手皮肤接触到天那水会有脱脂作用,皮肤会干燥,严重时会皲裂.吸入天拿水,尽管有芳香的味道但是非常有害.短时间吸入高浓度会觉得眼鼻刺激感,流泪. 由于天拿水是亲脂性的,特别容易与神经细胞结合,出现神经损害.如疲劳、记忆力下降、注意力不集中、失眠、头晕等。严重时可昏迷。</t>
  </si>
  <si>
    <t>舌头没了能活不</t>
  </si>
  <si>
    <t>咬断舌头，第一舌头有根大动脉，会造成大出血，出血量占自身体重的20%以上，就流死了。 第二，咬断舌头以后，通常会痛休克，而嘴里在大出血，排不出来，血液会顺着声门流进气道里，而且血液会发生凝固，就像果冻一样，把你的呼吸道牢牢的堵住，你就会发生FBAO（气道异物梗阻）。大脑就会缺氧，缺氧超过10分钟，脑细胞就会死。 只要人按住大动脉及时治疗还是可以救的。</t>
  </si>
  <si>
    <t>如果得到及时的医治是不容易死的，但是如果没有得到很及时的医治活的可能性很小。</t>
  </si>
  <si>
    <t>反法西斯战争是第二次世界大战吗</t>
  </si>
  <si>
    <t>世界反法西丝战争是二战中的第二个阶段。即：1942年1月1日，26个国家在华盛顿签署了《联合国家宣言》之后。</t>
  </si>
  <si>
    <t>对于反法西斯一方来说，这次大战就是反法西斯战争。</t>
  </si>
  <si>
    <t>第二次世界大战是德、日、意等法西斯国家实行侵略扩张、争霸世界权所挑起的，经过多次局部战争逐渐演变而导致全球战争。这个说法是正确的</t>
  </si>
  <si>
    <t>二战是全世界人民反抗法西斯的正义战争，而法西斯国家就是以德 意 日为首的轴心国，中国是对日作战的主战场，也是反法西斯战争中的一部分。</t>
  </si>
  <si>
    <t>iphone玫瑰金 男的拿好么</t>
  </si>
  <si>
    <t>不太好吧，苹果是女人用的，男人用华为才man。</t>
  </si>
  <si>
    <t>无论男性还是女性，使用玫瑰金iPhone都是一种正常表现</t>
  </si>
  <si>
    <t>玫瑰金硬件和其他颜色都一样，而且并不是特别粉，也适合男生使用。</t>
  </si>
  <si>
    <t>男的都比较适合不是玫瑰金的就好。</t>
  </si>
  <si>
    <t>可以用的，我身边也有男生在用玫瑰金。</t>
  </si>
  <si>
    <t>苹果手机公司销售苹果同时带颜色问题.玫瑰金属于女性的</t>
  </si>
  <si>
    <t>安利乐纤能瘦吗</t>
  </si>
  <si>
    <t>效果很好很不错。</t>
  </si>
  <si>
    <t xml:space="preserve"> 那个不行的，我试过。</t>
  </si>
  <si>
    <t>一个月可以瘦。</t>
  </si>
  <si>
    <t>安利就是骗人钱滴，还是安心锻炼身体吧。别听那帮业务员推广吹牛</t>
  </si>
  <si>
    <t>让向你介绍乐纤的人给你详细的讲讲，根据要求去吃，会有好的效果。</t>
  </si>
  <si>
    <t>安利没用。</t>
  </si>
  <si>
    <t>所谓的减肥，那些吃的东西都是假的，靠的是让你每天坚持跳健身操。其实你想想，坚持3个月，每天几十分钟的健身操，想不减肥都难，和她们那些吃的东西有半毛钱关系？</t>
  </si>
  <si>
    <t>雷米封 异烟肼片 是一个药吗?</t>
  </si>
  <si>
    <t>雷米封是一种治疗结核病的药物,其药主要成分是异烟肼。</t>
  </si>
  <si>
    <t>雷米封是一种药的名称。</t>
  </si>
  <si>
    <t>又叫异烟肼，是治肺结核的</t>
  </si>
  <si>
    <t>异烟肼是生物碱类药物，应该不属于激素，但是对中枢神经有比较强的不良反应，用维生素B6是为了减轻这方面的副作用。#是抗结核病的一线药物，有恶心，呕吐的副作用，B6有防止呕吐的作用。#</t>
  </si>
  <si>
    <t>幽门螺旋杆菌遗传吗</t>
  </si>
  <si>
    <t>不遗传，但是会传染。</t>
  </si>
  <si>
    <t>纯净水是混合物吗</t>
  </si>
  <si>
    <t>纯净水不是科学领域的概念，而是生活中的概念，是指用过滤等措施，去除了水中的微生物，灰土等杂质，但保留了水中对人体有益的矿物质。所以纯净水是混合物。</t>
  </si>
  <si>
    <t>纯净水是纯净物。纯净的水是混合物</t>
  </si>
  <si>
    <t>纯净水是混合物,里面含有一些微量元素离子.H2O是纯净物.</t>
  </si>
  <si>
    <t>如果指的是实验室中的，是纯净物；生活中的是混合物，纯度能达到到99.99%。</t>
  </si>
  <si>
    <t>纯净水是混合物，除了水之外，还有无机盐类物质。</t>
  </si>
  <si>
    <t>夏洛特妹妹真的死了吗</t>
  </si>
  <si>
    <t>没死，友宇穿越时空把她复活了</t>
  </si>
  <si>
    <t>妹妹应该会便当，这个可以从OP结尾处推出，左边明显少一人。</t>
  </si>
  <si>
    <t>个人推测，妹妹是不会死的。</t>
  </si>
  <si>
    <t>没有死，夏洛特第十集已救出。</t>
  </si>
  <si>
    <t>当然没死。</t>
  </si>
  <si>
    <t>应该是死了。</t>
  </si>
  <si>
    <t>前列腺钙化灶影响生育吗</t>
  </si>
  <si>
    <t>前列腺钙化严重者会导致男性不育症的发生，轻则引起早泄、阳痿等性功能障碍疾病，诱发各种泌尿生殖感染疾病。</t>
  </si>
  <si>
    <t>如果前列腺炎得到控制，是不会影响生育的</t>
  </si>
  <si>
    <t>一般情况不影响生育</t>
  </si>
  <si>
    <t>前列腺钙化灶不会影响生育。</t>
  </si>
  <si>
    <t>前列腺钙化灶影响生育吗是很多前列腺钙化患者关心的话题，前列腺钙化是由于前列腺炎症时留下来的钙化斑，它是细菌藏身所在，往往会导致前列腺炎久治不愈，从而引起前列腺液减少，导致弱精子症，使人在生育上受到一定的影响。</t>
  </si>
  <si>
    <t>前列腺钙化灶不影响正常生育的，钙化灶说明以前有过炎症，但你不知道，现在炎症好了，留下的斑痕，不影响精子的质量。</t>
  </si>
  <si>
    <t>kindle 贴膜吗</t>
  </si>
  <si>
    <t>屏幕本身就是磨砂材质的，触感体验很好，几乎不怎么粘指纹，贴膜没有任何意义。屏幕虽说会和手指直接操作，进行翻页、点按什么的，但这些对屏幕的影响可以忽略。屏幕真正的核心用途是用来看，贴膜会严重影响这种视觉上的质感，贴膜纯粹是添堵</t>
  </si>
  <si>
    <t>貌似电纸书都不需要贴膜，因为屏幕材质不同，电纸书的屏幕相对比较脆弱，要小心对待。</t>
  </si>
  <si>
    <t>如果买皮套的话就不用贴膜了。它本身就是雾面，看起来不会反光（除非强光近距离照射）。</t>
  </si>
  <si>
    <t>我个人觉得没必要带</t>
  </si>
  <si>
    <t>鸡冠洞好玩吗</t>
  </si>
  <si>
    <t>鸡冠洞的四季景致不同：春季嫩芽吐蕊，夏季绿树成荫，金秋红叶似火，严冬银装素裹，再加上丛林中亭台小庙错落纵横。它形成于约6亿年前的早中更新纪，发现于唐贞观年间，山青、水秀、石奇、洞幽，四季成游。春天，春花烂漫、十里飘香；盛夏，浓荫蔽日、飞瀑流泉；金秋，红叶满山、层林尽染；隆冬，冰挂银条、松柏凝翠。所以每个季节去玩都有不同的景致，都有不同的收获。</t>
  </si>
  <si>
    <t>这个景区本来都是比较好的，您看您什么时间方便什么时间去就行了，主要是大部分景点都再室内的不影响</t>
  </si>
  <si>
    <t>鸡冠洞景区进来之后你会惊叹大自然的鬼斧神工啊，洞里面的沉积的石柱太漂亮了，穿行于钟乳石柱间，体会光影交错的奇幻，真的值得一去！</t>
  </si>
  <si>
    <t>鸡冠洞的3大特色好玩的地方：1.鸡冠洞是一座天然石灰岩溶洞。此洞斜入地下长达一千多米，景色瑰丽，深不可测，被称为北国第一洞。2.鸡冠洞中布满石灰质水溶液滴凝形成的石柱、石塔、石瀑、石川、石花，琼林玉树，千姿百态，俨然就是一座美不胜收的艺术殿堂。3.鸡冠洞内聆听水声，是一种超凡脱俗的享受。屏息凝神，细听水声，仿佛聆听琼宫仙乐、天籁之音，令人有恍兮惚兮之感。</t>
  </si>
  <si>
    <t>好玩，鸡冠洞是一座天然石灰岩溶洞。此洞斜入地下长达一千多米，景色瑰丽，深不可测，被称为北国第一洞；鸡冠洞中布满石灰质水溶液滴凝形成的石柱、石塔、石瀑、石川、石花，琼林玉树，千姿百态，俨然就是一座美不胜收的艺术殿堂。鸡冠洞内聆听水声，是一种超凡脱俗的享受。屏息凝神，细听水声，仿佛聆听琼宫仙乐、天籁之音，令人有恍兮惚兮之感。</t>
  </si>
  <si>
    <t>公司公章不备案可以吗</t>
  </si>
  <si>
    <t>需要备案。</t>
  </si>
  <si>
    <t>新注册公司的公章、财务章、发票章、报关章、合同章都是需要备案的，在你所在地的公安局备案，要先到公安局申请，批下来后再能去刻章，刻完章后再到回公安局备案</t>
  </si>
  <si>
    <t>不一定，我说的是不一定。这个与不同的地方规定有关，不过多是为了挣你钱的。</t>
  </si>
  <si>
    <t>不被案 你的公章是不受法律保护的，也没有什么用途。要是因为这个打起官司，吃亏的是你啊。 不要为一时小的利益，就省那几个小钱。</t>
  </si>
  <si>
    <t>肯定要备案的，当你营业执照申请下来时,就要到指定的刻章地方刻章并备案，如果你现在已经刻了,就到工商局领一份备案表,盖上公章，</t>
  </si>
  <si>
    <t>不备案很容易吃亏</t>
  </si>
  <si>
    <t>社会团体的印章经社团登记管理机关和有关业务主管部门备案后，方可启用</t>
  </si>
  <si>
    <t>尽管有公安部的专门规定，但未经备案的公章，在特定情况下也具一定法律效力。对于企业来说，为了规避风险，公章尽量要到公安备案。对于合同一方来说，如果有必要，可以委托律师前往公安机关公章管理处，查询对方公章是否有备案。</t>
  </si>
  <si>
    <t>事业单位没有车补吗</t>
  </si>
  <si>
    <t>目前公车改革只针对占用公务员编制和参公编制的人员，其余人员一律没有。因此事业编制人员暂时还没有车补。</t>
  </si>
  <si>
    <t>因为国家搞三六九等，尽管很多事业人员和公务员同一个办公室做同样的工作，但身份不一样，所以事业工资低得多，也没有车补，这是国家政策好，公务员是社会特权阶层造成的。</t>
  </si>
  <si>
    <t>事业单位发放车补需要根据不同的职位和级别进行发放.</t>
  </si>
  <si>
    <t>木耳和香菇能一起吃吗</t>
  </si>
  <si>
    <t>两类素食都是很高营养的食品，无论蒸煮还是煲汤都是很丰富的食材，加上都是低脂肪的保健食品更值得大家混搭一起吃，没有相克之说！木耳胶质可把残留在人体消化系统内的灰尘、杂质及放射性物质吸附，集中起来排出体外，从而起到清胃、涤肠、的作用。香菇则有气虚头晕、贫血、白血球减少，自身抵抗力下降以及年老体弱者宜食；高脂血症，高血压病，动脉硬化症 ，糖尿病，肥胖者宜食；癌症病人及癌症患者放疗、化疗后宜食；急慢性肝炎，脂肪肝，胆结石，便秘者 宜食；所以说两者是可以放在一起烹煮的，味道极佳！</t>
  </si>
  <si>
    <t>木耳和香菇能一起吃。</t>
  </si>
  <si>
    <t>是可以同吃的。清炖香菇木耳</t>
  </si>
  <si>
    <t>蘑菇和木耳能一起，蘑菇味甘、性凉，归胃、大肠经；有益神开胃，化痰理气，补脾益气之功效；主治精神不振、食欲大减、痰核凝聚、上呕下泻、尿浊不禁等症。</t>
  </si>
  <si>
    <t>12306的账号能注销吗</t>
  </si>
  <si>
    <t>注销是可以的，但是只能凭身份证去车站注销或者到12306网站上找找常见问题，里面应该有的。</t>
  </si>
  <si>
    <t>注册12306账号的用户可以将账号注销。</t>
  </si>
  <si>
    <t>12306账号一经注册便无法注销。可以进入12306账号将所有的有关个人的信息全部删除掉，但是账号还是存在的，可以不使用，也没有必要注销。</t>
  </si>
  <si>
    <t>从铁路部门了解到，注册12306账号的用户可以将账号注销</t>
  </si>
  <si>
    <t>本人持二代身份证原件到车站窗口办理身份证注销手续，注销之后您就能在互联网正常注册。</t>
  </si>
  <si>
    <t>目前不能注销</t>
  </si>
  <si>
    <t>每个身份证件只能注册一个用户名，建议你按官网上订票登录页面“忘记用户名/密码”链接找回，如果你实在无法找回密码，可以按官网上订票常见问题里的方法向铁路客服中心提交申请注销以前的用户名。</t>
  </si>
  <si>
    <t>奥尔滨晚安粉 白天可以用吗</t>
  </si>
  <si>
    <t>奥尔滨晚安粉主要成分是VC，VC一般都是需要避光使用的，所以白天用不行的。</t>
  </si>
  <si>
    <t>可以，也可以当散粉用</t>
  </si>
  <si>
    <t>不要在白天用，这款晚安蜜粉的主要成分是VC，需要避日光使用，其实就是粉状护肤品，和化妆品的粉是不同的东西，白天还是用化妆品吧。</t>
  </si>
  <si>
    <t>如果是奥尔滨的晚安粉，那白天最好不要用，因为有美白成分。白天用有可能更容易黑。</t>
  </si>
  <si>
    <t>你在生活中感受过不一样的爱吗</t>
  </si>
  <si>
    <t>最随处可见的，老师与同学，生活中的爱有很多，亲情，爱情然而正在上学的我们也感受到了，这天，我很是失落的来到了学校，突然心情郁闷，想好好的发泄一下，和哥们打了一个下午的篮球，我们都打的大汗淋漓，爽快！很感谢哥门们给我的爱，我们之间铁的友情！正好打完球还剩最后一节课，放学好好感谢哥门陪我，可是这最后一节课，老师要我们xxx，可是我实在很累了，怎么也做不到，我主动和老师说，老师很理解我可也给我了惩罚，我们之间的爱，就是师生情。时间的爱种种，变化多端，我们应该珍惜现在，珍惜每一份情！</t>
  </si>
  <si>
    <t>小蜜蜂紫草膏婴儿可以用吗</t>
  </si>
  <si>
    <t>两岁以下宝宝不能用</t>
  </si>
  <si>
    <t>怀孕了能吃火龙果吗</t>
  </si>
  <si>
    <t>怀孕完全可以吃火龙果，而且应该营养均衡，什么都要吃。</t>
  </si>
  <si>
    <t>可以，营养丰富。</t>
  </si>
  <si>
    <t>孕妇吃火龙果有很多的好处,火龙果中的植物性白蛋白对人体胃壁有保护作用。孕妇吃火龙果对胃也有保护作用.火龙果中含有丰富的膳食植物纤维素，膳食纤维可以防止便秘的发生。另外还有降血压的功效，对患有高血压的孕妇及妊高症的孕妇都很有好处。</t>
  </si>
  <si>
    <t>孕妇可以吃的，没有什么不好的影响的。</t>
  </si>
  <si>
    <t>可以吃,但必须少吃！</t>
  </si>
  <si>
    <t>怀孕初期是可以吃火龙果的，火龙果是凉性的,而且维生素丰富,吃一些对孕妇的便秘是有好处的,但是也不宜多吃适量就好,可以补充一些其他的水果。</t>
  </si>
  <si>
    <t>火龙果是可以吃的。</t>
  </si>
  <si>
    <t>苹果能无线连接电脑吗</t>
  </si>
  <si>
    <t>可以，蓝牙，wifi</t>
  </si>
  <si>
    <t>可以进行连接的</t>
  </si>
  <si>
    <t>奇异果软了还能吃吗</t>
  </si>
  <si>
    <t>能，软了更甜。</t>
  </si>
  <si>
    <t>要看具体情况，能吃情况：猕猴桃和香蕉一样需要后熟，正常情况下，买回的猕猴桃在家放几天就会自己后熟变软，这时候的猕猴桃适合食用，口感最好，酸甜适中。不能吃的情况：猕猴桃后熟之后是整体都会变软，若是出现了局部变软，尤其是有伤痕的地方变软，其他地方却是硬的，切开后颜色不均匀，这种是腐败的现象，不适合食用。还有猕猴桃后熟之后很容易腐败，变软之后最好在几天内吃完，变软后放太久也会腐败，这种软猕猴桃也不适合食用。</t>
  </si>
  <si>
    <t>心不黄，不流汤，不碍事。</t>
  </si>
  <si>
    <t>可以呀，变软代表熟了</t>
  </si>
  <si>
    <t>可以啊，但是明显感觉味道变了的肯定不能吃。</t>
  </si>
  <si>
    <t>可以吃，但是要注意，如果有酒味就不要吃了。</t>
  </si>
  <si>
    <t>可以的，而且味道会非常好，糖分已经充分转化了。</t>
  </si>
  <si>
    <t>细致地把果实全身轻摸一遍，选质地较硬的果实。凡是已经整体变软或局部有软点的果实，都尽量不要。如果选了，回家后要马上食用。</t>
  </si>
  <si>
    <t>这要看怎么个软法了，如果是摸上去感觉都是水，那就不要吃了，已经变味了，如果摸上去没有积水的感觉，那就可以吃</t>
  </si>
  <si>
    <t>韩国科学技术院好申请吗?</t>
  </si>
  <si>
    <t>登录KAIST官方网站就有关于外国留学生的申请步骤。只需要英语。</t>
  </si>
  <si>
    <t>飞机上有东西吃吗</t>
  </si>
  <si>
    <t>一般正常的航空公司，在飞行中，提供免费食物的，有其自身的标准，超标准的要求服务的，都是要收费的。</t>
  </si>
  <si>
    <t>有些航空公司，在食物有多余时候，乘客也可以要求免费都要一份，这个视不同的情况来定的。</t>
  </si>
  <si>
    <t>有啊</t>
  </si>
  <si>
    <t>会有旅客餐，尤其是长航线过饭点的航班，一般都给配米饭或者面条之类的餐食，短航线一般配给餐盒，里面一般是面包花生米等小吃之类的。除此之外，大多数航空公司都会分发可乐、茶、果汁或者咖啡等饮料，包括前面的餐食，一般都是免费的（也可以认为是包含在机票钱里面了）,少部分廉价航空公司除外，里面是要喝水你就得找空姐买。</t>
  </si>
  <si>
    <t>法人可以是个人吗</t>
  </si>
  <si>
    <t>可以啊</t>
  </si>
  <si>
    <t>法人指的是公司</t>
  </si>
  <si>
    <t>臀位是女孩吗</t>
  </si>
  <si>
    <t>胎儿的性别与其胎位没有关系，胎儿性别由父母双方的染色体决定。</t>
  </si>
  <si>
    <t>我有个同事臀位是女孩</t>
  </si>
  <si>
    <t>insanity减肥效果好吗</t>
  </si>
  <si>
    <t>我有一个朋友用过，没什么效果。</t>
  </si>
  <si>
    <t>这种减肥产品最好不要吃！减肥除了合理饮食和运动，其他全都是浮云！</t>
  </si>
  <si>
    <t>玻璃可以防紫外线吗</t>
  </si>
  <si>
    <t>玻璃可以完全阻挡UVB，但是UVA则可以穿透玻璃。所以，单纯说玻璃防紫外线或是不防紫外线都是不准确的。</t>
  </si>
  <si>
    <t>不防，除非贴膜</t>
  </si>
  <si>
    <t>绝大部分普通玻璃都具有不同程度的吸收紫外线的功能。</t>
  </si>
  <si>
    <t>不能防紫外线。</t>
  </si>
  <si>
    <t>普通玻璃能阻挡90%以上波长小于300nm的紫外线，但是能让 90%以上波长大于350nm的紫外线通过。与普通玻璃不同的是，石英玻璃和二氧化硅玻璃是能够让紫外线通过的。另一种玻璃是有机玻璃，或者说树脂玻璃，塑料玻璃。这一类的玻璃对于UVA的阻挡作用明显好于普通玻璃。</t>
  </si>
  <si>
    <t>普通玻璃就能阻止紫外线。</t>
  </si>
  <si>
    <t>玻璃可以完全阻挡UVB，但是UVA则可以穿透玻璃。单纯说玻璃防紫外线或是不防紫外线都是不准确的。简单的就是太阳强光下隔着玻璃晒皮肤发热发疼肯定是不防紫外线的，大部分汽车玻璃都不防的，包括百万级豪车。</t>
  </si>
  <si>
    <t>c判断字符串是不是数字</t>
  </si>
  <si>
    <t>数字和字母还有所有的符号都是字符，字符都是用ascii存的。</t>
  </si>
  <si>
    <t>咳嗽能吃黄瓜吗</t>
  </si>
  <si>
    <t>咳嗽能吃黄瓜的，不会有影响</t>
  </si>
  <si>
    <t xml:space="preserve">脾胃虚弱、腹痛腹泻、肺寒咳嗽都应少吃。 </t>
  </si>
  <si>
    <t>可以吃的。感冒了要多吃点碱性食物。感冒后及时调整身体的酸碱性也有助于病情的好转，每天最起码应保证摄入500克～750克的绿色新鲜蔬菜，2～3个水果，因为它们是重要的碱性食品。</t>
  </si>
  <si>
    <t>咳嗽能吃黄瓜的，不会有影响。</t>
  </si>
  <si>
    <t>没开网银能绑定微信吗</t>
  </si>
  <si>
    <t>这个没有限制，只要你在银行开的有户且支持微信支付就可以绑定微信支付</t>
  </si>
  <si>
    <t>可以，只要有卡</t>
  </si>
  <si>
    <t>可以的，网银只是一个支持网上银行转账的功能。网上支付不需要开通网银也能支付，只需要在微信绑定银行卡就行</t>
  </si>
  <si>
    <t>没开通网上银行也可以绑定微信的。</t>
  </si>
  <si>
    <t>可以的，可以绑定微信，QQ，支付宝，只要绑定了，这里面的钱是互通的！</t>
  </si>
  <si>
    <t>不影响的，银行卡不开通网银也可以绑定微信</t>
  </si>
  <si>
    <t>gps用流量吗</t>
  </si>
  <si>
    <t>我们用的大多数为AGPS定位，就是利用GPS信号+运营商的基站辅助定位，这种好处是定位速度快，缺点就是需要稍微耗费点儿流量！</t>
  </si>
  <si>
    <t>不耗流量</t>
  </si>
  <si>
    <t>过GPS模块对应的卫星数据定位，必须3颗以上的卫星信号才能确定你的方位。跟GPRS数据流量没有任何关系。</t>
  </si>
  <si>
    <t>亲，如果只是打开GPS定位是不需要任何流量数据的。如果您配合导航以及其他地图业务，会消耗一定的流量数据。</t>
  </si>
  <si>
    <t>联网搜地方要流量，你只开GPS没开网的话是不要流量的</t>
  </si>
  <si>
    <t>不需要，GPS是通过卫星定位你的大概方位的和运营商没有一点关系！</t>
  </si>
  <si>
    <t>退休后可以提取公积金吗</t>
  </si>
  <si>
    <t>劳动者达到法定退休年龄，办理退休，可以一次性全额提取住房公积金。</t>
  </si>
  <si>
    <t>退休后可以提取全部公积金</t>
  </si>
  <si>
    <t>达到退休年龄之后，是可以携带材料到住房公积金管理中心办理提取手续，之后转入个人银行账户上</t>
  </si>
  <si>
    <t>有退休证明就可以提取</t>
  </si>
  <si>
    <t>员工达到退休年龄之后即可满足提取住房公积金的条件。员工携带相应的资料到公积金管理中心办理提取手续即可。</t>
  </si>
  <si>
    <t>龙之谷花钱么</t>
  </si>
  <si>
    <t>大多数游戏都是不想花钱就多花时间 龙之谷 如果不最求极限 对外观没有特别的执着 愿意多花时间的花还是不烧钱的 但是最求极限那投入就会很大</t>
  </si>
  <si>
    <t>烧钱有烧钱的玩法，不烧钱有不烧钱的玩法</t>
  </si>
  <si>
    <t>现在的动作网游普及了，玩的人都不多了，龙之谷现在玩的人不多了，有钱的，牛的，吊砸天，虽然官方现在比较照顾新手玩家，好升级送装备，但是每一个游戏都终归有那么一些花钱买快乐的人，还是值得玩的。</t>
  </si>
  <si>
    <t>木槿花西月锦绣完结了吗</t>
  </si>
  <si>
    <t>原非白，和暗宫的司马邃 ，是双生子，非白和木槿最后结婚了，也当上了皇帝，木槿当然是皇后，最后非白死在幽冥教的暗杀下，（死的时候很凄凉，没有木槿在身边）。他的弟弟司马，在非白死后，顶替非白，当上皇帝。（木槿不知道），最后被木槿发现。原非珏，在他清醒之后，心里充满仇恨，各种不服，最后和司马邃（非白的弟弟）争夺大战，最后结局只是说大战之后被高僧点化，出家了。宋明磊，和兰生也是双生子。（父亲是原清江，母亲原青舞），宋明磊在西营和东营的争斗中败下阵，原清江告知他是他儿子，，宋二哥受不了打击，受不了自己的父亲的冷血，和一直以来的复仇都是一个笑话，最后逃到暗宫，在木槿和于飞燕面前自杀。花木槿，在得知非白已死的消息后，大受打击，但是发现怀了非白的孩子，就想尽办法逃离司马邃身边（司马也爱他，不过爱得有点点变态），然后回到君家寨，月容在那里等她，最后在月容死后，哭了三天三夜。然后都是些传说，说什么成仙了啊，本人觉得可以当成仙了。她和非白的孩子也是双生子，然后一个当了皇帝，一个继承了君莫问的财产。段月容，在木槿回到君家寨后就一直守着木槿，（前几世木槿都是他的妻子啊，受到诅咒这一世才没有办法在一起），最后描述的是他为了救几个孩子在黄河淹死了。花锦绣，皇太后，孩子也是当了皇帝的，但是最后被非白的孩子夺位，锦绣应该也是在夺位后死的。原非烟，在宋明磊事败后，被非白逼着跳井自杀。齐放，最后喜欢青媚，为救花木槿，跟着青媚在暗宫受伤，好多年后，失去记忆，满身残疾的出现在君莫问的面前。姚碧莹，她最后被非玉赶来中原，重新回到了原家，死在自己的母亲的毒计下，和非白死在同一个暗杀中。按死亡的先后顺序来吧...二哥其实是原清江和原清舞的私双生子宋明磊和兰生轮流出现的，宋明磊对原清江逼宫也是企图为明家复仇时，知道身世外加非白的逼迫宋明磊自杀于木槿之手，兰生出家云游（兰生才是跟木槿生离死别的那个，兰生也是幽冥教主），原非清是秦小姐和家丁的私生子，为宋明磊挡箭而死，原非烟是被扔入井中溺死的（跟非白有关）...碧莹被撒鲁尔送回中原，因母亲明风卿复仇使得自己死于母亲头颅的爆炸，而非白也是这会死于明风卿的毒雾中...司马遽也就是非白的孪生弟弟取代非白统治塬朝，还和木槿生活了一段时间，木槿发现真相后逃了出来，逃的过程中青媚死了，齐放失散了（后来发现残疾了），木槿跟段月容在一起了，还生下了非白的双生子，段月容为木槿归隐让位于夕颜...塬朝跟突厥打仗重创突厥，于飞燕战死，非珏出家，此时的皇帝司马受重伤后死去，非流即位成了皇帝，锦绣当上太后，后又自立女王...段月容后来为救落水儿童被水淹死了，木槿的最后结局没有明说，用的都是第三人称转述，有说疯了，也有说羽化的，这就可以自己发挥了...木槿和锦绣才是真正的明家人（明风扬和胡人的女儿），也正是因为是明家人的缘故孟颖才被招入这个时代...轩辕家没落了，在小说中出现的轩辕家的人都死了才有了原昌猿替...原家成为了皇族...司马遽帮司马一族沉冤得雪...紫浮和木槿本是夫妻，由于大元神的作梗才有了这样的前世今生...非白死了，为木槿铺好了以后该走的路，兰生出家，宋明磊死了，两个人带着同一份爱消失于这个世界，碧莹死了，带着绝望和愧疚。最后月容也死了，带着对世事的了然，木槿也随着去了，把一生眼泪偿尽。一直都很佩服这个故事的背景，可以有自己的历史，对木槿的坚韧，也是不可知否，她是书中最卑微的存在，也是书中最灵魂的存在，她不高贵，不漂亮，不出众，却一直以自己的信念名动天下，她看的清自己的心意，她倾尽心血支撑自己的心上人，与月容八年耳鬓厮磨，仍旧不弃非白，饶是世间伤她者多，甚至是自己亲妹，她也毫无报复之心，她的真情实感一直都是花西这本书最动人的地方。看完大结局，仿佛之前的那些战争离乱都不算什么了，因为已然死别，读到非白去了的那里，我觉得心都要揪起来了，非白一生都在折磨木槿折磨自己，死后甚至安排弟弟作为另一个自己，最大的遗憾是非白与木槿聚少离多，好不容易却又天人两隔。对于其他人物，也是欢少忧多，宋明磊，兰生，碧莹，锦绣，飞燕，其实到最后无所谓谁对谁错了。</t>
  </si>
  <si>
    <t>NO</t>
  </si>
  <si>
    <t>还没有完结</t>
  </si>
  <si>
    <t>不久前完结了</t>
  </si>
  <si>
    <t>没有完结！</t>
  </si>
  <si>
    <t>脸上长痘可以吃鸡蛋吗</t>
  </si>
  <si>
    <t>可以食用</t>
  </si>
  <si>
    <t>鸡蛋可以吃的。</t>
  </si>
  <si>
    <t>可以的。不过最好每天吃一个不要吃多。</t>
  </si>
  <si>
    <t xml:space="preserve">不能 </t>
  </si>
  <si>
    <t>鸡蛋和牛奶主要含有蛋白质，是很好的营养食品，可以食用的。</t>
  </si>
  <si>
    <t>虚拟商品能退款吗</t>
  </si>
  <si>
    <t>如果被骗可以投诉。</t>
  </si>
  <si>
    <t>可以申诉，不过要提交证据。</t>
  </si>
  <si>
    <t>在淘宝购买虚拟商品能够申请退款</t>
  </si>
  <si>
    <t>网购中的虚拟物品是都不能够退款的,虚拟商品一般都是以代码及数字'形式发给买家的,只要买家收到货是一律不能退款的</t>
  </si>
  <si>
    <t>一般是不可以的吧，除非你能证明此次交易并不成功，比如没有充值成功或者是卡密错误之类的，不然一般是不能退款的</t>
  </si>
  <si>
    <t>夜行书生恐怖吗</t>
  </si>
  <si>
    <t>不恐怖，电视剧的类型是古装，爱情，吸血鬼，玄幻</t>
  </si>
  <si>
    <t>梅毒1:2会传染吗</t>
  </si>
  <si>
    <t>很有可能传染，建议抓紧治疗，梅毒绝大多数是通过性途径传播，临床上可表现为一期梅毒、二期梅毒、三期梅毒和潜伏梅毒。梅毒螺旋体也可以间接接触传染,如通过接吻、 哺乳和被患者分泌物污染的衣裤、被褥等日常用品造成传播。治疗；强调诊断,早治疗,疗程规则,剂量足够;疗后定期临床和实验室随访, 性伙伴同查同治。</t>
  </si>
  <si>
    <t>在不经过治疗的情况，保持2年的时间，可以定性为血清固定，是没有传染性的。但不能否定，以后会复发。而且这样的检查报告也能说明以后比正常人更容易感染梅毒，所以平时多加注意，加强预防。</t>
  </si>
  <si>
    <t>梅毒1:2的传染性较强，未经治疗的梅毒患者在感染梅毒螺旋体1-2年内最具传染性，尤其是早期梅毒病人其病灶处的分泌物中含有大量梅毒螺旋体，因此传染性最强。</t>
  </si>
  <si>
    <t>章子怡还是处吗</t>
  </si>
  <si>
    <t>想多了，娱乐圈一开始的合同上就已经写明，在合同期间一切配合，包括和导演，赞助商，其它老板喝酒上床。</t>
  </si>
  <si>
    <t>王健林有后台吗</t>
  </si>
  <si>
    <t>他基本上没什么后台，他的父亲是个王义全是个老红军，岳父林连章是个副部级老干部（2011年已去世），虽然算个官二代但是绝非网上谣传的是某领导人的亲属，要不然也不敢那么高调.</t>
  </si>
  <si>
    <t>基本没有后台，他的父亲王义全是个老红军。他的岳父林连章也不过局级待遇，已于2011年去世。这样的背景能做到全国首富应该算很成功了。</t>
  </si>
  <si>
    <t>没有后台的！</t>
  </si>
  <si>
    <t>他那关系网可是复杂得很，你要真找，不知道多少官员和商家得扯出来呢。钱就是权，权就是钱。先找官员，官员有权，以权生钱，有钱之后，以钱滚钱，利滚利，再以钱生权。万达这么有钱自然后台复杂又硬，而且自己都这么大了，自己都能成后台了。</t>
  </si>
  <si>
    <t>舌炎传染吗</t>
  </si>
  <si>
    <t>可能会的，如果是对方的抵抗力比较低的情况下发生的概率是相对的比较大一些的</t>
  </si>
  <si>
    <t>一肤王霜能长期使用吗</t>
  </si>
  <si>
    <t>不能常用</t>
  </si>
  <si>
    <t>孕妇能养绿萝吗</t>
  </si>
  <si>
    <t>可以，绿萝净化空气比较好，吸收有害气体，吸收甲醛都可以。绿萝很好养，比较耐旱，土干透浇水就可以，土不干不浇水，怕涝怕冻冬天注意保温喜肥水浇水时加点营养液，喜湿润叶片经常喷喷水比较好。</t>
  </si>
  <si>
    <t>可以养绿萝，绿萝净化空气比较好，吸收有害气体比较好，很好养，比较耐阴，放室内明亮处比较好，干透浇水就可以，粗放管理就可以生长好好。</t>
  </si>
  <si>
    <t>绿箩好像本来就不适合卧室，比较适合办公室！因为它白天吐氧气，晚上吐二氧化碳</t>
  </si>
  <si>
    <t>冰糖雪梨可以放红枣吗</t>
  </si>
  <si>
    <t>可以加</t>
  </si>
  <si>
    <t>可以的，红枣补血的，然后冰糖雪梨又止咳润肺，所以补气血来也不会燥热，很好的搭配哟！</t>
  </si>
  <si>
    <t>红枣是补血补气的，而梨是凉性的，所以不建议在一起同时煮.</t>
  </si>
  <si>
    <t>冰糖炖雪梨不建议放红枣。</t>
  </si>
  <si>
    <t>应该可以的，不仅饱口服，还可以美容养颜</t>
  </si>
  <si>
    <t>不可以，最好冰糖雪梨分开炖来吃，冰糖雪梨能清热润肺，红枣枸杞可以补血养颜。</t>
  </si>
  <si>
    <t>红枣是补血的，属于温热食品；炖梨适合天气干燥食用，不仅可以滋阴润肺，对秋季易复发的支气管类慢性病产生的干咳等不适有很好的调理作用。</t>
  </si>
  <si>
    <t>职业打手靠谱么</t>
  </si>
  <si>
    <t>可靠！需要定金。</t>
  </si>
  <si>
    <t>看你打单速度，基本不是问题</t>
  </si>
  <si>
    <t>徐州铜山新区建筑工地有招工的吗</t>
  </si>
  <si>
    <t>有啊，在百姓网，赶紧网，58，就能看到。</t>
  </si>
  <si>
    <t>建议安装招聘软件客户端或直接登录招聘网站查看</t>
  </si>
  <si>
    <t>甚平会霸气吗</t>
  </si>
  <si>
    <t>应该会。但没看他放过。</t>
  </si>
  <si>
    <t>甚平会霸气哦，不举例推测，就给你一个正面回答。TV版447级，黑胡子说的话：“你厉害的出乎我的想象啊，霸气也比以前增强了”，这是甚平拦下路飞的时候，黑胡子说的。你认为这是对谁说的。那时候路飞还不会霸气，而甚平因为和白胡子海贼团的来往，是早就认识黑胡子的。所以等于黑胡子直接道出甚平会霸气，而且很强。</t>
  </si>
  <si>
    <t>地狱边境恐怖吗</t>
  </si>
  <si>
    <t>不恐怖，08年以后买的机器基本都能玩</t>
  </si>
  <si>
    <t>左心室高电压算体检不合格吗</t>
  </si>
  <si>
    <t>高电压只能说是心脏略有不正常，不见得是发生了器质性病变</t>
  </si>
  <si>
    <t>单纯的一个高电压就没关系,那不能说明什么问题,正常人也可能出现.没伴随其他症状就可以了.</t>
  </si>
  <si>
    <t>拔罐去除体内湿气</t>
  </si>
  <si>
    <t>有一定效果。拔火罐可以疏通气血，帮助排毒，祛湿。</t>
  </si>
  <si>
    <t>可以，但拔罐的同时也会泻气。除湿还是通过改善、调理饮食习惯效果更好，因为大多的湿还是饮食不合理造成的。</t>
  </si>
  <si>
    <t>三星w2015是4g手机吗</t>
  </si>
  <si>
    <t>这款手机不是全网通手机，不可以使用移动4G</t>
  </si>
  <si>
    <t>Samsung Galaxy W2015 双卡，Sim1 支持 电信4G/3G/2G 。</t>
  </si>
  <si>
    <t>是的，这款是4g手机，还是电信双4g得。</t>
  </si>
  <si>
    <t>W2015是一款电信4G双卡手机，卡槽1支持电信2G/3G/4G网络；卡槽2支持移动/联通2G网络。</t>
  </si>
  <si>
    <t>Samsung Galaxy W2015 双卡,Sim1 支持 电信4G/3G/2G ,Sim2 支持 联通2G ; 移动2G,W2015 不支持使用移动4G网</t>
  </si>
  <si>
    <t>三星W2015手机不支持移动4G网络。</t>
  </si>
  <si>
    <t>你好! 并不支持移动的4g网络,只支持联通或者电信的4g网络!所以你首先需要用电信或者联通的4g卡开通4g套餐那么手机将自动启用4g</t>
  </si>
  <si>
    <t>电热毯关掉还有辐射吗</t>
  </si>
  <si>
    <t>没有辐射了。电热毯是电热丝加热，我们通常用的市电，是220V，50Hz交流电。＃＃电热毯的电磁辐射是通电的时候才产生的，烧热后关掉当然不产生电磁辐射了，对孕妇无害的，可以睡的。孕妇最好是用无电磁辐射的电热毯，网上可以查到的。＃＃关掉电热毯后，没有电流通过，自然没有辐射存在。孕妇不要用电热毯</t>
  </si>
  <si>
    <t>电热毯的电磁辐射是通电的时候才产生的，烧热后关掉当然不产生电磁辐射了。</t>
  </si>
  <si>
    <t>电热毯的电磁辐射是通电的时候才产生的，烧热后关掉当然不产生电磁辐射了</t>
  </si>
  <si>
    <t>电热毯关了就没有辐射了。</t>
  </si>
  <si>
    <t>电热毯断电就没有辐射了，因为辐射是电流引起的。</t>
  </si>
  <si>
    <t>当然有。物理学上明确的说，高于绝对零度的物体都存在辐射。但大多数对人无害。包括你说的电热毯。</t>
  </si>
  <si>
    <t>五险就是社保吗</t>
  </si>
  <si>
    <t>五险是社保。</t>
  </si>
  <si>
    <t>社会保险和五险没有区别，只是民间的叫法不同，官方文件规范为社会保险， 民间叫法为五险。</t>
  </si>
  <si>
    <t>基本可以认定是这样。</t>
  </si>
  <si>
    <t>社会保险是指国家通过立法，按照权利与义务相对应原则，多渠道筹集资金，对参保者在遭遇年老、疾病、工伤、失业、生育等风险情况下提供物质帮助（包括现金补贴和服务），使其享有基本生活保障、免除或减少经济损失的制度安排。包含养老保险、医疗保险、生育保险、失业保险、工伤保险，俗称“五险”</t>
  </si>
  <si>
    <t>社保包括五险，养老、医保、失业、工伤和生育</t>
  </si>
  <si>
    <t>社保是社会统筹保险的简称，包括养老保险、医疗保险、失业保险、工伤保险、生育保险</t>
  </si>
  <si>
    <t>五险是社保，有养老保险医疗保险失业保险工伤保险生育保险五个险种，住房公积金不是社保</t>
  </si>
  <si>
    <t>大话种植竹子挣钱么</t>
  </si>
  <si>
    <t>每年竹子效益的高低和采伐时的竹子价格行情密切相关。我种植的竹子，带竹子根出售的，第一次3元/株，第二次只卖2元/株。两次卖，每株价格就相差1元。故赚钱数额多少真难于预料。</t>
  </si>
  <si>
    <t>竹子一身是宝，赚钱没问题</t>
  </si>
  <si>
    <t>竹子有益身体，其中竹纤维、竹炭更是现今的“贵重物品”，所以种植竹子应该很赚钱</t>
  </si>
  <si>
    <t>150人民币左右，但是刨除点卡的钱，也就是赚100左右，建议LZ弄2个种植2个畜牧，这样不冲突，要不然任务太多#47头疼＃＃4开竹子可以累吐血你。 个人介意 赚钱还可以 的 不如4开或者5开畜牧， 刷羚羊角 一个号一小时230万， 你上几个小时算自己个小时的 再去除点卡钱， 每个号1天一张50的点卡 你每天就算刷9个小时 4开你能纯赚140+。 （这些都是本人亲力亲为，经过实战经验总结的）</t>
  </si>
  <si>
    <t>百合是百合花的根吗</t>
  </si>
  <si>
    <t>百合花的根和平常吃的百合并不完全一样。</t>
  </si>
  <si>
    <t>不是根，是像蒜头一样的。可，入药，做菜</t>
  </si>
  <si>
    <t>百合为百合科百合属植物,百合(Lilium brownii)、毛百合（Lilium dauricum）或山丹百合（Lilium pumilum）又叫细叶百合的肉质鳞茎，鲜食干用均可,百合是百合花的球茎，不是根</t>
  </si>
  <si>
    <t>不是的</t>
  </si>
  <si>
    <t>吃的百合是百合花在地下部分的鳞茎，鳞茎下面才是根。不过食用百合和观赏百合是不同的品种，花市出售的百合花的“根”是不能吃的。</t>
  </si>
  <si>
    <t>长安是国企吗</t>
  </si>
  <si>
    <t>是国企，长安汽车是由中国南方工业集团公司、中国航空工业集团公司共同组建的一家大型国有企业。</t>
  </si>
  <si>
    <t>长安马自达、长安福特、长安铃木等等可都是合资的品牌了，长安只是生产而已了！</t>
  </si>
  <si>
    <t>长安汽车集团属于国企。</t>
  </si>
  <si>
    <t>长安汽车是国有企业。</t>
  </si>
  <si>
    <t>重庆长安汽车是大型国企</t>
  </si>
  <si>
    <t>苹果官网会买到翻新机吗</t>
  </si>
  <si>
    <t>官网不会假的。</t>
  </si>
  <si>
    <t>当对方在苹果官网选择翻新机的时候，才会给其翻新机，价格不一样的。</t>
  </si>
  <si>
    <t>一般大的品牌代理和官网不会有翻新机。</t>
  </si>
  <si>
    <t>苹果的官网要是还能买到翻新机那也真实无敌了，放心的去买。</t>
  </si>
  <si>
    <t>官方网站上有专门卖翻新机的。</t>
  </si>
  <si>
    <t>官网都是新机</t>
  </si>
  <si>
    <t>不会。但是你手机坏了拿去换新机就是官方翻新机。</t>
  </si>
  <si>
    <t>自制酵素能喝吗</t>
  </si>
  <si>
    <t>三个月都开始喝了，没有什么坏的反应。反倒皮肤变好了，斑点减淡了很多，肠胃都很舒服。由于做的桶比较大，只导出来一部分先慢慢喝，剩下的继续发酵，相信越久越好。</t>
  </si>
  <si>
    <t>自制酵素还可以，不过自己做的话其实会比较麻烦，安全方面得不到保障，而且自制酵素的活性不好的话对减肥也没有用。</t>
  </si>
  <si>
    <t>环贸国际商城是真的吗</t>
  </si>
  <si>
    <t>骗局，你也是要做网点的。</t>
  </si>
  <si>
    <t>不是网络电视可以用小米盒子吗</t>
  </si>
  <si>
    <t>可以，因为相当于电视仅仅起到显示器的作用，与电视是否能够联网无关。</t>
  </si>
  <si>
    <t>小米盒子对电视没什么太大要求,有HDMI接口就行,对于有线电视和网络电视是可以切换。</t>
  </si>
  <si>
    <t>可以用小米盒子连接网络看网络电视的，老式电视只要能与小米盒子连接好，一样可以看电视的。</t>
  </si>
  <si>
    <t>有HDMI是可以使用小米盒子的。</t>
  </si>
  <si>
    <t>s990是纯银吗</t>
  </si>
  <si>
    <t>990是指含有99%以上的银</t>
  </si>
  <si>
    <t>S990是99.0%也是纯银，纯度在925之上，但没有999银足。</t>
  </si>
  <si>
    <t>s990是纯银。S990中文又简称：纯银</t>
  </si>
  <si>
    <t>S990是99.0%也是纯银</t>
  </si>
  <si>
    <t>S990”代表纯银，虽然理论上100%才是纯银，但实际很难获得100%的纯度。99银的颜色苍白，而且很软，用它做的首饰容易变形，不能镶嵌宝石等。所以S990是目前市面上银饰上含银量最高的。</t>
  </si>
  <si>
    <t>吃猪血补血吗</t>
  </si>
  <si>
    <t>猪血中含有人体不可缺少的营养物质无机盐和微量元素如钠、钾、钙、磷、锰等。据测定，每ioo克猪血含铁高达45毫克，比一般肉类高10多倍，且铁又是能为人体吸收血色型铁，具有良好的补血功能。</t>
  </si>
  <si>
    <t>本田自由能带人吗</t>
  </si>
  <si>
    <t>可以带一个人。</t>
  </si>
  <si>
    <t>带人很正常，不会有影响的</t>
  </si>
  <si>
    <t>过期红茶能喝吗</t>
  </si>
  <si>
    <t xml:space="preserve"> 茶叶过期了是不可以继续喝的，过期茶叶往往会含有一定量的微生物，可能对人体有一定的致病性。</t>
  </si>
  <si>
    <t>茶叶过期了是可以继续喝的</t>
  </si>
  <si>
    <t>不能了，为了健康 细微变质长霉，没看到怎么办，虽然可能还能用，但是保质期有他必然性。</t>
  </si>
  <si>
    <t>冰糖上火吗</t>
  </si>
  <si>
    <t>它们都是凉性，不会上火。</t>
  </si>
  <si>
    <t>都不上火。</t>
  </si>
  <si>
    <t>中医认为冰糖具有润肺、止咳、清痰、和去火的作用。</t>
  </si>
  <si>
    <t>会的。甘入脾，脾生痰。</t>
  </si>
  <si>
    <t>不但不上火，还是去火的。</t>
  </si>
  <si>
    <t>放心绝对不会，它还有一定的去火功效！</t>
  </si>
  <si>
    <t>腺样体肥大需要手术吗</t>
  </si>
  <si>
    <t>面对小儿腺样体肥大，不少家长朋友会首选药物为孩子治疗，但是药物治疗只能暂时性的缓解症状，并能去除病变组织，因此孩子的危险依然存在，手术是目前治疗小儿腺样体肥大最为有效的方式。 专家表示，手术虽然是孩子腺样体肥大治疗的最好的方法，但是手术治疗的方式也是多种多样的，效果好坏不一，这里主要分为传统的手术和最新的手术方法，患者要慎选择。</t>
  </si>
  <si>
    <t>手术切除腺样体,可在扁桃体手术时同时切除,或单独进行,不宜手术者可考虑放射疗法. 　</t>
  </si>
  <si>
    <t>小儿腺样体肥大需要根据病情轻重对症治疗。</t>
  </si>
  <si>
    <t>腺样体肥大如果是轻度肥大 那么一般没有什么症状，后期自行萎缩的几率比较大，如果是中重度肥大那么就会出现比较明显的张口呼吸或者打鼾症状，像这种情况下的腺样体问题没有什么保守型的治疗方式，手术切除是最好的治疗方式，否则长时间的腺样体肥大会造成耳鼻喉周边正常邻近组织的感染等等并发症，加大治疗难度</t>
  </si>
  <si>
    <t>有没有兼职的网站</t>
  </si>
  <si>
    <t>启迷网站，写一篇10积分，如果写热词20积分，到了一百积分就能兑换100人民币还有相关的礼品</t>
  </si>
  <si>
    <t>现在兼职网站有很多</t>
  </si>
  <si>
    <t>还真有，不花钱的，扫我头像</t>
  </si>
  <si>
    <t>智联招聘，赶集网，58同城</t>
  </si>
  <si>
    <t>百姓网，智联招聘，赶集网都可以的</t>
  </si>
  <si>
    <t>威客网站有很多兼职，但需要一点才华，不知道你有没有！</t>
  </si>
  <si>
    <t>优速快递好不好</t>
  </si>
  <si>
    <t>千万不要选</t>
  </si>
  <si>
    <t>优速物流的速度慢的让人绝望，我邮寄东西，委托客车捎带3个小时就能到的，硬是等了四天才到，邮寄物品等了两天才发出，到了等了两天才送到，真的是慢</t>
  </si>
  <si>
    <t>优速网点少，送货迟</t>
  </si>
  <si>
    <t>优速快递不错，速度也可以。如果是贵重物品可以买保险啊</t>
  </si>
  <si>
    <t>这个快递很垃圾，做电商3年来，碰到过最垃圾的一家快递公司。</t>
  </si>
  <si>
    <t>很小听到这个公司。他能接你的单，肯定会给你送到的。贵重物品就要找大的公司放心，普通的不是很急的找便宜的就行了</t>
  </si>
  <si>
    <t>垃圾快递</t>
  </si>
  <si>
    <t>血常规能查出肾炎吗</t>
  </si>
  <si>
    <t>查尿常规和24小时尿蛋白定量，可以检查出肾炎</t>
  </si>
  <si>
    <t>你好，血常规查不出来，肾炎主要是检查尿常规</t>
  </si>
  <si>
    <t>化验血常规提示有贫血。但是仅仅有贫血不提示肾功能不全的，所以查血常规一般是查不出肾病的</t>
  </si>
  <si>
    <t>老子可爱吗</t>
  </si>
  <si>
    <t>你是非常可爱的！</t>
  </si>
  <si>
    <t>你老子很可爱</t>
  </si>
  <si>
    <t>你好可爱呀</t>
  </si>
  <si>
    <t>地暖需要安装混水器吗</t>
  </si>
  <si>
    <t>地暖水温最高不能高于60℃，一般民用水温在35~50℃，进回水温差小于10℃，人员停留区地面温度24~26℃……这时，地暖混水中心系统的作用就体现出来了：</t>
  </si>
  <si>
    <t>看你集中供暖的温度，超过45以上，最好做混水。</t>
  </si>
  <si>
    <t>其实地暖很需要这样的混水，地暖太热的时候，减速、减流量，地暖凉的时候加速，加速流量，混水就是这样的作用。这样使地暖混水中心系统达到避免地暖爆管，延长地暖寿命，保护地板安全，提高地暖舒适的最终目的。</t>
  </si>
  <si>
    <t>地暖加混水是有必要的，更是重要的。</t>
  </si>
  <si>
    <t>没必要安装</t>
  </si>
  <si>
    <t>国服lol有没有mac版</t>
  </si>
  <si>
    <t>并没有mac版本，因此苹果电脑玩的话，必须使用双系统，使用windows系统玩。</t>
  </si>
  <si>
    <t>有，但是是移植版的，非常不稳定，容易跳频或者弹出报错。</t>
  </si>
  <si>
    <t>没有把，就算有那也很难玩，会不稳定.</t>
  </si>
  <si>
    <t>国服的英雄联盟由于Mac系统仍占小数,专门进行研发的话以腾讯圈钱的本性来说不太现实。</t>
  </si>
  <si>
    <t>国服是没有MAC客户端的，只有美服有。</t>
  </si>
  <si>
    <t>早晚跑步好吗</t>
  </si>
  <si>
    <t>听说一早起床就跑步是不健康的，特别是早晨跑步。 原因有两个： 其一，一起床就跑步或是做剧烈运动不利于健康。如果你半夜三更就已经起床了，那你一大早去跑步倒没有什么问题。但如果你一起床不久就去做运动，因为大脑神经还没有完全活跃过来，所以做些剧烈运动是不宜大脑健康的。</t>
  </si>
  <si>
    <t>建议你晚跑，第一：身体经过一天的活动已经得到充分的预热，这时进行体育锻炼，效果会更好。第二：完跑后进行洗浴有助于更好的睡眠。</t>
  </si>
  <si>
    <t>看个人习惯而定吧，好坏各有千秋，众说不等</t>
  </si>
  <si>
    <t>晚上比早上好</t>
  </si>
  <si>
    <t>早上跑步来说精神一整天，坚持下来毅力大增了。但是晚上跑步的减肥效果最好，看你锻炼出于什么目的。</t>
  </si>
  <si>
    <t>绿豆水可以天天喝吗</t>
  </si>
  <si>
    <t>但是体质虚寒的人不能长期饮用绿豆汤。</t>
  </si>
  <si>
    <t>体质虚寒的人不能天天喝绿豆汤。</t>
  </si>
  <si>
    <t>长期喝绿豆汤可视体质而定。</t>
  </si>
  <si>
    <t>不能长期喝</t>
  </si>
  <si>
    <t>如果你本身就不上火，身体很好，不会头疼脑热什么的那么就不要总是喝天天喝。如果你近视眼总是上火那么就经常喝，豆子不要打烂，豆子开锅后6分钟就关火这种绿豆汤是最完美的。冬天多和红豆小枣稀饭也很好，补血补心~~</t>
  </si>
  <si>
    <t>长期喝当然好</t>
  </si>
  <si>
    <t>不能长期吃，要适量。</t>
  </si>
  <si>
    <t>qq华夏8d精炼会爆吗</t>
  </si>
  <si>
    <t>8D精炼不会消失的，只会掉精炼等级。</t>
  </si>
  <si>
    <t>8D装备分为武器、项链和防具，武器和项链精炼有可能消失。但防具不会消失，只会掉等级</t>
  </si>
  <si>
    <t>8D套装精炼不爆。</t>
  </si>
  <si>
    <t>要看你有没有绑定，没绑定就会爆。</t>
  </si>
  <si>
    <t>8D套装精炼百分百不会消失，8D首饰百分60的几率消失</t>
  </si>
  <si>
    <t>脑细胞会不会再生</t>
  </si>
  <si>
    <t>神经细胞是不可再生的，这点是肯定的。</t>
  </si>
  <si>
    <t>人的脑细胞死亡后不可以再生。但是，现代科学已经发现，神经细胞却可以由神经干细胞分化再生，这个过程叫做“神经发生”，但是，这个神经发生只局限在海马和嗅球两个区域。</t>
  </si>
  <si>
    <t>可以。 科学家研究发现，成人脑细胞被植入实验鼠大脑后可生长出新的神经细胞。</t>
  </si>
  <si>
    <t>新的研究表明，脑细胞是可以再生的。但这一研究成果应用于临床还需要一段不短的时间。</t>
  </si>
  <si>
    <t>脑细胞死亡就不会再生了。</t>
  </si>
  <si>
    <t>儿童阶段会再生。 成人阶段，脑细胞逐渐死亡，而新的脑细胞不再生长，所以脑力会一点点衰减。 有些人体质特殊，可能与常人不一样。</t>
  </si>
  <si>
    <t>体检前能不能喝水</t>
  </si>
  <si>
    <t>如果是刚刚起床，渴的厉害，可以喝少量的水，只能是白开水，但是不要超过200毫升，可以起到稀释血液作用，对体检抽血检查结果没有什么影响。但是如果已经到了体检中心，觉得渴了也要忍着，等抽完血、检查完血脂、做完B超等项目后在喝水，因为喝水后会导致胆囊收缩等生理变化，会导致检查结果不准的，最好在喝水前咨询一下体检机构的专业人士。</t>
  </si>
  <si>
    <t>体检前一天晚上只要在8-9点前是可以喝水的。</t>
  </si>
  <si>
    <t>体检前一般来说是不能喝水的，因为"水会使血液发生变化，影响结果。但是也不是绝对不能喝，如果口渴的厉害或者有其他原因，也可以喝一点水，但是不能太多，以免影响体检结果。</t>
  </si>
  <si>
    <t>体检前喝少量的水一般影响是不大的。</t>
  </si>
  <si>
    <t>体检一般都是在上午，不能喝水所指的就是要查乙肝两对半和肝功，这两项是要抽血化验的，因为喝水之后会影响肝功的结果，所以不能喝水和进食！</t>
  </si>
  <si>
    <t>喝水后，水会稀释血液，容易误检为贫血。不过，如果感到渴，还是应该喝的，否则血液太浓，也有问题。</t>
  </si>
  <si>
    <t>检查当日早晨，应禁早餐和水，以保证上午在空腹情况下检查。</t>
  </si>
  <si>
    <t>手机2g内存够用吗</t>
  </si>
  <si>
    <t>一般是够用的。</t>
  </si>
  <si>
    <t>手机2G内存真心不够用，因为现在的软件是非常大的，而且手机运行也会产生好多垃圾和缓存，2G是不够用的。</t>
  </si>
  <si>
    <t>正常使用完全够用，即使你玩儿大型游戏也是相当没有问题的，够不够取决与你平日都用手机来干些什么，只要开的应用不多，足够用。</t>
  </si>
  <si>
    <t>一般来说就够了,像我老婆那种只会打开应用不会关闭的,再大的内存也够呛</t>
  </si>
  <si>
    <t>要看你一般用手机干嘛。如果是平时只是打打电话聊聊QQ微信看看电影什么的。2G内存足够了。但是你是游戏发烧友以及要在手机装很多软件或游戏的。手机就会有点小卡。不过2G最近一两年配置还算可以的</t>
  </si>
  <si>
    <t>够不够用就看你平时安装多少程序和运行多少程序了，我个人觉得2G运存现在会显得比较小。</t>
  </si>
  <si>
    <t>一般的游戏，平时上网看电影聊天刷微博，导航等都没问题，如果玩大型3D手游，就有点吃力了。</t>
  </si>
  <si>
    <t>看你怎么用了</t>
  </si>
  <si>
    <t>够用</t>
  </si>
  <si>
    <t>不怎么够用</t>
  </si>
  <si>
    <t>充值卡能不能充支付宝</t>
  </si>
  <si>
    <t>移动、联通都可以充值支付宝。</t>
  </si>
  <si>
    <t>可以的！</t>
  </si>
  <si>
    <t>可以的，神州行卡和联通一卡充，向支付宝里边充钱的手续费是百分之五 ，100元的卡充到支付宝账户只有95元到帐。</t>
  </si>
  <si>
    <t>北京养老保险能补交吗</t>
  </si>
  <si>
    <t>北京规定个人存档者可补缴断档养老保险</t>
  </si>
  <si>
    <t>只有养老保险可以补交，没有时限，退休前都可以，但是，以个人名义不能补交，要补交只能通过单位办理 。</t>
  </si>
  <si>
    <t>养老保险能补交</t>
  </si>
  <si>
    <t>来例假可以去拜佛吗</t>
  </si>
  <si>
    <t>来例假可以去寺庙拜佛，在寺庙出家修行的比丘尼自不必说，在家的女信众，只要注意细节，在生理期是可以礼佛的。</t>
  </si>
  <si>
    <t>当然可以的。烧香、拜佛、许愿、还愿都是善事，而月经是女人的生理现象，不受本人控制，不能因为此事而阻人行善。</t>
  </si>
  <si>
    <t>女人 月经 生理期 是完全可以 烧香 拜佛 的</t>
  </si>
  <si>
    <t>有谓当月经时．不可礼拜持诵．此语不通情理</t>
  </si>
  <si>
    <t>经期如果体力跟得上，当然可以去寺院拜佛（在家也可以拜佛）；如果状态不佳，那就不要去了。视身体情况而定。</t>
  </si>
  <si>
    <t>苹果5s美版支持移动4g吗</t>
  </si>
  <si>
    <t>美版苹果5S不支持移动4G网络</t>
  </si>
  <si>
    <t>不支持中国移动的3G和4G网络，但可以使用2G网络。</t>
  </si>
  <si>
    <t>可以使用移动4G的卡，但是使用的流量还是2g和3g的网络。</t>
  </si>
  <si>
    <t>目前美版iPhone5S或型号A1533的不支持移动4G</t>
  </si>
  <si>
    <t>美V版5S A1533版本，本身是不支持移动4G的，但使用卡贴，加上更新运营商软件到移动15.7。就可以破解，使用移动4G。</t>
  </si>
  <si>
    <t>美版的IPhone5S不管买的是哪家运营商的用的都是FDD-LTE准4G格式，而我们国家的中国移动用的是TDD-LTE 4G格式，所以不支持移动4G使用。</t>
  </si>
  <si>
    <t>加班工资扣税吗</t>
  </si>
  <si>
    <t>加班费所得，也属于工资、薪金所得，不属于免税范围，只要你每月工资薪金所得(含加班费等)超过一个定额，就需要缴纳个人所得税。</t>
  </si>
  <si>
    <t>加到当月总工资里面，减去社保个人缴费部分，减去3500元起征点，剩余部分计算个人所得税</t>
  </si>
  <si>
    <t>加班费需要合并到工资总额里面计算个人所得税，只要工资总额扣除相关社保等费用的金额不超过个税起征点3500元，就不需要缴纳个税，如果超过，就需要根据个税九级累进税率缴税。</t>
  </si>
  <si>
    <t>加班费属于此类，应该和当月的工资薪金一并交纳个人所得税</t>
  </si>
  <si>
    <t>节假日加班工资，也属于工资收入的，加上当月其它工资收入，累计超过3500元以上的部分，应依法缴纳个人所得税的</t>
  </si>
  <si>
    <t>网上能购买香烟吗</t>
  </si>
  <si>
    <t>能，直接搜就行，搜的结果都是烟标，其实就是卖烟的，因为淘宝不让卖</t>
  </si>
  <si>
    <t>可以买到香烟，但是尽量还是去店里买，网上的又的烟不是真的，</t>
  </si>
  <si>
    <t>网上买不到香烟的，,网上销售香烟属于违法行为。</t>
  </si>
  <si>
    <t>可以买到。但是你要承担风险。就是像烟这种东西一般都是不通过担保交易的，之前我在网上买过两次，一次成功。另一次被骗。</t>
  </si>
  <si>
    <t>通过网络是可以买到的</t>
  </si>
  <si>
    <t>网络卖烟是违法的，而且网络上的烟大都是走私烟和高防烟，建议还是在现实中购买</t>
  </si>
  <si>
    <t>菩提根有绿色的吗</t>
  </si>
  <si>
    <t>确实是有绿色的，叫做阴子，但是并不像有的图上那样的绿的很均匀，绿色的我自己开出来过，没有照片照的那么均匀。</t>
  </si>
  <si>
    <t>只有白菩提根。其他五颜六色的都是染得。亲</t>
  </si>
  <si>
    <t>只有白菩提根。其他五颜六色的都是染得。</t>
  </si>
  <si>
    <t>没，绿色的是人为染的</t>
  </si>
  <si>
    <t>有的绿色是染色，植物籽的很容易吃色。有的绿色是自然氧化变色，有的变绿，有的变红。</t>
  </si>
  <si>
    <t>果断是染色啊</t>
  </si>
  <si>
    <t>口交会引起炎症吗</t>
  </si>
  <si>
    <t>从医学角度看,只要夫妻双方没有生殖器的疾病,在性存活之前清洗纯洁,不存在发炎不卫生的问题。</t>
  </si>
  <si>
    <t>会， 因为垂涎、口腔有细菌。</t>
  </si>
  <si>
    <t>贺子珍是贺龙的妹妹吗</t>
  </si>
  <si>
    <t>不知道</t>
  </si>
  <si>
    <t>你是在搞笑吗？</t>
  </si>
  <si>
    <t>不是＃＃不是，贺龙的妹妹是贺英，不是贺子珍</t>
  </si>
  <si>
    <t>贺龙的妹妹叫贺英,贺英是洪湖赤卫队中韩英的原型。</t>
  </si>
  <si>
    <t>没血缘关系 但是可能是朋友关系 只是同姓而已</t>
  </si>
  <si>
    <t>应该是一般同志关系 因为他们只有在长征胜利到抗战爆发一小部分时间在延安共事，其后贺子珍到苏联，两人从未谋面，贺回国后，一直在其弟弟-上海防空司令贺敏学少将家寓居，除文革中在庐山与毛秘密见过一面外，一直没有与外界联系，当然与贺龙没有再联系。</t>
  </si>
  <si>
    <t>刚提的新车容易被盗吗</t>
  </si>
  <si>
    <t>被盗的可能性很小，</t>
  </si>
  <si>
    <t>现在的汽车几乎没有被盗的可能 ，因为盗了 没办法上路 也没办法过户。</t>
  </si>
  <si>
    <t>水果煮熟了还有营养吗</t>
  </si>
  <si>
    <t>水煮水果，水温一般维持在100摄氏度左右，这样的水温，对水果当中的营养物质的影响不会太大。</t>
  </si>
  <si>
    <t>水果煮熟了才有营养。</t>
  </si>
  <si>
    <t>先搞清要的是什么营养。如果是糖类淀粉类肯定都在。但一些维生素，可能分解，熟化水果成分会有变化。</t>
  </si>
  <si>
    <t>水果煮熟了还有营养，水果完全可以煮熟了吃，因为即便生吃，也不是维生素C的主要来源。</t>
  </si>
  <si>
    <t>没有,因为水果本来就没营养。</t>
  </si>
  <si>
    <t>煮水果时间过长会使营养成分流失</t>
  </si>
  <si>
    <t>水仙花要晒太阳吗</t>
  </si>
  <si>
    <t>光照是水仙能否开花的要素之一,水仙生长要求有充足的阳光.</t>
  </si>
  <si>
    <t>水仙可以晒太阳。</t>
  </si>
  <si>
    <t>如果你想观叶，你就少晒太阳。如果想观花，应该多晒太阳，勤换水</t>
  </si>
  <si>
    <t>性喜温暖、湿润，又要排水良好。水仙花性喜阳光、温暖，白天水仙花盆要放置在阳光充足的向阳处给予充足的光照。</t>
  </si>
  <si>
    <t>水仙水培要尽量多晒太阳</t>
  </si>
  <si>
    <t>美版三星s6在中国能用吗</t>
  </si>
  <si>
    <t>无锁版能用，价钱可能便宜一些吧！</t>
  </si>
  <si>
    <t>支付宝登陆通知收费吗</t>
  </si>
  <si>
    <t>每个月需要缴纳0.6元信息费</t>
  </si>
  <si>
    <t>这个是不收费的</t>
  </si>
  <si>
    <t>短信校验服务是基于手机绑定的更高级别的安全保护产品,开通该服务，每个月需要缴纳0.6元信息费，可以选择关闭</t>
  </si>
  <si>
    <t>在银行卡扣费，一次六角。</t>
  </si>
  <si>
    <t>这种应用消息是完全免费的</t>
  </si>
  <si>
    <t>支付宝不收费，是免费的</t>
  </si>
  <si>
    <t>这个是完全免费的，没有手续费，也没有年费。但是存钱是没有利息了</t>
  </si>
  <si>
    <t>安徽省事业编制事务管理局参公吗</t>
  </si>
  <si>
    <t>事业编，和参公编以及行政编（不是一个考试类型），各地考试的时候，事业编是一个考试，参公和行政是一个考试。</t>
  </si>
  <si>
    <t>第二，具体到机关事务管理局，大多数地方的都是参公编制，但是单位是参公编不代表着里面全是参公编，像机关事务管理局这样的参公单位里，本身规定的编制中是还有很多很多事业编（专门设有给专业技术人员以及司机等工勤人员的事业编，归属于机关事务管理局下辖的机关后勤服务中心名下）。。所以，你们单位通过参公审批了，正常情况下也只是少部分变成参公编，大部分还应该是事业编。参公编的话，相当于副科以上级别的领导应该是直接转，相当于科员级别的，估计要重新考或者领导讨论决定名单（不是规范的做法）吧，但具体到机关事务管理局，很少会出现等额全部转的情况。</t>
  </si>
  <si>
    <t>公安局的事业编制不是按参公管理的。</t>
  </si>
  <si>
    <t>两办是领导部门，管理局是服务部门，两者领导与被领导的关系，管理局一般是参公编制。</t>
  </si>
  <si>
    <t>男人在意老婆第一次吗</t>
  </si>
  <si>
    <t>当然在乎，几乎就没有不在乎的。</t>
  </si>
  <si>
    <t>不在乎，如果你和别的女人睡过，就不要要求你老婆是处女，也许被你睡过的女人成为了睡过你女人的人的老婆</t>
  </si>
  <si>
    <t>不一定的，至少我就不在乎。谁没有过放纵，只要和我在一起之后安分就好了</t>
  </si>
  <si>
    <t>至少我在乎</t>
  </si>
  <si>
    <t>大多数男人在乎第一次的。</t>
  </si>
  <si>
    <t>不是所有男人都那么在乎，要看他爱不爱你了，如果真心爱你，真心觉得你好，是不会在意的。</t>
  </si>
  <si>
    <t>谁不在乎？不在乎都是假的。只是处理方法不一样，有的选择包容，有的受不了而已。能不能包容也不是说说而已，要看行动</t>
  </si>
  <si>
    <t>山上养羊合适吗</t>
  </si>
  <si>
    <t>可以的，就是累，技术要跟上</t>
  </si>
  <si>
    <t>别克凯越2016年停产了吗</t>
  </si>
  <si>
    <t>停产是肯定的</t>
  </si>
  <si>
    <t>曝光了，快停了</t>
  </si>
  <si>
    <t>卖不出去了，已停。</t>
  </si>
  <si>
    <t>目前别克-凯越还没有停产的消息，15款的凯越也一直在生产</t>
  </si>
  <si>
    <t>office2007能打开wps吗</t>
  </si>
  <si>
    <t>第1步、打开Word2007窗口，依次单击“Office按钮”→“打开”按钮，第2步、在打开的“打开”对话框中，选择“文件格式”为“Works 6.0-9.0（*.wps）”选项。然后查找并选中需要打开的WPS文档，单击“打开”按钮即可。</t>
  </si>
  <si>
    <t>一般情况下OFFICE 是不兼容wps的！建议在wps中保存文件形式时存为DOC类型的文档，这样OFFCICE 2007就可以打开wps建立的文档了！</t>
  </si>
  <si>
    <t>必须是使用WPS 保存的时候 专门保存成OFFICE 文件格式 比如*.doc *.xls 的才能使用OFFICE 打开 否则 OFFICE 是不能打开WPS默认格式的</t>
  </si>
  <si>
    <t>Word 2007本身支持wps文件</t>
  </si>
  <si>
    <t>可以把WPS另存成office 的文档格式，如docx、xlsx、pptx等，就可以打开，如果是WPS格式的，就无法打开。</t>
  </si>
  <si>
    <t>能的 ，都能</t>
  </si>
  <si>
    <t>内存在哪看</t>
  </si>
  <si>
    <t>我的电脑 点击右键 属性 右下角就有</t>
  </si>
  <si>
    <t>香肠要洗吗</t>
  </si>
  <si>
    <t>生的香肠蒸之前必须使用温水洗净。</t>
  </si>
  <si>
    <t>是要洗一下的，不要担心，肠类的调料都是和在馅料里再装进肠衣的，外面那层膜就是肠衣，肠衣外面一般没有调料，洗洗不会影响味道的</t>
  </si>
  <si>
    <t>如果是真空包装的可以不洗</t>
  </si>
  <si>
    <t>做香肠的肉要洗</t>
  </si>
  <si>
    <t>超市买的腊肠炒菜前应该用热水清洗一下的</t>
  </si>
  <si>
    <t>学会调适是学校心理辅导的基本目标对吗</t>
  </si>
  <si>
    <t>学会调适，包括调节与适应——基本目标</t>
  </si>
  <si>
    <t>中等职业学校心理健康课程的总体目标是学会调适，寻求发展。学生良好心理素质的形成建立在学生良好的自我意识、学校适应、学习策略、情绪调节、人际交往和生涯规划的基础上。</t>
  </si>
  <si>
    <t>孕妇能喝花茶吗?</t>
  </si>
  <si>
    <t>可以适量喝点，但是不能过量</t>
  </si>
  <si>
    <t>不适合饮用</t>
  </si>
  <si>
    <t>lamy有假货吗</t>
  </si>
  <si>
    <t>lamy在中国是基本没有假货的</t>
  </si>
  <si>
    <t>世界上有食人花吗</t>
  </si>
  <si>
    <t>有，应该在热带地区</t>
  </si>
  <si>
    <t>有，在南美的 亚马逊热带雨林里就有。</t>
  </si>
  <si>
    <t>没有食人花</t>
  </si>
  <si>
    <t>有，叫日轮花</t>
  </si>
  <si>
    <t>对，是有的。</t>
  </si>
  <si>
    <t>真的存在</t>
  </si>
  <si>
    <t>中国有单反吗</t>
  </si>
  <si>
    <t>机械相机时代有很多种，数码时代，成本太高，很多国家都不再生产，只有日、德还有。</t>
  </si>
  <si>
    <t>很惭愧的回答，没有。胶片时代有凤凰，海鸥等手动相机，目前没有可以拿的出手的了。</t>
  </si>
  <si>
    <t>以前的胶片机有，现在的数码单反没了。</t>
  </si>
  <si>
    <t>数码相机国产的单反品牌没有。</t>
  </si>
  <si>
    <t>有纯国产的机械单反，早期的国产海鸥，西湖、凤凰等纯国产的。数码单反技术不行，如海尔、明基、爱国者多是长焦相机，单反进不了市场所以也没开发。</t>
  </si>
  <si>
    <t>目前全球的消费级数码单反，全都被日系厂商垄断。</t>
  </si>
  <si>
    <t>opaicn是不是欧派</t>
  </si>
  <si>
    <t>不是，欧派logo是OPPEIN，欧铂丽是欧派的子品牌，logo是OPPOLIA</t>
  </si>
  <si>
    <t>青岛市红房子医院好不好</t>
  </si>
  <si>
    <t>应该可以</t>
  </si>
  <si>
    <t>临时身份证可以贷款吗</t>
  </si>
  <si>
    <t>在理论上，临时身份证是在有效期内的话，就能到本地的贷款机构申请贷款。当然，在实际情况下，有些人用临时身份证到银行申请不了贷款，银行主要的说法是因为临时身份证没有正式身份证的芯片，所以不少会以这个理由拒绝持有临时身份证的人申请贷款。</t>
  </si>
  <si>
    <t>临时身份证贷款能贷，临时居民身份证具有证明公民身份的法律效力。</t>
  </si>
  <si>
    <t>在法律层面上来说，临时身份证在有效期内，和正式的身份证一样有法律意义。所以在理论上，临时身份证是在有效期内的话，就能到本地的贷款机构申请贷款。</t>
  </si>
  <si>
    <t>临时身份身份证在有效期内就可以。</t>
  </si>
  <si>
    <t>理论上可以，实践中银行多数说不。</t>
  </si>
  <si>
    <t>临时身份证可以办理贷款的,如果那个银行要求太严你就再带上户口本,领身份证的条子,还有其他能证明你身份的证件,一定可以的.我刚办的贷款,也是临时身份证办的.</t>
  </si>
  <si>
    <t>电脑c盘可以分区吗</t>
  </si>
  <si>
    <t>可以用Acronis Disk Director Suite 这个win7无损分区软件，调整你的分区。比如你的C盘500个G，你可以挪出450个G出来，然后同理，450再分出点。</t>
  </si>
  <si>
    <t xml:space="preserve">右键点击“我的电脑”，选择“管理”命令。在打开的“计算机管理”窗口中，依次展开“计算机管理”→“存储”→“磁盘管理”项。之后，在右侧窗格中即可看到当前硬盘的分区情况。 在“未指派”的磁盘空间上点击右键，选择“新建磁盘分区”命令。在弹出的磁盘分区向导窗口中，选择分区类型为“扩展分区”，点击“下一步”后，输入新建分区的容量大小，接着在此设置分区的磁盘文件格式，并勾选“不格式化”项，最后点击“完成”按钮即可完成分区操作。再打开“我的电脑”，右键点击新建分区，选择“格式化”命令，使用快速格式化方式，即可在一分钟之内，完成分区到格式化的全部操作。 </t>
  </si>
  <si>
    <t>灭害灵能杀死跳蚤吗</t>
  </si>
  <si>
    <t>可以，不过你得小心，若是灭害灵喷在宠物身上除跳蚤得防止宠物舔到灭害灵，会中毒，所以要小心，走捷径都是比较危险的哦。</t>
  </si>
  <si>
    <t>能杀死</t>
  </si>
  <si>
    <t>假五帝钱有作用吗</t>
  </si>
  <si>
    <t>你好，这个问题简单，肯定有用</t>
  </si>
  <si>
    <t>假五帝钱徒有外表象而无人气积聚所以只等同装饰工艺品毫无作用。</t>
  </si>
  <si>
    <t>五帝功效来自帝王的威势还有钱币过万民手阳气很足 所以可以驱邪转运化煞，工艺品没有这些特点。只有五帝之形 无五帝之神。</t>
  </si>
  <si>
    <t>不但没有作用还会害人</t>
  </si>
  <si>
    <t>4790k支持2400内存吗</t>
  </si>
  <si>
    <t>不支持</t>
  </si>
  <si>
    <t>做爱时间越长越好吗</t>
  </si>
  <si>
    <t>性爱时间并非越长越好。为什么很多男性想持续整个晚上？因为他们相信，那能给女性带来更多快感。事实上，女性获得快感并不完全取决于时间长短，男性对力度和技巧的掌握，比时间更重要。</t>
  </si>
  <si>
    <t>并不是，只要满足性生活需求即可，根据对方意愿就行。</t>
  </si>
  <si>
    <t>不是，最好不要超过半个小时</t>
  </si>
  <si>
    <t>不一定吧，看人。</t>
  </si>
  <si>
    <t>双方都舒服了最理想，时间长短到没什么了。</t>
  </si>
  <si>
    <t>不正常，正常二十到三十分钟</t>
  </si>
  <si>
    <t>我觉得半个小时左右都是比较好的，也是比较健康的。对心情、生活质量都有提高。双方的感情也好</t>
  </si>
  <si>
    <t>一般情况下一小时左右就可以了，太长了容易累，影响第二天工作。</t>
  </si>
  <si>
    <t>灯带安全吗</t>
  </si>
  <si>
    <t>一般质量好的LED灯带，都是比较稳定的</t>
  </si>
  <si>
    <t>led灯带有高压和低压之分，一般的带透明PC的灯带是高压的，输出端也是220V的。如果是低压灯带，长度一般是5米一条，输出端电压只有12V，是安全的电压</t>
  </si>
  <si>
    <t>屯溪好玩吗</t>
  </si>
  <si>
    <t>板栗是坚果吗</t>
  </si>
  <si>
    <t>坚果的定义：坚果，闭果的一个分类，果皮坚硬，内含1粒种子。如板栗等的果实。所以是坚果。</t>
  </si>
  <si>
    <t>是的,</t>
  </si>
  <si>
    <t>属于坚果</t>
  </si>
  <si>
    <t>是坚果。它属于高淀粉高糖类坚呆</t>
  </si>
  <si>
    <t>yes!坚果一般分为两类，一类是以瓜子、花生、核桃为代表的高蛋白、高脂肪坚果；另一类是以栗子、莲子为代表的高淀粉、高糖坚果等。</t>
  </si>
  <si>
    <t>高中借读 究竟好不好</t>
  </si>
  <si>
    <t>不好，会影响学习。</t>
  </si>
  <si>
    <t>无所谓好不好，虽然会造成一定影响，但是成绩要提高还是要看个人努不努力了。</t>
  </si>
  <si>
    <t>不考虑学费问题的话，如果距离家不远的话，在学习上还是不错的。</t>
  </si>
  <si>
    <t>这个问题个人认为好坏不绝对 关键还是自己愿不愿意吃苦 我校高三毕业生借读的高考成绩全校第二名 非常优秀 据说很刻苦</t>
  </si>
  <si>
    <t>借读比较好，学习氛围真的很重要。</t>
  </si>
  <si>
    <t>乳腺癌能过夫妻生活吗</t>
  </si>
  <si>
    <t>实际上，在治疗期间及以后的任何时间都可以过性生活，只要你自己觉得体力可以并且愿意的话。因为适当的性生活是恢复你的病前生活质量的一个重要标志。我们国家还没有相关的研究资料。但是韩国对50岁以下的乳腺癌病人的研究发现，手术后3个月时，有38％ 的病人恢复了性生活，6个月时49％的病人恢复了性生活，因此可以看到他们都是在化疗／放疗其间就恢复了。化疗时， 你的卵巢功能会受到抑制，可能会出现暂时的闭经，会伴有性欲变化，阴道干涩的情况，可能需要局部应用润滑剂。放疗时，你的照射侧乳房或者胸部皮肤会红肿，要注意保护。</t>
  </si>
  <si>
    <t>乳腺癌患者不能过性生活。对于乳腺癌患者，历经手术的创伤和化疗的刺激，出院后半年内体质比较虚弱，处于身体的恢复期。这个时期，应绝对禁止性生活，以利于机体的康复。在术后的1 - 3年内，也应控制和减少性生活的次数。如果体质较好，病情相对稳定，可以有适度轻松的性生活。但要注意行房时，不要过于激动、剧烈，更不能多欲。</t>
  </si>
  <si>
    <t>化疗可以痊愈 如此年轻 必须采取中医根治 停止化疗 好心情会有助于病情康复 但得是女方需要</t>
  </si>
  <si>
    <t>乳腺癌病人一般恢复后性欲不会有改变，进行正常的性生活是完全可以的。</t>
  </si>
  <si>
    <t>腾讯游戏 加班严重吗</t>
  </si>
  <si>
    <t>这个不知道，游戏的话枪火游侠还不错，有两个模式，攻城模式和护送模式，在护送模式中，你的团队会被随机分配到攻方或者守方。作为攻方，你需要在限定时间内尽力将运载目标护送到目标地点。作为守方，你需要在限定时间内阻止攻方护送运载目标到达检查点或是最终的终点。护送模式每局只有一个回合，只要任意一方成功达成目标，比赛即宣告结束。护送模式中运送运载目标的方式与攻城模式大体相同。唯一不同的是，这个模式的护送过程会有数个检查点，只要运载目标到达检查点，你就会获得一些额外的时间。</t>
  </si>
  <si>
    <t>听实习的同学说基本每天都要加班到很晚，看来腾讯的工资相对工作强度来说真的不高呀。</t>
  </si>
  <si>
    <t>加班严重，偶尔</t>
  </si>
  <si>
    <t>吃阿胶会拉肚子吗</t>
  </si>
  <si>
    <t>不知道您吃阿胶的原因，但是阿胶是性味滋腻的补品。一般吃阿胶都要配山楂、神曲之类健脾助消化的，如果一个人的脾胃功能不好，比如：便秘、大便不成形（就是大便比较稀），吸收不好，饭后腹胀等，这类人吃了阿胶就会出现腹泻，原因就是阿胶过于滋腻，不易吸收的原因，建议您买点神曲，然后和阿胶一起烊化和阿胶一起服用，有助于吸收，或者在服用阿胶之后，吃点生山楂。</t>
  </si>
  <si>
    <t>可能你脾胃虚，吃了加重消化负担，吸收的不好引起肠痉挛，拉肚子</t>
  </si>
  <si>
    <t>排毒~拉肚子会有一点的</t>
  </si>
  <si>
    <t>备孕期间能化妆吗</t>
  </si>
  <si>
    <t>不管备孕还是怀孕，这些化妆品最好不要碰</t>
  </si>
  <si>
    <t>孕妇专用的还是可以的，像亲润的BB霜就蛮多孕期妈妈用的</t>
  </si>
  <si>
    <t>最好不要化妆</t>
  </si>
  <si>
    <t>如果你说的是彩妆的不建议化，想要保养皮肤在备孕期间可以做简单护肤，可以使用亲润这类有机食物提取的护肤品</t>
  </si>
  <si>
    <t>公积金会自动注销吗</t>
  </si>
  <si>
    <t>公积金停缴不会自动销户的。</t>
  </si>
  <si>
    <t>如果不交也不会自动销户。</t>
  </si>
  <si>
    <t>公积金不会自动注销的</t>
  </si>
  <si>
    <t>癌症病人能吃黄芪吗</t>
  </si>
  <si>
    <t>黄芪补气生血防癌抗癌少不了\x0d癌症不是单纯的实证从临床上来看，癌症病人都伴有免疫功能下降及气虚、血虚等表现。有的癌症病人表面上看似乎体质好，但从实际上却有大量虚证的表现，可以说这是典型的虚实夹杂症。</t>
  </si>
  <si>
    <t>癌症患者能吃黄芪，黄芪能够强机体免疫功能、保肝、利尿，有扶正抗癌的作用。</t>
  </si>
  <si>
    <t>黑玛瑙需要消磁吗</t>
  </si>
  <si>
    <t>要的，像这一类的天然的石头都要定时消磁的.</t>
  </si>
  <si>
    <t>需要消磁.</t>
  </si>
  <si>
    <t>玛瑙本身不含金属成分，没有磁性，不必消磁。</t>
  </si>
  <si>
    <t>玛瑙不带磁性，无需消磁。</t>
  </si>
  <si>
    <t>自然流产要坐月子吗</t>
  </si>
  <si>
    <t>你好，自然流产需要休息半个月，流产后一个月来了月经就可以做一次复查，</t>
  </si>
  <si>
    <t>和坐月子差不多，最好卧床休息二周</t>
  </si>
  <si>
    <t xml:space="preserve">要看个人体质 </t>
  </si>
  <si>
    <t>当然要，至少两周。</t>
  </si>
  <si>
    <t>胃癌能喝牛奶吗</t>
  </si>
  <si>
    <t>如果患者没有乳糖不耐受，喝牛奶后不会腹泻，那么就可以喝。</t>
  </si>
  <si>
    <t>胃癌手术后最大的特点是人会消瘦，因为消化吸收不好了，最好是采取清淡易消化的食物。牛奶和豆浆都是可以食用的。</t>
  </si>
  <si>
    <t>不能喝酸牛奶，只能喝酸奶（两种概念） 胃癌喝酸奶是有好处的，但是绝对不能喝牛奶。</t>
  </si>
  <si>
    <t>可以喝的，酸奶含有多种益生菌，对于胃癌患者是可以饮用的，有助于患者的消化吸收。</t>
  </si>
  <si>
    <t>不可以喝牛奶和酸奶。一切凉寒的东西都不能喝，可以喝姜汤，可以温敷。</t>
  </si>
  <si>
    <t>信用卡分期还款后 可以提前还款吗</t>
  </si>
  <si>
    <t>可以提前结束分期的，一般银行要求提前还款分期手续费同样要收取的。</t>
  </si>
  <si>
    <t>不可以，注定要你多还利息了！</t>
  </si>
  <si>
    <t>招行信用卡分期还款后可以提前还清</t>
  </si>
  <si>
    <t>可以提前还清,但有些银行手续费是一次性收取的,提前还款时已收的手续费是不退回的</t>
  </si>
  <si>
    <t>可以。如果你要提前还清的话，需要先致电客服热线申请提前终止分期，申请成功后，未入账的分期本金和手续费会一次性入账，需在到期还款日前还清。</t>
  </si>
  <si>
    <t>孟加拉国好玩吗</t>
  </si>
  <si>
    <t>绝对好玩</t>
  </si>
  <si>
    <t>我在孟加拉待了5年,说实话没什么特别出彩的地方.天气很热,卫生很差,道路拥挤.一些景点要么是没有开发.要么是没有保护.如果想来玩,别抱有太大的愿望, 算普通看看还是可以的.</t>
  </si>
  <si>
    <t>四个月可以吃米粉吗</t>
  </si>
  <si>
    <t>对于添加辅食时间的说法，有一个过程：20世纪90年代，认为辅食添加从4个月开始;本世纪初，认为应该从4～6个月开始；2002年，世界卫生组织通过反复的论证和研究(尤其是对发展中国家)后提出，辅食添加应该从满6个月时开始比较科学，最早不能早于4个月，最晚不能晚于8个月。但是，也要根据宝宝的情况具体问题具体分析，比如消化功能不是很好的宝宝，辅食添加的时间最好稍微推迟一些。工喂养的话四个月可以添加辅食了，如果是纯母乳喂养建议六个月再添加辅食。宝宝辅食添加不能早于4个月（满4个月宝宝才有唾液淀粉酶分泌，不然会造成涨肚、腹泻），亦不能晚于6个月（错过了宝宝咀嚼习惯形成的最佳时间）</t>
  </si>
  <si>
    <t>4个月的小宝宝，可先加点米粉，4个半月时加蛋黄，用1/4个煮熟的鸡蛋黄同少量母乳或果汁一起捣烂，用小勺喂宝宝。当宝宝能很容易地吃进所给蛋黄 时，可在2～3天后增加至每天半个蛋黄，1～2周后再加至每天一个蛋黄。</t>
  </si>
  <si>
    <t>要给猫剪指甲吗</t>
  </si>
  <si>
    <t xml:space="preserve">大多数的猫自己照顾自己的指甲，但是指甲可能会长得太长和劈裂对它们造成疼痛的感染。定期的修剪指甲会降低发生上述问题的可能并缓解它抓东东的冲动。 </t>
  </si>
  <si>
    <t>一般是不需要的，因为猫能把爪子收起来的，用时再伸展出来的。不过如果在家养猫，猫比较调皮，喜欢乱抓东西就应该适当修剪</t>
  </si>
  <si>
    <t>一龙打得过播求吗</t>
  </si>
  <si>
    <t>一共打了两次，第一次在泰国泰皇杯一龙博求点胜</t>
  </si>
  <si>
    <t>月经来能吃柚子吗</t>
  </si>
  <si>
    <t>中医认为，柚子果肉性寒，味甘、酸，有止咳平喘、清热化痰、健脾消食。柚子性寒，脾虚泄泻的人吃了柚子会腹泻,故身体虚寒的人不宜多吃。因此 在月经来时尽量不要吃柚子 否则会加重 应多吃温热的食物促进经血流出</t>
  </si>
  <si>
    <t>可以吃柚子的，不过建议你不要吃的太多了</t>
  </si>
  <si>
    <t>可以吃柚子，但是要注意量</t>
  </si>
  <si>
    <t>玻璃鞋好看吗</t>
  </si>
  <si>
    <t>看完憋气，不过很好看。</t>
  </si>
  <si>
    <t>不过里面的演员都很有名，有《对不起我爱你》的男主角，《蓝色生死恋》里的少年俊熙。有关人物身世的情节还算合理，但感情戏很牵强。#要看你喜欢怎么样的风格了，很悲情的一部戏，赚人眼泪不少，结局算不上大团圆，但也不是悲的。这部戏也是韩国的经典电视剧之一，剧情挺不错的，但如果你不喜欢这样风格的话，劝你不要看，因为看起来有时候真的会很郁闷。</t>
  </si>
  <si>
    <t>阿里u站可以举报吗</t>
  </si>
  <si>
    <t>阿里不会的，产品可能刚开始做，可以关注他们后续的动作</t>
  </si>
  <si>
    <t>这个你直接打阿里的官方投诉电话应该有用。但如果没有伤害到你的利益给别人留条路也好啊</t>
  </si>
  <si>
    <t>吃芝麻糊会长胖吗</t>
  </si>
  <si>
    <t>吃南方黑芝麻糊会容易长胖</t>
  </si>
  <si>
    <t>会胖的！</t>
  </si>
  <si>
    <t>利用节食来减肥的人，由于其营养的摄取量不够，皮肤会变得干燥、粗糙。而芝麻中含有防止人体发胖的物质蛋黄素、胆碱、肌糖，因此芝麻吃多了也不会发胖．</t>
  </si>
  <si>
    <t>我觉得喝那个应该不会胖，</t>
  </si>
  <si>
    <t>芝麻减肥的，不会胖。</t>
  </si>
  <si>
    <t>如果是爱吃芝麻糊又不想发胖的，可以选择购买无糖的黑芝麻糊来食用。</t>
  </si>
  <si>
    <t>吃黑芝麻糊这个是不会引起发胖的，平时注意从饮食和运动方面，要加强平时的体育运动锻炼，少吃脂肪含量高和油腻等食品。这样既不会引起发胖，同时也可能保持身体健康。</t>
  </si>
  <si>
    <t>一般不会，但是过量食用会发胖的，最好是早上喝,除了营养，还对头发的色泽有好处错</t>
  </si>
  <si>
    <t>实习生可以加班吗</t>
  </si>
  <si>
    <t>只要符合法律工作时间的要求都是可以的，法律规定每月加班时间不得超过36小时。</t>
  </si>
  <si>
    <t>劳动者是否加班，取决于用人单位和劳动者双方平等协商后的决定</t>
  </si>
  <si>
    <t>更年期是病吗</t>
  </si>
  <si>
    <t>更年期不是病！更年期是中年女性必经的一个阶段</t>
  </si>
  <si>
    <t>不建议您吃药，</t>
  </si>
  <si>
    <t>携程是500强吗</t>
  </si>
  <si>
    <t>2015年，跻身亚洲500强；2020年，比肩世界500强</t>
  </si>
  <si>
    <t>是上市公司，但不是500强。</t>
  </si>
  <si>
    <t>不是，但像这样的公司还是进不去的。</t>
  </si>
  <si>
    <t>不是中国500强。</t>
  </si>
  <si>
    <t>早期肺侵袭性粘液腺癌手术后预后好不好</t>
  </si>
  <si>
    <t>一般7成以上，结合中药可以防止复发，可以吃点“五菌物药”等</t>
  </si>
  <si>
    <t>核弹是原子弹吗</t>
  </si>
  <si>
    <t>核弹是核武器的简称，包括原子弹、氢弹、中子弹、以及由这些武器派生出的新型核武器，共同特征就是通过核聚变或者核裂变产生能量。</t>
  </si>
  <si>
    <t>实际上原子弹是核弹的一种，但是通常所说的核弹是指“核导弹”，就是带着运载火箭的核弹，原子弹大多是空投的。</t>
  </si>
  <si>
    <t>核弹抱括原子弹和氢弹，</t>
  </si>
  <si>
    <t>核弹包括原子弹、氢弹、氢铀弹、中子弹。</t>
  </si>
  <si>
    <t>oppor7s适合男生用吗</t>
  </si>
  <si>
    <t>最近oppo的几款手机都是比较时尚的，配置也是挺高的，男生女生都合适。</t>
  </si>
  <si>
    <t>一定买plus，光学变焦的双摄像头比普通优势太多，当然这是对于玩摄影的人来说。其次7在外观上也显得平庸，和plus差距太大</t>
  </si>
  <si>
    <t>男士也有很多人用的，只是普遍来看用oppo和vivo手机的人中女性占绝大多数，时尚唯美。</t>
  </si>
  <si>
    <t>R7S目前官网有玫瑰金和金色喔，都是很不错的，女神可以推荐用玫瑰金，男神推荐用万人迷金色。</t>
  </si>
  <si>
    <t>健胃消食片好吗</t>
  </si>
  <si>
    <t>对没开胃的人来说有用。</t>
  </si>
  <si>
    <t>还不错，这个药是中成药，没有什么负作用。</t>
  </si>
  <si>
    <t>灵魂摆渡2吓人吗</t>
  </si>
  <si>
    <t>第二季很令人失望，除了长生、旧事、鬼母这几集是在认真讲故事有点恐怖味道外，其他都很扯淡无聊，特别是最后两集把外星人都扯出来了，感觉编剧就是为了凑数敷衍了事，对主线也没有认真的贯穿展开，远远没有第一季好看。</t>
  </si>
  <si>
    <t>1更搞笑，2更恐怖。不看1，无法知道他们关系怎么形成的</t>
  </si>
  <si>
    <t>考无忧好吗</t>
  </si>
  <si>
    <t>还不错，我听过他们的讲座，很专业的。</t>
  </si>
  <si>
    <t>牙齿矫正有年龄限制吗?</t>
  </si>
  <si>
    <t>牙齿矫正最佳年龄阶段是儿童时期，大体来说，12~18岁之间都可以算正畸治疗的最佳时间，虽然说矫正有最佳年龄阶段，但是对年龄要求并没有限制，所以说成年人一样可以矫正的，只不过成年人各方面都发育定型，矫正起来速度较慢，所需时间会更长，牙齿矫正后会通过戴保持器来让医生慢慢恢复的，所以不会出现牙齿松动脱落的情况，不过为了能够安全的拥有一口整齐牙齿，大家在做正畸的时候，是一定要选择正规牙科的，因为正规牙科机构医生经验丰富，能够给牙齿带来足够的保障！</t>
  </si>
  <si>
    <t>没有限制，矫正牙齿和年龄没有太大的联系</t>
  </si>
  <si>
    <t>一般最佳的矫正年龄是在11-16岁，但是随着技术的改进，相关的医学越来越发达，正畸是不分年龄的，有40多岁来做治疗的，只要选择适合个人的矫正方案，效果都是不错的。</t>
  </si>
  <si>
    <t>成年人可以做，最大极限没有一个确切数字，这要看你的牙周情况而定，所以术前诊断很重要，如果情况良好的话，都是可以做矫正的</t>
  </si>
  <si>
    <t>有的，四十岁之前。</t>
  </si>
  <si>
    <t>牙齿矫正一般是没有年龄限制的，只要牙周健康。只不过成年人做牙齿矫正所需要的时候久点。</t>
  </si>
  <si>
    <t>　牙齿矫正没有年龄限制，事实上，只要牙齿畸形患者口腔健康，没有出现严重的牙齿健康问题，都可以进行牙齿矫正。</t>
  </si>
  <si>
    <t>沙特是独裁吗</t>
  </si>
  <si>
    <t>其实沙特也不算是独裁，阿卜杜拉只是个国王，还有相当于诸侯一样的小王爷也有权利。</t>
  </si>
  <si>
    <t>沙特是传统的王室独裁制国家（阿拉伯国家多半是王室或酋长制国家，这是传统）</t>
  </si>
  <si>
    <t>历史总是向着正确的方向发展；历史的车轮总是滚滚向前的；世界上的独裁政府一个接一个完蛋，人民是国家的主人，人民当家做主。这就是历史向前发展的必然结果，是任何力量都阻止不了的</t>
  </si>
  <si>
    <t>天麻会上火吗</t>
  </si>
  <si>
    <t>天麻作为一味中药，性质是甘平的，它能息风止痉，平肝潜阳，祛风通络，主要治疗一些眩晕，头痛，四肢麻木之类的病症。一般人均可食用天麻。一般来说吃天麻不会上火</t>
  </si>
  <si>
    <t>中国人去蒙古国危险吗</t>
  </si>
  <si>
    <t>有一定的危险性。蒙古国大部分人比较仇视中国人。；</t>
  </si>
  <si>
    <t>听说那边对中国人很不友好，不建议你去</t>
  </si>
  <si>
    <t>在蒙古大街上，千万别让人知道你是华人！那是全世界最仇视华人的地区。</t>
  </si>
  <si>
    <t>中老年人需要补钙吗</t>
  </si>
  <si>
    <t>正常情况下，中老年人究竟应不应该补钙呢？从上述可见答案是否定的。</t>
  </si>
  <si>
    <t>老年人一般都需要补钙</t>
  </si>
  <si>
    <t>中老年人很容易感觉身体虚弱、骨质疏松。这是因为到了中老年阶段，身体器官功能趋于退化，吸收能力、免疫力都会下降，容易造成骨钙丢失引起的骨质疏松营养缺乏病症等。由于自身代谢能力减弱，胃肠吸收能力也相对减弱，因此现在大多建议老年人钙摄入量要多一些，以增进吸收量，一般每天服食1200-1500毫克钙为好。</t>
  </si>
  <si>
    <t>一般来说确实需要。</t>
  </si>
  <si>
    <t>土狗吃狗粮吗</t>
  </si>
  <si>
    <t>土狗俗称中华田园犬，是中国的土狗不需要吃狗粮，与生俱来就是耐粗饲的吃饭是最好的因为中华田园犬是肉食动物最好适当的加入肉的含量。</t>
  </si>
  <si>
    <t>要看狗狗能不能接受</t>
  </si>
  <si>
    <t>最好给狗狗吃狗粮，营养均衡，健康。</t>
  </si>
  <si>
    <t>建议吃天然粮，长期服用使狗狗毛色亮泽，健康发育，肠胃好。</t>
  </si>
  <si>
    <t>土狗适应能力很强，饿了连屎都吃。</t>
  </si>
  <si>
    <t>日版a1687支持电信吗</t>
  </si>
  <si>
    <t>该型号的手机不能支持电信CDMA网络，是不能使用电信手机卡的，电信手机卡只能在支持CDMA网络的电信版或全网通版手机上使用。</t>
  </si>
  <si>
    <t>您好，6Splus A1687是港行，本来就是不支持电信4G的，您可以购买国行三网通就可以使用电信4G了。</t>
  </si>
  <si>
    <t>支持，如果是运营商定制就不好说了。</t>
  </si>
  <si>
    <t>A1688和A1687支持电信的网络，这个机型就是其他机型。</t>
  </si>
  <si>
    <t>金山加速器好用吗</t>
  </si>
  <si>
    <t>金山加速器的效果是非常好的。</t>
  </si>
  <si>
    <t>金山的特垃圾！我买了用起来没一点点的效果！</t>
  </si>
  <si>
    <t>孕期可以拔牙吗</t>
  </si>
  <si>
    <t>根据你描述的情况怀孕期间是禁止拔牙的。</t>
  </si>
  <si>
    <t>如果是孕妇，暂时最好不要拔牙，因为拔牙会导致出血，如果是孕妇，由于紧张的原因，很可能会导致早产或者自然流产，所以，在孕期间是不能拔牙的！</t>
  </si>
  <si>
    <t>最好不要拔牙，因为拔牙会影响孩子健康</t>
  </si>
  <si>
    <t>怀孕前三个月和后三个月是不可以拔牙的，前三个月容易早产。后三个月容易流产。另外怀孕期间月经期间拔牙也应慎重，代谢性出血也是很厉害的。</t>
  </si>
  <si>
    <t>妊娠是一个生理过程，但也具有一些特殊性，如怀孕的前3个月容易发生流产，怀孕的后3个月容易发生早产，所以在妊娠期间最好不要拔牙，必须拔牙时以在4-6个月时较为安全。妊娠期拔牙应在术前口服镇静药，手术前后1-2注射黄体酮。手术应尽量轻巧避免疼痛减少不良刺激，避免子宫受刺激产生子宫收缩而诱发流产和早产。术中麻药内不要不要加肾上腺素。对于习惯性流产和早产病史患者，妊娠期不宜拔牙，除非有特殊指征。</t>
  </si>
  <si>
    <t>最好不拔牙，不能局麻，药物要影响小孩，其次手术因紧张可能导致流产的可能</t>
  </si>
  <si>
    <t>一般怀孕4、5、6三个月是安全期。可以进行拔牙等创伤不大的小手术。建议不要拔，不是因为怀孕的原因，而是为了以后的修复着想。</t>
  </si>
  <si>
    <t>玩游戏好吗</t>
  </si>
  <si>
    <t>现在青少年玩游戏固然是不好的 现在是网络时代 年轻人需要接触网络 但是切记不能去贪上了玩游戏青少年对于自己的把控能力是不行的 而对于成了年的人来说 偶尔玩玩是可以的 玩有的游戏可以促进你大脑的成长 和反应力的</t>
  </si>
  <si>
    <t>没日没夜玩所以说好不好就看你自己了（所以说做人还是要有节制啊有好也有坏好是可以放松你心情，往里投钱！~） 还有~~千万别玩不良游戏！！，使之后工作效率提高不好是上了瘾</t>
  </si>
  <si>
    <t>因人而异</t>
  </si>
  <si>
    <t>每样东西都有好有坏，玩游戏能让你放松心情，你可以再游戏里找到自信，有成就感，但是要把握一个度，如果过度沉迷游戏的话，那游戏就会让你慢慢远离现实生活，无心做事，凡事都要有一个度</t>
  </si>
  <si>
    <t>如果你是职业玩家，而且有能力打到世界前3名，或者你想从事游戏相关工作，你可以把时间花在这个上面，又有乐趣又能挣钱，再好不过了。不过我相信大多数人不是职业玩家，没有玩游戏的天赋，所以随便玩玩就行了。开发游戏，代理游戏，是人家的工作，但是玩游戏不是你的工作。做自己最擅长的事，不要沉迷游戏。</t>
  </si>
  <si>
    <t>总的来说玩游戏不好</t>
  </si>
  <si>
    <t>玫瑰花可以和金银花一起泡吗</t>
  </si>
  <si>
    <t>可以，清热利湿，解毒利咽，还有美容养颜的功效。</t>
  </si>
  <si>
    <t>可以啊,放在一起有养颜,纤身的作用</t>
  </si>
  <si>
    <t>我认为你说的这个就是属于花茶一类的，因此我认为玫瑰花不能和金银花一起泡茶！</t>
  </si>
  <si>
    <t>玫瑰花和金银花能一同泡水喝！</t>
  </si>
  <si>
    <t>玫瑰花属于活血化瘀，行气止痛的中药。金银花属于清热解毒的中药，两者可以一起喝不会有副作用，但尽量只喝一种，两个作用是不一样的</t>
  </si>
  <si>
    <t>金银花,菊花,玫瑰花一起泡水喝,有清热解毒,有明目的功效,长时间面对电脑工作的人可以常喝.</t>
  </si>
  <si>
    <t>当然可以了</t>
  </si>
  <si>
    <t>可以，功效互补</t>
  </si>
  <si>
    <t>玫瑰花茶和金银花茶是可以一起泡茶饮的。</t>
  </si>
  <si>
    <t>初恋这件小事女主角是同一个人吗</t>
  </si>
  <si>
    <t>是啊</t>
  </si>
  <si>
    <t>是的，只是后来皮肤白了，头发长了，眼镜摘了。变漂亮了</t>
  </si>
  <si>
    <t>是的。演的挺不错的。</t>
  </si>
  <si>
    <t>应该是</t>
  </si>
  <si>
    <t>当然是同一个人</t>
  </si>
  <si>
    <t>中国女人喜欢黑人吗</t>
  </si>
  <si>
    <t>没有，黑人好恶心，体味重，不排队，随便坐在路上。</t>
  </si>
  <si>
    <t>没有吧</t>
  </si>
  <si>
    <t>部分胃口重的女人喜欢。</t>
  </si>
  <si>
    <t>不喜欢</t>
  </si>
  <si>
    <t>淘宝上的香港代购是真的吗</t>
  </si>
  <si>
    <t>基本都是假的。香港代购不是一件容易的事儿。我们经常过去买东西，一人最多拿一个行李箱或者购物车。就算一天来回两三趟，一次拉过来的东西也不多，太多了也会被扣，根本做不到淘宝上的某些销量那么大。而且淘宝那么低价格，比香港做活动时的价格还便宜。难道商家是慈善家?而且香港也有便宜货和正货之分，小店或者小药房的东西就便宜，但是来源不明哇，我们只敢去专柜商场买。莎莎那些店的化妆品比专柜便宜瓦，但是可能快到期。所以就算真的是去香港代购，也分好坏。</t>
  </si>
  <si>
    <t>就连香港闻名的波鞋街也有假波鞋事件那就证明香港本土能买买到的未必是正品,现在所谓的代购99.99是高仿如想买正品还是建议到香港大型实体连锁店好了</t>
  </si>
  <si>
    <t>最好找那些店铺经营资质有个“港HK”认证标志的，那是官方真正的香港身份实名认证。点击宝贝页面右手边描述下面的那个数字进去新页面，那个标志在左手边差不多中间的位置，一般的店铺认证信息后面只有一个支付宝个人认证。真正的香港人店铺就会多一个认证标志。可以到港威特惠屋去参考一下什么样子的。</t>
  </si>
  <si>
    <t>看价格啊 做香港代购的一般都是赚个差价，汇率每天都有浮动，但是基本就是港币价格乘以0.8，再加上运费什么的，只要别太涂便宜应该还行，反正我买的都靠谱是真的</t>
  </si>
  <si>
    <t>一些可靠一些不可靠</t>
  </si>
  <si>
    <t>基本都可以靠谱的，现在这些也挺多的。</t>
  </si>
  <si>
    <t>谨慎选择，有一些香港的代购，也会拿到相应牌子的授权的。这样的比较靠谱吧。多看看评论。找到一家正品的店，可以在有需要的都优先从这家来选购。看情况吧。</t>
  </si>
  <si>
    <t>做鼻窦炎手术疼吗</t>
  </si>
  <si>
    <t>上星期一刚做完手术 十年鼻炎患者 知道做手术根治不了 知道或许会有后遗症 知道可能会得空鼻症 但是没办法 太严重了 已经影响工作生活了 必须做了 我不知道别人痛不痛 反正我痛 我是局麻 全程都在感觉和脑补医生如何撕扯我的骨头 电钻 电烙铁 剪刀 钳子 怎么取我的骨头我都能感觉得到 很恐怖 手术很快我鼻窦炎 鼻中隔 过敏性鼻炎三个手术一个小时多点就完成了 可是出来半小时以后麻药退了 开始痛 鼻子塞着棉花 不通气 头晕脑胀 脑仁里面痛 早上9点手术 出来以后 四小时吃一颗曲马多 晚上还打了止痛针 可是还是觉得痛 一直到第三天开始好转 可是刚好转 医生就叫拆棉花 一天取一点 每次都痛 最后取膨胀海绵的时候 感觉脑髓都被拉出来了 流了很多血 但是鼻子也通气了 痛了一晚上 第二天开始有黄黏鼻涕 然后每次要洗鼻子 吸鼻涕 洗的时候感觉像呛水 吸的时候酸胀痛 但这些都可以忍耐 这个星期2出院 现在在家休息 鼻子还是感觉很多鼻涕 出不来进不去 难受 每天还要滴生菜油 偶尔还会有点痛 医生叫8.1日去复查 据说是用内视镜检查 还要有个清理的小手术 很痛 想到就怕 如果早知道 我不会做这个手术 真的太遭罪了 如果你不是太严重的话 考虑去打针 吃中药 保守治疗吧 真的很痛苦 我现在鼻子还是不舒服 鼻塞 声音也是闷闷的 这是我目前手术快两星期的感觉</t>
  </si>
  <si>
    <t>还好，手术会反复是不建议的，可以取蜂巢1片，嚼食，10分钟左右把渣吐出来，一日3次。或者取未成熟的小白萝卜，除去表皮，刮取最辛辣的一层萝卜皮，用手挤成萝卜水，滴入鼻中；一次看量，直到鼻子感觉麻痹则停，注意尽量别让萝卜水流入喉咙，最好是躺在床上，脖子用枕头垫起，这样萝卜水只会进入鼻腔不会进入喉咙，如此约2～4次（每晚一次）就能缓解鼻塞，最后可以搭配上鼻诺棠改善鼻炎的，一段时间鼻窦炎就好了。</t>
  </si>
  <si>
    <t>孕妇吃泥鳅好吗</t>
  </si>
  <si>
    <t>可以的泥鳅有沙鳅、真鳅、黄鳅之分，在我国各地的淡水中都有分布。泥鳅鱼含优质蛋白质、脂肪、维生素A、维生素B1、烟酸、铁、磷、钙等。泥鳅中含一种特殊蛋白质，有促进精子形成作用。成年男子常食泥鳅可滋补强身。味甘性平，有暖中益气、清利小便、解毒收痔之功效。泥鳅肉质细嫩，营养价值很高，其滑涎有抗菌消炎的作用。可治湿热黄疸、小便不利、病后盗汗等症。但一定要吃熟的，炖的时候记得放几片姜，生吃有寄生虫。劣质及有毒泥鳅死泥鳅最好不要买。死因不明，可能为农药中毒。眼睛凹陷，鱼皮黏液干涩无光泽的，可能死亡时间较长了。过于肥胖的泥鳅可能使用了激素。</t>
  </si>
  <si>
    <t>欧洲自由行安全吗</t>
  </si>
  <si>
    <t>通过正规的旅行社，非常安全。</t>
  </si>
  <si>
    <t>去欧洲建议去北欧丹麦挪威瑞典芬兰就这几个国家比较太平，其他的地方因为难民和恐怖袭击很乱，去旅游建议一定要买国外手机卡，淘宝上有卖还包流量，最关键的是当地警察局的电话，最最关键的是大使馆的地址和电话，做好了这几点就可以了。</t>
  </si>
  <si>
    <t>一键root会丢失数据吗</t>
  </si>
  <si>
    <t>这个看你使用的什么方式root手机了！</t>
  </si>
  <si>
    <t>手机Root后，原来的数据不会丢失</t>
  </si>
  <si>
    <t>手机内数据一般不会丢失，避免意外丢失，还是建议先备份重要数据后操作。</t>
  </si>
  <si>
    <t>root是获得最高权限，对手机几乎无任何影响，自然也就不会删除手机上的数据</t>
  </si>
  <si>
    <t>不会，只是一个获取权限的过程，刷机才会</t>
  </si>
  <si>
    <t>大卡剪小卡影响信号吗</t>
  </si>
  <si>
    <t>完全不影响，亲你可以放心，换了新手机信号不好只能是手机的问题，或者你换了地方。</t>
  </si>
  <si>
    <t>没有影响的，一样用</t>
  </si>
  <si>
    <t>剪卡并不会对手机信号造成影响，因为SIM卡只是用来识别用户的标识，信号强度跟手机硬件性能以及距离基站距离远近有关。</t>
  </si>
  <si>
    <t>信号强弱与卡大小无关</t>
  </si>
  <si>
    <t>剪卡的时候如果没有损坏到芯片,信号是不会受到影响的.</t>
  </si>
  <si>
    <t>不会的，剪卡剪掉的是没有电路的部分，不会影响卡的使用。</t>
  </si>
  <si>
    <t>首先你自己先看，如果剪卡时对你的中央芯片有了损坏的话，那么恭喜，就是剪卡剪歪了，导致的信号不完全，这样的情况一般会出现，手机信号不稳定，网络信号时有时无，甚至打电话会突然消失信号，这是正常现象，解决办法就是补办一张，带着你的卡和有效证件去营业厅，几分钟就能补好，还有，剪卡要去正规地方，不要去那些什么修手机，办卡的地方，他们的剪卡器一般都容易出事故</t>
  </si>
  <si>
    <t>夏洛克福尔摩斯死了吗</t>
  </si>
  <si>
    <t>没死</t>
  </si>
  <si>
    <t>福尔摩斯只是柯南道尔爵士笔下的人物，1891年5月4日与莫里亚蒂教授一起掉入山谷死亡。原因是柯南·道尔厌倦此角色，刻意安排；后来因为福尔摩斯迷们的强烈要求下，作者又让他神奇的复活了，所以福尔摩斯侦探还没死，具体什么时候死要问柯南道尔爵士</t>
  </si>
  <si>
    <t>没死。柯南道尔本来打算《最后一案》完结了，就当福尔摩斯和莫里亚蒂一起失踪，行踪不明。可是应世界各地福尔摩斯迷的要求，柯南道尔又把福尔摩斯写回来了。原著最后也没有写福尔摩斯的最终结局＃＃福尔摩斯之死福尔摩斯只是柯南道尔爵士笔下的人物，1891年5月4日与莫里亚蒂教授一起掉入山谷死亡。原因是柯南·道尔厌倦此角色，刻意安排；后来因为福尔摩斯迷们的强烈要求下，作者又让他神奇的复活了，所以福尔摩斯侦探还没死，具体什么时候死要问柯南道尔爵士，估计他死不了。就算他死了，他的精神会永远活在人们的心里！＃＃没死啊.</t>
  </si>
  <si>
    <t>污水处理厂工作好不好</t>
  </si>
  <si>
    <t>环保行业是很有前途的工作，好！</t>
  </si>
  <si>
    <t>不好。和污染打交道，人也会被污染。</t>
  </si>
  <si>
    <t>就看什么岗位了，如果是技术或者管理岗位，可以说不错，如果是操作岗位，就看是哪个工序，有些工序的工作环境很糟糕，甚至会有对人体有害的物质，比如噪音污染、电磁辐射、有毒有害气体</t>
  </si>
  <si>
    <t>女生去比较合适，每天就看看数据，基本没什么事儿做。</t>
  </si>
  <si>
    <t>待遇每个地方都有差别吧，普通员工1K+、2K+的都有</t>
  </si>
  <si>
    <t>污水处理厂的任务当然是处理城市污水。大量的污水通过管道汇集到厂里的大型搅拌池，加入聚丙酰胺等絮凝剂，再送入沉淀池，然后过滤分离。基本上全自动。男女都适合，千万不要以为污水厂如何如何脏，那就大错特错了！事实上污水厂并不“污”，反而有点像花园，那儿的工资，财政拨款，大大的美差。</t>
  </si>
  <si>
    <t>病理性近视一定会失明吗</t>
  </si>
  <si>
    <t>高度近视即使过了25岁，近视度数还会上涨，眼球越来越长了，眼底出现了病变，即使配眼镜，矫正视力也达不到1.0。例如，一个1300度高度近视患者，矫正视力可能只有0.5。病理性近视如果一直发展，到最后矫正视力越来越低，最终会失明。</t>
  </si>
  <si>
    <t>高度近视不一定都是病理性近视。只有病理性近视才伴有眼底及玻璃体变性，发生网膜脱离及视力减退的几率相对较大。只要及时处理，失明的可能较小。</t>
  </si>
  <si>
    <t>脑动静脉畸形会复发吗</t>
  </si>
  <si>
    <t>都已经术后了，不会复发了</t>
  </si>
  <si>
    <t>如果手术成功，基本不会</t>
  </si>
  <si>
    <t>ipad mini2 4g版可以打电话吗</t>
  </si>
  <si>
    <t>4G版ipad mini  2 ，采用的网络制式为TD-LTE，TD-SCDMA，WCDMA，CDMA2000，GSM，支持移动4G，3G，2G，联通3G，2G，电信3G网络上网，只能使用手机卡的网络功能，可以进行网络通话，不能如手机卡那样直接拨打电话。</t>
  </si>
  <si>
    <t>iPad并没有内置电话组件，支持SIM卡，主要是方便用户即可使用移动网络上网，又可以使用WIFI无线网络上网。不过在iPad中无拨号组件，因此找不到拨号界面。理论上来说，iPad 3、4G版也不支持打电话功能。iPad 拥有Wifi版和3、4G版，其中3、4G版支持SIM卡，并支持3、4G网络，通过安装一些拨号组件可以实现打电话功能，而Wifi版则可以借助微信等语音通信软件，实现间接的通话功能。</t>
  </si>
  <si>
    <t>4G版的iPad不能打电话。</t>
  </si>
  <si>
    <t>孕妇能不能吃黄骨鱼</t>
  </si>
  <si>
    <t>黄骨鱼又称黄颡鱼，黄颊鱼、黄刺鱼，孕妇可以吃的，黄骨鱼蛋白含量高，性味甘平。能益脾胃，利尿消肿，怀孕期孕妇易下肢水肿，故常吃能缓解此症状。深黄色的黄骨鱼头上刺有微毒，食用时要注意清洗干净。</t>
  </si>
  <si>
    <t>没听过什么不能吃，没听过什么不能吃的鱼。</t>
  </si>
  <si>
    <t>孕妇是可以吃黄骨鱼的，它不会对孕妇和宝宝产生什么不利影响。</t>
  </si>
  <si>
    <t>这个是可以的，孕妈咪在怀孕期间应该多吃鱼，因为鱼的蛋白质含量是比较丰富的，还有其它食物，比如蛋类，肉类和禽类亲也应该多吃点。</t>
  </si>
  <si>
    <t>黄骨鱼营养丰富，含有较多的优质蛋白质，孕妇是可以吃的黄骨鱼可以与豆腐等豆制品一起煮汤，营养更加丰富</t>
  </si>
  <si>
    <t>氯雷他定片是抗生素吗</t>
  </si>
  <si>
    <t>不是抗生素，是药品，属于药准字。</t>
  </si>
  <si>
    <t>晚上吃葡萄好吗</t>
  </si>
  <si>
    <t>晚上睡觉前一个小时以上吃少量葡萄是可以的，有助睡眠，但睡觉之前不要吃东西。</t>
  </si>
  <si>
    <t>是有这么一种说法，葡萄中含有一定的褪黑素，可能有安眠的作用。</t>
  </si>
  <si>
    <t>睡觉前要少吃东西，对胃不好，葡萄是水果吃了当然好，但是要在合适的时间吃</t>
  </si>
  <si>
    <t>晚上最好不要吃，如果晚上长时间吃葡萄，会腐蚀牙齿</t>
  </si>
  <si>
    <t>看你体质。</t>
  </si>
  <si>
    <t>晚11点建议什么都不要吃，直接睡觉吧。＃＃不好</t>
  </si>
  <si>
    <t>这时候少量的还可以，但是不要吃得太多，对于胃壁的刺激比较大。另外吃葡萄比较多的话比较常见的就是上火，嗓子发干偶尔出现疼痛的感觉，况且这时候是空腹，所以还是少吃为好</t>
  </si>
  <si>
    <t>葡萄汁可以帮助器官植手术患者减少排异反应，促进早日康复。但是晚上吃会差些＃＃晚上吃营养吸收差，不怎么好。</t>
  </si>
  <si>
    <t>黄体酮针可以马上停吗</t>
  </si>
  <si>
    <t>还是听医生的，不要自己作主20mg一打的，应该可以马上停下的，保险起见，减为隔天一针最少打三次就可以停了。</t>
  </si>
  <si>
    <t>你的血孕酮值仍偏低，建议行B超检查，若提示宫内胚胎存活，须继续注射黄体酮保胎治疗，避免剧烈运动和性生活，即使血孕酮值上升至正常水平，也不适宜突然停药，须改服达芙通至孕20周。</t>
  </si>
  <si>
    <t>黄体酮突然停药也没有关系。不过因为每个医院孕酮的参考值都不一样，所以我没法给出你具体意见</t>
  </si>
  <si>
    <t>booking能用银联吗</t>
  </si>
  <si>
    <t>目前Booking.com只接受Visa, Mastercard 以及 American Express 类型的信用卡。</t>
  </si>
  <si>
    <t>房租涨价有法律限制吗</t>
  </si>
  <si>
    <t>房屋租赁价格由市场决定，完全由出租方和承租人协商确定，法律和政府不干涉。</t>
  </si>
  <si>
    <t>没听说</t>
  </si>
  <si>
    <t>依法成立的合同，受法律保护</t>
  </si>
  <si>
    <t>租赁合同到期后，双方可再次签订，对方有权涨价，但是租赁合同期限内对方没权</t>
  </si>
  <si>
    <t>外地驾照可以在天津摇号吗</t>
  </si>
  <si>
    <t>得居住满三年，以社保单为证据。</t>
  </si>
  <si>
    <t>办公室装监控违法吗</t>
  </si>
  <si>
    <t>这个是合法的。</t>
  </si>
  <si>
    <t>立顿红茶好不好</t>
  </si>
  <si>
    <t>红茶适合冬天饮用，好处坏处，百度一下</t>
  </si>
  <si>
    <t>袋泡茶虽然也是茶，但是茶叶的品质不一定好啊</t>
  </si>
  <si>
    <t>个人喜好吧。</t>
  </si>
  <si>
    <t>红茶是全发酵茶，特点是经冲泡后呈红色汤汁，味甘性温，含有丰富的蛋白质，具有提神益思、解除疲劳等作用。</t>
  </si>
  <si>
    <t>茶还是不错的，本身没有什么好坏之分。</t>
  </si>
  <si>
    <t>人流对以后生育有影响吗</t>
  </si>
  <si>
    <t xml:space="preserve">不正当人流手术是很容易有后遗症的，但是如果女性朋友选择正规医院的专业人流术的话，是完全没有问题的。人流后不孕的主要原因，是因为手术感染和术后感染的原因，由于手术环境差，器械劣质，术后消炎不彻底，导致女性患上各种妇科炎症，即便炎症得到了合适的治疗，炎症对身体的损害还是很可能让女性朋友不孕。 </t>
  </si>
  <si>
    <t>当然有影响，而且还很大。很多人一次堕胎后就再也不能怀小孩了。堕胎的影响很大呀。</t>
  </si>
  <si>
    <t>多次人流后会使子宫壁变得越来越薄而无法再包裹胎儿，当然就影响到了正常的生育。</t>
  </si>
  <si>
    <t>短发拍婚纱照好看吗</t>
  </si>
  <si>
    <t>长发更好看一些</t>
  </si>
  <si>
    <t>当然好看</t>
  </si>
  <si>
    <t>短发是可以拍的，头发短，一样可以拍出很好看的照片</t>
  </si>
  <si>
    <t>只要造型做的好，就没问题</t>
  </si>
  <si>
    <t>好看的</t>
  </si>
  <si>
    <t>叶酸可以和维生素一起吃吗</t>
  </si>
  <si>
    <t>可以一起吃B族维生素及叶酸,生物素等，都是水溶性维生素</t>
  </si>
  <si>
    <t>完全可以啊</t>
  </si>
  <si>
    <t>叶酸不宜与维生素C同服</t>
  </si>
  <si>
    <t>试管婴儿可以做龙凤胎吗</t>
  </si>
  <si>
    <t>可以的；方法有很多种可选择，比如第三代试管婴儿技术就可以的；</t>
  </si>
  <si>
    <t>第三代试管技术是可以实现的，但国内试管技术是有严格的准入制度，性别选择也是严令禁止的。</t>
  </si>
  <si>
    <t>做试管想选择性别的话，需要通过第三代试管婴儿技术，国内的法律是禁止选择性别的，所以一般不能做第三代试管</t>
  </si>
  <si>
    <t>理论上说是可以的，也有很多成功的案例。但是这个要根据个人情况确定，因为试管的时候 植入胚胎的时候选择性别，然后发育好就成功，但是如果胚胎发育的只有一个或是是不发育那就不成功，泰国试管是可以选择性别的。</t>
  </si>
  <si>
    <t>可以，不过由于特殊要求，它的成功率比较低。</t>
  </si>
  <si>
    <t>阳台的栏杆可以拆掉吗</t>
  </si>
  <si>
    <t>可以拆除</t>
  </si>
  <si>
    <t>高度不足1.1m的话建议拆掉</t>
  </si>
  <si>
    <t>可以拆掉</t>
  </si>
  <si>
    <t>可以拆，但也要另做好防护措施！</t>
  </si>
  <si>
    <t>问物业 ，，有的小区阳台给封，有的不给</t>
  </si>
  <si>
    <t>苹果4的卡能剪成苹果5的卡吗</t>
  </si>
  <si>
    <t>不能了，这张卡应该是苹果5的手机卡，可是SIM卡是不能复原的，</t>
  </si>
  <si>
    <t>不一样的，苹果四的卡虽然是小卡 ，但是还是比5的小卡大一点，苹果4的卡大卡是可以减成小卡用的，5里边的卡用大卡是不能剪成的</t>
  </si>
  <si>
    <t>要的4是micro sim卡而5是nano sim卡</t>
  </si>
  <si>
    <t>冬天有拍婚纱照的吗</t>
  </si>
  <si>
    <t>1.冬天拍外景婚纱照如果新娘选择的是不会露腿的长款婚纱，下身就可以穿一条贴身的羊毛裤，这样既可以御寒，有可以修身，而且对拍婚纱照也没有太大的影响。2.其实冬季外景婚纱照，新郎可以像平时一样着装，但新娘可就要多加注意了。注意上身尽量不要穿高领的秋衣，最好选择V领的可以单穿的长袖衣服代替秋衣。这样更适合搭配而且换衣服也比较方便。3.冬天拍外景婚纱照新郎可以挑选几款自己满意的浅色衬衣或一套深色西装，男士可准备低领的浅色保暖内衣一套，最好是低领子的，以免保暖内衣会露到衬衫外面。4.冬天拍外景婚纱照新娘鞋子最好是选择高跟，一般都不会露出鞋子，但是却可以让新娘显得更修长。当然穿靴子也可以，只要是拍摄时露不出小腿的都没有问题的，这样新娘可以暖和一点。</t>
  </si>
  <si>
    <t>冬天也有人拍婚纱照啊，贴点暖宝宝就可以了。</t>
  </si>
  <si>
    <t>小米note会不会降价</t>
  </si>
  <si>
    <t>还会降价吧。</t>
  </si>
  <si>
    <t>小米note要停产了吧，小米note3都出来了还降价干嘛，早就不在主要产品线里了。</t>
  </si>
  <si>
    <t>win10可以玩真三国无双7吗</t>
  </si>
  <si>
    <t>如果行更好，如果不行，右键点击游戏运行图标，点击》属性，点击&gt;兼容性，再点击&gt;以兼容模式运行这个程序，选择&gt;Windows 7就可以了。</t>
  </si>
  <si>
    <t>可以，帝国和猛将传都可以。</t>
  </si>
  <si>
    <t>可以，win10的兼容性已经超过win7了，都是可以运行的。</t>
  </si>
  <si>
    <t>能玩，我就是用的win10 64位系统，三国无双7完美运行。</t>
  </si>
  <si>
    <t>月经来了能吃香蕉吗</t>
  </si>
  <si>
    <t xml:space="preserve">香蕉富含维生素B6，而维生素B6具有稳定女性在经期的不安情绪。香蕉富含有很多的微量元素，其中以钾的含量居多。月经期由于失血量过多，会导致体内的微量元素的缺失，而适量的吃香蕉则是对身体有益处的。因此，月经期女性可以吃香蕉。 但那些身体虚寒者，就不能吃，因为香蕉是寒性的，伤阳气。香蕉有收经的作用，有可能会使月经量减少，导致月经不调，经期尽量少吃香蕉或者不吃。 </t>
  </si>
  <si>
    <t>月经期间可以吃点香蕉</t>
  </si>
  <si>
    <t>可以吃的，虽然是水果，但香蕉水分比较少。</t>
  </si>
  <si>
    <t>当然能吃</t>
  </si>
  <si>
    <t>国考面试需要报班吗</t>
  </si>
  <si>
    <t>反正进了面试的90%人都会报班吧。</t>
  </si>
  <si>
    <t>报班其实就是提前给你指导，减轻心理负担。</t>
  </si>
  <si>
    <t>这个要根据自身情况来进行相应的判断。如果自己不知道怎样入手，较好的去进行备考，又想进行一个较系统、全面、又有重点的学习，建议选择有口碑的大机构报一个班进行学习，这样可以跟着老师的节奏有技巧的进行备考，不至于盲目。</t>
  </si>
  <si>
    <t>肌肉拉伤能热敷吗</t>
  </si>
  <si>
    <t>肌肉拉伤后，拉伤部位剧痛，用手可摸到肌肉紧张形成的索条状硬块，触疼明显，局部肿胀或皮下出血，活动明显受到限制。 肌肉拉伤后，要立即进行冷处理，用冷水冲局部或用毛巾包裹冰决冷敷，然后用绷带适当用力包裹损伤部位，防止肿胀。在放松损伤部位肌肉并抬高伤肢的同时，可服用一些止疼、止血类药物。24小时至48小时后拆除包扎，根据伤情，可外贴活血和消肿胀膏药，可适当热敷或用较轻的手法对损伤局部进行按摩。</t>
  </si>
  <si>
    <t>一般肌肉拉伤都是先是冷敷，阻止内出血缓解疼痛的，48小时后是可以热敷促进局部血液循环的，可以使用膏药局部贴服，一般休息几天就会康复的</t>
  </si>
  <si>
    <t>肌肉拉伤后应该马上冷水敷或者是冰敷，24小时后才可以进行轻手法的按摩和热敷。严重的48小时后才能进行。如果肿的厉害最好配合消肿的仪器进行消肿。肌肉肿消退比较快，应该热敷活血下没事了。</t>
  </si>
  <si>
    <t>有。不过你得科学的做按摩，不要瞎按。</t>
  </si>
  <si>
    <t>在受伤前期也就是24小时之内一定要冷敷，而且不能用药。在拉伤的中期和后期可以热敷，在休息时一定要抬高受伤腿。</t>
  </si>
  <si>
    <t>如果严重，已经肿了，热敷，在还没有肿的情况下冷敷</t>
  </si>
  <si>
    <t>中国学术杂志网可信吗</t>
  </si>
  <si>
    <t>看了下，专业网站，是可以的。</t>
  </si>
  <si>
    <t>不要信</t>
  </si>
  <si>
    <t>查过敏原要空腹吗</t>
  </si>
  <si>
    <t>不用的。</t>
  </si>
  <si>
    <t>如果您现在服用的是含有激素类的药物,在检测过敏原前的5天左右需要把药暂停,这样对过敏原的检测会更准确,空腹或饮食后检测对化验的结果没有影响.</t>
  </si>
  <si>
    <t>需要，至少饭后8小时以上。</t>
  </si>
  <si>
    <t>不需要空腹，但在做过敏原检查之前，须停抗过敏药物3天</t>
  </si>
  <si>
    <t>不用空腹，随时去查。</t>
  </si>
  <si>
    <t>香蕉和玉米能一起吃吗</t>
  </si>
  <si>
    <t>香蕉和玉米可以一起吃</t>
  </si>
  <si>
    <t>玉米和香蕉可以一起吃</t>
  </si>
  <si>
    <t>可以一起吃的,它俩之间无禁忌。</t>
  </si>
  <si>
    <t>香蕉和玉米可以一起吃,两者之间相配无禁忌。</t>
  </si>
  <si>
    <t>可以的，不冲突</t>
  </si>
  <si>
    <t>饰品店利润大吗</t>
  </si>
  <si>
    <t>开饰品店的利润高不高要看你定价高不高了，我只算是微商吧，利润一般，就是挣点零花钱。</t>
  </si>
  <si>
    <t>饰品的利润是相当高的，一二线城市做实体+网店比较好。</t>
  </si>
  <si>
    <t>看你卖什么类型的饰品，以及在哪里卖了，如果你是开淘宝店的话 卖那种便宜点的，薄利多销，实体店的话，你有门面吗，还是说需要另外再租门面呢，另外你有手艺吗，能自己做一些定制的饰品吗，如果都能的话，那利润应该会可观。</t>
  </si>
  <si>
    <t>现在开饰品店的很多，竞争很大，而且看你是自己拿货还是加盟，一般建议自己拿货，多参考下别的店的，主要是把门店的位置选好，这样才有的赚。</t>
  </si>
  <si>
    <t>小儿支气管肺炎能自愈吗</t>
  </si>
  <si>
    <t>轻度支气管炎大多数都可以自愈的，不用治疗也可以。但是支气管肺炎一定要住院治疗的，治疗力度不够都不容易痊愈。</t>
  </si>
  <si>
    <t>如果咳嗽比较剧烈,痰比较多,还是要检查一下的,是肺炎的话,必须治疗。喝保健品作用不大,一定要正规治疗。</t>
  </si>
  <si>
    <t>支气管炎怎么可能会自动好呢?一定要给孩子吃药才会好的,如果不及时的给孩子治疗,就会导致孩子形成慢性支气管炎。</t>
  </si>
  <si>
    <t>这个一旦患了，就只能减缓，不可能完全治愈，特别是支气管肺炎。</t>
  </si>
  <si>
    <t>加湿器对电脑有影响吗</t>
  </si>
  <si>
    <t>对电脑有一定影响，最好在使用电脑时不要开加湿器。室内湿度过高，会导致尘土黏着在一起，特别是机箱内温度较高，如果湿度高的华，里面的灰就会覆盖到个配件上，日积月累越来越多，不利于散热，而且潮湿的灰尘有可能会引起短路。</t>
  </si>
  <si>
    <t>肯定的，水分过多会引起电路板腐蚀，可能引起短路、漏电。</t>
  </si>
  <si>
    <t>会的，要尽量远离电器，电器都是要防潮的</t>
  </si>
  <si>
    <t>会的，一般建议，笔记本远离加湿器。因为电脑主板上那么多电子元件，电路板很容易结露，造成电子元器件之间短路,“湿度和灰尘是电脑的最大元凶”确实不假，但是湿度对计算机要更加危险。因此，绝对绝对不可以“靠近”的。如果要个好的环境，还是开空调比较好。</t>
  </si>
  <si>
    <t>现在大家的生活水平都有了提高，很多朋友也像笔者一样在干燥的日子里用上了空气加湿器，但是空气加湿器如果使用不当却很有可能导致CRT显示器工作不正常。 一日，笔者觉得书房开了暖气以后十分干燥，就把加湿器抬到书房让它工作，为了让加湿器靠近笔者，索性将加湿器搬到了显示器旁，当时未出现异常，因为中途有事，笔者出去了大约5个小时。但是加湿器并未关闭，一直在显示器旁边工作。回来后，笔者打开显示器，发现颜色、对比度与亮度严重失真。笔者相继清扫显卡、检查信号线，均无济于事。当笔者看到工作中的加湿器后，瞬间恍然大悟，立即关闭。15分钟后，显示器恢复正常，笔者断定是由于显示器受潮所引起的。 在此提醒大家，使用加湿器，最好不要离电脑太近。加湿器水汽大，容易使电路板受潮后工作不正常。在开至最大档时，水蒸气渗入电器内部甚至有可能使电器短路，造成财产损失!如果一定要使用，则最好远离电脑，放在离主机至少1米高的地方，并避免喷口直接对着电脑。</t>
  </si>
  <si>
    <t>没问题的，我的加湿器就一直放在笔记本旁边，都一个多月了，没什么问题呀，笔记本本身就发大量的热，怎么会受潮。。。</t>
  </si>
  <si>
    <t>没问题的，加湿器不要开太大就可以，电脑对湿气不是很大是没问题的，加上你又开空调干燥，所以房间湿度不会太大的，对电脑基本没影响</t>
  </si>
  <si>
    <t>中国彩运网是真的吗</t>
  </si>
  <si>
    <t>是真实的。</t>
  </si>
  <si>
    <t>你放你妈的屁，中国福利彩票，就是假，为什么，销售停止，不马上开奖，要等全国的数据统计完才开奖，这就说明，是有假。</t>
  </si>
  <si>
    <t>涨乐财富通开户安全吗</t>
  </si>
  <si>
    <t>这是华泰证券开发的，很安全，你如不放心可去华泰营业厅让他的工作人员给你下载，免得你自己下载会碰到假的，毕竟以后有大量资金要转进来的，</t>
  </si>
  <si>
    <t>建议选择大型券商</t>
  </si>
  <si>
    <t>我没有记错的话，涨乐财付通是华泰证券的官方APP，你说安全吗。</t>
  </si>
  <si>
    <t>牛头怪乐园双倍有用吗</t>
  </si>
  <si>
    <t>可以，活动双倍，秘药双倍都可以在这里叠加可以的 遗地的经验药也可以用</t>
  </si>
  <si>
    <t>可以，活动双倍，秘药双倍都可以在这里叠加</t>
  </si>
  <si>
    <t>可以的。现在经验多多的，开双倍一次3格！</t>
  </si>
  <si>
    <t>能用</t>
  </si>
  <si>
    <t>可以使用的，</t>
  </si>
  <si>
    <t>男士磁疗内裤管用吗</t>
  </si>
  <si>
    <t>有些广告词确实夸大了，说壮阳什么的，其实是不太准确的。</t>
  </si>
  <si>
    <t>健内裤磁疗更是谈不上有什么功效,</t>
  </si>
  <si>
    <t>作用不大，只起保健作用</t>
  </si>
  <si>
    <t>没什么用的，虚假广告而已！</t>
  </si>
  <si>
    <t>系统补丁需要打吗</t>
  </si>
  <si>
    <t>有必要</t>
  </si>
  <si>
    <t>如果通过360等系统漏洞扫描软件扫描出的漏洞最好下载安装修复。否则您的系统将存在相关方面的漏洞,使病毒木马有了可乘之机,影响了计算机本身的安全，如果通过windows update扫描更新的漏洞，有些是非必须的，根据需要选择是否安装。</t>
  </si>
  <si>
    <t>是非常有必要装系统的补丁的</t>
  </si>
  <si>
    <t>不必安装的,360查的补丁太多了,用QQ医生扫描一下漏洞,打几个防马的补丁就行了</t>
  </si>
  <si>
    <t>需要打补丁的</t>
  </si>
  <si>
    <t>不一定，看你想怎么样了，打了系统补丁后，系统会更安全些，你打开系统自动更新即可。</t>
  </si>
  <si>
    <t>需要打的</t>
  </si>
  <si>
    <t>2015年清退临时工吗</t>
  </si>
  <si>
    <t>早就开始了吧，现在不都是劳务派谴制了吗，合同工、临时工由劳务公司管理；过去的机关单位私设临时工岗位是不对的</t>
  </si>
  <si>
    <t>看你自己了，没有一家公司会清退对公司有用有贡献的员工的。</t>
  </si>
  <si>
    <t>仓鼠可以上火车吗</t>
  </si>
  <si>
    <t>可以，我试过几次，完全没问题。</t>
  </si>
  <si>
    <t>一只应该没问题，安保自己负责。</t>
  </si>
  <si>
    <t>不让带，但可以偷偷带。</t>
  </si>
  <si>
    <t>普速列车可以办理宠物托运</t>
  </si>
  <si>
    <t>小型宠物是没问题的。但要做好准备工作。</t>
  </si>
  <si>
    <t>不让带</t>
  </si>
  <si>
    <t>支付宝可以绑定没有开通网银的银行卡吗</t>
  </si>
  <si>
    <t>银行卡无需开通网银，可以在支付宝内开通快捷支付，就能绑定支付宝了，每天最高可以充值或支付2000元。</t>
  </si>
  <si>
    <t>不可以吧。不然怎么能转进支付宝里呢？</t>
  </si>
  <si>
    <t>办了银行卡就可以绑定支付宝，无需网银，只需关联您的信用卡或者借记卡，每次付款时只需输入支付宝支付密码即可完成付款。</t>
  </si>
  <si>
    <t>现在淘宝购物基本上可以不开通网上银行就能完成的,你刚刚接触,还是建议暂时不开通网银,以防由于自己不懂被骗子骗了,就使用你提到的快捷支付就可以,使用银行卡和银行卡绑定的手机配合完成</t>
  </si>
  <si>
    <t>支付宝不开通网银的可以绑定银行卡使用的。</t>
  </si>
  <si>
    <t>拔倒数第二个牙后一定要补牙吗</t>
  </si>
  <si>
    <t>那是智齿，不用再补。</t>
  </si>
  <si>
    <t>如不及时填补上，那么与被拔掉牙相对的牙齿会因缺乏拮抗力，就会明显伸长，而且，空隙两侧的牙，也向空隙处倾斜。必然造成牙齿间较大的缝隙。这种缝隙易于嵌塞食物，时间长……如不及时填补上，那么与被拔掉牙相对的牙齿会因缺乏拮抗力，就会明显伸长，而且，空隙两侧的牙，也向空隙处倾斜。必然造成牙齿间较大的缝隙。这种缝隙易于嵌塞食物，时间长了就会出现牙周病或龋病。在青少年时期拔恒牙又未及时镶牙，可造成更多的牙齿移位，发生牙齿排列紊乱，引起终身的痛苦。从理论上讲，拔牙后，牙槽骨失去了生理性咀嚼功能的刺激，会逐渐萎缩，大约要2个月左右才达到稳定的程度。</t>
  </si>
  <si>
    <t>首先，拔掉的牙就没有了，是不能补的，可以镶牙。再次，你要明确拔掉的牙是乳牙还是恒牙？如果是乳牙，这么长时间恒牙没有长出来，你需要拍一个X光片，看看下面有没有恒牙的牙胚，如果有，问问大夫能不能把恒牙牵出来，如果没有，那么只有镶牙或种植牙了；如果拔掉的是恒牙，那么不可能再有牙长出来了，这种情况也是考虑镶牙或种植牙。</t>
  </si>
  <si>
    <t>上夜班的人白天睡觉可以补回来吗</t>
  </si>
  <si>
    <t>补不了多少，只有晚上睡觉，人的身体才能得到修复。</t>
  </si>
  <si>
    <t>没法补的</t>
  </si>
  <si>
    <t xml:space="preserve">一般情况一天有得6－8小时的正常睡泯就很充足了。如果由于工作或其他事情耽误了睡泯，视耽误的多少可以适当弥补一些，一般总的弥补量不宜超过两小时。起床后做些平常所做的活动，便能精力充沛一切恢复正常。过多的弥补了非但无益，反会更加精神恍忽，甚致还会头昏脑胀出出现类似你问题所述状况。这是由于全身过长时间处于大脑松弛和各器官抑制状态对身体的血液循环及器官可以造成缺氧或营养而产生的负面影响所致。 </t>
  </si>
  <si>
    <t>觉可以补回来，但是对身体的伤害补不回来，</t>
  </si>
  <si>
    <t>不能，人体各脏器排毒时间错过无法补</t>
  </si>
  <si>
    <t>我和你一样，需要几天时间适应，全补回来不可能的，白天睡觉和晚上睡觉的睡眠质量绝对不一样！</t>
  </si>
  <si>
    <t>需要慢慢调整，等你的生物钟倒过来了，并无大碍</t>
  </si>
  <si>
    <t>习惯就好了</t>
  </si>
  <si>
    <t>临沂财校帅哥多吗</t>
  </si>
  <si>
    <t>稀男财大，男的少，帅哥几乎没有</t>
  </si>
  <si>
    <t>一米以下的儿童坐高铁需要票吗</t>
  </si>
  <si>
    <t>一名成年人旅客可以免费携带一名身高不足1.1米的儿童。如果身高不足1.1米的儿童超过一名时，一名儿童免费。</t>
  </si>
  <si>
    <t>每个成人最多能免费携带1名1.2米以下的儿童，超过的，需买儿童票</t>
  </si>
  <si>
    <t>1.1米以下免票　1.3米以下半票</t>
  </si>
  <si>
    <t>一名成年人旅客可以免费携带一名身高不足1.2米的儿童。如果身高不足1.2米的儿童超过一名时，一名儿童免费，其他儿童须购买儿童票。</t>
  </si>
  <si>
    <t>铁路部门规定：一名成年人旅客可以免费携带一名身高不足1.2米的儿童。如果身高不足1.2米的儿童超过一名时，一名儿童免费，其他儿童请购买儿童票。儿童身高为1.2～1.5米的，请购买儿童票；超过1.5米的，请购买全价座票</t>
  </si>
  <si>
    <t>银耳汤孕妇能喝吗</t>
  </si>
  <si>
    <t>能的。银耳的营养成分相当丰富，在银耳中含有蛋白质、脂肪和多种氨基酸、矿物质及肝糖。它具有润肺止咳、补肾健脑等功效。尤擅长补益肺气，可以提高肺组织的防御功能，提高机体的免疫能力，从而增强体质的作用，对孕妇很有益处。</t>
  </si>
  <si>
    <t>孕妇是可以适当的补充这些食材的，银耳莲子是可以养阴百合是可以安神薏米是可以健脾祛湿的，性质比较平和是可以适当的补充的，但是如果妈妈没有脾胃不适等情况是没有必要吃的。</t>
  </si>
  <si>
    <t>孕妇能喝银耳汤</t>
  </si>
  <si>
    <t>银耳性中平，味甘，有很高的营养价值，增强免疫、抗肿瘤、抗衰老、促进蛋白质核酸合成、降血糖、降血脂、抗凝血、抗血栓等作用；还富含人体所需的蛋白质、脂肪、多糖氨基酸和多种维生素。具有滋阴养胃、补脑强心、益气和血、生津止咳的功效。为高血压、动脉硬化、阴虚火旺病人的调养佳品。银耳所含的多糖对肿瘤细胞有抑制作用。 从上面银耳的营养价值来看并无任何对孕妇不利的成份，反而很有利于孕妇的身体。</t>
  </si>
  <si>
    <t>250g的固态硬盘够用吗</t>
  </si>
  <si>
    <t>目前来讲够用</t>
  </si>
  <si>
    <t>绝对够了，50G系统，剩下200G装软件游戏</t>
  </si>
  <si>
    <t>完全够用，分两个盘，一个安装操作系统50G绰绰有余，剩下一个安装其他系统软件或应用软件。这样就不影响你系统的运行速度和程序的速度。</t>
  </si>
  <si>
    <t>够了</t>
  </si>
  <si>
    <t>基本上够了。因为固态盘是装系统，运行程序的，256左右的盘足够。</t>
  </si>
  <si>
    <t>完全够用</t>
  </si>
  <si>
    <t>茶叶解药性吗</t>
  </si>
  <si>
    <t>可以，但是不要用茶水服药</t>
  </si>
  <si>
    <t>会，茶中有生物碱。</t>
  </si>
  <si>
    <t>会解药的，茶是碱性的，其中含有许多多酚类，碱性物质，会和药中的部分药物反应而是药物效果降低或失效。＃＃是真的啊！医生都叮嘱不要用茶水服药嘛。不是茶水能解药性，而是茶水能够影响药效。用茶水服药时，茶水里的成份人和药的成份发生化学反应，使药效打折扣。建议用白开水服药，白开水暖胃，促进血液循环，比用凉水吸收更快，这样的话任何药都可以吃，不用担心混服会有什么不良后果，另外还要养成一杯水以上的白开水送服的习惯。</t>
  </si>
  <si>
    <t>确实是,药物中都含有-COOH,-COH等结构,他们可以和茶水里的-OH结构反应. 所以这样喝了的话药就没那么大的作用了。</t>
  </si>
  <si>
    <t>不要在服药时饮茶。茶水中含有一种叫单宁酸成分的物质，如服药后喝茶或用茶水服药，可与某些药物发生化学反应，降低治疗效果。 一般药物，在服药后2-4小时，作用即消失。所以，只要不用茶水送药，在服药后2小时左右起，有饮茶习惯的人仍可以饮茶，但以清淡适量为宜</t>
  </si>
  <si>
    <t>茶有一定的解药性, 但不是每种药都会解, 吃减肥药期间应该饮用白开水, 因为白开水可以加快新成代谢,促进消化, 减肥药一般都是以降低你的食欲和加快新成代谢为主, 吃水果也是很好的减肥方法,在饭前吃一个苹果,可以降低身体对脂肪的吸收。</t>
  </si>
  <si>
    <t>绿豆汤解药！但茶也会解药性的，但是茶解的是中药，如果你的减肥药是中药成分就会减。如果你的减肥药是西药，就没事。</t>
  </si>
  <si>
    <t>宫颈癌1a1期到底切不切子宫</t>
  </si>
  <si>
    <t>如果还要生育要求，可以先保留子宫，不过那样会传染，进入晚期的快，建议还是切除。</t>
  </si>
  <si>
    <t>是的，否则容易造成转移，病变</t>
  </si>
  <si>
    <t>是的，全子宫切除是宫颈癌根治性手术的最小范围；而宫颈癌早期采取宫颈锥切术(或LEEP刀)后有较高的复发率。</t>
  </si>
  <si>
    <t>天猫芙丽芳丝是正品吗</t>
  </si>
  <si>
    <t>天猫旗舰店百分之99是正品，购买回来以后感觉不是正品的话可以申请下退款退货处理。</t>
  </si>
  <si>
    <t>天猫有真有假</t>
  </si>
  <si>
    <t>怀孕初期会脚酸吗</t>
  </si>
  <si>
    <t>怀孕会引起脚酸等不适症状。孕早期指的是怀孕第一周到十二周期间。在孕早期，孕妇身体会有较为强烈的症状，孕妇开始出现早孕反应：疲劳、乏力、腰酸背痛、嗜睡、食欲减退、恶心、呕吐等。孕早期要注意不要剧烈运动；要注意个人卫，勤洗澡、勤换内裤；穿衣要恰当，穿着应该保持柔软、宽大，不要进行束腰，不要穿紧身裤，更不要穿高跟鞋；不能随意用药的；做好检查的工作。</t>
  </si>
  <si>
    <t>孕妇怀孕初期如果出现腿酸的情况基本属于正常的妊娠反应，只要多卧床休息即可，一般不需要特别担心</t>
  </si>
  <si>
    <t>是有可能会出现的。性生活两周后或月经过期一周后可以使用早孕试纸检测的，检测出阳性考虑已怀孕。</t>
  </si>
  <si>
    <t>铃木海王星电喷好不好</t>
  </si>
  <si>
    <t>海王星除了油耗高一些，他的做工，发动机，电喷，续航，储物能力，乘坐舒适度都是一流的。</t>
  </si>
  <si>
    <t>魔兽世界账号可以合并吗</t>
  </si>
  <si>
    <t>可以 冲60点进去 按战网步骤来（上面有提醒步骤的）</t>
  </si>
  <si>
    <t>去年8月31日合并活动截止。</t>
  </si>
  <si>
    <t>百度一键root好不好</t>
  </si>
  <si>
    <t>需慎重啊，有的机子root后反应会变得很慢</t>
  </si>
  <si>
    <t>还行吧，成功率算是比较高的</t>
  </si>
  <si>
    <t>还可以，它支持的机型最多，具体还要看你用的手机再确定，</t>
  </si>
  <si>
    <t>能解决问题就好，否则就不好。</t>
  </si>
  <si>
    <t>有的手机确实可以用的。但有些就不行。想root，可以直接百度你的手机型号+root，就会有详细教程了应该。</t>
  </si>
  <si>
    <t>不是太好用，很多手机都不能root</t>
  </si>
  <si>
    <t>兰博基尼贵吗</t>
  </si>
  <si>
    <t>研发费用就上亿，而且年生产量少，技术含量高，不贵才怪。</t>
  </si>
  <si>
    <t>是的，兰博基尼入门级跑车最低售价都在299万！＃＃都300万以上吧＃＃大概450万吧.</t>
  </si>
  <si>
    <t>怎么说呢，这个车已经是财富的一种象征了，是属于贵族车，至于值不值，还得看个人的理解。开这种车不单单是用车，它的保养费等等也是一个非常巨大的开销，可以说用它，更多的，是一种财富的象征。＃＃因为它的尊贵，它的速度，它的激情，当然还有它的质量，都是它这么贵的原因！</t>
  </si>
  <si>
    <t>贵</t>
  </si>
  <si>
    <t>对有钱人来说不贵，对平民来说很贵</t>
  </si>
  <si>
    <t>兰博基尼（价格：3.8亿元）</t>
  </si>
  <si>
    <t>卖床上用品赚钱吗</t>
  </si>
  <si>
    <t>好赚哦，好多人想买</t>
  </si>
  <si>
    <t>大就市场上绝大多数床上用品店效益来看，开个床上用品店还是能赚到钱的。只是赚多赚少就和个人\x0d经营床上用品店\x0d的能力有关系啦！</t>
  </si>
  <si>
    <t>赚钱</t>
  </si>
  <si>
    <t>电子产品可以走空运吗</t>
  </si>
  <si>
    <t>电子产品不能空运主要是电子产品含有锂电池，锂电池属于空运危险品。并不是锂电池不能空运，在国外锂电池是可以空运的，而国内却严格禁止，那是因为国外的锂电池空运时候有专门的打板、分类，有严格的把控。把危险讲到最低。</t>
  </si>
  <si>
    <t>是为了安全，电子产品都不能走空运。</t>
  </si>
  <si>
    <t>几乎所有的电子产品都不给航运</t>
  </si>
  <si>
    <t>可以走啊</t>
  </si>
  <si>
    <t>户口被冻结了身份证还能用吗</t>
  </si>
  <si>
    <t>正常使用，不影响。</t>
  </si>
  <si>
    <t>冻结期间身份证也可以用。</t>
  </si>
  <si>
    <t>不能使用</t>
  </si>
  <si>
    <t>户口被冻结说明身份信息被冻结，身份证自然不能正常使用，所以要查明冻结原因及时解除限制。</t>
  </si>
  <si>
    <t>西红柿和虾仁能一起吃吗</t>
  </si>
  <si>
    <t>不会中毒，本人亲身经历</t>
  </si>
  <si>
    <t>相克食物表中没列出。但，美国一位科学研究员通过实验发现，虾等软壳类食物含有大量浓度较高的五钾砷化合物。这种物质食入体内，本身对人体并无毒害作用。但是，在服用维生素C之后，由于化学作用，使原来无毒的五钾砷(即砷酸酐，亦称五氧化砷，其化学式为AS2O5)，转变为有毒的三钾砷(即亚砷酸酐)，又称为三氧化二砷，其化学式为AS2O3，这就是人们俗称的砒霜。对于富含维生素C的西红柿来说，与虾混吃被大家传成是危险的。对此，海都采访了福州市农业局相关专家，他认为这种说法尚缺相关科研以及食品监督部门的研究报告。在一定的条件下，西红柿中的酸成分使虾中的五钾砷化合物产生游离的砷离子，进而结合产生剧毒的五氧化砷(也就是砒霜)。然而对于多少的西红柿含量以及虾含量导致产生多少的砒霜都没有相关科学报道，而且对于人体来说，多少含量的砒霜才会导致中毒等，也都没有，因此吃西红柿再吃虾会生成砒霜一说科学依据不足。虽然如是说，但是菜谱中不乏广泛食用。</t>
  </si>
  <si>
    <t>一次这样吃，是没有什么问题的。不能经常吃。虾蟹类忌维生素。番茄里的维生素含量很高，虾、蟹等食物中含有五价砷化合物，如果与含有维生素 C的生果同食，会令砷发生变化，转化成三价砷，也就是剧毒的“砒霜”，危害甚大。长期食用，会导致人体中毒，免疫力下降。</t>
  </si>
  <si>
    <t xml:space="preserve">我们吃的食物多多少少都有些有害物质的，不要大量食用是没有任何问题的，因为体内本身就有解毒的脏器，比如肝脏和肾脏。 而且番茄和虾一起吃的有很多菜的，比如番茄焗虾、番茄虾、番茄鲜虾面、鲜虾仁炒番茄鸡蛋等等。 </t>
  </si>
  <si>
    <t>据说维C和虾混在一起吃相当于砒霜。但是西红柿和虾这样吃就不知道了。因为我常做番茄虾吃，目前还活着。</t>
  </si>
  <si>
    <t>可以的。只要是正常的食量，而且不会对这两种食物过敏的，吃了后就不会有什么不良反应。</t>
  </si>
  <si>
    <t>西红柿和虾仁不可以一起吃。因为西红柿富含维生素C，而虾仁等海鲜、河鲜含有5价砷化合物。当5价砷化合物与维生素C相遇，维生素C会将5价砷化合物还原成3价砷化合物,这就是“砒霜”。有剧毒。不可食用。</t>
  </si>
  <si>
    <t>喝茶会睡不着吗</t>
  </si>
  <si>
    <t>一般的绿茶和红茶都有提神醒脑的作用，但是跟个人体质也有关系，有些人就不会影响睡眠。只要不是睡前喝，那就应该没有影响。饭前喝饭后半小时内最好不要喝茶，影响消化；下午尤其是16:00-18:00之间，味觉最为敏感，是品茶的最好时间段；红茶加点姜片对于去油消脂据说还是不错的，一般的茶叶都有去油功效。</t>
  </si>
  <si>
    <t>好像是和菊花茶还是可以的。最好不要喝浓茶，下午喝点就可以的。尤其是睡眠不好的话，建议最好是不要喝浓茶</t>
  </si>
  <si>
    <t>喝绿茶有提神的作用，喝茶最佳时间是中午吃完午饭1点以后，喝绿茶有减肥作用，顺便给你说下绿茶的功效，减肥，固齿，明目，提神，防辐射，促进血液循环，防癌，促进血液循环等功效！</t>
  </si>
  <si>
    <t xml:space="preserve">喜欢喝茶的人都知道，茶有提神作用，晚上要少喝，否则睡不着觉。其实，那是不了解茶叶的特性，无论是红茶还是绿茶，它们都同时具有“提神”和“安神”两方面的作用，既可以使大脑更清醒灵活，也可以抑制脑神经过于兴奋，让人们容易入眠。关键看你怎么喝，喝的时间和方法不同，所起到的效果也就不同。 </t>
  </si>
  <si>
    <t xml:space="preserve">喝茶有消除疲劳、刺激神经兴奋的作用。因为茶叶内含有咖啡碱，对人体的中枢神经有兴奋的作用。 </t>
  </si>
  <si>
    <t>对的，茶含有咖啡因，咖啡因会令人精神，缺乏睡意，所以晚上睡前最好不要喝茶。茶类只有一种茶是不含咖啡因的，叫金花茶，而且还能助睡眠和增强抵抗力</t>
  </si>
  <si>
    <t>睡前喝茶会睡不着，因为茶有兴奋作用，一般人都会睡不着，有极少数人可以，最好还是晚上不要喝。喝茶有防癌的作用。</t>
  </si>
  <si>
    <t>请问孕妇可以喝奶茶吗</t>
  </si>
  <si>
    <t>孕妇不能喝奶茶</t>
  </si>
  <si>
    <t>慎吃。奶茶含有反式脂肪酸，孕妇过多摄入含有反式脂肪酸的食物会影响胎儿的健康。胎儿或婴儿可以通过胎盘或乳汁被动摄入反式脂肪酸，会影响儿童神经系统发育。</t>
  </si>
  <si>
    <t>孕妇可以喝奶茶</t>
  </si>
  <si>
    <t>偶尔可以喝的，不要担心，建议您做好定期的孕期保健注意均衡饮食，</t>
  </si>
  <si>
    <t>能喝奶茶，但是不要多喝，奶茶中的茶碱和单宁会加快奶茶中的未脱脂肪的吸收速度，喝多过一定量会造成高血脂，对孕妇本身和婴儿都是不好的</t>
  </si>
  <si>
    <t>盆腔少量积液影响怀孕吗</t>
  </si>
  <si>
    <t>盆腔积液主要为盆腔炎症引起可引起女性月经不调、性生活障碍、不孕等，必须经过系统的、科学的治疗。因为感染的病原菌大多数对广谱抗生素无效，往往导致病程迁延、反复发作，是治疗的一大难题，把炎症彻底治愈是非常关键的。如果治疗不彻底，可直接影响受孕或者引起宫外孕，严重威胁女性身体健康。</t>
  </si>
  <si>
    <t>正常女性在月经周期中，会有几天盆腔有少量的积液，一般小于1.0厘米，而且没有任何腹部异常的症状的话，就可以不用治疗，一般积液可以自己吸收的。如果你的盆腔积液大于1.0厘米，同时又有腹部疼痛不适症状的话，就考虑盆腔炎了，可以按照盆腔炎适当的给以药物治疗。</t>
  </si>
  <si>
    <t>这一点不影响怀孕的。</t>
  </si>
  <si>
    <t>围棋真的比象棋复杂吗</t>
  </si>
  <si>
    <t>围棋棋盘上的每一个棋子本身很简单，影响和作用没有不同，需要通过和其他棋子的配合才显现出不同的作用和威力，下一盘棋需要从无到有逐步推进，虽然有成千上万的定式，但是一盘棋很难会按部就班的走一个定式，总是不停的变幻走法。每一个棋子的作用也随时在变换，随时可能赋予更重要的含义，也可能随时成为诱饵或弃子。相对来说，象棋的棋子本身就赋予了不同的功能，被限定了活动的区域，将帅更是不能舍弃的棋子。棋盘展开，整体的框架先搭建好了，一套布局下来，全局已过小半。</t>
  </si>
  <si>
    <t>围棋比象棋难多了。</t>
  </si>
  <si>
    <t>如同不同类型的游戏不能对比一样，不同种类的棋也不能简单凭感觉对比。比如问你麻将和扑克哪个复杂，游泳和学乐器哪个复杂等问题就不具有可比性。</t>
  </si>
  <si>
    <t>围棋比象棋复杂些。</t>
  </si>
  <si>
    <t>淘宝卖家交税吗</t>
  </si>
  <si>
    <t>需要交税的；</t>
  </si>
  <si>
    <t>不用交税的。</t>
  </si>
  <si>
    <t>开淘宝C店不用交，但是开天猫店的话就是要交税的了</t>
  </si>
  <si>
    <t>严格说是需要缴税的。只是现行税务规定3万以内的营业额免税。所以大多数淘宝点是不用缴税的。</t>
  </si>
  <si>
    <t>个人店铺不用交税的。企业店铺，因为是要有营业执照才能开店，所以，企业店铺要交税，但税不是交到淘宝。</t>
  </si>
  <si>
    <t>卖家缴税是不用给平台缴税的</t>
  </si>
  <si>
    <t>地球村旅游是传销吗</t>
  </si>
  <si>
    <t>典型传销模式</t>
  </si>
  <si>
    <t>肯定是呀，现在都是骗子</t>
  </si>
  <si>
    <t>旅游倒是真实的，不过掩盖不了传销的本质，世上哪有快速致富的捷径？唯有踏踏实实工作，不要幻想了</t>
  </si>
  <si>
    <t>绝对的传销，说不说传销的都是已经上当的和他们自己人</t>
  </si>
  <si>
    <t>杀虫剂对孕妇有害吗</t>
  </si>
  <si>
    <t>严格上说，杀虫剂对孕妇的确是有害的</t>
  </si>
  <si>
    <t>有害的</t>
  </si>
  <si>
    <t>有孕妇在家里的话尽量不要使用杀虫剂吧，对孕妇来说，假如使用杀虫剂的次数过多，孕妇会产生头晕和头痛等症状。</t>
  </si>
  <si>
    <t>母亲断接触杀虫剂影响孕妇荷尔蒙泌影响胎脑发育孕妇接触杀虫剂能造婴早产</t>
  </si>
  <si>
    <t>夏季的生活大环境对于孕妇是不利的。家中的空气清新剂、杀虫剂，都应该尽量少用，假如一定要接触化学制剂，最好选用自然植物成分制成的产品。</t>
  </si>
  <si>
    <t>孕妇能用肥皂吗</t>
  </si>
  <si>
    <t>可以使用。</t>
  </si>
  <si>
    <t>你好，孕妇是可以用香皂洗澡，不会影响胎儿的健康</t>
  </si>
  <si>
    <t>最好不要用香皂，因为香皂会洗去皮肤表面的油脂，使皮肤变得更干</t>
  </si>
  <si>
    <t>清水淋着洗,最好不要用香皂,长期用香皂,也许会破坏里面体液的酸性环境. 里面的体液是酸性,可以杀菌.</t>
  </si>
  <si>
    <t>暗黑3宝石可以取下来吗</t>
  </si>
  <si>
    <t>直接把你的装备在铁匠那里分解了，宝石自然就还给你了</t>
  </si>
  <si>
    <t>可以拆除。</t>
  </si>
  <si>
    <t>国航出过事吗</t>
  </si>
  <si>
    <t>汗，这个事情太多太多了。</t>
  </si>
  <si>
    <t>中国出事算是少的了，</t>
  </si>
  <si>
    <t>2002年的4•15釜山空难</t>
  </si>
  <si>
    <t>要说是坠机事故，只有一次的。</t>
  </si>
  <si>
    <t>国航都出过一次事故，反倒是刚开没多久的航空公司没出过事</t>
  </si>
  <si>
    <t>human可以加s吗</t>
  </si>
  <si>
    <t>指人类的时候不加，指单个的个体的时候有单复数</t>
  </si>
  <si>
    <t>加S表示人类</t>
  </si>
  <si>
    <t>山药和南瓜能一起吃吗</t>
  </si>
  <si>
    <t>山药与南瓜不能同食。 南瓜中含有维生素C分解酶，若与山药同食，维生素C则被分解破坏，从而降低了山药的营养价值。</t>
  </si>
  <si>
    <t>山药与南瓜不能同食。</t>
  </si>
  <si>
    <t>两者可以一起吃。</t>
  </si>
  <si>
    <t>可以的，熬营养粥棒棒的</t>
  </si>
  <si>
    <t>这个是可以的，山药和南瓜都是对身体很好的食品，健脾胃，强筋骨，经常吃山药的人身体会比较好，南瓜也是黄金食品。</t>
  </si>
  <si>
    <t>一岁宝宝可以吃鸭肉吗</t>
  </si>
  <si>
    <t>可以的，但是第一次不要吃太多。</t>
  </si>
  <si>
    <t>不能吃,有火气。</t>
  </si>
  <si>
    <t>可以吃的。鸭子性平和而不热，脂肪高而不腻。富含蛋白质、脂肪、铁、钾、糖等多种营养素，有清热凉血、祛病健身之功效。所含B族维生素和维生素E较其他肉类多，能有效抵抗脚气病和多种炎症。所含有的丰富的蛋白质和氨基酸对宝宝都是有好处的。但由于鸭子比较肥腻，如果宝宝感冒发烧，拉肚子之类的则不建议吃鸭。</t>
  </si>
  <si>
    <t>可以，做成肉末，都可以吃。</t>
  </si>
  <si>
    <t>宝宝什么时候可以吃肉，要看妈妈给宝宝什么时候添加辅食了，如果有添加辅食，那肉类也就可以按顺序慢慢添加。</t>
  </si>
  <si>
    <t>饲料养殖,当月出栏的,不能给孩子吃,激素很多,自己家,或者农户养的一年多的老鸭,是可以吃的.</t>
  </si>
  <si>
    <t>柠檬水是用开水泡吗</t>
  </si>
  <si>
    <t>　制作柠檬水最好以温开水，配上一颗现挤柠檬汁，水的热度不能超过摄氏70度，以免破坏柠檬的抗氧化成分；且最好在两小时内喝完，以免柠檬珍贵的营养成分，接触空气逐渐流失。</t>
  </si>
  <si>
    <t>太烫太冷都不好，建议用温水，稍微热点。</t>
  </si>
  <si>
    <t>泡柠檬最好用温水 因为维生素C在高温下容易坏死 而且不能用保温杯来泡 持续的高温的话会使植物中的一些有毒素质给泡出来的 。</t>
  </si>
  <si>
    <t>柠檬不能用开水冲，柠檬会开水泡会破坏里面的维生素，建议用温水泡。</t>
  </si>
  <si>
    <t>电饼铛能做煎饼果子吗</t>
  </si>
  <si>
    <t>电饼铛煎饼果子的做法1.把小葱切成葱花、火腿肠去皮切成两至三条（竖着切比较好卷）面粉和杂粮粉以及一小勺食用油混合加水和成糊状（稍稀些，用筷子划过时可以看到划痕即可）鸡蛋打散备用2.电饼铛预热，刷一层薄油，把面糊用勺子放进去，刮平，上浆后用铲子轻轻从四周铲起盖上电饼铛稍微煎2分钟左右3.把香辣酱涂抹均匀，放上鸡蛋、葱花和榨菜，盖上电饼铛盖子1分钟左右，等鸡蛋熟了4.然后依次把油条、火腿肠和生产方煎饼的中间部位5.用铲子从一侧轻轻的卷起，注意不要把饼弄破了，做第一个时候，手忙脚乱，卷的的时候破了，菜就露出来了。掌握技巧后会越做越熟练的6.卷好后用铲子轻轻压下，从煎饼中间切开装盘；美味的煎饼果子做好了，好吧，可以开始开动了。搭配个玉米粥，都不用炒菜了。</t>
  </si>
  <si>
    <t>可以是可以，效果不好</t>
  </si>
  <si>
    <t>当然可以，若是两面加热的更好了。</t>
  </si>
  <si>
    <t>就业推荐表重要吗</t>
  </si>
  <si>
    <t>只要是正规接收应届毕业生的单位都需要推荐表和协议书。</t>
  </si>
  <si>
    <t>一般般了，都就业好久了，我的推荐表根本就没用掉，还在手里呢，找工作人家公司根本不看这个好吧。</t>
  </si>
  <si>
    <t>有用，公司要看的</t>
  </si>
  <si>
    <t xml:space="preserve">可以这样说，只要是正规接收应届毕业生的单位都需要推荐表和协议书。如果只签了劳动合同，那90%不是一个正规接纳毕业生的单位。在这样的单位工作，毕业后的很多手续（落户、档案转移等）都不太可能正常办结。 </t>
  </si>
  <si>
    <t>《就业推荐表》是《毕业生双向选择就业推荐表》的简称，是学院向用人单位推荐毕业生的书面材料，表中所填内容反映了学生个人信息、学习成绩、奖惩情况、社会实践经历等方面的情况，是用人单位选择人才的重要依据，直接关系毕业生的切身利益。 就业推荐表主要包括了以下几个方面：基本情况、学业情况、本人简历、本人特长、爱好、社会表现及社会活动能力、在校奖惩状况、本人就业意愿学校推荐意见、备注等信息。 《就业推荐表》是证明应届毕业生的书面材料。原件只有一份，建议把复印件作为经常使用的物件，在确认心仪单位后，才正式使用原件（盖红章）。该表是学校正式向用人单位推荐毕业生的书面材料，因此具有较大的权威性和可靠性。 一般情况，就业推荐表为各学校统一规定模式，再交由学生根据自己实际情况填写表格内信息，完善表内信息后，需有学校盖章方为有效。 毕业生就业推荐表是表明该名学生已经毕业，但是还没有拿到毕业证，是一份有关学生身份学业证明的资料。《就业推荐表》也是学校对毕业生的鉴定证明，比毕业生自己制作的简历，具有权威性和可靠性。所以，在未毕业时，用人单位需要查看毕业生的就业推荐表来证实毕业生的学生身份。</t>
  </si>
  <si>
    <t>cf踏空跳会被封号吗</t>
  </si>
  <si>
    <t>用PS不会封号 不用PS也不会封号</t>
  </si>
  <si>
    <t>这个要看有没有人举报</t>
  </si>
  <si>
    <t>因为踏空跳使用方法是拔网线，CF检测的是文件错误或者外挂软件，不会封的</t>
  </si>
  <si>
    <t>被投诉，就差不多会封，不过七天之后就解封了！我的也被封过，也有可能不被封因为那么大的平台客服也是忙不过来的</t>
  </si>
  <si>
    <t>泰国游需要签证吗</t>
  </si>
  <si>
    <t>要。可以落地签。</t>
  </si>
  <si>
    <t>需要签证的 但是很简单护照和照片都可以</t>
  </si>
  <si>
    <t>去泰国可以申请落地签证。</t>
  </si>
  <si>
    <t>应该是不需要的</t>
  </si>
  <si>
    <t>一般旅游签证，泰国签证非常容易办理，旅游签证的费用是230元/人，有效期是3个月，最长停留时间是30天(部分番友分享自由行泰国可停留的最长时间是60天，日期以入境是签证官盖章为准)，使馆办理需要1-2个工作日。</t>
  </si>
  <si>
    <t>泰国可以提前办理签证，也可以办理落地签。</t>
  </si>
  <si>
    <t>同一人可以买不同车次同一天的车票吗</t>
  </si>
  <si>
    <t>这个可以，只要不是同一车次的就可以购买的，</t>
  </si>
  <si>
    <t>同一旅客可以买同一天的不同车次车票，但不得存在行程冲突，也就是说乘车时间不允许有重合部分。</t>
  </si>
  <si>
    <t>儿童医院周末上班吗</t>
  </si>
  <si>
    <t>北京儿童医院周六和周日也都有医生上班的，全天24小时都有医生值班。</t>
  </si>
  <si>
    <t>有的，医院有些科室周六周日是不上班的，而且医生也会少一些。但是一般都会有值班医生的</t>
  </si>
  <si>
    <t>门诊有，但都是急诊值班医生，没有专家</t>
  </si>
  <si>
    <t>医院应该不会停止上班的啊</t>
  </si>
  <si>
    <t>上，但是没什么好专家门诊</t>
  </si>
  <si>
    <t>混在后宫假太监 写完了吗</t>
  </si>
  <si>
    <t>小说混在后宫假太监的免费完整版</t>
  </si>
  <si>
    <t>有一部未完结的，耽美，御前红人，可以看看</t>
  </si>
  <si>
    <t>高利贷需要抵押吗</t>
  </si>
  <si>
    <t>要的啊</t>
  </si>
  <si>
    <t>不一定</t>
  </si>
  <si>
    <t>我这里不需要</t>
  </si>
  <si>
    <t>正规的都要抵押，除了民间自己放的</t>
  </si>
  <si>
    <t>高利贷不需要啊</t>
  </si>
  <si>
    <t>额度不大就不需要抵押，但是最好不要搞，资金紧张尽量找亲朋好友借一点。</t>
  </si>
  <si>
    <t>看什么形式</t>
  </si>
  <si>
    <t>长期在电脑前工作对怀孕有影响吗</t>
  </si>
  <si>
    <t>如长时间以固定姿态坐在电脑前，将会影响孕妇的心血管系统及神经系统的功用，盆底肌和肛提肌也会因而劳损，影响分娩的顺利。妇女一旦怀孕，特别是在孕早期，还是防着点好。</t>
  </si>
  <si>
    <t>我们使用的电脑，在运行时产生的X射线、紫外线、可见光、红外线和特高频、高频、中频及极低频电磁场以及静电场等电磁辐射数量甚微，远低于我国及国际现行卫生标准要求的数值，它对精子、卵子、受精卵、胚胎、胎儿构不成多大的影响，是安全的</t>
  </si>
  <si>
    <t>电脑是有辐射的。电磁辐射容易导致流产，准备怀孕和已怀孕的女性要注意防辐射。</t>
  </si>
  <si>
    <t>辐射，其实也没什么啦。用液晶显示器就好了。</t>
  </si>
  <si>
    <t>那最好少接触有辐射旳东西。 也不要长时间用电脑。</t>
  </si>
  <si>
    <t>不会有危害。</t>
  </si>
  <si>
    <t>劳特莱是好牌子吗</t>
  </si>
  <si>
    <t>劳特莱好，真的。</t>
  </si>
  <si>
    <t>劳特莱ROTARY是瑞士知名企业生产的腕表,还是不错的。</t>
  </si>
  <si>
    <t>孕妇要补dha吗</t>
  </si>
  <si>
    <t>DHA可以促进小胎儿的大脑和视力发育，还是吃吧</t>
  </si>
  <si>
    <t>我是没有吃的，平时注意饮食就够瞧营养了。</t>
  </si>
  <si>
    <t>孕期，哺乳期和婴儿期是补充DHA的最佳时段 。从孕期的第三个月开始，胎儿大脑平均 每分钟增殖25万个脑细胞，这时候妈妈体内的DHA是非常紧缺的，故孕妈从孕初期开始就要补充DHA，确保胎儿的大脑发育所需的营养</t>
  </si>
  <si>
    <t>人体大脑细胞，除去水份，60%都是DHA。所以人的一生当中都需要DHA的补充。孕期，哺乳期和婴儿期是补充DHA的最佳时段 。从孕期的第三个月开始，胎儿大脑平均 每分钟增殖25万个脑细胞，这时候妈妈体内的DHA是非常紧缺的，故专业医生会建议孕妈从孕初期开始就要补充DHA，确保胎儿的大脑发育所需的营养。</t>
  </si>
  <si>
    <t>补充DHA最佳的时间，是在孕中晚期(孕20周后)到宝宝出生后6个月内。因为这段时间是胎宝宝大脑中枢神经元分裂和成熟最快的时期，对DHA的需求量最大，在宝宝出生后，妈妈可以继续补充DHA，通过乳汁传给宝宝。</t>
  </si>
  <si>
    <t>妇复春能长期吃吗</t>
  </si>
  <si>
    <t>长期服用妇复春可能会导致月经不调</t>
  </si>
  <si>
    <t>是药三分毒</t>
  </si>
  <si>
    <t>不能,长期服用妇复春可能会导致月经不调</t>
  </si>
  <si>
    <t>一岁宝宝能吃桂圆吗</t>
  </si>
  <si>
    <t>可以吃，但建议把肉剥下来给他吃，</t>
  </si>
  <si>
    <t>是可以吃桂圆的，但不要大量食用。</t>
  </si>
  <si>
    <t>不要给那么小的孩子吃桂圆，一是不好消化，二是桂圆属于热性水果，吃了容易上火！</t>
  </si>
  <si>
    <t>最好不要吃，容易噎着</t>
  </si>
  <si>
    <t>可以吃不过要适可而止，因为桂圆性温，吃多了会上火，甚至会流鼻血，一天吃三四颗应该没事儿。</t>
  </si>
  <si>
    <t>去部队还要体检吗</t>
  </si>
  <si>
    <t>新兵到达部队后要进行一次检疫、复查。检疫是身体，复查主要是政治。检疫主要是患有传染病或者危重病。</t>
  </si>
  <si>
    <t xml:space="preserve">进部队当然还要体检一次 </t>
  </si>
  <si>
    <t>要检查的但是不是很严格的</t>
  </si>
  <si>
    <t>是的新兵连训练的时候就有又一次内部体检 比当地体检要严格很多</t>
  </si>
  <si>
    <t>体检是要体检的</t>
  </si>
  <si>
    <t>要体检，新兵到部队后一个月内还要进行终检，终检不合格的退回入伍地县级武装部。</t>
  </si>
  <si>
    <t>iphone4s能不能用4g</t>
  </si>
  <si>
    <t>不支持的同学，最大支持3g的，</t>
  </si>
  <si>
    <t>可以，我就是。</t>
  </si>
  <si>
    <t>支持4G移动的SIM卡，但无法使用中国移动4G功能。</t>
  </si>
  <si>
    <t>苹果4s不能使用4G网络。</t>
  </si>
  <si>
    <t>可以，我以前的就可以，苹果4包括4G</t>
  </si>
  <si>
    <t>有4G定制版的</t>
  </si>
  <si>
    <t>那我的答案是不行的，因为4S并不支持4G网络</t>
  </si>
  <si>
    <t>针对iphone5及以前的产品（如：iphone4、4S）等，因终端不支持TD-SCDMA、TD-LTE，所以无法使用移动3G、4G网络，但如果手机网络支持GSM，可以使用移动的2G网络服务。</t>
  </si>
  <si>
    <t>可以用,不过就算你放4G卡没没法用移动的4G网络,应为4S没有配备移动4G网络所需要的TD-LTE模块</t>
  </si>
  <si>
    <t>水是热的良导体吗</t>
  </si>
  <si>
    <t>水是不良导体</t>
  </si>
  <si>
    <t>不良导体水传热靠对流，若没有对流（如在上面加热），热传导是很慢的</t>
  </si>
  <si>
    <t>这个是的吧。</t>
  </si>
  <si>
    <t>水不是热的良导体。水的导热主要是靠对流作用，就是我们在煮开水时，锅下层的水由于受热膨胀密度变小而上升，上层的冷水下沉，如此循环把水烧开的。</t>
  </si>
  <si>
    <t>不设微信号有影响吗</t>
  </si>
  <si>
    <t>没有什么坏处</t>
  </si>
  <si>
    <t>现在的微信和支付宝都是进行实名认证的，不设置微信号的话，首先是难以记住。然后微信号设置方便登录，你不设置就不方便了</t>
  </si>
  <si>
    <t>我建议还是设置的好，如果跟别人的微信号套住，那就麻烦来了</t>
  </si>
  <si>
    <t>可以没有微信号，微信号设置了之后就没法更改了，没有微信号不影响正常使用！望采纳！</t>
  </si>
  <si>
    <t>这个是没有影响的</t>
  </si>
  <si>
    <t>微信号是害怕有人微信名和你重复了，添加好友时，没办法分辨才设置的，搜手机号也可以找到你，其实没有什么影响。</t>
  </si>
  <si>
    <t>神鬼传奇神裔厉害吗</t>
  </si>
  <si>
    <t>这要看玩家的个人玩法了，通常来讲神裔者属于敏捷成长类型的职业，具体如何养成，这样看玩家本人了。</t>
  </si>
  <si>
    <t>远程，攻击快，装备要求较高，适合拉怪。不怎么能抗</t>
  </si>
  <si>
    <t>幻魔打架厉害 神医cd比召唤长 远程刺客 跟召唤一样都是一波流爆发 爆不死人自己就得死 召唤技能华丽 幻魔生存能力强</t>
  </si>
  <si>
    <t>ips屏好吗</t>
  </si>
  <si>
    <t>IPS屏幕是非常先进的，比传统TN屏幕好太多，可视角度、亮度、对比度、色彩还原，画面亮度均匀、黑度高，比传统TN屏好多了，现在选什么我都选择IPS屏幕的，iphone、ipad、就连笔记本都是SONY的S15，15寸IPS屏幕的，呵呵</t>
  </si>
  <si>
    <t>一般分辨率高就可以说是高清屏，IPS是说的面板用的材质，要说好还的是高清的IPS好，不过IPS又分很多种。要看是那种IPS</t>
  </si>
  <si>
    <t>IPS是英文In-Plane Switching的缩写，英文含义为平面转换屏幕技术，由日立公司于2001推出的液晶面板技术，俗称“Super TFT”，是目前世界上最先进的液晶面板技术，目前已经广泛使用于液晶显显示器与手机屏幕等显示面板中。优点：可视角度大、色彩真实、动态画质出色、节能环保、色彩准确。</t>
  </si>
  <si>
    <t>只能说，同标准的屏里，IPS相对而言，综合效果是最好的。你不能拿最高端的TN屏与最低端的IPS屏比。那就没有可比性了。</t>
  </si>
  <si>
    <t>IPS的显示器效果不是最好的，现在最好的消费级广色域显示器是优派色界系列VA2406s和VX2206smh，达到78%NTSC色域，显示效果明显高于普通IPS显示器，在其他参数方面VA2406s和VX2206smh也绝不比普通IPS显示器差。</t>
  </si>
  <si>
    <t>苹果手机可以手写输入吗</t>
  </si>
  <si>
    <t>苹果手机可以手写。</t>
  </si>
  <si>
    <t>在中文里面的有拼音、手写的开关，把手写的开关打开就好了</t>
  </si>
  <si>
    <t>撞死人 无责需要赔钱吗</t>
  </si>
  <si>
    <t>如果交通责任认定书认定你没有任何的责任，那么你就不用承担任何的民事赔偿责任以及刑事责任。</t>
  </si>
  <si>
    <t>这个应该有明文规定的吧 你还可以咨询下相关律师</t>
  </si>
  <si>
    <t>傲世武皇好看吗</t>
  </si>
  <si>
    <t>看自己觉得，喜欢就好。</t>
  </si>
  <si>
    <t>莽荒纪、大主宰、天才召唤师</t>
  </si>
  <si>
    <t>完美世界、午夜君王、雪中悍刀行、兽血沸腾、极品公子、杀神、灵域(垃圾白菜书多，</t>
  </si>
  <si>
    <t>天蚕土豆，我吃西红柿，唐家三少，耳根，蜗牛等人的作品。</t>
  </si>
  <si>
    <t>看过,挺好看</t>
  </si>
  <si>
    <t>没意思，喜欢看什么样的，描述一下。</t>
  </si>
  <si>
    <t>什么类型的？修真？</t>
  </si>
  <si>
    <t>dnf84级可以用升级卷吗</t>
  </si>
  <si>
    <t>可以，1-84级的升级券，可以在84级的时候使用，使用后直接从84升级到85级。</t>
  </si>
  <si>
    <t>对，最好是84级时用，这样效果最好。</t>
  </si>
  <si>
    <t>可以，84可以使用，升到85</t>
  </si>
  <si>
    <t>可以的，都说着1到84级可以用了。</t>
  </si>
  <si>
    <t>不可以，最高83到84</t>
  </si>
  <si>
    <t>具体得看升级券， 目标角色的升级券就可以 我就是84吃了直接满街的</t>
  </si>
  <si>
    <t>85鬼泣鬼斩要不要加满</t>
  </si>
  <si>
    <t>不加，舍弃鬼斩，放到别的技能上</t>
  </si>
  <si>
    <t>别满，鬼斩并不是主力技能，加5级前置即可</t>
  </si>
  <si>
    <t>如果你是豪，只管点无色技能，如果你是个能单刷的，鬼斩点满。</t>
  </si>
  <si>
    <t>看你其他怎么加，要把鬼斩练满也可以，各有各的好处，看你自己习惯操作，模仿别人的就不一定厉害。</t>
  </si>
  <si>
    <t>逗游下的gta5能玩吗</t>
  </si>
  <si>
    <t>必须先打开游戏目录里的GTAVLauncher程序，之后不要登陆，就放在一边，然后用360软件屏蔽这个程序联网，最后再打开游戏目录的另一个程序Launcher来进入游戏，这样就可以玩了，也不会有跳出的bug。</t>
  </si>
  <si>
    <t>GTA5资源大部分都是有问题的，你下载完了，也很有可能不能玩的。因为这种地方的GTA5版本太老的关系。老版本都是有问题的。</t>
  </si>
  <si>
    <t>一般都能玩.</t>
  </si>
  <si>
    <t>梦幻西游龙宫可以转魔王吗</t>
  </si>
  <si>
    <t xml:space="preserve"> 不能的，目前不能跨种族转门派。</t>
  </si>
  <si>
    <t>可以，感觉龙宫同等级没有魔王伤害高，就是秒的个数比魔王多</t>
  </si>
  <si>
    <t>不同种族 不能转</t>
  </si>
  <si>
    <t>vst能看直播吗</t>
  </si>
  <si>
    <t>推荐给你的电视机或者电视盒子安装一个当贝应用市场，然后到当贝应用市场里面下载安装影视快搜、CIBN微视听、小薇直播、电视家2.0、电视猫，看直播高清不卡</t>
  </si>
  <si>
    <t>zippo日版贝壳机有收藏价值吗</t>
  </si>
  <si>
    <t>11月去西藏好吗</t>
  </si>
  <si>
    <t>西藏一般十月下旬好多都封山了，可以说过了十一就是淡季了，建议你就十月上旬去吧。</t>
  </si>
  <si>
    <t>去西藏旅游最好还是夏天，天气没夏天那么热又没冬天那么冷刚刚好。</t>
  </si>
  <si>
    <t>建议11月别来了。。。下雪了。白天时间也段了。因为到了晚上和早晨冷得要死。还有路最关键了。。。经常有暗冰 自己开车非常危险。包车不划算 因为路不好 跑得慢。。</t>
  </si>
  <si>
    <t>一年四季去都好。四季有四季的各自自然景观特色。</t>
  </si>
  <si>
    <t>无线路由器没有电脑能用吗</t>
  </si>
  <si>
    <t>其实用智能手机是可以设置的，我舍友尝试过成功了！</t>
  </si>
  <si>
    <t>不行的 亲。你可以拿到邻居家里用电脑设置下。以后就不用再设置了。三分钟就能搞好。</t>
  </si>
  <si>
    <t>可以用，但是首次设置需要电脑的你设置好之后就可以不用电脑了</t>
  </si>
  <si>
    <t>如果是无线路由的话，可通过智能手机/平板无线连接，然后设置</t>
  </si>
  <si>
    <t>可以，一般无线路由器常规使用就是连接电脑或者手机。如果是你手机是智能手机，可以下载浏览器，使用浏览器进行转码，登陆路由器进行路由器配置，就可以正常使用无线路由器了。</t>
  </si>
  <si>
    <t>刚买回来的时候是要连电脑设置的，设置好了就不用 用电脑了。</t>
  </si>
  <si>
    <t>可以的。不过需要知道你的无线路由器默认的SSID和加密方式以及密码，之后用手机的WiFi连上去。再使用手机上的浏览器（比如UC）去访问你的路由器的管理IP地址。然后就可以设置你的路由器的任何参数了。</t>
  </si>
  <si>
    <t>不行 无线路由器必须拿电脑设置 或者拿到有电脑的朋友家设置下就行路由器设定你的电话 密码 自动登录 在设置路由器的密码就行 拿回家打开路由 等一会 拿手机搜索无线网络 找到你的 输入密码 就可以了</t>
  </si>
  <si>
    <t>现在机票还有燃油费吗</t>
  </si>
  <si>
    <t>现在没有燃油附加费了</t>
  </si>
  <si>
    <t>需要交50元机场建设费，燃油费暂免</t>
  </si>
  <si>
    <t>2015年2月5日起，各航空公司将停止征收国内航线燃油附加费，旅客只需支付机票费用与50元民航发展基金即可。</t>
  </si>
  <si>
    <t>机场建设费50和燃油附加费40元,是一定要交的.这些费用显示在机票的左下角. 至于保险费是可以不买的. 如果他可以送你的话就要一份。</t>
  </si>
  <si>
    <t>现在还不需要，估计到明年。</t>
  </si>
  <si>
    <t>燃油费已经取消了。</t>
  </si>
  <si>
    <t>现在坐飞机燃油税已取消</t>
  </si>
  <si>
    <t>马可波罗瓷砖好吗</t>
  </si>
  <si>
    <t>很不错啊</t>
  </si>
  <si>
    <t>马可波罗瓷砖的质量还是不错的</t>
  </si>
  <si>
    <t>质量不错</t>
  </si>
  <si>
    <t>质量也是可以的，毕竟也是知名品牌</t>
  </si>
  <si>
    <t>12306账号可以同时多处登录吗</t>
  </si>
  <si>
    <t>可以，只要不在一个区就可以</t>
  </si>
  <si>
    <t>能登录但是容易跳出</t>
  </si>
  <si>
    <t>这个是可以的，可以在两个浏览器上同时登录一个账号的。</t>
  </si>
  <si>
    <t>可以。用不同浏览器就行，我用IE和猎豹同时刷票的。</t>
  </si>
  <si>
    <t>不可以，同时登陆 先登陆的那个就会被挤掉</t>
  </si>
  <si>
    <t>如果一个是在手机APP上，一个是在电脑网页上是可以的，两个同时在APP上是不行的。</t>
  </si>
  <si>
    <t>一个账号是可以在多地登陆的</t>
  </si>
  <si>
    <t>中亚牧羊犬凶吗</t>
  </si>
  <si>
    <t>中亚那种狗最好不要养，对领地意识很强不说，对陌生人有一定的攻击性。到时候虽说有户口的那东西绑着，万一挣脱开，或是用爪子抓了对方，都会伤财的，咬死是要负法律责任的。</t>
  </si>
  <si>
    <t>结婚证7年有效期是真的吗</t>
  </si>
  <si>
    <t>只是专家随便说说 不会当真的的</t>
  </si>
  <si>
    <t>假的，你想想怎么可能，那岂不是乱了！</t>
  </si>
  <si>
    <t>当然不是真的。那个只是传说。是不会发布的。很多理由也说明这个规定不合理合情。</t>
  </si>
  <si>
    <t>不会的。一旦有效期真的是7年了，那就是说到了7年，结婚证就无效了，全国到处都是离婚的，家庭是社会稳定的最基本细胞，国真如此，那不乱套了。结婚证有效期7年的传说，是别有用心的胡说，绝对不可相信的！</t>
  </si>
  <si>
    <t>鱼缸侧过滤好吗</t>
  </si>
  <si>
    <t>由于侧滤在鱼缸内占用空间，体积有限，只适合大缸。过滤仓通常需要遮挡美化，不然很难看，侧滤缸内容易缺水，水泵烧坏。操作不如底滤方便</t>
  </si>
  <si>
    <t>侧滤占用鱼缸的内部空间，算是一种最影响美观的过滤，效果还行，这要看你的侧过滤做的多大，结构如何，好处是造价便宜，在过滤中应该是最便宜的一种！</t>
  </si>
  <si>
    <t>鱼缸侧滤的过滤效果并不突出</t>
  </si>
  <si>
    <t>自然流产后可以自慰高潮吗</t>
  </si>
  <si>
    <t>不行的</t>
  </si>
  <si>
    <t>只要保持干净，卫生，自慰时候最好采取卫生的方法，不会有影响的，最好还是一个月后在同房，主要是杜绝感染</t>
  </si>
  <si>
    <t>您好,但流产后不到一月自慰会感染严重的妇科炎症,民间叫月痨病,医学上叫慢性盆腔炎,对女性伤害很大,如果不了解可以进入我的百度空间了解,有助于您的身体健康</t>
  </si>
  <si>
    <t>在子宫还没有恢复好最好不要给它带刺激了，这样对你自身的恢复也不好的</t>
  </si>
  <si>
    <t>不会！建议多健身运动瑜伽或是锻炼下腹臀部的运动，多做提肛一类的动作。</t>
  </si>
  <si>
    <t>流产后一周内避免同房，当然也不能自慰以防感染</t>
  </si>
  <si>
    <t>qq绑定手机可以更改吗</t>
  </si>
  <si>
    <t>要修改QQ绑定的手机号，可以在QQ安全中心修改。</t>
  </si>
  <si>
    <t>更换QQ手机绑定号码具体步骤如下：1、登录电脑QQ。2、选择工具=》安全=》安全中心首页。3、选择右边更换密保手机选项。4、点击更换密保手机，即可进行更改密保手机。</t>
  </si>
  <si>
    <t>在绑定网页（http://bd.qq.com/）登录，点击更换绑定QQ号码按钮进行绑定操作。操作步骤如下：1、登录绑定网页（http://bd.qq.com/），点击“更换绑定手机”按钮进入操作；如图2、输入要绑定的新手机号码及验证码，按“下一步”，根据提示发送确认码即可</t>
  </si>
  <si>
    <t>如果应急手机、密保手机、QQ安全中心手机版、密保问题中的任何一种可用，可以登录QQ安全中心选择“密保工具''点击“更换密保手机”=》通过统一安全验证=》更换密保手机审核时间过后，即可更换；</t>
  </si>
  <si>
    <t>更改一下绑定的手机号码即可</t>
  </si>
  <si>
    <t>更换QQ手机绑定号码的方法是：1登录电脑QQ；2选择工具-安全-安全中心首页；3.选择右边更换密保手机选项；4..点击更换密保手机，即可进行更改密保手机。</t>
  </si>
  <si>
    <t>可以！ 在QQ面板中－菜单－个人设置－联系方式－手机号码输入新的号码，并点击免费绑定然后按确定退出就可以了！</t>
  </si>
  <si>
    <t>军人能娶外国人吗</t>
  </si>
  <si>
    <t>根据总政《关于军队贯彻实行中华人民共和国婚姻法的规定》确实明确了【现役军人一律不准与外国人结婚】</t>
  </si>
  <si>
    <t>根据规定我国现役军人、外交人员、公安人员、机要人员和其他掌握重大机密的人员以及正在接受劳动教养和服刑的人员，不许与外国人结婚。</t>
  </si>
  <si>
    <t>好像有这么一说</t>
  </si>
  <si>
    <t>现役军人不能，脱掉军装后就可以娶外国人了</t>
  </si>
  <si>
    <t>不可以，现役军人不能和海外人士（包括港、澳）结婚</t>
  </si>
  <si>
    <t>赠予还是赠与</t>
  </si>
  <si>
    <t>一般来说并没有什么太大的差异</t>
  </si>
  <si>
    <t>使用场合不同，赠与是法律语言，赠予是文学语言。</t>
  </si>
  <si>
    <t>赠予和赠与都是表示将财产赠送他人的意思.赠与合同需要有当事人双方一致的意思表示才能成立。如果一方有赠与意愿，而另一方无意接受该赠与的，赠与合同不能成立。”“赠予”只有一方的给予 ,不需要另一方的接受与否。赠与合同属于单务、无偿、诺成合同，赠予是实践合同</t>
  </si>
  <si>
    <t>北京铁路快运能送货到家吗</t>
  </si>
  <si>
    <t>支持，我刚买了一箱酒，二天可到家了，直接送上门。</t>
  </si>
  <si>
    <t>与你所在的地方有关系</t>
  </si>
  <si>
    <t>北京同仁堂可以刷医保卡吗</t>
  </si>
  <si>
    <t>当然可以，但必须是本地（北京市)卡。</t>
  </si>
  <si>
    <t>不一定，要看他那间分店有多大，能不能申请医保，如果小了！那就木有！</t>
  </si>
  <si>
    <t>同仁堂不能用医保卡。</t>
  </si>
  <si>
    <t>新一喜欢小兰吗</t>
  </si>
  <si>
    <t>是的 新一心里只有她</t>
  </si>
  <si>
    <t>那是你认为的而已，全集根本都是强调新一心里只有小兰</t>
  </si>
  <si>
    <t>新一说过，他从很小的时候就喜欢小兰了，是在麻美学姐出来那一集里说的，你一定看过的吧</t>
  </si>
  <si>
    <t>小兰和新一互相喜欢对方，他们的感情是从小时候开始磨练出来的。</t>
  </si>
  <si>
    <t>照我的推论是小兰先喜欢新一的哦、总之无论是谁先喜欢谁的、结果都是新一和小兰大家在一起的啦＃＃新一:4岁幼儿园初见好感，算是默默的一见钟情吧，也算是从那时起就已经喜欢上小兰。（详见“新一boy篇”新一见到小兰的笑容心动，从那时起对小兰有好感。还有上户彩表白初一时期的新一遭拒，新一亲口说出有喜欢的人.)＃＃新一先喜欢兰的，或者说是先意识自己喜欢兰的。</t>
  </si>
  <si>
    <t>没有任何理由，新一爱兰，兰爱新一，没有任何理由，爱一个人需要理由吗？只是有些过分无聊的哀迷，把新一和哀凑成一对，真是有病！新兰永恒，永远改变不了！</t>
  </si>
  <si>
    <t>当然爱了，在剧场版《瞳孔中的暗杀者》，新一对小兰说过：“我喜欢你,比地球上任何一个人都喜欢”</t>
  </si>
  <si>
    <t>麻美告诉兰和园子，当时自己向新一表白时，新一说：学姐，很抱歉，其实，我很小的时候就已经有喜欢的人了，虽然她个性很强，又很任性，动不动就会掉眼泪……但是，我还是很喜欢她…… （不用我说，大家也知道新一说的是谁吧！）</t>
  </si>
  <si>
    <t>脚会变小吗</t>
  </si>
  <si>
    <t>会，借助外力，例如裹脚。</t>
  </si>
  <si>
    <t>骨架不会变小的</t>
  </si>
  <si>
    <t>不会人的脚只有白天和黑夜才会变。</t>
  </si>
  <si>
    <t>不会，除非你脚下很多脂肪，但是脚很难堆积脂肪，除非你超级无敌胖</t>
  </si>
  <si>
    <t>男人变心后会回头吗</t>
  </si>
  <si>
    <t>大男人主义者。绝对不会</t>
  </si>
  <si>
    <t>那也不一定</t>
  </si>
  <si>
    <t>不是！这看你怎么做，如果你主动联系他，可能就没戏了！但如果你不主动联系他可能有机会，在爱情里谁认真谁就输了，所以你应该保持自己的骄傲</t>
  </si>
  <si>
    <t>因为年轻道路全是沧桑，能让你痛心的人都是你最爱的人，能给你刀子的人都是你最相信的人，</t>
  </si>
  <si>
    <t>因人而异！</t>
  </si>
  <si>
    <t>会！</t>
  </si>
  <si>
    <t>迅雷快鸟对wifi有用吗</t>
  </si>
  <si>
    <t>迅雷白金/钻石会员可以直接免费使用快鸟产品及服务;迅雷普通会员可在闲暇时段(凌晨2点到下午14点)内免费使用，而对于非迅雷会员用户，在现阶段新产品推广期内也可以每天免费领取体验使用时长</t>
  </si>
  <si>
    <t>宽带是10兆不可能通过迅雷快鸟提速到100兆</t>
  </si>
  <si>
    <t>1.安装迅雷快鸟，安装过程软件会自动检测该宽带环境是否支持提速2.可提速网络环境用户登录迅雷白金或钻石会员账号最高可将宽带提升至30M3.登录成功后，即可享受流畅上网加速，无需额外操作4.退出软件，上网加速服务停止，宽带降至原有宽带大小</t>
  </si>
  <si>
    <t>淘宝可以拉黑买家吗</t>
  </si>
  <si>
    <t>拉黑的只是不能给买家发信息，收不到买家发的信息，并不妨碍买家的购买</t>
  </si>
  <si>
    <t>打开千牛聊天窗口，找到对应买家，选择拉入黑名单，即可将买家拉入黑名单，不再接受买家任何消息。</t>
  </si>
  <si>
    <t>在跟卖家的对话框中，有一个警报的图标，点它旁边的小三角符号，就会出现“移至黑名单”，点一下确认，就ok啦</t>
  </si>
  <si>
    <t>在千牛旺旺栏右键点击要拉黑的买家。点右键就有显示移至黑名单了。</t>
  </si>
  <si>
    <t>这个可以百度到的 店主可以看到浏览或者购买的会员的身份，来对其进行拉黑操作。</t>
  </si>
  <si>
    <t>旺旺上将他拉进黑名单</t>
  </si>
  <si>
    <t>旺旺拉黑，买家不能再和你说话会员管理中把买家的旺旺设成禁止购买，买家不能买你的商品</t>
  </si>
  <si>
    <t>卖家可以在旺旺聊天那里，点击举报，就可以拉黑买家了，不过这样只能不和买家沟通聊天而已。不能阻止买家拍下付款。要阻止买家拍下付款的话，需要自己到服务市场订购一些差评师拦截服务，在里面就可以把买家拉黑不给购买了。</t>
  </si>
  <si>
    <t>平安财富宝 安全吗</t>
  </si>
  <si>
    <t>平安财富宝属于平安旗下的，积累了多年的客户资源和优质的产品，从推出就好评不断，所以是很安全的</t>
  </si>
  <si>
    <t>比较安全，但具有一定的风险</t>
  </si>
  <si>
    <t>安全的，一直都在用，放心！</t>
  </si>
  <si>
    <t>平安财富宝比较靠谱</t>
  </si>
  <si>
    <t>喝营养快线会胖吗</t>
  </si>
  <si>
    <t>会胖，糖分高。</t>
  </si>
  <si>
    <t>不会的，记得睡前不要喝这些。</t>
  </si>
  <si>
    <t>当然会，营养快线毕竟是饮品，含有多余的糖分之类。</t>
  </si>
  <si>
    <t>适量喝营养快线是不会发胖的。</t>
  </si>
  <si>
    <t>微信群不说话会显示建立了么</t>
  </si>
  <si>
    <t>真实情况 是不会，如果说话的话，大家就都知道了。</t>
  </si>
  <si>
    <t>肯定会的。</t>
  </si>
  <si>
    <t>微信群聊邀请群内人数超过40才会提醒，40人以下如果你不说话，别人那里不会显示邀请提醒的。</t>
  </si>
  <si>
    <t>没有显示的。</t>
  </si>
  <si>
    <t>爱进钱可靠吗</t>
  </si>
  <si>
    <t>安全，原因四：爱钱进有如下几个特点：第一是有背景，爱钱进是普惠金融信息服务（上海）有限（以下简称普惠金融）的子，因而虽然是新品牌，但是经验丰富；第二是有一套已经成型而且成熟的量化风控体系，这套来自普惠金融的体系方法已使用多年，在行内属于领先地位，有效降低了投资人资金的风险；第三是较高的收益率，爱钱进平台最高收益率可达12%-14%，得益于丰富的经验与风险管控能力，爱钱进保证了较高的收益率，也成为吸引投资者的一大原因；第四是与权威机构加强合作，无论是与招商银行等大型银行进行托管合作，还是获得CFCA认证，都大大增加了爱钱进在投资者心里的安全感。</t>
  </si>
  <si>
    <t>P2P已经发展好几年，有了一定的行业规范以及国家管控，现在市场上比较大的几家P2P公司都是很有实力很正规的公司。爱钱进是普惠金融推出的P2P公司，还是非常可靠的。</t>
  </si>
  <si>
    <t>一般</t>
  </si>
  <si>
    <t>不</t>
  </si>
  <si>
    <t>固真散是真的吗</t>
  </si>
  <si>
    <t>固真散能补肾益精 ，此二味大能涩精固真气，暖下元。</t>
  </si>
  <si>
    <t>吃复合维生素可以喝茶吗</t>
  </si>
  <si>
    <t xml:space="preserve"> 不可以</t>
  </si>
  <si>
    <t>吃维生素药品时是可以已茶水代水的</t>
  </si>
  <si>
    <t>隔开十几分钟喝，没事的</t>
  </si>
  <si>
    <t>吃维生素片过后喝茶，这样做不可以。理由：因为茶叶里面含有大量的鞣酸，容易影响维生素的吸收。</t>
  </si>
  <si>
    <t>能喝。</t>
  </si>
  <si>
    <t>有影响,你吃了维生素咀嚼片后,隔2小时喝茶就行了.</t>
  </si>
  <si>
    <t>喝茶叶水会影响吸收的，和白开水没有问题。</t>
  </si>
  <si>
    <t>影响不大</t>
  </si>
  <si>
    <t>红米note有耳机吗</t>
  </si>
  <si>
    <t>红米NOTE官方有原装耳机卖，但是买手机不配耳机，需要自己花钱购买。</t>
  </si>
  <si>
    <t>原装耳机就是小米官网的活塞耳机，但是需要加钱购买。</t>
  </si>
  <si>
    <t>因为小米采用的耳机均是高水准耳机，手机价格已经很低，所以成本较高的耳机没有在标配中，</t>
  </si>
  <si>
    <t>不带</t>
  </si>
  <si>
    <t>红米note手机的配件是不带耳机的</t>
  </si>
  <si>
    <t>蜂蜜吃多了会得糖尿病吗</t>
  </si>
  <si>
    <t>不会，糖尿病是慢性代谢性疾病。</t>
  </si>
  <si>
    <t>糖尿病不是因为吃糖过多引起的</t>
  </si>
  <si>
    <t>天天喝蜂蜜是不会得糖尿病的，糖尿病是因为人的胰岛出问题了，和每天喝蜂蜜水没有关系的。</t>
  </si>
  <si>
    <t>蜂蜜吃的多了不会得糖尿病</t>
  </si>
  <si>
    <t>每天喝蜂蜜不会得糖尿病，糖尿病服用会加重病情</t>
  </si>
  <si>
    <t>人工阴道能体验快感吗</t>
  </si>
  <si>
    <t>人工阴道 提供类似于性交的快感，人工阴道可以用在医学用途，用于收集男性精液，或者是作为性玩具使用。也有作为种马繁衍的人工授精使用。</t>
  </si>
  <si>
    <t>lbj12偏码吗</t>
  </si>
  <si>
    <t>勒布朗的鞋码偏大</t>
  </si>
  <si>
    <t>应该偏大，勒布朗的鞋子都比较宽！</t>
  </si>
  <si>
    <t>飞机手机能用吗</t>
  </si>
  <si>
    <t>当然不能啦，手机信号会影响飞机正常运行轨道的，呵呵上飞机之前记得关机哦，否则会很危险的，谢谢请采纳＃＃不能用手机，可以玩电脑</t>
  </si>
  <si>
    <t>目前，乘客在国内每次乘坐飞机，都会被要求关闭手机等移动电子设备，即使手机调成“飞行模式”也不允许使用。飞机上或可使用手机 现在“飞行模式”可以在飞机上使用吗？然而，包括美国、欧盟、新加坡等国家和地区已经明确在飞行过程中可以使用手机，但需要调成“飞行模式”。</t>
  </si>
  <si>
    <t>在国内飞机上畅快地玩手机，终于变得可能了。</t>
  </si>
  <si>
    <t>应该是飞机上为什么不能用手机吧？ 为什么在客舱内不能用手机和其它电子类产品 在飞机上，使用中的这些电子装置会干扰飞机的通讯、导航、操纵系统，会干扰飞机与地面的无线信号联系，尤其在飞机起飞下降时干扰更大，即使只造成很小角度的航向偏离，也可能导致机毁人亡的后果，是威胁飞行安全的“杀手”。＃＃不能,手机信号会干扰飞机飞行的,不安全,所以上飞机都要将手机关掉.＃＃绝对不能。因为飞机起飞後是靠控制中心的导航来确定航线的。在飞机上使用手机，会干扰飞机接收控制中心的信号。这样是很不安全的。而且，我曾经尝试过忘了关机坐飞机，到飞机起飞了一个多小时才发现自己忘了关机。然后赶紧拿出手机关机。发现飞机起飞后手机是没有信号的。所以飞机上是肯定不能用手机的。</t>
  </si>
  <si>
    <t>不可以。1991年，美国联邦通信委员会（FCC）出台规定，禁止乘客在飞机上使用手机，理由是：1、在飞机上使用手机，会影响手机的地面基站系统。＃＃飞机上明令禁止使用飞行模式，另外中国民航有法规明确指出禁止飞行模式的。如果你要是使用了这个模式一样会对飞行安全造成影响，其实他是接收后的屏蔽和开机完全是一样的。其实在飞机上会放映电影的，如果不喜欢看看书报。或者你可以使用笔记本电脑，PSP，touch这些，除了起飞，降落不可以使用外，其他时间全都可以。</t>
  </si>
  <si>
    <t>现在有的航班上可以使用手机，有的还不能，具体的要咨询一下航空公司要搭乘的这一班次的飞机能不能使用手机。</t>
  </si>
  <si>
    <t>在飞行过程中，民航除不得使用手机并确保处于关机状态外，禁止使用的电子设备还有：对讲机、遥控玩具和其他带遥控装置的电子设备、计算机、音频播放机（收录机、CD播放机、MD播放机、MP3播放机）、视频录放机（摄像机、VCD、DVD影碟机）、电子游戏机等</t>
  </si>
  <si>
    <t>不上公积金违法吗</t>
  </si>
  <si>
    <t>第37条规定“单位不办理住房公积金缴存登记或者不为本单位职工办理住房公积金账户设立手续的，由住房公积金管理中心责令限期办理；逾期不办理的，处一万元以上五万元以下的罚款。</t>
  </si>
  <si>
    <t>公司不交公积金是违法的，公积金是应当缴纳的。</t>
  </si>
  <si>
    <t>公司不交住房公积金，不违反国家法律。</t>
  </si>
  <si>
    <t>单位不给职工建立住房公积金制度的做法侵犯了职工个人应享有的合法权利。</t>
  </si>
  <si>
    <t>单位不缴交住房公积金不违法。</t>
  </si>
  <si>
    <t>手淫时间短是早泄吗</t>
  </si>
  <si>
    <t>早泄必须是在性交的时候发生的，仅仅因为手淫时间太短而就认定自己是早泄，那是十分不科学的。需要指出的是，手淫不是导致早泄的直接原因，适度的手淫是正常的生理现象。但是过于频繁的的手淫却会危害身体健康。</t>
  </si>
  <si>
    <t>可以肯定的告诉你，已经早泄了</t>
  </si>
  <si>
    <t>这个不一定的，个人的感觉跟两个人感觉不一样，可以食补啊，生蚝韭菜，枸杞炖母鸡都可以的.一直在用帝根圆也是很好的</t>
  </si>
  <si>
    <t>手淫和做爱时间是不等长的，所以手淫是不能说明问题的＃＃早泄，并不是通过手淫的时间长短来定义，而是性生活时，如果男性未能持续两分钟就射精，或者无法满足女性，并且出现时间长、次数多，才能定义为早泄。</t>
  </si>
  <si>
    <t>订阅号可以开通微信支付么</t>
  </si>
  <si>
    <t>目前评阅号是不支持微信支付的，目前微信支付功能仅开放给已经通过微信认证的服务号(企业、商店商家、非事业单位媒体类服务号)。开通服务号后，还要通过认证。 所以可以先将订阅号升级到服务号。</t>
  </si>
  <si>
    <t>不能的，这个功能只提供给服务号，订阅号不能用。</t>
  </si>
  <si>
    <t>微信订阅号是不支持微信支付的。微信支付功能只开放给已经通过微信认证的服务号。</t>
  </si>
  <si>
    <t>不能的。微信公众号服务号可以申请微信支付</t>
  </si>
  <si>
    <t>目前来说，微信公众平台对部分订阅号开放申请微信支付的能力。</t>
  </si>
  <si>
    <t>个人订阅号和企业订阅号是不可以开通微信支付的、只有媒体认证的订阅号才能开通微信支付</t>
  </si>
  <si>
    <t>电油汀特别费电吗</t>
  </si>
  <si>
    <t>电油汀的功率一栏上写的是600W/900/1500W,是通过它的开关不同的组合，可以得到不同的发热功率。所有的电热器的发热效率都差不多，基本上就是100%了，没有什么损耗的。所以不存在费电的问题。</t>
  </si>
  <si>
    <t>电油汀这个东西制热效果差，而且特别费电。亲身测试，同样2000W的电油汀跟空调，一天使用下来电油汀耗电是空调的2倍，但是使用效果却不如空调。</t>
  </si>
  <si>
    <t>我在这里郑重的奉劝大家，电油灯、暖风机、小太阳最好不要买，这些东西已经不能用简单的费电来形容了，简直就是为了吃电而生产的，用着比空调还多的电，使用效果却和空调相差十万八千里</t>
  </si>
  <si>
    <t>电热汀，功率一栏上写的是600W/900/1500W,是通过它的开关不同的组合，可以得到不同的发热功率。所有的电热器的发热效率都差不多，基本上就是100%了，没有什么损耗的。所以不存在费电的问题。</t>
  </si>
  <si>
    <t>油汀很费电，如果漏油会非常危险！暖牛取暖器是今冬卖的最火的，它智能，无光，无辐射，静音无风感，不干燥，倾倒断电设计，对老人小孩特别好！是无极变频比普通的采暖设备省60%的电，防水防漏电设计，给家人带来极致舒适的体验！推荐您关注一下。</t>
  </si>
  <si>
    <t>喝中药能彻底根治黄褐斑吗</t>
  </si>
  <si>
    <t>我是吃的仲， 药。 祖 ，合，不是熬的那种，挺管用的。</t>
  </si>
  <si>
    <t>当然可以，</t>
  </si>
  <si>
    <t>要看医生开的方子是不是对症下药</t>
  </si>
  <si>
    <t>可以，至于时间要看情况</t>
  </si>
  <si>
    <t>吃中药，3个月</t>
  </si>
  <si>
    <t>股票委托撤单要收费吗</t>
  </si>
  <si>
    <t>股票交易委托时撤单不要手续费，包括委托下单也不需要手续费，只有成交之后，才需要交纳一定比例的手续费。</t>
  </si>
  <si>
    <t>不需要手续费</t>
  </si>
  <si>
    <t>撤单时不要手续费。</t>
  </si>
  <si>
    <t>你是什么委托，如果是网上委托就不需要。</t>
  </si>
  <si>
    <t>你的股票买进或卖出时撤单后，就不存在股票的交易，没有交易就不收手续费。</t>
  </si>
  <si>
    <t>收 每个证券收的不一样</t>
  </si>
  <si>
    <t>不成交，不收费。散户随意撤单挂单。大量资金密集在同一股票挂单撤单会引起交易所监控，甚至有操作股价嫌疑。</t>
  </si>
  <si>
    <t>股票撤单不要手续费。</t>
  </si>
  <si>
    <t>男人喜欢听甜言蜜语吗</t>
  </si>
  <si>
    <t>我想大多数的男人不是喜欢听女生的甜言蜜语</t>
  </si>
  <si>
    <t>人都是喜欢听甜言蜜语的，无论男人还是女人，不过这个是因人而定的，</t>
  </si>
  <si>
    <t>喜欢，是人都需要美的赞言</t>
  </si>
  <si>
    <t>这个需要因人而异，不同的男人对于甜言蜜语反应也不一样</t>
  </si>
  <si>
    <t>看他是那一类人</t>
  </si>
  <si>
    <t>喜欢</t>
  </si>
  <si>
    <t>amd630是真四核?假四核?</t>
  </si>
  <si>
    <t>是真四核，属于入门级的，性能很差，还不如英特尔的奔腾的双核。不到300的价格。</t>
  </si>
  <si>
    <t>真四核。只不过是屏蔽掉集成显卡的次品而已。但性能却基本能和X4 640比肩</t>
  </si>
  <si>
    <t>汽车出故障能走保险么</t>
  </si>
  <si>
    <t>看你的车子是不是还在质保期内，如过是的，就由4S店免费维修。如果出了质保期，就要自己花钱修理了。</t>
  </si>
  <si>
    <t>如果是你自己弄坏的，可能不会</t>
  </si>
  <si>
    <t>质量问题在保修范围内免费，过保了就不属于质量问题，还有就是车子故障不属于理赔范围</t>
  </si>
  <si>
    <t>车辆损失险是指保险车辆遭受保险责任范围内的自然灾害(不包括地震)或意外事故，造成保险车辆本身损失，保险人依据保险合同的规定给予赔偿。</t>
  </si>
  <si>
    <t>脚底下长黑痣好不好</t>
  </si>
  <si>
    <t>脚底长痣：是所谓的「峰候带相」，这类的人可以做地方之长，统领一方，像安碌山节度使脚底就有长痣。</t>
  </si>
  <si>
    <t>通常是好事</t>
  </si>
  <si>
    <t>相学里对脚掌有痣之人，常会给予极高的称许，并能位居极品之贵。</t>
  </si>
  <si>
    <t>脚底下长痣可不好啊！ 俗称“脚底长痣封侯拜相”专家解释黑痣也会癌变，部分痣细胞常摩擦会恶化，几率不大，但发病就难治愈，恶变征兆为化脓出血，切除后要做病理检查。</t>
  </si>
  <si>
    <t>港澳通行证可以办加急吗</t>
  </si>
  <si>
    <t>是可以加急的，一般是5-7个工作日就可以出来。</t>
  </si>
  <si>
    <t>可以，3天就能拿到</t>
  </si>
  <si>
    <t>加急须满足以下条件之一：1、治病或探望危重病人，须提交境外医院医生开具的证明。2、奔丧，须提交境外医院或警察局开具的死亡证明。3、公派留学。4、前往地入境许可或签证期即将届满。5、参加紧急商务活动，需15日到达，须提供有商务活动日期的境外邀请函。6、留学，离开学时间不足一个月，须提交有开学日期的入学通知书。外文材料须到公安局指定的翻译公司翻译成中文。5个工作日后取得。</t>
  </si>
  <si>
    <t>加急的就是价格高一些，一般是5-7个工作日就可以出来！</t>
  </si>
  <si>
    <t>加急，多交点钱就可以了。</t>
  </si>
  <si>
    <t>办理港澳通行证能加急，对于赴香港或者澳门治病、探望危重病人、奔丧等特殊情况急需赴香港或者澳门的申请，按照急事急办的工作原则，优先审批办理。</t>
  </si>
  <si>
    <t>可以。不过需要付加急费用，特事特办。</t>
  </si>
  <si>
    <t>12指肠溃疡好治吗</t>
  </si>
  <si>
    <t>十二指肠球部溃疡发病原因是饮食不规律、生活不规律、精神压力大、刺激性食物、突然事情发生等;这个情况需要通过这个三联疗法来进行治疗这也就可以完全治愈这个疾病的，</t>
  </si>
  <si>
    <t>能啊，</t>
  </si>
  <si>
    <t>十二指肠溃疡百分百的都能治愈</t>
  </si>
  <si>
    <t>孕妇可以吃地瓜吗?</t>
  </si>
  <si>
    <t>可以，吃地瓜好处多多，最好蒸着吃，但也不能一次吃太多，容易反酸。</t>
  </si>
  <si>
    <t>能哦＃＃可以吃啊，孕妇容易便秘，多吃蔬菜瓜果，多吃纤维类的谷物是有好处的</t>
  </si>
  <si>
    <t>肯定可以啊 地瓜 就是红薯吧</t>
  </si>
  <si>
    <t>这些东西当然都是可以的</t>
  </si>
  <si>
    <t>孕妇是能吃地瓜的。</t>
  </si>
  <si>
    <t>孕妇是能吃地瓜的。但应该少吃为好</t>
  </si>
  <si>
    <t>分期付款划算吗</t>
  </si>
  <si>
    <t>可以肯定的告诉你，不划算！使用信用卡的基本原则是有多少钱就刷多少额度，必须具备足够的还款金额，如果做不到，就宁愿别使用信用卡，否则会影响你的个人信用。</t>
  </si>
  <si>
    <t>不好。道理很简单。本身能分期的手机价格本身就就比较高，分期下来又要多花一些钱</t>
  </si>
  <si>
    <t>最后算下来得价钱来说的话肯定是不划算得</t>
  </si>
  <si>
    <t>分期付款买手机我以为不划算！</t>
  </si>
  <si>
    <t>就最后算下来得价钱来说的话肯定是不划算得，</t>
  </si>
  <si>
    <t>分期付款得看个人能力，要是有能力，最好不要分期，打个比方，你买个毛巾是100元，要是分期的话，你得花130元.这无意中又多了30.如果要手头不方便，还是很需要的东西，可以考虑分期</t>
  </si>
  <si>
    <t>怀孕可以喝羊汤吗</t>
  </si>
  <si>
    <t>怀孕能喝羊汤，但是不要过于频繁，每月两到三次，而且只限于冬季。</t>
  </si>
  <si>
    <t>刀剑神域小说好看吗</t>
  </si>
  <si>
    <t>个人认为不错</t>
  </si>
  <si>
    <t>挺好看的</t>
  </si>
  <si>
    <t>很不错哦 毕竟轻小说排行榜没掉下来前十.</t>
  </si>
  <si>
    <t>儿童要买飞机票吗</t>
  </si>
  <si>
    <t>不论多大的孩子，坐飞机都得买票。婴儿与儿童的划分是按年龄来的。两周岁以下算婴儿，两岁以上，十二周岁以下属于儿童。\x0d1. 婴儿票价无论国际还是国内航班，均按照成人单程公布票价的10%计算，具体的价格按其所搭乘的舱位不同而有差异，不占座位。此外，还需要另付相应的机场税和燃油附加费。国内航线的免收，但国际票的燃油费和一些国家的机场税还是要交的。出于舒适的需要，婴儿可以购买占座位的儿童票；\x0d2. 儿童票。国内航线票价按成人单程公布票价的50%计，国际和地区航线(除美加航线外)，按销售价格的75% 计，美加线按67% 计算。\x0d此外，对于出生14天内的新生儿，购票前最好咨询相应的航空公司，不是所有公司都接受新生儿。</t>
  </si>
  <si>
    <t>只要孩子不在肚子里，生下来了就得买票。2岁（不含）以下买婴儿票，票价是全价票的10%，不收取机场建设费和燃油附加费。2岁（含）-12岁（不含）买儿童票。儿童票半价5折，不收机场建设费，燃油只收大人的一半。</t>
  </si>
  <si>
    <t>需要，国内是全程价格的半价，国际系统合算，0--2 算婴儿 2--12 是儿童</t>
  </si>
  <si>
    <t>需要，比大人还要贵有保险的</t>
  </si>
  <si>
    <t>根据1985年1月1日制定、1996年2月28日修订的《中国民用航空旅客行李运输规则》规定： 不满两周岁的婴儿乘机按成人票价的10%购买婴儿票;已满2周岁未满12周岁的儿童，按同一航班成人普通票价的50%付费，提供座位。购买儿童票时，应提供儿童、婴儿出生年月的有效证件，如出生证、户口簿等。</t>
  </si>
  <si>
    <t>要买，儿童票按全价的5折购票，如果成人票价比5折还低，那直接买成人票还划算。</t>
  </si>
  <si>
    <t>当然需要了,就是出生的也需要</t>
  </si>
  <si>
    <t>化肥有毒吗</t>
  </si>
  <si>
    <t>当人是不能吃了，那是有毒肥料</t>
  </si>
  <si>
    <t>以尿素为例，它本身应该说没有毒性。但它施用后，由于含氮量很高，作用又很快，会引起具潜在致癌作用的硝酸盐及亚硝酸盐在植物体内积累，人大量或长期食用后就可能遭受严重危害。</t>
  </si>
  <si>
    <t>化肥实际上是植物可以吸收的物质，化肥中氮、磷、钾、硫、钙、镁等营养元素与我们体内存在的营养元素和食物中的营养元素是相同的。化肥也是无毒的，化肥中的氮、磷、钾元素都来自于空气或土地，是自然中存在的天然物质。</t>
  </si>
  <si>
    <t>化肥都是对人体有害,只要摄入少量就回引起人体中毒.</t>
  </si>
  <si>
    <t>里面含有很多种元素，对人有毒害作用</t>
  </si>
  <si>
    <t>目前，我国农村使用的化肥主要有氮肥（如碳酸氢铵、氯化铵、尿素等）、磷肥（如过磷酸钙、磷酸钙等）和钾肥。在上述3类化肥中，除钾肥对人体无明显危害外，氮肥和磷肥对人体都有较大的毒性作用。但是化肥作为肥料被蔬菜吸收时，不会有害的。</t>
  </si>
  <si>
    <t>里面有很多中有害物质.</t>
  </si>
  <si>
    <t>化肥会挥发， 特别是化肥中的氨化物，很容易挥发，刺激人的呼吸道</t>
  </si>
  <si>
    <t>航天纪念币可以代领吗</t>
  </si>
  <si>
    <t>航天纪念币、航天纪念钞兑换可代领：此次发行的航天纪念币、航天纪念钞与现行流通人民币职能相同，与同面额人民币等值流通。据了解，航天纪念币、航天纪念钞的兑换时间是从11月26号到12月16号，如果错过了预约时间的朋友，可在12月14-16日直接在现场兑换，先到先得，每种产品每人只能兑换一次，兑换数量以各银行规定的数量为准。</t>
  </si>
  <si>
    <t>反正取得时候必须要拿身份证原件领，</t>
  </si>
  <si>
    <t>有身份证就够了</t>
  </si>
  <si>
    <t>事业单位招聘有编制吗</t>
  </si>
  <si>
    <t>通过当地人社部门的正规考录都会有编制。正式程序是人社局（以前叫人事局）公示招录计划，会在政府门口、人社局门口等地方贴公告，然后参加人员报名，参加笔试，通过笔试的进入面试，通过面试合格之后就办理人事关系正式上岗了。至于那个一年试用期可以暂时忽略。没有通过以上程序的，就基本和编制无缘了。（特殊情况除外）</t>
  </si>
  <si>
    <t>是有编制的</t>
  </si>
  <si>
    <t>事业单位(Public Institution)是指由政府利用国有资产设立的，从事教育、科技、文化、卫生等活动的社会服务组织。事业单位接受政府领导，是表现形式为组织或机构的法人实体。事业单位与企业单位相比，有以下特征：一是不以营利为目的;二是财政及其他单位拨入的资金主要不以经济利益的获取为回报。事业单位主要包括四个类型，分别是：全额拨款事业编、差额拨款事业编、自收自支事业编、参公事业编。目前，我国的事业单位正处在改革深水区，事业单位的类型也与之前的有所不同，由之前的承担行政职能、从事生产经营活动、从事公益服务改为行政机构、企业、公益事业单位;其中，公益事业单位又分为公益一类、公益二类。不同的事业单位编制也有所不同。</t>
  </si>
  <si>
    <t>一般的事业单位工作人员大体分为编制人员和非编制人员</t>
  </si>
  <si>
    <t>如果招的是编内的就是有编制的.招的是编外的就是没编制的.</t>
  </si>
  <si>
    <t xml:space="preserve">事业单位考试录用后是事业单位编制，须参加公务员考试并被录用后，方可转为公务员编制。 </t>
  </si>
  <si>
    <t>短信有漫游费吗</t>
  </si>
  <si>
    <t>发短信没有漫游的说法＃＃任何卡在异地发短信都没有漫游费的</t>
  </si>
  <si>
    <t>手机在异地发短信包括国内大陆地区和港澳台和国外。 国内大陆地区漫游是免费的。漫游到港澳台跟国外地区是要收费的，因为各地各品牌的收费标准存在差异，具体为所在地资费为准，详情可咨询当地10086。</t>
  </si>
  <si>
    <t>发短信不收漫游费</t>
  </si>
  <si>
    <t>移动收费标准： 国内用户在国内发往国外用户：1元/条 ； 漫游至国外发往国内移动用户：短信漫游出访资费标准×115％＋0.10”元； 漫游至国外发往国内联通用户：短信漫游出访资费标准×115％＋0.15”元； 漫游至国外发往国外用户：短信漫游出访资费标准×115%＋1.00”元 ； 国际来访用户在国内产生的短信费用： 2元/条 。</t>
  </si>
  <si>
    <t>国际漫游时根据漫游所在国家不同、发送短信时接收短信号码国家不同，而资费有所不同。＃＃接收不用钱可是发短信好像是一元钱一条？</t>
  </si>
  <si>
    <t>没有，短信从来不收取漫游费，只有话费才收漫游费。</t>
  </si>
  <si>
    <t>没有！</t>
  </si>
  <si>
    <t>煮沸的水还能再煮吗</t>
  </si>
  <si>
    <t>完全没问题，千真万确</t>
  </si>
  <si>
    <t>可以的、要是烧开二百多次就不要喝了</t>
  </si>
  <si>
    <t>人习惯把热水瓶中的剩余温开水重新烧开再饮,目的是节水、节煤、节时。但这种"节约"不足取。因为水烧了又烧，使水分再次蒸发，等于喝"干滚水"。干滚水就是在炉上沸腾了一夜或很长时间的水，还有电热水器中反复煮沸的水和多次反复使用的蒸锅水。这种水因煮得过久，水中不挥发性物质，如钙、镁等重金属成分和亚硝酸盐含量很高。 久饮这种水，会引起亚硝酸盐中毒。 所以不能二次煮沸后再次饮用</t>
  </si>
  <si>
    <t>如果经常饮用重复烧煮的水，可能会造成组织缺氧、呼吸急促、胸口沈闷、嘴唇及指甲呈现紫色，或是容易爱困等现象。如果再严重些，「亚硝酸盐」进入体内之后，经过胃酸作用，很可能再转换成致癌物质「亚硝胺」了。</t>
  </si>
  <si>
    <t>这样不好而且隔夜水也不能再喝了</t>
  </si>
  <si>
    <t>不好吧</t>
  </si>
  <si>
    <t xml:space="preserve">开水可以反复烧吗?开水不能反复烧,会产生亚硝酸盐类,是致癌物质,所以为了您的健康,就不要反复烧开水.但是烧开的水处在固定的温度下而不让它沸腾就可以了. </t>
  </si>
  <si>
    <t>不能煮了，煮了也不能喝</t>
  </si>
  <si>
    <t>虽然可以再煮，可是重复煮的次数多了会产生水垢，经常喝这种水对身体有害，最好不要反复煮的次数太多~</t>
  </si>
  <si>
    <t>可以；但是重新煮沸的开水会造成水中亚硝酸含量的超标</t>
  </si>
  <si>
    <t>没有档案能交社保吗</t>
  </si>
  <si>
    <t>有没有档案和交社保没有关系</t>
  </si>
  <si>
    <t>可以，个人办理社保只能缴纳养老保险和医疗保险，只需要提供身份证、户口本及其复印件，近期免冠一寸照片备两张，保费，申请书等，并办理一张社保局要求的银行卡即可。</t>
  </si>
  <si>
    <t>有没有档案和交社保没有关系。辞职后可以在户口所在地社保局以灵活就业的个人形式自己交社保。凭户口本，身份证到社保局就可以办理。</t>
  </si>
  <si>
    <t>没有档案可以交保险。</t>
  </si>
  <si>
    <t>可以办理。不需要档案。</t>
  </si>
  <si>
    <t>美容院 艾灸好不好</t>
  </si>
  <si>
    <t>美容院的艾灸对身体好。</t>
  </si>
  <si>
    <t>悬灸仪是吹风的，吹风艾灸仪的危害很大，这种艾灸仪就是通过电加热的同时用风扇吹风，使热风吹响人体来“艾灸”的，它的关键副作用就是对着皮肤吹的——风。</t>
  </si>
  <si>
    <t>wow同区不同服务器能不能转</t>
  </si>
  <si>
    <t>不可以，除非让他用G买张点卡你再拿到自己区卖</t>
  </si>
  <si>
    <t>现在不行，等网易开付费转服吧</t>
  </si>
  <si>
    <t>那你应该去看一下官方的通告，现在网易公司不支持付费转服，只有免费转服，要是转服名单上没有你服务器的名字，那就是转不了了。</t>
  </si>
  <si>
    <t>1/4 2/6 3/7 5/8 之间都可以互相转FU的 不过只有部分是免费的 其余的是收费的</t>
  </si>
  <si>
    <t>付费转服，网易还没开呢，估计最近也不会开呢。只有指定服务器的免费转服，但是都是往鬼服转。</t>
  </si>
  <si>
    <t>网易不让转</t>
  </si>
  <si>
    <t>以前9C代理的时候只要付钱就能转区了，但是现在网易代理没有这项服务所以是不能转的</t>
  </si>
  <si>
    <t>吃生花生上火吗</t>
  </si>
  <si>
    <t>肯定会的！但要看你吃多少。刚拔出的生花生和煮熟的不是很容易，但经过暴晒后或炒过的比较容易会上火</t>
  </si>
  <si>
    <t>生花生降火，润肺，补血，润燥；</t>
  </si>
  <si>
    <t>一般来说吃生花生是不会上火的。</t>
  </si>
  <si>
    <t>花生本身大量植物油，遇高热蒸制，会使花生甘平之性变为燥热之性，多食、久食或体虚火旺者食之，极易生热上火。</t>
  </si>
  <si>
    <t>吃多了会上火。花生本身大量植物油，遇高热蒸制，会使花生甘平之性变为燥热之性，多食、久食或体虚火旺者食之，极易生热上火</t>
  </si>
  <si>
    <t>花生营养丰富，含有多种维生素，卵磷脂，蛋白氨基酸，胆碱及油酸，硬脂酸，棕樟酸...一般来说吃生花生是不会上火的。但是生花生含有大量的油脂，有缓泻的作用</t>
  </si>
  <si>
    <t>聘用制干部可以提拔吗</t>
  </si>
  <si>
    <t>提为副处以上职务的，是不需要个人身份的，也就是说只要提就行，就是工人也行。</t>
  </si>
  <si>
    <t>能 但很难，要有学历（本科就不用说，没有） 有关系，有机会。就可以。一个萝卜一个坑。不是有人调走 高升，就没有机会。</t>
  </si>
  <si>
    <t>豆腐是碱性食物吗</t>
  </si>
  <si>
    <t>豆腐是碱性食品#豆腐属于碱性食品</t>
  </si>
  <si>
    <t>豆腐是碱性食物。</t>
  </si>
  <si>
    <t>医学、化学和生物学上根本不承认这种说法，这类的说法都是人家自己编的。</t>
  </si>
  <si>
    <t>美国驾照在中国能开车吗</t>
  </si>
  <si>
    <t>肯定是不可以的。外籍驾照不能在中国驾驶车辆</t>
  </si>
  <si>
    <t>不能，中国不承认，不过只要通过交通法规考试，就可以拿到中国驾照。　</t>
  </si>
  <si>
    <t>好像不能，中国只承认中国驾照，连国际驾照都不可以在中国境内开车</t>
  </si>
  <si>
    <t>持美国驾驶证不能在中国国内开车，应当换领为中国的驾驶证后才能在中国开车。</t>
  </si>
  <si>
    <t>不可以直接使用的</t>
  </si>
  <si>
    <t>要换在中国用的临时驾照</t>
  </si>
  <si>
    <t>微信删除的聊天记录对方能看到吗</t>
  </si>
  <si>
    <t>能看到，聊天记录是保存在手机的，所以你删的只是自己手机里的，对方手机里的还在。</t>
  </si>
  <si>
    <t>微信删除好友后，对方还会有聊天记录的。微信删除对方，对方将不能将不能再向你发送信息、不能查看你的朋友圈，但是微信聊天记录删除是单向删除，非双向删除。删除好友，不会对好友手机的微信聊天记录产生影响。当然，对方被删除前，已经删除手机聊天记录；被删除后，也解除好友关系的，且没有备份的话，对方手机也不会有聊天记录。由于聊天记录涉及用户隐私，如果之前没有进行过迁移和备份操作，即便后期重新添加好友，微信服务器上是不会保存用户之前的聊天记录，也就无法恢复聊天记录。</t>
  </si>
  <si>
    <t>只是在你的移动设备删除了对方的好友关系和聊天记录，但并不会影响对方的聊天记录的消失</t>
  </si>
  <si>
    <t>这句话是已经发送出去了，还是说没有发送出去的？如果是已经发送出去的，但是没有及时撤回的话，那么当你在自己这边删除之后，对方那边还是会显示的，因为你删除的只是自己这边的聊天记录而已。</t>
  </si>
  <si>
    <t>自己删除的聊天记录只会删除自己服务器上的聊天记录，不会删除对方服务器上的聊天记录，所以不影响对方对聊天记录的查看。</t>
  </si>
  <si>
    <t>当然</t>
  </si>
  <si>
    <t>糖尿病人能吃哈密瓜</t>
  </si>
  <si>
    <t>最好不要吃！！哈密瓜含糖量很高！！最好多吃些蔬菜！吃水果应该在饿了的时候吃，西瓜含糖量较低还有西瓜、白兰瓜、草莓、枇杷、李子、樱桃、石榴</t>
  </si>
  <si>
    <t>不能，哈密瓜糖分太高。</t>
  </si>
  <si>
    <t>看血糖情况了，要是控制的好，可以少吃一点。</t>
  </si>
  <si>
    <t>糖尿病患者是可以少量的吃哈密瓜的</t>
  </si>
  <si>
    <t>一般糖尿病不能多吃哈密瓜。糖尿病病人尽量少吃或者不吃哈密瓜。</t>
  </si>
  <si>
    <t>十个月宝宝能吃莲子吗</t>
  </si>
  <si>
    <t>可以的，一定要煮烂。先少量喂食，喂过后注意观察，没有消化不良或者其他不适，以后就可以慢慢调整加量，可以适当多补充水分，防止宝宝上火便秘</t>
  </si>
  <si>
    <t>可以吃，但是一定要煮烂。少量喂食,慢慢加量。喂过后注意观察,没有消化不良才可加量</t>
  </si>
  <si>
    <t>可以适当给宝宝吃点的</t>
  </si>
  <si>
    <t>六个月的孩子是可以吃这个，煮稀饭的。百合，莲子，黑枣儿煮稀饭，能够起到滋阴润肺，清热的作用</t>
  </si>
  <si>
    <t>广西资本运作能赚钱吗</t>
  </si>
  <si>
    <t>可能有风险。民间投资，是赚是赔，谁也不敢打保票。</t>
  </si>
  <si>
    <t>这是新的传销，请不要相信天上不掉馅饼。</t>
  </si>
  <si>
    <t>资本运作是违法传销，骗人的，违法的，不可能赚到钱.</t>
  </si>
  <si>
    <t>撞死狗算不算肇事逃逸</t>
  </si>
  <si>
    <t>机动车在公路上撞死狗后离开现场的，不构成交通事故，不能算是交通肇事逃逸。</t>
  </si>
  <si>
    <t>实际上，无论是撞了人，还是撞了猫狗，甚至绿化带、电线杆、隔离护栏、墙壁等都可能涉嫌肇事逃逸。</t>
  </si>
  <si>
    <t>如果事故发生后你及时将车停下，立即打电话报警，那么这就只是一起普通事故。如果没有逃逸的情节，而狗主人没有对狗采取牵绳等必要措施， 你很有可能不会担责，或只承担很小的责任。 如果在明知撞狗后，仍选择离开现场，就涉嫌肇事逃逸了。狗主人追究司机责任，因具有逃逸情节，无论事故本身 你应该承担多少责任，甚至原本不担责，但因其逃逸行为就要被认定负全责。</t>
  </si>
  <si>
    <t>算交通事故逃逸</t>
  </si>
  <si>
    <t>不算，但有民事责任，要按你的责任比例赔偿损失。</t>
  </si>
  <si>
    <t>造成了他人财物受损，也算的。</t>
  </si>
  <si>
    <t>上古 好看吗</t>
  </si>
  <si>
    <t>感觉不错，文笔也可以</t>
  </si>
  <si>
    <t>嗯，很好看。</t>
  </si>
  <si>
    <t>我喜欢上古 “上古，我是白玦。” “世间最无奈之事 不过一句 '来不及'而已”。推荐你看上古，真的很好~顺便推荐蛮荒记，搜神记等蛮荒三部曲也很好看。</t>
  </si>
  <si>
    <t>上古 不好看。老是强调主角是老掉牙的远古老神仙，什么身上有上古大荒气息，其实整篇下来真不怎么样，所有人死了，然后所有人又活了。花千骨还可以，但是电视剧个人觉得拍得太那个。</t>
  </si>
  <si>
    <t>2g内存能不能装win7</t>
  </si>
  <si>
    <t>装系统和内存的的关系不是太大 因为现在最少的也是2G 所以不影响 可以装</t>
  </si>
  <si>
    <t>我得就是2G内存，一点问题没有，能否装win7不仅仅和内存有关系，cpu、显卡也很关键啊！</t>
  </si>
  <si>
    <t>2G内存建议不要装WIN7了，够用肯定是够用，但是光启动WIN7系统就要占用1G左右了，导致你玩大型的游戏可能会卡，而且不能开太多的进程，我的本就是2G的，用的XP系统，装过WIN7，感觉不是太好。</t>
  </si>
  <si>
    <t>如果台式电脑其他部件满足win7系统最低配置要求，2G内存可以安装32位版win7系统。</t>
  </si>
  <si>
    <t>能装，不建议装，因为2G内存根本不够用。用起来卡卡卡（当然装网上个人精简版的例外）我这16G内存，装好64位系统及要用的软件，开机，什么事也没有做，物理内存显示已经占用13%了。</t>
  </si>
  <si>
    <t>可以，你要相信微软最新平板surface 3 也是2G内存。</t>
  </si>
  <si>
    <t>赵王喜欢绿篱吗</t>
  </si>
  <si>
    <t>第二十三集的时候，赵王对张芃芃表示自己对绿篱很有好感</t>
  </si>
  <si>
    <t>微波炉热东西要盖盖子吗</t>
  </si>
  <si>
    <t>是罐装的要打开，不是那些密封的看情况。不过最好还是打开。以防万一吗！</t>
  </si>
  <si>
    <t>盖上盖子好</t>
  </si>
  <si>
    <t>需要，微波炉加热食物是通过微波使食物的分子自相摩擦而发热，如果不加盖，那么食物中的水分散失得很快，那么食物热好之后会很干燥</t>
  </si>
  <si>
    <t>一般是需要加盖的。微波炉加热的食物温度极高，容易蒸发水分，烹调时宜覆盖耐热保鲜膜或耐温玻璃盖来保持水分。鸡翅尖、鸡胸或鱼头、鱼尾部或蛋糕的角端等部位易于烹调过度，用铝箔纸遮裹可达到烹调均匀目的。</t>
  </si>
  <si>
    <t>当然是不盖盖子时更热咯，最好的办法就是在上面蒙一层保鲜膜，食物就会热得更透的。</t>
  </si>
  <si>
    <t>微波炉热汤可以盖盖子。　　</t>
  </si>
  <si>
    <t>q1团队兼职是真的吗</t>
  </si>
  <si>
    <t>假的，很多人让被骗过，我朋友也被骗过</t>
  </si>
  <si>
    <t>假的，千万不要上当，亲身经历</t>
  </si>
  <si>
    <t>这些都是骗子的聚集地，另外注意任何收费的都是假的</t>
  </si>
  <si>
    <t>感冒可以和牛奶吗</t>
  </si>
  <si>
    <t xml:space="preserve">由于发烧时，体内的消化和吸收功能相对较弱，消化酶分泌减少，活性也相对降低，至使牛奶中的蛋白质不易消化吸收，因此发烧时是不宜喝牛奶，建议多喝水。 </t>
  </si>
  <si>
    <t>感冒时可以喝牛奶，不会对身体有什么伤害。</t>
  </si>
  <si>
    <t>感冒千万不要喝牛奶了因为喝牛奶了能促使感冒病毒加重</t>
  </si>
  <si>
    <t>可以喝啊，补充营养</t>
  </si>
  <si>
    <t>香港雅思口语好考吗</t>
  </si>
  <si>
    <t>个人建议最好还是国内考，因为现在中国预测真题还是比较准的，但是欧洲美国之类的，题目和中国考试的时候是完全两样的。作文分数，想要提高，最重要的还是要吃透，你如果能够很顺畅的把自己的话语法正确的写下来，那分数不会低的。很多时候作文分数扣得最多的是语法小错误和拼写问题</t>
  </si>
  <si>
    <t>其实雅思选考点也是一件重要的事﹐通常都会尽量选择平均水平稍低的地方去考﹐因为口语方面会有区别。那么如果按照这个思路你应该很容易判断应该在哪里考了。</t>
  </si>
  <si>
    <t>都一样的，考试内容都是一致的，只有口语不同。选择一个你最方便去考试的地方就好了</t>
  </si>
  <si>
    <t>泰国买迪奥便宜吗</t>
  </si>
  <si>
    <t>不贵，比内地便宜，和香港价格差不多，在泰国买护肤品还是比较划算的。</t>
  </si>
  <si>
    <t>泰国皇权免税店ysl是1235铢，244人民币的样子，国内专柜320，便宜了一些吧</t>
  </si>
  <si>
    <t>长沙今年会下雪吗</t>
  </si>
  <si>
    <t>要看天气一般来说会的</t>
  </si>
  <si>
    <t>现在的长沙就在下雪</t>
  </si>
  <si>
    <t>据湖南省气象台近一周的天气分析，21号开始湖南大部分地区有大幅度降温和雨雪天气！希望对你有帮助。</t>
  </si>
  <si>
    <t>就今天刚刚下了一场</t>
  </si>
  <si>
    <t>看地区</t>
  </si>
  <si>
    <t>开淘宝还赚钱吗</t>
  </si>
  <si>
    <t>现在新开淘宝百分之八十都是亏钱的，除非确信自己是那百分之二十的人而且做好长期不赚钱的打算。</t>
  </si>
  <si>
    <t>全职了4年淘宝，今天决定放弃了，突然有些心酸累了。</t>
  </si>
  <si>
    <t>赚不赚钱也看自己了，好好做上心的话不可能不赚钱的，付出和收获都是成正比的。</t>
  </si>
  <si>
    <t>这个比较难，想做起来要下决心做好长期准备，做几天没成效不管了，差不多店就废了</t>
  </si>
  <si>
    <t>已经有了很多成熟店铺，现在去开想速度发展的话有点难。</t>
  </si>
  <si>
    <t>现在比较难</t>
  </si>
  <si>
    <t>不赚。</t>
  </si>
  <si>
    <t>a1332支持电信吗</t>
  </si>
  <si>
    <t>不支持电信的网络制式。</t>
  </si>
  <si>
    <t>苹果4A1332:硬件本身不支持电信网络，无法支持电信网络。</t>
  </si>
  <si>
    <t>型号是A1332的苹果手机网络制式是GSM、WCDMA，而中国电信手机使用的是CDMA、CDMA2000，所以是无法使用电信手机卡的。</t>
  </si>
  <si>
    <t>不可以的，该型号的手机是不能支持电信CDMA网络的，不能使用电信卡，您需要购买电信版或全网通版手机才能使用电信卡的。</t>
  </si>
  <si>
    <t>不能，iphone4型号A1332是标准版，只能用移动和联通卡。</t>
  </si>
  <si>
    <t>孕妇防辐射服有没有用</t>
  </si>
  <si>
    <t>当然有用。 但是电视上的广告是夸大其词。 没有那么大的作用。 要是防辐射服不管用。 那在医院里放射线造影手术的医生都穿防辐射的。 不管用谁穿吖。 我穿过。 可沉了。 叫铅衣。</t>
  </si>
  <si>
    <t>有用吧，我朋友试过。</t>
  </si>
  <si>
    <t>恩恩是有用的</t>
  </si>
  <si>
    <t>正品的防辐射服还是蛮有用的。防辐射服又称电磁辐射屏蔽服，采用金属纤维与纺织纤维混织，制造工艺较为复杂。市面 上的防辐射服多为民用，受众以孕期女性、特殊职业者为主。防辐射服最早应于美国军工，行业的发展也日趋成熟，面料科技及纺织技术逐年进步。市面上的防辐射面料品种很多，有镀膜型，多离子型， 金属纤维型等。在防辐射效果，穿 着舒适性、透气性，耐水洗方面有很多区别。</t>
  </si>
  <si>
    <t>nexus6可以在国内用吗</t>
  </si>
  <si>
    <t>在国内局域网内无法使用</t>
  </si>
  <si>
    <t>九阴真经 烧钱吗</t>
  </si>
  <si>
    <t>实话告诉你，这游戏很费钱，各种武功和时装，动不动一两百，但游戏性还可以，但有的时候会不知道该干嘛，这种游戏类似养成类游戏，需要很多的时间和金钱。我曾经就很傻的花99买过一套武功，现在想想亏死了</t>
  </si>
  <si>
    <t>烧钱啊，不要来玩了，赶紧离开九阴，要不你会倾家荡产的</t>
  </si>
  <si>
    <t>烧钱，那是肯定的，没有一个游戏不烧钱</t>
  </si>
  <si>
    <t>会玩的还可以赚钱</t>
  </si>
  <si>
    <t>晚上练瑜伽好吗</t>
  </si>
  <si>
    <t>晚上练瑜伽也是好的，不过动作的选择上和早上、中午及傍晚都应该有所不同，早上适合一些拉伸的动作，中午及傍晚都可做强度大点的动作，但晚上的瑜伽就应该以放松为主，经过一天的劳累，晚上应该为一个好的睡眠作准备，所以瑜伽动作也应该如此，多做前弯的动作，又助神经的放松，而那些后弯厉害的动作尽量少做，再有，头倒立和肩倒立的动作都应该避免在晚上做，除非你想瑜伽运动后两个小时或者更晚再入睡。 希望对你的瑜伽运动有帮助！</t>
  </si>
  <si>
    <t>晚上的时候的时候是可以练习瑜伽之类的运动，有利于睡眠，可以有效的减肥，坚持锻炼调理。</t>
  </si>
  <si>
    <t>睡前做可以,但不要做完立刻睡觉,做完了洗个热澡也不错的哦。</t>
  </si>
  <si>
    <t>做瑜伽有很多禁忌，但睡前做瑜伽，虽然累，但可以让身体彻底放松，有助于进入深睡眠。＃＃当然可以了，睡觉前适量的运动可以提高睡眠质量，而且瑜伽是最适合上班一族的健身运动了，它随时可以做，只要你有一点空闲就可以练几个简单的动作，既可以锻炼身体舒张经骨又可以提起精神</t>
  </si>
  <si>
    <t>应该可以，呵呵睡前适当运动有助于放松紧张的神经，使您更快的进入睡眠注意的是运动量不要过大，过大的运动量导致身体极度兴奋</t>
  </si>
  <si>
    <t>睡前练瑜伽好。做瑜伽有很多禁忌，但睡前做瑜伽，虽然累，但可以让身体彻底放松，有助于进入深睡眠。</t>
  </si>
  <si>
    <t>晚上可以吃完饭后七八点左右练习最好，</t>
  </si>
  <si>
    <t>no</t>
  </si>
  <si>
    <t>混合物是电解质吗</t>
  </si>
  <si>
    <t>电解质的定义是化合物，不能是混合物。</t>
  </si>
  <si>
    <t>电解质必须是化合物，是纯净物。</t>
  </si>
  <si>
    <t>电解质是指的是在水溶液里或熔融状态下能够导电的化合物</t>
  </si>
  <si>
    <t>天猫盒子在国外能用吗</t>
  </si>
  <si>
    <t>可以，天猫魔盒可以装个当贝应用市场，上面都是电视应用需要什么直接下载</t>
  </si>
  <si>
    <t>可以使用，修改一下dns就可以</t>
  </si>
  <si>
    <t>银行卡丢了可以打流水吗</t>
  </si>
  <si>
    <t>可以的，先回开户行补张新的卡，补卡的时候告诉银行要打印原卡近3个月的流水，先说清楚。一般银行无论有没有卡，都可以查到，但是没人敢查（属超级严重违规行为），所以肯定先补回原卡，再由本人持卡在柜台申请查询才可以。</t>
  </si>
  <si>
    <t>苹果手机在打电话的时候还能看到其他打来的电话吗</t>
  </si>
  <si>
    <t>苹果手机接电话的时候，别人再打进来就会在手机屏幕上显示接听结束当前电话以及接听保留当前通话两个选择</t>
  </si>
  <si>
    <t>呼叫等待就是当移动电话用户正在进行通话时，又有呼叫向用户发来。这时发起新呼叫的一方被置于等待，待原通话结束后再将新呼叫接入#设置电话呼叫等待打开即可</t>
  </si>
  <si>
    <t>会有来电提示，在通话记录里会找到。</t>
  </si>
  <si>
    <t>有显示的。会有未接来电。</t>
  </si>
  <si>
    <t>奥巴马在吃葆婴产品吗</t>
  </si>
  <si>
    <t>葆婴真的是奥巴马平时服用的保健品</t>
  </si>
  <si>
    <t>一直怀疑是假的，因为一个国家的总统吃的保健品应该属于国家机密。而且总统不可能轻易为某个公司代言产品</t>
  </si>
  <si>
    <t>杭州师范大学好考吗</t>
  </si>
  <si>
    <t>杭州师范大学属于浙江省本科院校，相对于985工程和211工程来说，综合难度要小一点</t>
  </si>
  <si>
    <t>杭州师范大学属于浙江省本科院校，相对于985工程和211工程来说，综合难度要小一点。但是由于考生所报的专业不同，不同专业之间的难度又存在着差异。比如拿杭州师范大学化学专业来说，化学专业作为浙江省在杭州师范的重中之重，相比杭州师范的其他专业，肯定要难考一点。因此考生在报考杭州师范大学研究生的时候，要先了解所报考专业在全国该类专业中所占的比重，所报考专业往年的录取比例，推免人数等，然后在结合自身情况来做选择。</t>
  </si>
  <si>
    <t>杭州师范大学不是太难考。有几个专业分数较高。</t>
  </si>
  <si>
    <t>澳洲东西贵吗</t>
  </si>
  <si>
    <t>澳洲生活上比较贵（房租 水电 电话费） 衣服什么的其实还好。但是如果你很矮的话 衣服最好要在中国带过来 这里的尺寸偏大</t>
  </si>
  <si>
    <t>如果换成RMB的话，很贵，比如吃一碗盖交饭10AUD， 就是60多RMB了。 比如手机iphone, 这里1000AUD， 那就是6000多RMB， 比中国贵了2000多RMB</t>
  </si>
  <si>
    <t>不贵，因为在澳大利亚买的东西都是澳大利亚本地生产的，而在中国买的东西虽然也是澳大利亚生产的，但是从澳大利亚运来的，这其中有一部分是卖家的邮费，一部分是卖家卖东西的利润，所以肯定会比澳大利亚贵。注意的是如果在中国买的东西比澳大利亚卖的还便宜请一定要小心，要么是假货，要么是骗子。</t>
  </si>
  <si>
    <t>衣服也是要看什么吧,，澳洲的税率低,，所以一线品牌的话比中国要便宜。</t>
  </si>
  <si>
    <t>衣服，我负责的说，比国内贵。贵多少很难说，因为澳大利亚卖东西很奇怪。一般贵10%-100%。然后，水果不便宜。不知道一楼的怎么觉得水果便宜的。最便宜的水果，大约是2AUD/KG，自己计算一下也知道并不便宜。</t>
  </si>
  <si>
    <t>贵就一个字</t>
  </si>
  <si>
    <t>看怎么说，总体消费水平比其他欧美国家要高</t>
  </si>
  <si>
    <t>自己在家可以洗牙吗</t>
  </si>
  <si>
    <t>可以的，现在好多人自己在网上买超声波洗牙机在家洗牙，智能操作，非常方便的，消毒彻底，安全卫生。你买的时候要看你自己是想清理口腔脏物，还是要去牙渍牙石什么的。如果清理口腔脏物，可以买冲牙器，要接水的，只能冲掉牙齿间和口腔内的脏物；如果去牙渍牙石，要买超声波洗牙机，主要针对牙渍牙渍牙菌斑的，无须接水，作用原因是超声波振动而去牙渍牙石的。大白兔洗牙机不错，可以试下</t>
  </si>
  <si>
    <t xml:space="preserve">推荐你可以用牙膏蘸着小苏打 刷牙试试，我一直在用 效果很好，牙齿很白，而且没有什么副作用 </t>
  </si>
  <si>
    <t>在家洗是比较困难的，因为缺乏相关的器械，很多土方法并不一定科学</t>
  </si>
  <si>
    <t>那是不可能的，洗牙的设备只有口腔医院有，自己平时在家最多只能勤刷牙减少牙结石产生几率</t>
  </si>
  <si>
    <t>痛风会传染吗</t>
  </si>
  <si>
    <t>不会的，请放心</t>
  </si>
  <si>
    <t>痛风不是微生物感染性疾病不会传染，但是有一定的遗传倾向。</t>
  </si>
  <si>
    <t>痛风是不会传染的。</t>
  </si>
  <si>
    <t>痛风不是传染病，是不会传染的。饮食治疗应避免进食含高嘌呤饮食。动物内脏、骨髓、海味等含嘌呤最丰富;鱼虾类、肉类、豌豆、菠菜等亦含有一定嘌呤;水果、蔬菜、牛奶、鸡蛋等则不含嘌呤。宜多饮水,以利于血尿酸从肾脏排出</t>
  </si>
  <si>
    <t>油汀式电暖器费电吗</t>
  </si>
  <si>
    <t>耗电量和房间大小有关系 ，环境温度也有关系 ，可调温控及选取的位置都很重要，电热油汀加热不是一直都在用电，室内温度达到设定温度电源就会断开，但是散热还在进行。</t>
  </si>
  <si>
    <t>溃白金是不是真药</t>
  </si>
  <si>
    <t>本人在加拿大，没听过这东西。</t>
  </si>
  <si>
    <t>这个要看个人的情况，有的人会好，有的人也许还会反复。不过从西医的角度，确实比较难，似乎溃白金是草方，应该还好吧</t>
  </si>
  <si>
    <t>至于溃白金这个东西，有不少人再用，据说进口的，真心贵，钱多任性的人，采用得起</t>
  </si>
  <si>
    <t>音乐剧上海滩 好看吗</t>
  </si>
  <si>
    <t>当然好看,绝对是一经典戏.我喜欢看最新版的,黄晓明和孙丽的,毕竟其他的看上去太老了 强烈推荐你去看一下</t>
  </si>
  <si>
    <t>代理记账公司赚钱吗</t>
  </si>
  <si>
    <t>代理记账公司年赚钱几十万元至上百万元不等。一般在县城是几十万元，如果全国性连锁，那么 就可以有上千万元。</t>
  </si>
  <si>
    <t>那得看公司的业务量，业务范围啊</t>
  </si>
  <si>
    <t>主要是能不能多渠道抢客源，如果有把握肯定能赚钱。像我们这里，一家一年代理费用3000左右，一个月新公司注册量早2~3W，你一个月能拿下1000家单，肯定就赚得到钱。</t>
  </si>
  <si>
    <t>代理记账公司能否赚钱主要还是取决于公司的人脉</t>
  </si>
  <si>
    <t>代理记账机构是比较赚钱的。</t>
  </si>
  <si>
    <t>也不是很赚钱,因为现在会计事务所越来越多,竟挣越来越激烈,价格大战再所难免.业务量不大的企业也就400元每月,可是现在干这个总要和相关部分吃吃喝喝,费用可是不得不算的一笔账啊</t>
  </si>
  <si>
    <t>这还是要看在什么地方开了。在大的城市企业一般会选择会计师事务所，因为注册会计师是比较权威的。建议去中小城市和会计师事务所相对少一点城市相对容易赚钱。不过话又说回来的，从目前经济形式来看哪个行业都不好赚钱，竞争太过激烈，都是大鱼吃小鱼。</t>
  </si>
  <si>
    <t>中国打得赢美国吗</t>
  </si>
  <si>
    <t>用武器的话，打不过。用人口打的话，十个打一个的话，就打得过</t>
  </si>
  <si>
    <t>这个问题不言自明，现在的中国，不可能与美国一战。这个代价太大，而且不会得胜。</t>
  </si>
  <si>
    <t>现在或者将来很长一段时间真打的话，只有一个结果：世界大战。中美非正面较量过几次，双方都没有胜利，而且是在中国军事技术还很薄弱时；因此中美都不会是胜利者，引用某位将军的说法，现在还没有一个国家敢真正主动和中国较量，当然美国的地位和支配权力是中国不能比的，但这并不代表什么。即使中国打不赢美国，世界各国也不会袖手旁观，俄罗斯一定会参战的，这就是国与国之间的利益，而且美国打赢中国也会是精力耗尽，那么西方和其他大国就会对美国进行反击，美国也会输掉。因此严格意义上来说，中国与美国式平手。</t>
  </si>
  <si>
    <t>中国能不能打美国，我给你个具体数据：所以结论一句话，没得比！＃＃打得过你不信 问问别人 打不过 也要亮剑 拼个你死我活</t>
  </si>
  <si>
    <t>打不赢， 不可能打赢 只有两败俱伤 要么是核战争一起完蛋</t>
  </si>
  <si>
    <t>如果是在中国本土或周边，中国的赢面较大；常规战，中美应该是半斤八两；如果是核战争，那规模就不好控制了，毕竟都拥有二次甚至三次核打击的能力，一旦开打，那基本就是同归于尽的结局了。</t>
  </si>
  <si>
    <t>中美非正面较量过几次，双方都没有胜利，而且是在中国军事技术还很薄弱时；因此中美都不会是胜利者，引用某位将军的说法，现在还没有一个国家敢真正主动和中国较量，当然美国的地位和支配权力是中国不能比的，但这并不代表什么。＃＃美军打过来，他们胜算很小的，中国有很多岸基反舰导弹中国人打美国本土就别想了！！！50年以后吧。。我们没有多数的登陆舰，没航母，没经验，军用大型运输机都没有，怎么跑到美国去！＃＃说实在话，如果没有核武器，只要老美不占领中国，那老美就输不了。问题是，共产党急了会扔核武器，所以，老美不和中国打。另外，老美虽然不会先扔核武器，但共产党冲过台湾海峡后，常规力量打不过老美，所以，一只用和平解放的说法来掩盖自己实力不足。</t>
  </si>
  <si>
    <t>肠胃不好能吃羊肉吗</t>
  </si>
  <si>
    <t>胃不好可以吃羊肉。羊肉有暖胃的功效。</t>
  </si>
  <si>
    <t>可以吃，少吃。</t>
  </si>
  <si>
    <t>可以吃但是不要过多的吃就可以</t>
  </si>
  <si>
    <t>可以的，请您放心的食用： 羊肉与什么相克 在冬季里，羊肉备受青睐。其性味甘温，含有丰富的脂肪、蛋白质、碳水化合物、无机盐和钙、磷、铁等。羊肉除了营养丰富外，还能防治阳痿、早泄、经少不孕、产后虚羸、腹痛寒疝、胃寒腹痛、纳食不化、肺气虚弱、久咳哮喘等疾病。</t>
  </si>
  <si>
    <t>可以,不要喝酒不吃辛辣食物就行了</t>
  </si>
  <si>
    <t>念佛的人会好看吗</t>
  </si>
  <si>
    <t>可以逐渐改变 但必须是从内心开始的 一般不爱发脾气的人 就好看 所以从修行无我入手 烦恼 习气逐渐少了 则一切都会改变了··············</t>
  </si>
  <si>
    <t>念佛可以在一定程度上改变相貌，让相貌变得越来越慈祥、端庄、越来越有亲和力，甚至肤色也会变好，但极少有人能让相貌变得面目全非、脱胎换骨。</t>
  </si>
  <si>
    <t>原油是赌博吗</t>
  </si>
  <si>
    <t>现货原油只是一种投资产品</t>
  </si>
  <si>
    <t>不是，因为走的是国际盘， 平时可以多关注下消息面</t>
  </si>
  <si>
    <t>泡学网有用吗</t>
  </si>
  <si>
    <t>肯定还是有用的。</t>
  </si>
  <si>
    <t>是真的，希望采纳一下，谢谢</t>
  </si>
  <si>
    <t>信用卡逾期会影响签证吗</t>
  </si>
  <si>
    <t>不会影响的。</t>
  </si>
  <si>
    <t>信用卡逾期会影响你的签证</t>
  </si>
  <si>
    <t>信用卡逾期，就只是影响你的以后贷款的信誉问题，跟护照那个没有影响的。只要有足够的经济担保，就可以出国旅游.</t>
  </si>
  <si>
    <t>这个不会影响签证的办理</t>
  </si>
  <si>
    <t>若只是被列入信用卡黑名单，只对以后办贷款和信用卡有影响，不影响持卡人出行，如坐飞机、火车、出国等。</t>
  </si>
  <si>
    <t>二手房是商品房吗</t>
  </si>
  <si>
    <t>二手房属于商品房的一种.</t>
  </si>
  <si>
    <t>一般二手房的房产证上除了备注房改房，解困房，成本价房的房子，都属于商品房。</t>
  </si>
  <si>
    <t>二手房是否属于商品房需要看房本，第一页都有显示，如果是其它房会有一个章显示是经济适用房，成本价，或者其他房子分三大类，商品房，公房，经济适用房。除了商品房其他房子都有标注。</t>
  </si>
  <si>
    <t>不完全是，二手房的概念更广。商品房是具有经营资格的房地产开发公司(包括外商投资企业)通过出让方式取得土地使用权后经营的住宅；而二手房是已经在房地产交易中心备过案、完成初始登记和总登记的、再次上市进行交易的房产，如交易的过商品房、经适房、还建房、安置房、公改房等等。</t>
  </si>
  <si>
    <t>白癜风遗传吗</t>
  </si>
  <si>
    <t>白癜风会遗传的</t>
  </si>
  <si>
    <t>白癜风有一定的遗传性，但比率较小</t>
  </si>
  <si>
    <t>白癜风不会传染，白癜风与遗传有一定的关系</t>
  </si>
  <si>
    <t>白癜风具有一定的遗传性，但几率较小，建议患者要加强日常防护，少吃辛辣刺激性食物如酒，辣椒，生蒜，羊肉，鱼虾等海产品，富含维生素C的水果如桔子，橙子，柚子，猕猴桃，西红柿，山楂，杨梅等也要少吃，可以多吃花生，黑芝麻，黑豆，核桃，豆制品及动物肝脏等对病情有好处，同时要保持良好的精神状态，劳逸结合，祝您早日康复！</t>
  </si>
  <si>
    <t>不用担心，遗传几率非常小，如果可以的话治愈后再要孩子。</t>
  </si>
  <si>
    <t>想必很多患者特别关心白癜风一定会遗传吗的问题，父母都希望自己的儿女能够健康的，不想因为自身的疾病影响孩子们的健康。不想让可恶的白斑爬到幼儿稚嫩的皮肤上，那么究竟是不是白癜风一定会遗传呢？白癜风遗传的几率大吗？如果你错过了最佳治疗时间，那么现在你需要做的就是选择一家当地的权威皮肤病医院尽早的治疗，无锡本地的患者朋友可以咨询我院的在线专家，再决定是否来院治疗。 针对这一问题，无锡白癜风治疗最好医院专家指出：白癜风发病具有家族遗传倾向性，相对来说，中国的发病率较世界水平低。从诱发因素上来说白癜风具有一定的遗传性。那白癜风一定会遗传吗？我院专家经过大量案例表明，白癜风是否遗传给后代的。但并不是说父母患有白癜风，子女就一定会患上白癜风，因为控制白癜风发病的染色体具有显隐性之分，并不是必然事件。白癜风是否会遗传给后代还受环境因素的影响，只有环境因素和遗传因素共同具备的条件下，白癜风才会发病的。 白癜风的诱因有几十种，只有对症治疗，才能取得较好的疗效，这是能否治愈的关键。我院引进的“黑色素基因综合干预治疗技术”，就是在“世界白癜风最新医学技术论坛”上被授予国际医疗技术奖章的先进技术，解决了白癜风治疗过程中手段单一、有效率低和不能长期缓解的问题。采用负压真空技术从患处分离出真表皮，而且因人而异调节细胞密度，运用细胞营养学、细胞移植学，通过基因、细胞营养及培植工程，所用药物采用新型的中药萃取技术，大大提高了单位药量的效价，结合最前沿的西医学靶向技术，致使药物直达病所，增加白斑部位的有效血液浓度，增强治疗效果，从而缩短治疗时间。巩固治疗效果，实现彻底治愈。 以上就是我院皮肤病专家对</t>
  </si>
  <si>
    <t xml:space="preserve"> 白癜风一直是一种难以治疗的复杂的皮肤病顽症。近代通过对患有白癜风的家族成员的基因研究发现。有些白癜风是具有遗传特性的。在研究中白癜风研究者发现，那些患有白癜风的患者的染色体都有异常，而，这样的染色体异常时可以遗传的。因此，白癜风是有遗传性的。</t>
  </si>
  <si>
    <t>痔疮开刀会复发吗</t>
  </si>
  <si>
    <t>手术治疗痔疮就是治标不治本，诱发痔疮的环境还在，是还会得的。</t>
  </si>
  <si>
    <t>手术的复发率是最高的，不到万不得已不要做手术，而且非常痛苦，还可能会留下后遗症。</t>
  </si>
  <si>
    <t>对于痔疮来说，是一种很容易复发的疾病。这个一定要做好肛门周围的护理，以避免痔疮的再次复发。</t>
  </si>
  <si>
    <t>痔疮手术后是完全有可能复发的，因为痔疮是由于静脉血液回流不畅所致</t>
  </si>
  <si>
    <t>在真正手术切除痔疮后，一般不会再复发。</t>
  </si>
  <si>
    <t>外国人用淘宝吗</t>
  </si>
  <si>
    <t>外国人也可以在淘宝购物，只是一般卖家都设置不接待。（指商品不发往国外）</t>
  </si>
  <si>
    <t>会，因为淘宝有分版本的，还有个全球通的版本</t>
  </si>
  <si>
    <t>周日派出所上班吗</t>
  </si>
  <si>
    <t>公安机关（包括派出所）是全年二十四小时有值班的，休息日与法定假一样要上班。</t>
  </si>
  <si>
    <t>星期六和星期日除值班人员外休息，周末不办理身份证补办之类的业务。</t>
  </si>
  <si>
    <t>二十四小时，年中无休。</t>
  </si>
  <si>
    <t>派出所执行的全国统一的作息时间，星期六和日除值班人员外休息。</t>
  </si>
  <si>
    <t>这两天内，只有值班人员，处理公民报警等。</t>
  </si>
  <si>
    <t>派出所节假日有人值班，但不办理身份证补办之类的业务！只有在工作日才可以办理！政府部门都这样，节假日是不办任何业务的！户籍一般是没有人上班的，特殊的也有人会上班，如果你在工作日到派出所补办身份证没时间，可和派出所户口内勤约个时间。</t>
  </si>
  <si>
    <t>返利网真实吗</t>
  </si>
  <si>
    <t>很不错，购物很省钱</t>
  </si>
  <si>
    <t>真的可以返</t>
  </si>
  <si>
    <t>当然是真的啊，这些站点所展示推广的商品都是直接通过网提供的API接口获取的</t>
  </si>
  <si>
    <t>楼主，是真的，之前我也用过其他的，但可信的真是少之又少的。</t>
  </si>
  <si>
    <t>不可信，特别别用超级返，被骗了两次</t>
  </si>
  <si>
    <t>是真的，一般的步骤就是：在淘宝上看好的商品然后复制商品名称，黏贴到返利的网站上查询一下返利，然后下单，确认收货后就可以拿到返利了。</t>
  </si>
  <si>
    <t>痛风能喝醋吗</t>
  </si>
  <si>
    <t>痛风患者是可以吃醋的</t>
  </si>
  <si>
    <t>少量食用尚可以，但如果长期经常食用或食醋量较大，则有引起酸血症，使血液、关节液、尿液偏酸，不利于尿酸溶解，而容易析出沉积为尿酸盐结晶，易诱发痛风性关节炎发作和泌尿系尿酸盐结晶。可使用雨林控股旗下的阿里树萃取片改善痛风，祝身体健康</t>
  </si>
  <si>
    <t>排卵十三天能测出怀孕吗</t>
  </si>
  <si>
    <t>可以啊，用排卵试纸测到就是怀孕了</t>
  </si>
  <si>
    <t>一般建议在同房至少十五天以上，可用早孕试纸测试出来。</t>
  </si>
  <si>
    <t>冰水是纯净物吗</t>
  </si>
  <si>
    <t>冰和水是同一种物质的不同状态（固态与液态）。纯净物和混合物的界定是根据物质的组成来划分的。注意冰水混合物是由同一种物质组成的，因此根据纯净物和混合物的概念被分为纯净物。</t>
  </si>
  <si>
    <t>纯净物，</t>
  </si>
  <si>
    <t>纯净物</t>
  </si>
  <si>
    <t>是纯净物</t>
  </si>
  <si>
    <t>windows defender需要打开吗</t>
  </si>
  <si>
    <t>微软自带杀毒软件，没有其他杀毒软件就开着，有关了也可以。</t>
  </si>
  <si>
    <t>电脑上最好安装一款杀毒软件，如果你已经安装了其他杀毒软件，可以关闭此软件，但个人建议最好不要关闭。</t>
  </si>
  <si>
    <t>请问安装了其它的杀毒软件吗？如果安装了其他的杀毒软件就没有必要打开了</t>
  </si>
  <si>
    <t>换做我的话，我就把它关了。</t>
  </si>
  <si>
    <t>如果你没有安装第三方所谓的“安全工具”，Windows Defender是默认打开的，这是系统的安全软件，足以保护你的系统安全，运行流畅，占用资源少，更不会冲突。</t>
  </si>
  <si>
    <t>如果你杀毒软件里带有反间谍软件或者自己装了这类软件那就不要开了defender占10多M内存呢我一直是关的</t>
  </si>
  <si>
    <t>财付通可以贷款么</t>
  </si>
  <si>
    <t>财付通可以贷款。仅对部分符合筛选条件的借款人开放</t>
  </si>
  <si>
    <t>没有贷款这项功能</t>
  </si>
  <si>
    <t>财付通可以贷款了!今天我就贷了500</t>
  </si>
  <si>
    <t>财付通可以贷款。</t>
  </si>
  <si>
    <t>不可以，信用卡可以贷款</t>
  </si>
  <si>
    <t>财付通可以贷款。财付通现金贷贷款条件：财付通现金贷目前仅对部分符合筛选条件的借款人开放。要申请财付通现金贷需要满足的贷款条件包括：借款人必须信用良好；借款人必须是18周岁及以上中国大陆公民。</t>
  </si>
  <si>
    <t>oppor7s有指纹识别吗</t>
  </si>
  <si>
    <t>并没有指纹识别</t>
  </si>
  <si>
    <t>OPPO目前仅有两款支持指纹识别的手机：OPPO N3和OPPO r7plus，还有就是OPPOr7的标准版是不支持指纹识别的。</t>
  </si>
  <si>
    <t>R7s是没有指纹解锁的，5.5的屏幕，3070毫安的电池。</t>
  </si>
  <si>
    <t>OPPO R7s是没有指纹识别功能的。</t>
  </si>
  <si>
    <t>OPPO目前仅有两款支持指纹识别的手机：OPPO N3和OPPO r7plus</t>
  </si>
  <si>
    <t>R7s没有指纹识别功能。</t>
  </si>
  <si>
    <t>苹果6s更新9.2.1好吗</t>
  </si>
  <si>
    <t>垃圾，升级后掉电太快了，每小时掉10%，垃圾</t>
  </si>
  <si>
    <t>怎么说呢，系统当然是越更新越好，如果你是16G的话就别更新了，就卡在一个版本别更了，内存少还更高版本，时间长了会卡的。</t>
  </si>
  <si>
    <t>建议升级，除了相比9.1更加流畅，还修复了很多bug： 1.进入系统设置之后，界面将从飞行模式开始显示，而不像之前一样显示不完全。 2.在iOS 9.2 Beta版本中，在运行4个以上的应用程序的情况下，后台卡顿、抖动以及掉帧等现象基本上已经得到了修复。 3.进行音乐播放的时候，即使音量调至最大，也不会出现之前的扬声器破音现象或者音色低沉的问题。这对追求音效的iPhone使用者来说，无疑是一个好消息。 4.解锁的时候，状态栏延迟的现象已经修复。 5.充电的时候，电量百分比卡住的问题已经得到了修复。 6. 3D Touch掉帧、卡顿现象已经修复。 7.状态栏和搜索栏重叠的Bug已经修复。</t>
  </si>
  <si>
    <t>建议更新，反正更新的作用就是为了完善系统，我用了两年苹果手机一直在更新没有任何问题</t>
  </si>
  <si>
    <t>苹果目前已经正式推送了iOS 9.2.1系统，该版本的升级包仅为38.1MB，只是修复了一些bug，并没有带来任何新功能，同样Apple Pay也是没有的。估计Apple Pay只能等到iOS 9.3才会有了。目前已经是最新的iOS 9.2的用户直接从手机升级到最新版即可。iOS 9.2.1更新了安全性方面的问题，修复了一些bug，还修复了使用MDM服务器时可能造成的无法安装应用的问题，除此以外就没有其他的了。另外在iOS 9.3中苹果将会加入夜间模式和多Apple Watch配对等新功能，还是比较值得期待的。</t>
  </si>
  <si>
    <t>葛根有丰胸功效吗</t>
  </si>
  <si>
    <t>中国葛根是没有丰胸作用的，泰国野葛根可以。</t>
  </si>
  <si>
    <t>野葛根的丰胸、改善产后乳房下垂的机理主要是以下几方面：1、促使乳腺以及腺泡发育增大：野葛根所富含的异黄酮能模拟雌激素有效刺激乳腺以及腺泡，促使其重新发育增大。2、促使脂肪在胸部堆积：异黄酮能模拟雌激素，对体内的脂肪进行导向，既将身上其他部位的脂肪转移到胸部。3、恢复乳房部位皮肤的弹性：野葛根所富含的异黄酮具有滋润皮肤、恢复皮肤弹性的作用。因此能帮助乳房重新变得坚挺。</t>
  </si>
  <si>
    <t>有，不过需要正确的方法和长期的坚持</t>
  </si>
  <si>
    <t>手动挡汽车可以空挡滑行吗</t>
  </si>
  <si>
    <t>交规是不允许空挡滑行</t>
  </si>
  <si>
    <t>不可以，怕发动机突然熄火，刹车丧失助力，后果是方向不好把握，刹车失灵。</t>
  </si>
  <si>
    <t>7个月胎盘前置能正吗</t>
  </si>
  <si>
    <t>如果是边缘性前置胎盘，后期是可以顺产的。但怀孕期间卧床休息，少走动。</t>
  </si>
  <si>
    <t>长得不好可以变女神吗</t>
  </si>
  <si>
    <t>漂亮并不重要，重要的是内涵，如果真的不漂亮，就配个眼镜，装装逼。</t>
  </si>
  <si>
    <t>自信的女孩最美丽，可以化漂亮的妆，这世界上没有丑女人只有懒女人。</t>
  </si>
  <si>
    <t>万物都有一个进化的过程</t>
  </si>
  <si>
    <t>把头发梳顺一点，保持自然的微笑，衣服穿得跟贴近自然。</t>
  </si>
  <si>
    <t>高级经济师要考试吗</t>
  </si>
  <si>
    <t>要的，要先获得一定资格才能报考高级经济师的</t>
  </si>
  <si>
    <t>级经济师是各地自行组织的，有的地区是要考试的，有的是直接评审的，具体的要看当地的要求，高级经济师备考您也可以参考我们网。</t>
  </si>
  <si>
    <t>高级经济师是考评结合，先考后评。高级经济师不进行全国统考，各省组织报考。</t>
  </si>
  <si>
    <t>经济专业技术资格实行全国统一考试制度，由全国统一组织、统一大纲、统一试题、统一评分标准。资格考试设置两个级别：经济专业初级资格、经济专业中级资格。参加考试并成绩合格者，获得相应级别的专业技术资格，由人事部统一发放合格证书。</t>
  </si>
  <si>
    <t>高级经济师考试是开卷考试，考试重点是涉及一些实事热点，重要经济问题。平时如果学习方法对了，在答题的注意调理性和总结考点，考起试来就不会太难了。</t>
  </si>
  <si>
    <t>高级经济师考试还是相对比较难的。高级经济师考试是各地自行组织的考试，考试形式及方式不同的，有的地区是考评结合的，有的地区只需要评审就可以了。</t>
  </si>
  <si>
    <t>难念的经难唱吗</t>
  </si>
  <si>
    <t>学唱粤语歌其实很简单。</t>
  </si>
  <si>
    <t>上气不接下气 马上就要断气 唱这首歌要死人的</t>
  </si>
  <si>
    <t>字数那么多，节奏密集，加上又是粤语，呵呵，难唱啊！</t>
  </si>
  <si>
    <t>关键是用粤语唱，你要是会粤语还好，不会的话就比较难了*^_^*</t>
  </si>
  <si>
    <t>1，首先要学会粤语。2，要记住歌词3，要记住曲调4，多练5，这就是全部的技巧6，成功除了反复努力，从来没有捷径</t>
  </si>
  <si>
    <t>迅雷子账号可以看到母账号下载的东西吗</t>
  </si>
  <si>
    <t>不会显示的</t>
  </si>
  <si>
    <t>您使用的是子账号，那么如果母账号登陆了您的账号后，是可以看到您使用高速或者离线下载过的资源或者文件的。</t>
  </si>
  <si>
    <t>子账号是无法查看母账号的资料或者信息的。</t>
  </si>
  <si>
    <t>独立的。子账号无法看到母账号里面的任何东西，包括离线下载。</t>
  </si>
  <si>
    <t>斗鱼能改名吗</t>
  </si>
  <si>
    <t>电脑登陆斗鱼，个人中心里面可以改，第一次50鱼翅，第二次开始500鱼翅</t>
  </si>
  <si>
    <t>改不了的</t>
  </si>
  <si>
    <t>昵称普通人是不能改，除非斗鱼内部的人员，只有重新注册了。</t>
  </si>
  <si>
    <t>不能改名字</t>
  </si>
  <si>
    <t>可以改名，首次改名要50块，第二次起就要500了。</t>
  </si>
  <si>
    <t>月末结束限制！开大会期间限制个人信息的更改！其他包括游戏论坛、APP等等，个人信息头像等均无法修改！最晚11月就都可以了</t>
  </si>
  <si>
    <t>特灵娜是真是假</t>
  </si>
  <si>
    <t>.百分之一百是假的....因为她的受精卵不可能还活着...就算活着那个婴儿也都老死了....</t>
  </si>
  <si>
    <t>红薯的皮可以吃吗</t>
  </si>
  <si>
    <t>红薯皮可以吃的，但是不能多吃。</t>
  </si>
  <si>
    <t>那个吃呢，是可以吃的。而且营养还比较好。不过，你吃它之前总得要先洗干净吧。</t>
  </si>
  <si>
    <t>红薯皮不能吃的!红薯皮含碱多，食用过多会引起胃肠不适。呈褐色和黑褐色斑点的红薯皮是受了“黑斑病菌”的感染，能够产生“番薯酮”和“番薯酮醇”，进入人体将损害肝脏，并引起中毒。中毒轻者，出现恶心、呕吐、腹泻，重者可导致高烧、头痛、气喘、抽搐、吐血、昏迷，甚至死亡。</t>
  </si>
  <si>
    <t>可以吃，但要少吃</t>
  </si>
  <si>
    <t>红薯皮吃了几乎没什么好处，但是坏处很多。红薯皮含碱多，食用过多会引起胃肠不适。呈褐色和黑褐色斑点的红薯皮是受了“黑斑病菌”的感染，能够产生“番薯酮”和“番薯酮醇”，进入人体将损害肝脏，并引起中毒。中毒轻者，出现恶心、呕吐、腹泻，重者可导致高烧、头痛、气喘、抽搐、吐血、昏迷，甚至死亡。</t>
  </si>
  <si>
    <t>红薯皮尤其是黑斑红薯皮富含有害物质，对人体肝脏损害极大，不宜过量摄入体内，用焦炭或煤球烤红薯会产生二氧化硫等多种有害物质。所以路边摊子上烤的红薯最好是不要吃。</t>
  </si>
  <si>
    <t>因红薯皮含碱量较多，白癜风患者食用过多会导致胃肠不适，呈褐色或有黑色斑点的红薯皮更不能食用，因这种红薯受了黑斑病的感染，食用后会引起中毒。华海温馨提示，有些水果虽然能够吃皮，但也一定要洗干净，减少化学残留的摄入。</t>
  </si>
  <si>
    <t>可以吃的，只是难吃。</t>
  </si>
  <si>
    <t>蒸红薯时皮不能吃</t>
  </si>
  <si>
    <t>铝能导电吗</t>
  </si>
  <si>
    <t>铝能导电，它是良好的导电体同时也是很好导热体 。</t>
  </si>
  <si>
    <t>可以导电的</t>
  </si>
  <si>
    <t>能导电，而且耐大气腐蚀。</t>
  </si>
  <si>
    <t>当然导电</t>
  </si>
  <si>
    <t>外国人是否适用劳动合同法</t>
  </si>
  <si>
    <t>合法的外国劳动者，适用</t>
  </si>
  <si>
    <t>目前法律并没有明文规定外国人在中国就业是否适用我国的劳动合同法。司法实践中对此存在两种观点：一种观点认为，在中国就业的外国人属于特殊就业群体，他们往往在学历层次和专业技术上高于普通劳动者，因此也更具备与用人单位平等协商的能力。为了保障涉外劳动力市场的灵活性，应当允许外国人与用人单位在法律没有明文规定的事项上自行约定，可以排除劳动合同法的适用；另一种观点认为，外国人与中国境内用人单位缔结劳动关系，当然要受中国劳动法的约束，外国人与用人单位约定的事项不能违反劳动法和劳动合同法等相关法律规定。</t>
  </si>
  <si>
    <t>有争议</t>
  </si>
  <si>
    <t>只要是中国境内企业与劳动者建立劳动关系，就适用劳动合同法，劳动者并没有国籍限制。</t>
  </si>
  <si>
    <t>根据我国现有法律规定，持有就业证的外国人在中国境内就业，可以与境内用人单位之间形成劳动关系。</t>
  </si>
  <si>
    <t>外国人在中国就业应当适用劳动合同法。</t>
  </si>
  <si>
    <t>持有就业证的外国人在中国境内就业，与境内用人单位建立劳动关系的，即为中国境内的劳动者，应当完全适用《劳动合同法》。</t>
  </si>
  <si>
    <t>苹果电脑可以用u盾吗</t>
  </si>
  <si>
    <t>目前不可以用，国内网银均不支持MAC系统</t>
  </si>
  <si>
    <t>一部分可以靠CrossOver解决，但是根本还是安双系统</t>
  </si>
  <si>
    <t>可以。要激活工行网银就可以正常使用。</t>
  </si>
  <si>
    <t>可以的。进入工商银行官网下载您所需要的驱动，软件等。</t>
  </si>
  <si>
    <t>不可以，不支持！！</t>
  </si>
  <si>
    <t>有的是支持的，有的不支持</t>
  </si>
  <si>
    <t>苹果mac不可以用建行的网上银行或U盾。可在其他windows主机或者或者使用VMFusion，BootCamp构建windows环境。</t>
  </si>
  <si>
    <t>你是指苹果的操作系统吗?只要你装了U盾驱动,也是可以使用的。</t>
  </si>
  <si>
    <t>蘑菇街评价可以修改吗</t>
  </si>
  <si>
    <t>蘑菇街不像淘宝可以直接在订单里改价钱的。如果说会给你优惠，有支付宝的一般会在你给好评后给你返到支付宝的。没有支付宝的会给你返到银行卡不过有可能要手续费，一般卖家返现太多也是赔不起手续费的。大多数的卖家都是诚信经营，值得信任的~</t>
  </si>
  <si>
    <t>幼猫可以喝舒化奶吗</t>
  </si>
  <si>
    <t>可以救急，但不能长期饮用，猫咪需要蛋白质，舒化奶中蛋白质含量无法满足猫咪所需的蛋白质，建议去购买幼猫专用的奶粉喂养。</t>
  </si>
  <si>
    <t>最好不要给小猫喝牛奶！猫奶和牛奶的成分是不一样的，有的猫体内没有可以消化牛奶的消化酶，吃牛奶会引起腹泻的。</t>
  </si>
  <si>
    <t>不能，牛奶容易拉肚子，买羊奶粉冲了喝</t>
  </si>
  <si>
    <t>猫不能喝牛奶，因为猫的肠胃无法吸收牛奶里的乳糖，会造成拉肚子。可以喝羊奶或者是舒化奶，但是最好是羊奶，还有就是一开始吃食物要喂泡软的猫粮</t>
  </si>
  <si>
    <t>可以喝一点，但是不能多，最好还是喂羊奶吧，一定要喂牛奶的话，冲淡一点给它喝</t>
  </si>
  <si>
    <t>嗯可以的！</t>
  </si>
  <si>
    <t>扁桃体肥大能自愈吗</t>
  </si>
  <si>
    <t>提高抵抗力，自愈是可能的。</t>
  </si>
  <si>
    <t>扁桃体肥大，如果是暂时感冒发烧引起的属于急性的，经过有效治疗可以慢慢恢复过来。如果是慢性扁桃体肥大，一般不容易自愈。</t>
  </si>
  <si>
    <t>很少自愈</t>
  </si>
  <si>
    <t>提高抵抗力，自愈是可能的</t>
  </si>
  <si>
    <t>这个要看是什么原因造成的。如果是先天性肥大的话这个是不能自愈的，如果炎症造成的话，炎症消退之后是可以恢复的，还有儿童一般在6岁左右的时候这个是属于生理性肥大的不需要担心。</t>
  </si>
  <si>
    <t>成都宜居吗</t>
  </si>
  <si>
    <t>成都的居住环境以”南富西贵，东穷北乱”格局分布，不过近几年来北改还是对北边的环境起到了实质性的改善作用，以个人建议：三环以内，南面、西面较为成熟。内双楠是个不错的地段</t>
  </si>
  <si>
    <t>成都适合居住</t>
  </si>
  <si>
    <t>成都宜居是从吃喝玩乐工作方面考虑的，总的来说在一线城市里面，成都的工作生活节奏都比较舒适。</t>
  </si>
  <si>
    <t>青羊区，成都传统政治文化区，属于西边，根据成都的地理来看属于上风上水的地方，成都素有西贵南富，东穷北乱之称，南边富人多，商务氛围浓郁适合办公，东边穷生活配套不足，北边有火车站很乱，各种坑蒙拐骗，西边就是青羊区最宜居</t>
  </si>
  <si>
    <t>感冒是不是不能吃鸡蛋</t>
  </si>
  <si>
    <t>鸡蛋中蛋白质含量较高，发烧时食用，不但不能使体温降低，反而会升高，不利于病情的恢复。</t>
  </si>
  <si>
    <t>不发烧是可以吃鸡蛋的，但是如果你咳嗽的话，就不要吃鸡蛋，特别是蛋黄，容易刺激咳嗽的。</t>
  </si>
  <si>
    <t>感冒分两种，风热感冒和风寒感冒。一般而言，风寒感冒是可以吃鸡蛋的，风热感冒是不可以吃鸡蛋的。</t>
  </si>
  <si>
    <t>轻感冒可以，发烧感冒肉蛋奶都不能吃</t>
  </si>
  <si>
    <t>掌握c语言和java编程plc可以吗?</t>
  </si>
  <si>
    <t>不能，但是PLC软件程序就是C、C+==语言做出来的。</t>
  </si>
  <si>
    <t>刘亦菲是les吗</t>
  </si>
  <si>
    <t>中亚国家的农机产品主要从欧洲国家进口吗</t>
  </si>
  <si>
    <t>农业是中亚五国的传统主导产业。这一特征一方面与其自然资源条件适宜农业生产有关，另一方面，在前苏联时期的地区分工中，中亚国家主要以农业、矿产和石油资源开采加工业为主，形成了较为简单的产业结构。从中亚五国的农业生产条件来看，具有以下特点：1．光热资源丰富。2．土地资源丰富。3．水资源较为短缺。4．农业劳动力比重较大。5．农业资金投入不足。6．农业生产技术相对落后。</t>
  </si>
  <si>
    <t>bb霜算液体吗</t>
  </si>
  <si>
    <t>算的</t>
  </si>
  <si>
    <t>算得</t>
  </si>
  <si>
    <t>bb霜是化妆品，但可以不算液体。</t>
  </si>
  <si>
    <t>当然算啦</t>
  </si>
  <si>
    <t>宝马需要磨合吗</t>
  </si>
  <si>
    <t>都需要磨合的。</t>
  </si>
  <si>
    <t>宝马是不需要磨合期的。</t>
  </si>
  <si>
    <t>进口的发动机一般都经过冷磨了，无须磨合。一般不要激烈驾驶就没什么问题的。</t>
  </si>
  <si>
    <t>婚检免费么</t>
  </si>
  <si>
    <t>婚检是免费的</t>
  </si>
  <si>
    <t>免费婚检时限，婚姻登记前3个月及婚姻登记后1个月内。</t>
  </si>
  <si>
    <t>婚检是自愿方式，婚检在自己户口所在地的社区医院是免费检查的</t>
  </si>
  <si>
    <t>　婚检是自愿方式，婚检在自己户口所在地的社区医院是免费检查的，免费婚检是在民政部门，工作人员会给你一个表格，填好盖章后，去所属的区医院进行检查项目也是限定的。这个是免费的。需要检查额外的项目，是要自已出钱</t>
  </si>
  <si>
    <t>不收费 拿着你和对方的身份证到男方户口所属地区医院{如果身份证和户口本的户籍所在地不符合则需要带着户口本（比如在上学的时候户口跟着学校走.而身份证是上学时候办的.毕业后又迁回原户口所在地.这样身份证和户口本的户籍所在地就不一样了 需要带户口本）} 应该是到收费处要婚前检查的表格 添完以后各自去相应的科室检查就行 提前准备好2张1~2寸的照片 到时候要用 我2月5号刚做的 分文不收 需要注意的是去的时候需要空腹 因为要抽血化验</t>
  </si>
  <si>
    <t>发烧能蒸桑拿吗</t>
  </si>
  <si>
    <t>最好不要</t>
  </si>
  <si>
    <t>现在发烧，取洗热水澡、洗桑拿蒸汽的人，大有人在，利用发汗制发烧也是我国的中医传统，而且却能制好发烧。但是我认为发烧身体本来就弱，再洗热水澡、洗桑拿蒸汽出大汗身体更弱不可取。</t>
  </si>
  <si>
    <t>能，我以我的亲身经历告诉你，可以，</t>
  </si>
  <si>
    <t>这个应该可以的。</t>
  </si>
  <si>
    <t>不可以的。发烧是指人体温度高于平常值，发烧人体已经处于缺水状态，再去蒸桑拿，容易加重病情的。</t>
  </si>
  <si>
    <t>男性手淫会导致不孕吗</t>
  </si>
  <si>
    <t>长期手淫可能影响生育。</t>
  </si>
  <si>
    <t>有一个常识需要普及一下，不孕一般指女性。男性这方面有问题的话，可能导致不育。</t>
  </si>
  <si>
    <t>一般不会，但会影响性功能，然后造成不孕。</t>
  </si>
  <si>
    <t>手淫过度严重损害身体健康，是可能导致不育的，这种案例现在很多。</t>
  </si>
  <si>
    <t>手淫严重会导致前列腺症，阳痿早泄，会导致无法正常性生活，间接导致不孕！建议戒掉手淫！</t>
  </si>
  <si>
    <t>不会的。如果不引起男性的感染不引起精子的异常不会引起不孕的，一周手淫不要超过三次。</t>
  </si>
  <si>
    <t>客厅装吊扇好吗</t>
  </si>
  <si>
    <t>一般来说不宜装吊扇</t>
  </si>
  <si>
    <t>可以。客厅安装吊扇灯没有风水学上的禁忌。希望我的解答能帮到你</t>
  </si>
  <si>
    <t>现在的住宅，房间高度大部分在2.8米左右，不太适合安装吊扇或吊扇灯。</t>
  </si>
  <si>
    <t>果酸换肤会反弹吗</t>
  </si>
  <si>
    <t>果酸换肤只是把老皮肤更新掉，让你的皮肤焕然一新，但是你不保养，照样会变坏</t>
  </si>
  <si>
    <t>肯定会的，没有长久的事情</t>
  </si>
  <si>
    <t>选择正规果酸换肤医疗机构，配合医师做好果酸换肤后的护理工作，果酸换肤是不会反弹的</t>
  </si>
  <si>
    <t>未成年可以办信用卡吗</t>
  </si>
  <si>
    <t>不能。未成年人只能办理信用卡的副卡，具体要求，各行不同。</t>
  </si>
  <si>
    <t>未成年不可以申请信用卡。办卡条件：1、年满18周岁（银监会规定）；2、持有有效身份证；3、无不良信用记录;4、有固定工作证明;5、盖有单位财务章的收入证明;6、其它财力证明，如房产、汽车、股票、债券等；7、社保证明；前3个是最基本条件，若能提供4~7条证明材料，会提高申请成功率及信用额度。</t>
  </si>
  <si>
    <t>未成年人未满18岁不符合独立申请信用卡的规定要求，只能使用亲属信用卡附属卡。</t>
  </si>
  <si>
    <t>你好！一般情况下不可以，因为办理人要持有身份证，且有还款能力。</t>
  </si>
  <si>
    <t>未成年人可以办理办招商银行信用卡YOUNG卡。</t>
  </si>
  <si>
    <t>任何银行都可以， 无非就是办理一张附属卡被， 你不用出面，让你的爸爸妈妈去办理就可以了， 他们给你附属卡 你用就行了</t>
  </si>
  <si>
    <t>香橼能不能吃</t>
  </si>
  <si>
    <t>不可以吃的，可以做药材使用。</t>
  </si>
  <si>
    <t>怎么不可以吃，我现在还在吃啊，就是孕妇要慎食。</t>
  </si>
  <si>
    <t>香椽树为柑桔类的一种，夏天开白色花朵，果实黄而圆，在11-12 月熟透。它跟桔子不一样的是果实里有籽，树枝上有刺，叶子为椭圆形，叶子末端又尖又利。果皮粗糙而有很多皱折。其果实既是草药，也可以当茶泡着饮用。佛手是香椽的一个变种也称五指香椽。佛手是香椽 香椽不一定是佛手</t>
  </si>
  <si>
    <t>有一种甜香橼，应该能吃。一般的香橼不好吃。</t>
  </si>
  <si>
    <t>好像能吃，但有点酸，也有说不能吃的</t>
  </si>
  <si>
    <t>香橼属于芸香科植物,生长特点是半乔木,它要求在海拔800米到1200米在沙壤土栽培,要求比较湿润的环境。香橼在彝家寨子比较流传,作为一种特产在寨子里作为一种贡品,在结婚喜庆的日子都要有两个作为传宗接代的吉祥物，香橼果肉中含大量维生素C，具防癌抗癌作用。</t>
  </si>
  <si>
    <t>可以喝</t>
  </si>
  <si>
    <t>惟我神尊好看吗</t>
  </si>
  <si>
    <t>好看！！！</t>
  </si>
  <si>
    <t>我只看了几十章，个人感觉不是很喜欢。</t>
  </si>
  <si>
    <t>尖锐湿疣能要孩子吗</t>
  </si>
  <si>
    <t>可以要孩子</t>
  </si>
  <si>
    <t>没问题</t>
  </si>
  <si>
    <t>但是生孩子一般是没问题的</t>
  </si>
  <si>
    <t>虎和兔相冲吗</t>
  </si>
  <si>
    <t>当然不会啦</t>
  </si>
  <si>
    <t>相邻的属相一般都不相冲。我在泸沽湖的藏传佛教那里看到的，属兔和属虎最为搭配。一般佛教中，属虎与属兔也属于相生。</t>
  </si>
  <si>
    <t>不相冲，属虎五行属木，属兔的也是</t>
  </si>
  <si>
    <t>虎兔地支同为木，不冲。</t>
  </si>
  <si>
    <t>火爆好玩吗</t>
  </si>
  <si>
    <t>大英雄从目前的效果来看是一款非常好玩的游戏</t>
  </si>
  <si>
    <t>婴儿喝果汁好吗</t>
  </si>
  <si>
    <t>不可以，婴儿的肠胃发育还不完全，果汁中糖的含量也非常大，不利于婴儿的消化吸收。</t>
  </si>
  <si>
    <t>苹果汁就不错啊，但是刚开始给宝宝喝果汁一定要注意兑水不可以直接给宝宝吃纯果汁。</t>
  </si>
  <si>
    <t>完全由母乳喂养的婴儿在4个月之前不需要加喂水果汁。母乳的营养成分最适合婴儿的生长发育，而且无论在热量或水分上都足以满足6个月以内婴儿体内的需要。母乳所含的矿物质除铁、铜外，虽均比牛奶少，但已够婴儿生长发育的需要，尤其是母乳中的铁、锌的吸收率是牛奶的几倍。母乳中的钙、磷比例较为适合，易于婴儿的消化、吸收和代谢。过早给婴儿加喂水果汁，不但挤占了孩子对母乳的摄入量，还会导致母乳的分泌量逐渐减少。</t>
  </si>
  <si>
    <t>考研政治徐涛好不好</t>
  </si>
  <si>
    <t>走买核心考案，徐涛是港大政治经济学博士，讲的不错，框架很好。</t>
  </si>
  <si>
    <t>纯净版系统好吗</t>
  </si>
  <si>
    <t>纯净版里面是纯净的系统，没有集成任何其它软件，不含第三方插件，系统安全性比较好。</t>
  </si>
  <si>
    <t>纯净版虽然好</t>
  </si>
  <si>
    <t>纯净版的好，没有预装，不会有恶意程序，也不会卸载不了。</t>
  </si>
  <si>
    <t>碳酸氢钠是酸式盐吗</t>
  </si>
  <si>
    <t>碳酸氢钠是酸式盐</t>
  </si>
  <si>
    <t>酸式盐，碳酸氢根水解，碳酸根水解都成酸性</t>
  </si>
  <si>
    <t>能水解电离出氢离子的盐叫酸式盐。命名时在盐名称中加“酸”字。</t>
  </si>
  <si>
    <t>小苏打是碳酸氢钠，属于酸式盐，但溶液中则于碳酸氢根离子的水解，导致溶液显碱性</t>
  </si>
  <si>
    <t>是酸式盐</t>
  </si>
  <si>
    <t>建造师考试难吗</t>
  </si>
  <si>
    <t>不难</t>
  </si>
  <si>
    <t>二级建造师是国家注册类考试，在我们国家注册类的考试等级最高，证书含金量最高，所以难度也是最大的。但与一级建造师相比，二级的难易程度还是比较小的，因为报考二建的门槛较低，要求具有中专以上学历工程类或工程经济类专业，从事建筑工作满二年就可以报考。如果年龄大且没有中专学历，只要在建筑行业工作15年也可以报考。总之，至于难还是不难都是因人而宜，如果是从事建筑工作，再难也要报考，毕竟工作中需要这个证书，而且这个证书也是有一定价值的。</t>
  </si>
  <si>
    <t>建造师考试分为一二级，二级相对于一级来说，会更简单一些，更基础一些</t>
  </si>
  <si>
    <t>一级建造师考试的难度确实是很高的</t>
  </si>
  <si>
    <t>很难很难</t>
  </si>
  <si>
    <t>直升机能飞到珠峰吗</t>
  </si>
  <si>
    <t>可以。但这有一个前提，那就是发动机能够在高空低氧环境下保持工作。</t>
  </si>
  <si>
    <t>现在动力滑翔伞和直升飞机都可以越珠峰.</t>
  </si>
  <si>
    <t>可以，2005年5月14日,一架由欧洲直升机公司试飞员德尔萨勒·德迪厄驾驶的法国宇航公司生产的AS350 B3直升机就降落在了尼泊尔珠穆朗玛峰8848 m的峰顶上。</t>
  </si>
  <si>
    <t>不能，那种高度空气太稀薄，升力不够，直升机飞不起来。</t>
  </si>
  <si>
    <t>可以，已经有两架次直升机在峰顶降落的记录</t>
  </si>
  <si>
    <t>不行，直升机是低空飞行器</t>
  </si>
  <si>
    <t>可以,已经有两架次直升机在峰顶降落的记录,普通的直升机就飞到4000-5000米 而军用直升机最高的已经能到达2W米的高空。</t>
  </si>
  <si>
    <t>海拔太高不可以</t>
  </si>
  <si>
    <t>理论可以，但是考虑气压与载重等一系列问题应该做不到。</t>
  </si>
  <si>
    <t>剖腹产会痛吗</t>
  </si>
  <si>
    <t>剖腹产的过程中孕妈妈不会感觉到有疼痛，但是待麻药过后就会有明显的疼痛，但都可以耐受，此时医生也会建议口服些止痛药物。</t>
  </si>
  <si>
    <t>剖腹产的时候会打麻药的，所以剖的时候不疼。建议亲能自己生还是自己生的好，自然生产的宝宝体质等各方面比剖腹产的宝宝好。剖腹产一开始会打麻药，但是每个人的体质不同，麻药药效时间也不同，等麻药药效一过，那个时候伤口就很疼了，毕竟肚子上有个口子，而且缝着线，生疼生疼的。</t>
  </si>
  <si>
    <t>相对来说剖宫产比顺产的后期要辛苦一些，顺产虽然生产时比较痛，但生完宝宝后就轻松了，剖宫产的后期很辛苦，麻药一消失就感觉到痛了，一般要好几天才能好转</t>
  </si>
  <si>
    <t>会，当时不会，麻药劲过后就会痛，能顺产最好不要剖腹产</t>
  </si>
  <si>
    <t>您好这个做剖腹产是要打麻药的你不会觉得痛的也不需要压肚子.</t>
  </si>
  <si>
    <t>淘宝客点击要钱吗</t>
  </si>
  <si>
    <t>推广出去，有人点击就收费</t>
  </si>
  <si>
    <t>按照单品设定的佣金比收费，这个产品推出去并有人来购买付款成功后淘宝客按成交额乘佣金比的数值来收费</t>
  </si>
  <si>
    <t>这个是属于淘宝客推广的只有交易成功了才会付推广费的，只有直通车点击了就付费的，属于烧钱型的推广。</t>
  </si>
  <si>
    <t>淘宝客是按成交收费，最划算的推广</t>
  </si>
  <si>
    <t>淘宝客是成交提成的，不成交不收费。</t>
  </si>
  <si>
    <t>淘宝客只收成交佣金，点击不收费</t>
  </si>
  <si>
    <t>打淘宝客服吧…或者直接投诉………</t>
  </si>
  <si>
    <t>打给淘宝公司客服电话，找相关人员来解决疑问，解决问题啊！</t>
  </si>
  <si>
    <t>淘宝客是按成交量收费，收费的比例是卖家事先设定好的，＃＃你要自己设置佣金哦！有单品推广还有整店推广！＃＃你是卖家的话，给多少佣金是你自己设定的，是按照百分之几设置的，只要成交了你才付佣金的，呵呵</t>
  </si>
  <si>
    <t>微信嫖娼安全吗</t>
  </si>
  <si>
    <t>你想如果别人给她钱，她会让人上不，但现实中这种情况很少，毕竟模凌两可的，所以还是放心吧。</t>
  </si>
  <si>
    <t>最好不要相信的好</t>
  </si>
  <si>
    <t>一切骗子的伎俩。</t>
  </si>
  <si>
    <t>济南属于华东吗</t>
  </si>
  <si>
    <t>是的，属于华东</t>
  </si>
  <si>
    <t>属于华东</t>
  </si>
  <si>
    <t>山东算华东，济南自然也算华东啦</t>
  </si>
  <si>
    <t>济南有说属于华北，也有说属于华东的，好多网站也不统一，但是官方说法好像是属于华东地区</t>
  </si>
  <si>
    <t>二审法院判决后是否要收监</t>
  </si>
  <si>
    <t>在上诉期判决书尚未生效，所以还不能收监</t>
  </si>
  <si>
    <t>台湾高铁站可以寄存行李吗</t>
  </si>
  <si>
    <t>目前两者皆有设置自动寄物柜服务。高铁的是否要收费，或是收费方式并没有公布於官网上。</t>
  </si>
  <si>
    <t>好几个车站都可以的</t>
  </si>
  <si>
    <t>成都国庆期间限号吗</t>
  </si>
  <si>
    <t>不限号哈，随便开，节假日成都是不限行的</t>
  </si>
  <si>
    <t>2017年国庆节假日期间，10月1日-8日，成都市机动车不限号。</t>
  </si>
  <si>
    <t>不限行。节假日，成都不会限行。不过需要注意的是，成都这些路会很堵。</t>
  </si>
  <si>
    <t>不限号</t>
  </si>
  <si>
    <t>荣耀7i可以微信运动吗</t>
  </si>
  <si>
    <t>支持</t>
  </si>
  <si>
    <t>官方答复是不支持微信运动</t>
  </si>
  <si>
    <t>大肠杆菌是单细胞生物吗</t>
  </si>
  <si>
    <t>大肠杆菌是细菌 细菌就是单细胞生物 单细胞不一定是细菌</t>
  </si>
  <si>
    <t>带状疱疹可以雄黄吗</t>
  </si>
  <si>
    <t>选用雄黄治疗带状疱疹。主要利用雄黄消炎、解毒、燥湿、止痒的功能，但是对于刺痛敢效果不强建议还是用中草药 疱肤灵 外涂，每日3-4次轻者1-2疗程即可治愈。</t>
  </si>
  <si>
    <t>前得了带状疱疹，都用红雄黄擦啊。现在要到医院用抗病毒的药，营养神经，止痛，抓紧时间治疗，以免留后遗症。</t>
  </si>
  <si>
    <t>你好,对于同样的疾病,同样的药效也是没法确定的.因为每个人的体 质 还有对药物的吸收程度是不同的.</t>
  </si>
  <si>
    <t>xp好用吗</t>
  </si>
  <si>
    <t>xp系统是最好用的</t>
  </si>
  <si>
    <t>非常不错，XP还是很优秀的系统的（对配置要求也不高，运行比较稳定）流畅且占用资源极低就算是老电脑也能运行，而且XP系统给用户的权限更高，也就是有更高的自由度，正因为这些原因使得其市场占有率极高。</t>
  </si>
  <si>
    <t>过时了</t>
  </si>
  <si>
    <t xml:space="preserve">不好 因为它不支持IE9和更新的浏览器 </t>
  </si>
  <si>
    <t>不好用，我早就更新到windows7系统了，现在比较多人用windows7，比较主流的系统版本</t>
  </si>
  <si>
    <t>杨过知道小龙女被玷污了吗</t>
  </si>
  <si>
    <t>最后杨过知道了，但是小龙女没有杀尹志平。 他是负罪自杀的</t>
  </si>
  <si>
    <t>杨过知道了。小龙女告诉他的，还说什么配不上他。然后就跑掉了</t>
  </si>
  <si>
    <t>杨过后来知道的，在重阳宫大战时候</t>
  </si>
  <si>
    <t>杨过不知道</t>
  </si>
  <si>
    <t>四大行信用卡好办吗</t>
  </si>
  <si>
    <t>你工资卡每月都有固定工资，你有房产，工作，就不难办了</t>
  </si>
  <si>
    <t>比较难申请</t>
  </si>
  <si>
    <t>如果不必要，我建议你不必申请四大行的信用卡，除非你是这几个行的储蓄大户，或者得到某行长的特批，你办不下来大额度的信用卡，而且四大行信用卡的活动非常少，几乎没有，因为他们不靠这个盈利，而那些商业银行，他们的服务比较好，而且活动非常多，像招商银行有周三吃饭半价，交通银行有最红星期五九五折，广发也有，平安银行十块钱看电影，华夏银行一块钱看电影，所以，最好还是用那些商业银行的信用卡，交通银行的还款期限还比较长，最长是56天，而工商银行的只有48天。当然这些商业银行网点比较少，其实这没多少影响的，主要是还款问题，现在还款渠道非常多，网银转账、支付宝、拉卡拉，还可以绑定借记卡自动还款。如果你一定要申请四大行的信用卡，建行的和农行的容易办一些，工行和中行的不好办，一般是事业单位或者公务员容易办，在此行有大额存款或者流动资金的容易办，能提供雄厚的财力证明的容易办。</t>
  </si>
  <si>
    <t>申请条件：1，年满18周岁至60周岁，具有完全民事行为能力；2，有良好信用记录；3，有工作收入且具备还款能力。</t>
  </si>
  <si>
    <t>合肥有赫拉专柜吗</t>
  </si>
  <si>
    <t>步行街明教寺对面大头鞋业隔壁有一家专卖韩国化妆品的.有3ce.雪花秀好多品牌.</t>
  </si>
  <si>
    <t>雪花秀，伊思，兰芝后</t>
  </si>
  <si>
    <t>应该没有吧</t>
  </si>
  <si>
    <t>kted到10086收费吗</t>
  </si>
  <si>
    <t>这个是不收费的，具体可以打电话问10086的人工客服。</t>
  </si>
  <si>
    <t>假的，</t>
  </si>
  <si>
    <t>真的啊，</t>
  </si>
  <si>
    <t>一般不会假，</t>
  </si>
  <si>
    <t>我不确定是否能开通成功。但是看这指令是 学校的一个WLAN 上网业务10块钱40个小时。要搜到CMCC-EDU 这个信号才可以用。用户名是手机号。密码是手机的服务密码。六位数的＃＃您好，北京移动客户，发送KTEDU10到10086办理的WLAN高校套餐。月功能费10元，包含40小时/月“CMCC-EDU网络”上网时长。请了解。</t>
  </si>
  <si>
    <t>lol皮肤可以送人吗</t>
  </si>
  <si>
    <t>不能，可以用点券赠送</t>
  </si>
  <si>
    <t>英雄联盟不可以赠送自己的任何游戏财产，要赠送皮肤、英雄只能通过点卷购买来赠送给好友。也不可以用游戏金币进行赠送。</t>
  </si>
  <si>
    <t>只有在游戏商城中点击赠礼中心，然后选择好友，在选择赠送一个皮肤给好友，然后在选择需要赠送的皮肤，付完点券，就可以赠送了，如果是你已经买给自己了，这个皮肤就属于你，就不能送出去了，你买完了这个皮肤就获得了这个皮肤的永久使用权。</t>
  </si>
  <si>
    <t>已经拥有的皮肤无法赠送，转让。如果想要赠送好友皮肤，只能用点券或者人民币购买，前提是成为好友必须7天以上。</t>
  </si>
  <si>
    <t>不能，因为你发现根本没有送的这个功能，只能拿去别的区了</t>
  </si>
  <si>
    <t>并不能，你可以直接给别人充Q币或点劵</t>
  </si>
  <si>
    <t>你可以把抽到的皮肤送到同一个账号的里不同大区，但不能送到别的账号里</t>
  </si>
  <si>
    <t>已经拥有的是不能送的，不过可以用点券赠送,</t>
  </si>
  <si>
    <t>你拥有的皮肤是可以在再次购买时送人的的，但是如果你说的是你拥有的能不能送人的话，这个是不行的</t>
  </si>
  <si>
    <t>招财宝本金有保障吗</t>
  </si>
  <si>
    <t>有保障，我一直在做不会伤到本金</t>
  </si>
  <si>
    <t>这个问题很难说，招财宝的官网也只是说产品有保险公司和银行提供保障措施，是保本低风险型产品。</t>
  </si>
  <si>
    <t>360粉碎的文件能恢复</t>
  </si>
  <si>
    <t>应该不能吧，粉碎的原理是就是原来的地址池上不停的新建，删除，新建，删除，反复擦写抹除掉一切痕迹。SO，你完了</t>
  </si>
  <si>
    <t>对于此种情况，如果您想恢复文件请确认：1.从粉碎的那一刻起，您没有在该文件所在分区写入任何数据2.没有勾选防止恢复缺少以上任何一条文件即不可再找回。</t>
  </si>
  <si>
    <t>可以试试 硬盘误删除恢复软件</t>
  </si>
  <si>
    <t>360文件粉碎机粉碎的文件是不能再恢复的。</t>
  </si>
  <si>
    <t>这个没有办法解决啊</t>
  </si>
  <si>
    <t>1.从粉碎的那一刻起，您没有在该文件所在分区写入任何数据2.没有勾选防止恢复，缺少以上任何一条文件即不可再找回</t>
  </si>
  <si>
    <t>不一定，就网上能找到的恢复软件来说，有的时候可能直接删除的都没法恢复，有的则粉碎删除只要未被覆盖都能恢复。</t>
  </si>
  <si>
    <t>一般的恢复软件是不能的，要用强力，很厉害的那种恢复软件才可以</t>
  </si>
  <si>
    <t>瑞典是申根国吗</t>
  </si>
  <si>
    <t>瑞典是申根国家，取得瑞典的签证可以在申根国家范围内自由出入。</t>
  </si>
  <si>
    <t>截至2008年12月12日，申根的成员国增加到25个：奥地利、比利时、丹麦、芬兰、法国、德国、冰岛、意大利、希腊、卢森堡、荷兰、挪威、葡萄牙、西班牙、瑞典、爱沙尼亚、拉脱维亚、立陶宛、波兰、捷克、匈牙利、斯洛伐克、斯洛文尼亚、瑞士和马耳他。这些国家是今天的申根区。</t>
  </si>
  <si>
    <t>99年生产的雅阁轿车是黄标车吗</t>
  </si>
  <si>
    <t>是的，一般小车是15年报废，货车是十分，出租是12年</t>
  </si>
  <si>
    <t>2001年的雅阁应该是黄标车，都有16年了，要想优化达到绿标车的效果有点难</t>
  </si>
  <si>
    <t>2001年的本田雅阁尾气排放最高就是国二排放标准的，在北京，上海这样的一线城市，该车型应该属于黄标车，其他城市就不好说了，建议去当地车管所核实一下。</t>
  </si>
  <si>
    <t>这个不一定，如果黄标车也是可以改成绿标的，要看你有没有三元催化系统</t>
  </si>
  <si>
    <t>是的属于黄标车</t>
  </si>
  <si>
    <t>99年雅阁2.3排量已经18年车龄了，车子就算车龄不错也开不了几年了，因为该车的尾气排放都是问题。</t>
  </si>
  <si>
    <t>活蚯蚓可以吃吗</t>
  </si>
  <si>
    <t>不能，要去泥，晒干，酒炒以后再吃，才有效果。</t>
  </si>
  <si>
    <t>能吃，医学表明它蛋白质含量很高的 。</t>
  </si>
  <si>
    <t>能，它可以入药</t>
  </si>
  <si>
    <t>银行破产法出台了吗</t>
  </si>
  <si>
    <t>已经出台多年的《破产法》也实用于银行业。</t>
  </si>
  <si>
    <t>银行破产法还在制订过程中，什么时候出台，尚需时日。</t>
  </si>
  <si>
    <t>所谓银行破产论不过是国家为了推出并约束民营中小银行造的势罢了...五大行乃至招商之类的大型股份制银行都关系着整个国家的金融环境与社会稳定...哪怕这些大银行烂到了骨子里，国家也是必须硬撑的</t>
  </si>
  <si>
    <t>不是银行靠不住，而是通过银行破产减轻政府负担当然存款保险制度也是银行转移风险的一种方式，这是世界趋势，其他国家都实行了，就我们和南非了，你说是不是。其他实行了银行还是一样的哈</t>
  </si>
  <si>
    <t>你的样子好听吗</t>
  </si>
  <si>
    <t>超级好听</t>
  </si>
  <si>
    <t>王双妍也是女歌手，只是以前没有名气，不过这首歌她演绎的非常成功，目前在微信圈非常的火。＃＃又又唱的。唱得很好，拍得意境也很美。可惜拍到了不知哪里的出租车夜班司机停车撒尿。</t>
  </si>
  <si>
    <t>首都机场t2有免税店吗</t>
  </si>
  <si>
    <t>有的，不过很小，比T3的小好多，有卖香水、烟酒、彩妆、护肤品啥的。</t>
  </si>
  <si>
    <t>有的哈，不过很小</t>
  </si>
  <si>
    <t>T2航站楼的入境有日上的免税店，但是很小，只有一些烟酒和少量的化妆品，选择有限</t>
  </si>
  <si>
    <t>2号楼和3号楼的国际出发和国际到达行李提取厅都有免税店。</t>
  </si>
  <si>
    <t>苹果指纹锁能破解吗</t>
  </si>
  <si>
    <t>据了解，CCC的破解方法虽然可以成功骗取解锁系统侵入用户手机，但这一过程需要较为精细的模具。由于新款的苹果手机采用了高像素的指纹采集感应器，普通纸张上留下的手印不足以骗取iPhone 5s。CCC采用每平方英寸2400像素点的照相机对指纹进行拍摄。然后再在计算机上进行“净化清理”，并用色粉打印机打在透明的纸上。之后，CCC在其上涂以乳胶等材料，待其干燥后，取下。至此，乳胶片已经带有用户的指纹信息了。CCC团队人员表示，在用乳胶片骗取解锁系统前，要不时地对其哈气，使其有一定湿润度并“栩栩如生”。在iPhone 5s的发布会上，苹果高调声称他们引入了指纹识别装置，以“更安全可靠”的方式取代原有的解锁密码。没想到，这一技术并没有高调多久就被CCC等黑客组织破解了。事实上，早在上周，就有人破解了这一指纹解锁系统，相比于上述方法，该方法更为简单。黑客们利用计算器和计时器应用的固有漏洞，通过一系列对开关和home键的操作，可以绕过解锁系统进入手机，并使用部分功能。当然，对于大多数用户来说，自己的信息或许没有重要到让对方费如此大的周折进行破解的程度，但是仍然要时刻警记，不是所有的解锁系统都是充分安全可靠的。</t>
  </si>
  <si>
    <t>刷机，就没了，不过刷机后需要ID密码激活。</t>
  </si>
  <si>
    <t>可以破</t>
  </si>
  <si>
    <t>痛风喝茶好吗</t>
  </si>
  <si>
    <t>市售的各类糕点如饼干、蛋糕、甜饼、酥饼之类，主要是由精面粉、糖、牛奶、少量天然调料和色素等制成，其中的嘌呤含量极少，故不属痛风患者禁忌，可以食用。</t>
  </si>
  <si>
    <t>不能 ，天天回答也没人关注</t>
  </si>
  <si>
    <t>茶叶是弱碱性，适量饮用有利于尿酸盐从尿液中排出，对病情有利。但是痛风患者饮茶不要过量，要有一个度，并且在选择茶叶的时候，一定要选择一些清淡点的，不要选择过浓的茶叶。</t>
  </si>
  <si>
    <t>茶叶碱在人体内代谢生成甲基尿酸盐，其分子结构不同于尿酸盐，并不会沉积而形成痛风石。故目前认为，禁止饮茶缺乏充足的科学根据，且这种饮料呈弱碱性，适量饮用有利于尿酸盐从尿液中排出，对病情有利。虽然说痛风能喝茶，自嘉茶作为良心茶叶品牌提醒您，痛风患者饮茶不要过量，要有一个度，并且在选择茶叶的时候，一定要选择一些清淡点的，不要选择过浓的茶叶，自嘉茶建议痛风患者多喝绿茶，普洱茶等茶叶。因而，痛风患者朋友在喝茶的同时，一定要多多注意不可过度</t>
  </si>
  <si>
    <t>虽然说痛风能喝茶，但是饮茶不要过量，要有一个度，并且在选择茶叶的时候，一定要选择一些清淡点的，不要选择过浓的茶叶，建议痛风患者多喝绿茶，普洱茶等茶叶。因而，痛风患者朋友在喝茶的同时，一定要多多注意不可过度。</t>
  </si>
  <si>
    <t>去英国可以带茶叶吗</t>
  </si>
  <si>
    <t>可以的，所有东西不含肉和海鲜的都随便带，到时如果你不幸出关被检查行李了，就解释清楚就好了，没什么的，烟理论上只能带一条还是两条来着,忘了，我往返英国多年了，每次都带六条以上，一次被抽到了，那个检查的也就说说，这个是要看运气。茶叶这种东西，你能搬多少都不限制的，实在带太多了，就说不是拿去卖，是送人的，这都是允许的，最好都托运，如果怕压坏，拿着也成，就烟少拿点</t>
  </si>
  <si>
    <t>真空包装，包装正规（即不是散装茶叶自己包装）是可以带入英国。</t>
  </si>
  <si>
    <t>茶叶自己带着，我去英国的时候就是带着茶叶。注意英国那边没什么好茶，但是果茶还是不错的。</t>
  </si>
  <si>
    <t>当然可以的，只要不是涉及到易然易爆物品，不会涉及到危国家利益的东西都可以。。不会导致飞机危害到自身安全就可以了</t>
  </si>
  <si>
    <t>澳洲袋鼠精有用吗</t>
  </si>
  <si>
    <t>袋鼠精是目前世界三大男性保健产品之一，原产自澳洲。与众多男性保健药品不同，袋鼠精胶囊由袋鼠的肌\x0d肉组织提取物制成，是目前成人保健市场中为数不多的保健食品，因而更加受到消费者追捧，袋鼠精改善男性功能，提高生活质量，还您梦寐以求的幸福。</t>
  </si>
  <si>
    <t>澳大利亚正规品牌袋鼠精确实不错的，记住一定要找可靠的渠道购买，澳大利亚保健品是世界上品质最好的。</t>
  </si>
  <si>
    <t>不是一个牌子的内存条能一起用吗</t>
  </si>
  <si>
    <t>当然可以，只要主频一直</t>
  </si>
  <si>
    <t>可以，主频要一致,但是还是不建议，即使主频是一致的，不同的工厂生产出来的还是会有一点点的区别,最好是用一根4G的</t>
  </si>
  <si>
    <t>＃＃内存条也是有格式的，ddr3和ddr4是现在用得较多的，看你主板支持哪种</t>
  </si>
  <si>
    <t>可以的。只要类型、频率一致就行，容量大小不爱影响。如果频率不一样将会按照最低的那条的运行。</t>
  </si>
  <si>
    <t>1、不同品牌的内存条装一起，有可能可以正常使用，也有可能不能正常使用，2、不同品牌的内存条装一起，如果两个品牌的内存条恰巧使用同品牌，同频率的内存颗粒，则能正常使用，反之则不能正常使用，3、不同品牌的内存条装一起，可以正常使用的概率相对较小，因为要遇到相同内存颗粒的机率非常小。4、增加电脑内存，尽量选择同品牌同型号的内存，装在一起才能达到提高电脑速度，安全稳定运行的目的。</t>
  </si>
  <si>
    <t>不同品牌的能装，但是你那512M的频率是533的，而你那2G的800的，如果装上内存的频率会默认到533，网速肯定是不会有影响，但是性能会下降一些，512太小了也不值得装</t>
  </si>
  <si>
    <t>可以一起用，牌子是不同厂家的名称，东西都是一样的</t>
  </si>
  <si>
    <t>属虎的跟属牛的配吗</t>
  </si>
  <si>
    <t>男牛＋女虎：不可能有幸福、和谐的家庭，因为你始终站在她的对立面，使她难以立足，当然婚姻也就难以永恒。女牛＋男虎：最好不要生活在一起，刻意的强求会使他的理想、追求以及自身的价值都将化为乌有。男虎＋女牛：最好不要生活在一起，勉强为之只会造成彼此的伤害。女虎＋男牛：不能幸福的在一起，因为他永远都要消灭你，使你无所立足。</t>
  </si>
  <si>
    <t>属牛和属虎的人既不算是最和的，但也并不相冲，是可以融洽相处的。</t>
  </si>
  <si>
    <t>属牛和属虎的人既不算是最和的，但也并不相冲，是可以融洽相处的</t>
  </si>
  <si>
    <t>纯棉衣服掉色正常吗</t>
  </si>
  <si>
    <t>纯棉的衣服褪色都属正常现象，不是假货。</t>
  </si>
  <si>
    <t>其实不管什么面料都会褪色，只是褪色的程度不同。</t>
  </si>
  <si>
    <t>不是纯棉容易掉色，而是质量、染色的工艺不好，跟所用的染料也有关系</t>
  </si>
  <si>
    <t>不粘锅可以用电磁炉吗</t>
  </si>
  <si>
    <t>不粘锅一般都是铝材质的，电磁炉无法识别的。</t>
  </si>
  <si>
    <t>如果要在电磁炉上使用的，就买磁通覆底的不粘锅，因为电磁炉是依靠电磁技术让锅体发热，因此需要一个与之对应的接受磁力线的磁通锅底；如果是明火使用，就买一般的不粘锅就可以了，可以直接在火上使用的，通常而言磁通覆底的不粘锅可以同时在电磁炉和明火炉灶上使用，而没有磁通覆底的不粘锅只能在明火炉灶使用，在电磁炉上使用的话效率很低，半天都不热。</t>
  </si>
  <si>
    <t>如果是铝金属不粘锅，电磁炉不能用，在底部加了其它金属(铁或不锈钢)是可以使用的。</t>
  </si>
  <si>
    <t>每天练肌肉好吗</t>
  </si>
  <si>
    <t>其实每天锻炼是不好的，因为肌肉都得不到休息，这只会得反效果的！一般常人一星期只锻炼三天为最佳，有些体力好的可以放限到一星期四天！运动员一星期五天左右！运动应选择有氧运动较好，可以增加心肺功能，减少疾病的发生！有氧运动可以选择慢跑，游泳，骑自行车,篮球,足球等......</t>
  </si>
  <si>
    <t>有好处，但是不能每天都锻炼同一块肌肉，要是每天都锻炼通不过一块肌肉就不好了。如果要是每天锻炼人体不同的肌肉，那么这样就是很好的。这样的训练就是属于分化训练的，分化训练可以去增加全身的肌肉，而且身体可以均衡协调的发展，避免前后左右的肌肉不对称的情况。肌肉发达之后，会提高人的基础代谢，降低人体脂肪，那么就可以预防和避免一些疾病，比如，高血压，心脏病，糖尿病，脂肪肝等等。肌肉维持在一定量和寿命也是有关系的。但是如果每天要是锻炼同一块肌肉，那么就会导致这一块肌肉的修复能力降低，甚至会变小，还很容易造成训练过度，导致疼痛延长，身体虚弱，容易去生病和感冒。所以好不好，主要是看看你怎么锻炼，如果每天锻炼不同的肌肉，那么就是好的如果是锻炼同一块肌肉，那么就是不好的。</t>
  </si>
  <si>
    <t>争取的方式是一天专门针对某一个肌群做训练，如果您营养跟得上，天天也没问题。我是这样的</t>
  </si>
  <si>
    <t>天天练也不是说每天都练同一个部位，比如今天练胸肌了和肱三头肌了，明天就避开这个部位的锻炼，练腰部或腿部肌肉。以此类推，待全身肌肉群都练到了，再休息最佳。</t>
  </si>
  <si>
    <t>不超过负荷 适可而止就好</t>
  </si>
  <si>
    <t>不好的，每天锻炼肌肉，会导致肌肉恢复不过来，造成训练过度，训练过度之后身体会很容易生病感冒，因为训练过后身体是呈虚弱状态的。由于在训练中，把肌肉给撕裂了，所以需要更多的能量去恢复。还有就是因为肌肉的恢复是需要时间的，因此要给肌肉足够多的时间去恢复的，通常一块肌肉的恢复时间是在48到72小时的。因此对于锻炼，贵在坚持，在锻炼期间，要学会适当的去分配自己的时间。不能每天都去锻炼的，适要劳逸结合。这样才能更好起到健身的效果。</t>
  </si>
  <si>
    <t>极品飞车16有自由模式吗</t>
  </si>
  <si>
    <t>滴滴打车会便宜吗</t>
  </si>
  <si>
    <t>顺风车，比快车便宜，比出租车便宜，从起点到终点就一口价，怎么跑都是那些钱。</t>
  </si>
  <si>
    <t>快车，条件比出租车好价钱比出租车低，因为很多人都是打这两种车，有时候需求大需要加价才能打到车。</t>
  </si>
  <si>
    <t>专车，比出租车贵比快车贵，起步价高。每公里收费。</t>
  </si>
  <si>
    <t>现在不便宜了</t>
  </si>
  <si>
    <t>一个是快车，收费规则是时间+公里数，比如一公里1块钱一分钟1块钱，走一公里用了3分钟就是4块钱。根据城市消费水平比出租车快还是便宜就不得而知了。</t>
  </si>
  <si>
    <t>滴滴有分享得打车券的福利，https://dc.tt/2nTSO36wq5y滴滴可以进入领取一张十元打车券。</t>
  </si>
  <si>
    <t>滴滴打车分几种，快车最便宜，没有起步价但是最低消费8元，分享到微信经常有1元2元优惠券送。</t>
  </si>
  <si>
    <t>国外火化吗</t>
  </si>
  <si>
    <t>火化不是中国的发明，在世界上许多国家很早就有火化，美国也早就有火葬场，虽然政府不强制火化，但由于美国人环保意识强，对于火化非但不抗拒，反而会欣然主动提出死后火化以防遗体污染环境。</t>
  </si>
  <si>
    <t>现时中国大陆的火葬比例为53%，美国为26%，英国为70%，日本则超过90%。</t>
  </si>
  <si>
    <t>以前印度教、佛教盛行火葬，儒家、伊斯兰教和基督教则盛行土葬。自从二十世纪开始，火葬在世界各地被提倡，以节约稀少的耕地。</t>
  </si>
  <si>
    <t>李清照有子女吗</t>
  </si>
  <si>
    <t>史载李清照与赵明诚“无嗣”，即没有生育子女。</t>
  </si>
  <si>
    <t>李清照没有儿女。</t>
  </si>
  <si>
    <t>李清照与赵明诚没有后代</t>
  </si>
  <si>
    <t>李清照没有子女.</t>
  </si>
  <si>
    <t>李清照没有子女</t>
  </si>
  <si>
    <t>abs急刹车时有响声吗</t>
  </si>
  <si>
    <t>属于正常现象。ABS的工作过程实际上是抱死－松开－抱死－松开的循环工作过程，使车辆始终处于临界抱死的间隙滚动状态，有效地克服紧急制动时的跑偏、侧滑、甩尾，防止车身失控等情况的发生。</t>
  </si>
  <si>
    <t>正常的，不仅有刹车盘的异响，刹车的同时你的右脚也能感觉到 制动踏板 的抖动、震动等。</t>
  </si>
  <si>
    <t>有，防爆死系统</t>
  </si>
  <si>
    <t>在急刹车时，aBS泵电机会工作，就会发出声音</t>
  </si>
  <si>
    <t>刹车踏板会抖动</t>
  </si>
  <si>
    <t>各ABS电磁阀和电机动作产生刺耳的噪音，车轮滚动，悬挂和车体产生的震动都比较大的。这是正常的。＃＃车子在急刹车时ABS就会起作用,在轮胎即将抱死的瞬间刹车放开然后又抱死,这样不断重复,ABS工作时就相当于以很高的频率进行点刹，于是在紧急情况下踩制动踏板，会感到制动踏板在颤动，同时也会听到制动总泵发出的“哒哒”声，还有轮胎和悬挂传来的震动声,这种声音听起来确实很生猛，很不舒服，但这是ABS在工作,是正常的,</t>
  </si>
  <si>
    <t>solbridge究竟好不好</t>
  </si>
  <si>
    <t>恩，很好的一所学校，老师也都是来自世界名校的，全英文授课，真的能学到知识，很牛的一所学校，但不是很好申请，英语要达到很高的标准，所以要是想去那学校得好好攻克一下英语了。</t>
  </si>
  <si>
    <t>SolBridge国际商学院是在韩国第一家全英文授课的国际商学院，并得到了国际的MBA认证组织亚太商学院联合会（AAPBS）的认证；而且SolBridge国际商学院已经成为美国国际管理教育联合会（AACSB，全球MBA最权威认证机构）的会员，并正在申请国际高等商学院协会的全球认证，而国内得到此认证的也只有中欧和光华等寥寥数家。</t>
  </si>
  <si>
    <t>好啊，师资加设施加环境是国内无法比的</t>
  </si>
  <si>
    <t>挺好的。那里是全英文教学，锻炼英语的好地方，而且还可以同时掌握韩语。多学一门语言，以后的竞争力也大些。</t>
  </si>
  <si>
    <t>挺好的~教授全是各个国家的，在那儿上学的也是世界各地的学生，全英文教学，环境也很好。</t>
  </si>
  <si>
    <t>天猫上的亚瑟士是正品吗</t>
  </si>
  <si>
    <t>是骗子，我被骗了，幸好申请百度保障把损失给挽回了</t>
  </si>
  <si>
    <t>天猫里面有真有假的。</t>
  </si>
  <si>
    <t>犀利哥帅吗</t>
  </si>
  <si>
    <t>一点都不帅。</t>
  </si>
  <si>
    <t>行车电脑显示屏是行车记录仪吗</t>
  </si>
  <si>
    <t>行车电脑显示屏又叫多信息显示屏，就是通过显示屏幕把行车电脑的一部分数据用屏显的方式体现出来。和行车记录仪两码事，</t>
  </si>
  <si>
    <t>行车电脑和行车记录仪是两种东西</t>
  </si>
  <si>
    <t>行车记录仪是一个摄像机，只能记录10分钟~1小时内的影像资料</t>
  </si>
  <si>
    <t>行车电脑的显示屏是用来显示车辆状况和娱乐用的。行车电脑掌管记录仪</t>
  </si>
  <si>
    <t>显示屏只是提供了一些娱乐功能以及倒车影像，不能当行车记录仪用的</t>
  </si>
  <si>
    <t>鹿皮钱包好吗</t>
  </si>
  <si>
    <t>如果你是时尚潮人呢?可能要求可观性高点,那还是鹿皮的上档次,不过鹿皮怕划.也不宜硬搓和使劲绞，那样容易局部起毛或歪斜.而且鹿皮的表面茸绒有超细合成纤维，容易受热熔化，所以应当小心，不要接触烟灰火星，以免表面熔化。</t>
  </si>
  <si>
    <t>还是牛皮好一点，一方面它的皮料弹性好、透气性强、耐磨、不易褶皱、可以加工的款式多，搭配方便，最关键词一点是，牛皮的来源多，鹿皮虽好，但是它是取自梅花鹿的皮，梅花鹿是国家一级保护动物，数量稀少，我们应当尽公民的一份责任，为保护动物贡献一份力量。</t>
  </si>
  <si>
    <t>ipad能装手机卡吗</t>
  </si>
  <si>
    <t>ipad背面有一条黑色区域的就是可以插卡的。</t>
  </si>
  <si>
    <t>音量键那边会多出一个sim卡槽</t>
  </si>
  <si>
    <t>ipad 平板目前有WiFi版和wifi+cellular版本，其中wifi+cellular版本就可以装4G电话卡。可以通过4G卡上网。</t>
  </si>
  <si>
    <t>有的可以，但是比不能装电话卡的贵很多</t>
  </si>
  <si>
    <t>3g版可以，wifi版不可以。</t>
  </si>
  <si>
    <t>苹果ipad有能插手机SIM卡版本和wifi版的。wifi版只支持无线上网，没有卡槽。如果是SIM卡版的，在ipad的顶部。</t>
  </si>
  <si>
    <t>应该不能</t>
  </si>
  <si>
    <t>有很多款，就比如说时下热门的 iPad mini 2， iPad Air ，插的手机卡仅能使用蜂窝移动数据。</t>
  </si>
  <si>
    <t>是3G或4G版的IPAD才有装卡的卡槽，跟IPHONE一样，用卡针捅出卡托出来放卡使用。</t>
  </si>
  <si>
    <t>久石让结婚了吗</t>
  </si>
  <si>
    <t>“藤泽文女士自1982年以来一直担任久石让事务所（wonder city inc）的代表取缔役（法人代表），并于2001年出任音乐电影『Quartet 』的电影监制，是一名在幕后默默支持丈夫事业的好妻子。</t>
  </si>
  <si>
    <t>番石榴籽可以吃吗</t>
  </si>
  <si>
    <t>可以吃的， 它的籽对人体没有认何副作用,而且还可以促进消化.因为它的籽比较硬,不会被消化,又可以帮助胃的蠕动.。不会引起结石，放心吃吧，但是不要吃太多。</t>
  </si>
  <si>
    <t>因人而异，对于肠胃不是很好的人以及老龄人建议还是不要吃，会胃疼，另即使肠胃好的人也建议少吃，偶尔吃吃有助消化，促进肠道蠕动排便，但是记得不宜多吃，要不会便秘哦，老龄人肠道更为脆弱，建议还是不吃比较好。</t>
  </si>
  <si>
    <t>可以吃的，对于肠胃不是很好的人以及老龄人建议还是不要吃，会胃疼，另即使肠胃好的人也建议少吃，偶尔吃吃有助消化，促进肠道蠕动排便，但是记得不宜多吃，要不会便秘哦，老龄人肠道更为脆弱，建议还是不吃比较好 。</t>
  </si>
  <si>
    <t>石榴籽是能吃的，连同籽的石榴子还是治胃病的良药，主治培根寒症，胃寒症及一切胃病。</t>
  </si>
  <si>
    <t>籽能吃啊，就是吃多了便秘</t>
  </si>
  <si>
    <t>曼谷机场有钟点房吗</t>
  </si>
  <si>
    <t>小时数，价格（1－2人），价格（3人），4，1400THB，2050THB，6，2100THB，3075THB，8，2800THB，4100THB，10，3500THB 5125THB，12，4200THB，6150THB</t>
  </si>
  <si>
    <t>有钟点房</t>
  </si>
  <si>
    <t>狗狗可以吃人的药吗</t>
  </si>
  <si>
    <t>许多狗狗都有不良的习惯，如撕咬东西，吃便便,、嗷嗷叫，这是因为它肚子里有虫子，只要到兽医店买打虫药给它吃很多种虫子都会打出来的,这是很多狗狗都有的毛病,不用太担心,只要打虫后喂养得当就行了，有眼屎是因为上火,喂水不当狗狗是不能缺水的,只要喝水少,就会生病,感冒、呼吸困难，肚子涨可能是因为感冒消化不良，喂它一些小儿感冒冲剂,并少喂它食物,让它空胃,以免拉稀,形成肠炎,狗狗得肠炎可是很严重的.</t>
  </si>
  <si>
    <t>可以倒是可以</t>
  </si>
  <si>
    <t>可以吃，但是要注意用量，</t>
  </si>
  <si>
    <t>一般来讲，人类的药物是不能给宠物狗狗吃的，</t>
  </si>
  <si>
    <t>可以，拉稀的话最直接就是吃阿司匹林和妈咪爱</t>
  </si>
  <si>
    <t>6s出来了 5s会降价吗</t>
  </si>
  <si>
    <t>会在原价基础上，降价800元。</t>
  </si>
  <si>
    <t>肯定会降价的，新款一出，所有老款都降价！</t>
  </si>
  <si>
    <t>5s很快又要降价了，下调3一500，6s出来时，5s估计在3300左右。</t>
  </si>
  <si>
    <t>必须的，大概四五百左右。</t>
  </si>
  <si>
    <t>风剑还能刷吗</t>
  </si>
  <si>
    <t xml:space="preserve">风剑现在可以单刷:加尔FQ LR 都可以单刷，加盾 QS 就不好单刷了 但是LR可以 </t>
  </si>
  <si>
    <t>风剑是60级团队副本熔火之心 迦顿男爵和加尔 掉落的橙色部件合成后接到任务，完成任务后得到的“雷霆之怒，逐风者之剑”，7.0不关元素的事，也就是依然可以刷，即使关元素的事这个本也不会关闭。</t>
  </si>
  <si>
    <t>有的，现在100级随机MC已经没了10周年的时候开放的，有100级随机MC的时候也可以刷风剑，还是迦顿男爵和加尔掉，不过掉率还是和以前一样低。副本在黑石山可以从黑石深渊里进，或者和岩浆的平台上的一个NPC对话把你送进去。</t>
  </si>
  <si>
    <t>可以，蓝贴里面没有说要对MC副本动手！所以还是可以刷的，祝你好人品，左右脸立马出</t>
  </si>
  <si>
    <t>当然能</t>
  </si>
  <si>
    <t>蔡国庆是回族吗</t>
  </si>
  <si>
    <t>蔡国庆是回族。</t>
  </si>
  <si>
    <t>牛奶是荤还是素</t>
  </si>
  <si>
    <t>是素食。因为不杀生为目的吃素的人叫vegeterian。他们可以和牛奶</t>
  </si>
  <si>
    <t>是荤的，它含的是动物蛋白。</t>
  </si>
  <si>
    <t>牛奶算是荤食的</t>
  </si>
  <si>
    <t>银泰卡全国通用吗</t>
  </si>
  <si>
    <t>银泰卡特色是全国范围内使用，即在银泰网以及银泰百货（集团）全国几十家门店通用卡办理不收手续费，无有效期限制。</t>
  </si>
  <si>
    <t>购物卡上一般会有适用范围说明吧。</t>
  </si>
  <si>
    <t>怀孕吃香蕉好吗</t>
  </si>
  <si>
    <t>怀孕当然可以吃香蕉了，香蕉也有不少的营养的，而且还能有效的缓解便秘，但是香蕉一次不能吃多，而且空腹不能吃，属于寒性水果，吃多了容易拉肚子的</t>
  </si>
  <si>
    <t>香蕉营养价值高，有助于孕期营养的补充，特别是能帮助孕妇在两餐之间补充必要的能量，克服饥饿和疲劳感。与其他水果相比，香蕉中的钾和叶酸都非常丰富。</t>
  </si>
  <si>
    <t>芥菜籽油好吃吗</t>
  </si>
  <si>
    <t>菜籽油的原材料有三种，一种是油菜籽、芥子。芥花油是低芥酸的菜籽油，油菜籽的是高芥酸的</t>
  </si>
  <si>
    <t>武大mba好考吗</t>
  </si>
  <si>
    <t>考研难度都大，MBA专业是热门专业，竞争激烈，当然考的难度还是有的，还有你滋生的基础情况，你的备考的过程就决定你考研的难度，难度这是一个主观的问题，对于每个人来说难度都是不一样的。</t>
  </si>
  <si>
    <t>本科就已经很很难考了,研究生就更难了</t>
  </si>
  <si>
    <t>985名牌大学当然好 不好考</t>
  </si>
  <si>
    <t>厂房要交房产税吗</t>
  </si>
  <si>
    <t>要交的</t>
  </si>
  <si>
    <t>企业自有的厂房，也是每年都要交房产税的。</t>
  </si>
  <si>
    <t>个人厂房要交房产税税费。</t>
  </si>
  <si>
    <t>是的，工业用地既要交土地使用税又要交房产税</t>
  </si>
  <si>
    <t>纳税人将原有房产用于生产经营，从生产经营之月起，缴纳房产税。</t>
  </si>
  <si>
    <t>蓝牙模块有哪些</t>
  </si>
  <si>
    <t>根据用途分为：数据传输模块和音频模块。前者完成无线数据传输，后者完成语音和立体声音频的无线数据传输。根据开发难易程度分为：透传模块和不透传模块，根据版本组网功能分为：普通蓝牙模块和蓝牙mesh模块（也叫蓝牙mesh组网）</t>
  </si>
  <si>
    <t>SKYLAB蓝牙模块主要有SKB360，SKB362，SKB365，SKB562等</t>
  </si>
  <si>
    <t>按功能应用分为蓝牙数据模块（如博陆科BLK-MD-BC04-B）和蓝牙语音模块（如博陆科BLK-MD-SPK-A,BLK-MD-BC05-A）。</t>
  </si>
  <si>
    <t>蓝牙模块按照标准分有1.2，2.0，3.0，4.0，4.1,4.2,5.0；蓝牙模块按照用途来分有数据蓝牙模块和语音蓝牙模块；蓝牙模块按照芯片设计来分有flash版本和ROM版本；蓝牙模块根据用途分有数据蓝牙模块，串口蓝牙模块，语音蓝牙模块，车载蓝牙模块；蓝牙模块根据功率分有CLASS1,CLASS2,CLASS3；蓝牙模块根据应用和支持协议划分主要分为经典蓝牙模块（BT）和低功耗蓝牙模块（BLE）；蓝牙模块根据协议的支持分为单模蓝牙模块和双模蓝牙模块；蓝牙模块根据应用分为蓝牙数据模块和蓝牙音频模块；蓝牙模块根据温度分为工业级和商业级。</t>
  </si>
  <si>
    <t>首都机场有夜班车吗</t>
  </si>
  <si>
    <t>首都机场有夜间巴士，只要有航班进港，就有机场巴士。</t>
  </si>
  <si>
    <t>有，每小时一趟，仅到西单</t>
  </si>
  <si>
    <t>T1、T2、T3之间的摆渡车是通宵的，回市内的大巴车最晚的是11:00</t>
  </si>
  <si>
    <t>凌晨2点左右到达首都机场还有夜间巴士到市区，，可以到北京站、西单。</t>
  </si>
  <si>
    <t>凌晨2点左右到达首都机场还有夜间巴士到市区，，可以到北京站、西单</t>
  </si>
  <si>
    <t>去西藏要带滤镜吗</t>
  </si>
  <si>
    <t>如果没有特殊需要可以不加滤镜啊，P档减暴二分之一到一档就好</t>
  </si>
  <si>
    <t>如果没有特殊需要可以不加滤镜，P档减暴二分之一到一档就好</t>
  </si>
  <si>
    <t>是单反都应该装UV。这是护镜。</t>
  </si>
  <si>
    <t>这是必须的！一定要的</t>
  </si>
  <si>
    <t>金克丝万圣节皮肤是限定的吗</t>
  </si>
  <si>
    <t>不是限定</t>
  </si>
  <si>
    <t>喜鹊啦屎在胳膊上好吗</t>
  </si>
  <si>
    <t>好啊，喜鹊报喜啊</t>
  </si>
  <si>
    <t>看你怎么想。如果要按迷信说法是不好的兆头，每个地方不一样，有的地方意思是夫家要死人，有的意思是有口舌之争。</t>
  </si>
  <si>
    <t>很幸运，你走桃花运了。</t>
  </si>
  <si>
    <t>壹钱包好用吗</t>
  </si>
  <si>
    <t>还可以</t>
  </si>
  <si>
    <t>问题大得很，壹钱包里的基金写的10%的年化收益，我是5月24号买的，到今天 6月3日为止，只收过三天收益，算起来年化收益都只有百分之三点几，页面上显示的七日平均年化收益一天比一天少，买的时候是10%，现在只有3.49%了。并且买了8天，居然只有3天收益。</t>
  </si>
  <si>
    <t>非常不好用！客服也垃圾！用壹钱包还信用卡还不上，还不给退款。</t>
  </si>
  <si>
    <t>入职体检能找人代替吗</t>
  </si>
  <si>
    <t>可以的,国家有不规定,所以不算违规,至少比那些国家规定查乙肝,还违规的公司强</t>
  </si>
  <si>
    <t>当然可以，若没乙肝.肺结核等传染病代表体检通过了。</t>
  </si>
  <si>
    <t>不能，代替他人体检，都是违规行为</t>
  </si>
  <si>
    <t>查找我的iphone 对方会知道吗</t>
  </si>
  <si>
    <t>对方不会知道有人查看位置信息</t>
  </si>
  <si>
    <t>对方是不会接受到任何提示的</t>
  </si>
  <si>
    <t>一般是不会找到的</t>
  </si>
  <si>
    <t>用查找我的iphone定位，对方会收到一封邮件。现在苹果查找定位都是默认以邮件通知的，除非你设置取消</t>
  </si>
  <si>
    <t>看对方的IOS系统是什么版本的.如果是老版本的话不会提示.如果是新版本的话会有提示的.</t>
  </si>
  <si>
    <t>月经期间能做运动吗</t>
  </si>
  <si>
    <t>可以运动的，不过要是轻微的运动</t>
  </si>
  <si>
    <t>看做什么运动了</t>
  </si>
  <si>
    <t>月经期间尽量少做运动.但是可以散散步</t>
  </si>
  <si>
    <t>完全可以</t>
  </si>
  <si>
    <t>没有不适感也不要剧烈运动，经期还是散散步的好</t>
  </si>
  <si>
    <t>机车能上牌吗</t>
  </si>
  <si>
    <t>高排量摩托车在浙江等大部分省份是不允许上牌的，但我们常在路面看到一些上了号牌，而且都是某些地方的真正号牌。所以在西藏、安徽等一些省份是可以上的。</t>
  </si>
  <si>
    <t>重型机车是指排量在600cc以上的，不可以上牌。《关于对市区摩托车总量实行控制的通告》明文规定：二冲程摩托车、机动三轮车、50CC(含50CC)以下及250CC(含250CC)以上排量摩托车一律不予入户。中国摩托车管理条例规定：可以上牌的是80--250ML排量，低于80的属助力，无需挂牌，但驾驶时需要摩托车驾驶证， 超过250cc的不允许上牌。（警用和领事官车辆除外）＃＃国家法律规定这几种大排车是不准上路的(国产车除外)、更别说上牌啦！只要有钱或者有关系、上牌很容易哈！</t>
  </si>
  <si>
    <t>不上牌的车，都不能上路，重机车也是一样的，如果是禁摩的城市，肯定上不了牌，更不允许上路跑了。</t>
  </si>
  <si>
    <t>重机车不上牌不可以上路行驶，否则按照无牌违章处理。</t>
  </si>
  <si>
    <t>玫瑰花能插活吗</t>
  </si>
  <si>
    <t>玫瑰，是有扦插的繁殖法。扦插玫瑰花的要领： (一)选择充实无病的枝条： 有健康强壮的枝条进行扦插，『好的开始是成功的一半』，因此有病虫害的枝条应避免使用，而叶片肥厚发育充实的叶片应所含养分充足，在扦插时更容易成功。 (二)防止病虫害侵袭： 在扦插枝条介质、盆土或在扦插的环境上应避免病害侵袭，像黑霉病、枝枯病等都很容易在扦插时发生， 因此适当的使用杀菌剂是非常必要的（三)水分管理： 因玫瑰插穗剪下后，已无法从母株上获得水份的补充，所以要给予充份的水以免发生萎凋，一般需要定时定量的水份，水份的控制须注意介质内的湿度及空气的湿度，以维持叶面有薄薄的水气而不湿为原则。 (四)以发根剂促进发根： 以IBA1000-2000ppm可以帮助玫瑰扦插发根，必须注意浓度过高时反而会使插穗腋芽不易萌发，因此适当的浓度才能使扦插苗发根良好。</t>
  </si>
  <si>
    <t>能活，但要有技术。首先要从花枝上剪留2-3叶的壮枝，下端从最下面叶片反面斜剪，在第三个叶片上平剪，用竹签在土里先打洞，把枝条斜端插入，插入到1/3处，把土压紧，浇透水，保持一段时间湿润，待生根时按正常方法管理。</t>
  </si>
  <si>
    <t>选一年生的粗壮枝条大约15公分，留两三张叶子，底部斜剪然后插到通气性好的泥土中【要是你们那有生根粉买则更好，剪好的根部沾点生根粉则更容易生根】，浇透水，大约一个月左右即可生根发芽，插扦最好在春季的时候【春季植物容易成活，其次则是秋天】，</t>
  </si>
  <si>
    <t>玫瑰花能插活</t>
  </si>
  <si>
    <t>玫瑰花能插活。1、玫瑰花分株玫槐的根部分蘖萌生力较强,愈分株生长愈旺,如果不分株,会使养分分散而影响其正常发育,导致开花少或不开花.般分株宜在春季未荫动前 或秋季落叶后.。2、修剪：玫瑰在生长期内不必修剪,一般应在冬季落叶休眠期进行修剪,留三 分之一或二分之一的健壮枝,除掉老枝,枯枝,病枝和弱枝,促使其基部萌发 新根.玫瑰花芽都着生于枝条顶端,因此,只能疏剪,不宜短截,每一株一般经4—6年即衰老,需进行更新.。3、 浇水：玫瑰属浅根性树种,怕涝怕旱,雨季要注意排水防涝.夏季气温高, 每隔7天左右浇水一次,但不能过量,否则会引起烂根.平时可酌量浇水, 花期前后要增加一次透水。4、光照：玫瑰喜光照充足,地势高燥的环境,缺乏阳光照射便不易开花;忌靠白墙下栽植,白墙的日光反射,会灼伤叶片,对花芽形成也不利。5、温度：扦插繁殖宜于在20—25℃进行.高于35℃时发育不良,植株叶子易黄;零下20℃时,仍能安全越冬。</t>
  </si>
  <si>
    <t>剑圣打得过剑姬吗</t>
  </si>
  <si>
    <t>同装备就开大砍，贱鸡R你你就Q小兵，可免疫一部分伤害，他开W的时候也可以Q，然后对A贱鸡肯定是A不过JS的</t>
  </si>
  <si>
    <t>很难打过剑圣。</t>
  </si>
  <si>
    <t>剑姬大可以让剑圣的W抵消掉的。</t>
  </si>
  <si>
    <t>打不赢，当剑姬开大的时候剑圣可以用冥想挡伤害，剑圣的大攻速加成不比剑姬低，加上Q的爆发很难打赢。</t>
  </si>
  <si>
    <t>问题不大，单挑的话剑圣非常强的！</t>
  </si>
  <si>
    <t>根本不可能，你信不信只要会玩一点的剑姬，六神单挑打完剑圣都不掉血</t>
  </si>
  <si>
    <t>登记结婚一定要在户口所在地吗</t>
  </si>
  <si>
    <t>规定办理结婚登记手续，需要双方当事人一起到一方户籍所在地民政部门申请办理，异地无法办理结婚证。</t>
  </si>
  <si>
    <t>领结婚证必须要在男女双方任意一方的户口所在地的婚姻登记机关。</t>
  </si>
  <si>
    <t>是的，结婚必须在双方任意一方户籍所在地民政局登记。</t>
  </si>
  <si>
    <t>子宫囊肿影响怀孕吗</t>
  </si>
  <si>
    <t>如果检查囊肿较小，这个对怀孕是没有影响的，不用担心，一般囊肿在4CM左右对怀孕是有影响的，是需先摘除囊肿后再怀孕为好</t>
  </si>
  <si>
    <t>子宫囊肿会影响怀孕。</t>
  </si>
  <si>
    <t>应该有，但最好在最佳的情况下怀孕</t>
  </si>
  <si>
    <t>子宫囊肿会影响到卵巢的正常功能</t>
  </si>
  <si>
    <t>宫颈囊肿属于卵巢肿瘤的一种，是会引起不孕的，其引起不孕的机制与干扰，排卵功能有关。某些含有内分泌功能的子宫囊肿，如卵巢甲状腺瘤、卵泡膜细胞，瘤可因其所含肿瘤组织成分不同而产生某些相应激素，从而干扰了卵巢激素的正，常分泌和排卵，出现闭经，子宫出血，多毛和不孕等症状。宫颈囊肿不仅可以引起女性不孕的发生，可引起宫外妊娠，子宫肌瘤或者子，宫内膜异位，可以压迫输卵管、牵拉输卵管的卵巢肿瘤等，都会阻碍受精卵的正常运行，使之在病变部位停留或者着床，引发宫外孕。</t>
  </si>
  <si>
    <t>吃爱乐维还用补钙吗</t>
  </si>
  <si>
    <t>爱乐维不是专门的补钙产品，孕期补钙还是得专门补钙的，可以吃迪巧维D钙咀嚼片，是专门为孕妇设计的钙片</t>
  </si>
  <si>
    <t>当然要，爱乐维维生素片，有好几种其它补钙的钙片的好处，钙片也一样</t>
  </si>
  <si>
    <t>由于你服用的爱乐维中已经含有钙剂，无需在服用其他的钙剂，如果服用钙片过多，不仅容易造成胎儿颅缝过早闭合导致难产，甚至会使胎盘过早老化引起胎儿发育不良，另外，庞大的子宫压迫盆腔血管和输尿管，如果再加上高尿钙，增加了形成尿路结石的危险性。再者，钙摄入量过高不利于其他微量元素如铁、锌、镁、磷的吸收利用，尤其是铁，容易引起贫血。高血钙还可能降低锌的生物利用率，当每日钙摄入量接近2000毫克时，锌的吸收率则由24%降至3%，当血中钙与镁之比大于5时，就会出现镁缺乏，同样影响胎儿的发育。因此，孕妇补钙要适当，尤其要注意微量无素之间的平衡，否则容易顾此失彼。孕妇在怀孕5个月后，适当选择一些富含钙的食物如奶类、豆制品，完全可以得到补充。h</t>
  </si>
  <si>
    <t>百度云能下bt吗</t>
  </si>
  <si>
    <t>能，离线下载，或者上传种子后打开。</t>
  </si>
  <si>
    <t>被迫杀人有罪吗</t>
  </si>
  <si>
    <t>犯法，不管在什么情况，人的生命权是神圣不可侵犯的，以第三人的生命为代价保存自己的生命不仅在道德上说不过去，而且也是不合法理的。</t>
  </si>
  <si>
    <t>　杀害他人涉嫌故意杀人罪，被胁迫犯罪的，是胁从犯，应当按照犯罪情节减轻或者免除处罚。</t>
  </si>
  <si>
    <t>不一定有罪。</t>
  </si>
  <si>
    <t>不一定吧，警察杀抢劫犯强奸犯就不犯罪</t>
  </si>
  <si>
    <t>擅自非法剥夺他人生命肯定是触犯刑法的，是犯罪行为。</t>
  </si>
  <si>
    <t>看被逼程度，比如拿枪指着你脑袋让你杀人这个不犯法</t>
  </si>
  <si>
    <t>正当防卫不犯法，其它情况犯法。</t>
  </si>
  <si>
    <t>山东亿顺牧业是真的吗</t>
  </si>
  <si>
    <t>应该是，用的亿升，这个月下了十几张卡了</t>
  </si>
  <si>
    <t>批注能打印 出来吗</t>
  </si>
  <si>
    <t>批注可以打印出来</t>
  </si>
  <si>
    <t>首先批注出现省略，打印机不能打全.其次打印批注能不能带红色框与你打印机是否可以彩打有关。最后打印的时候会不会由于批注占用纸张右边的位置， 正文字体不会变小，但批注会占页面一部分空间。</t>
  </si>
  <si>
    <t>茶杯犬贵吗</t>
  </si>
  <si>
    <t>多少钱的都有。但要看质量，我有一次看到有十块钱的，但是质量不行，几天就会死。如果要质量好的话，起码上千了，而且不比那些名犬的价格要低哦！</t>
  </si>
  <si>
    <t>至少8000哟，一般的都8000</t>
  </si>
  <si>
    <t>宠物狗，就1000到2000之间吧</t>
  </si>
  <si>
    <t>不建议养，脆弱，寿命比一般的狗狗短，经常得病，10000～100000不等吧 也有特别便宜的病狗 看地区</t>
  </si>
  <si>
    <t>加湿器里能放精油吗</t>
  </si>
  <si>
    <t>可以的。只是不要过量，只有感觉舒服就可以了。加湿器除了给室内增加湿度</t>
  </si>
  <si>
    <t>加湿器里最好不要随意添加消毒杀菌剂、醋、香水、精油等。1、因为这些物质会通过雾化进入空气，被吸入人体后，其中的化学试剂对肺部和支气管的上皮细胞 会产生刺激，长期使用细胞会遭受损伤，引起不同程度的疾病。2、加湿器如果长时间使用，内壁就会滋生真菌或细菌，其中一些致病菌通过细小的水滴颗粒，进入人体的呼吸道和肺脏，可能引起过敏反应、发烧，甚至会导致肺炎。最好坚持每天换水，每两周彻底清洗一次，尤其是刚启用的加湿器，一定要 保证清洁。清洗时，尽量少使用杀菌消毒剂，可用流水反复冲洗，然后用软布拭去水箱周边的水垢。自来水中一般都含有氯，最好不要将自来水直接加入到加湿器中，可以使用凉白开水、纯净水或含有杂质较少的蒸馏水。如果家里条件有限，可以在加入加湿器前，将自来水放置几天。</t>
  </si>
  <si>
    <t>单方精油都可以用到加湿器，把精油滴到医用棉花上，塞到加湿器的出口。</t>
  </si>
  <si>
    <t>最好不要，我的加湿器里放了精油，最后里面都腐蚀了，现在不喷雾了，郁闷死了</t>
  </si>
  <si>
    <t>不可以。精油一般盛放在玻璃、陶瓷等容器里，精油不能放在塑料瓶子里。精油对塑料会有腐蚀性，常见的加湿器一般都是塑料材质的，精油放在加湿器中，有可能会损害加湿器的性能，而且还有不容易清洗等问题。</t>
  </si>
  <si>
    <t>可以加，但是，直接加入水内，会腐蚀晶片，使晶片过早老化（可以换晶片），也可以加入盛水的小塑料杯内，再放在换能晶片上方即可。</t>
  </si>
  <si>
    <t>不建议将精油添加到加湿器内。精油对塑料会有腐蚀性，常见的加湿器一般都是塑料材质的，可能会损害加湿器的性能,而且还有不容易清洗等问题。可以换晶片后使用。</t>
  </si>
  <si>
    <t>微赚微赚中心真的假的</t>
  </si>
  <si>
    <t>假的，我签了两天，公众号就进不去了</t>
  </si>
  <si>
    <t>假的，骗子一个，第二天就会把你屏蔽掉，不要上当，我现在还担心信息泄露。</t>
  </si>
  <si>
    <t>微信本身不能给你带来什么财运，它只是个普通的社交工具。我查了网上一些资料，赚钱者是通过投资，开公司等方式赚钱，微信只是作为他们的宣传工具来进行推销产品，这是合法的营利方式。还有，网上有些东西是假的不要尽信。赚钱还是脚踏实地为好。</t>
  </si>
  <si>
    <t>没有免费的午餐，更没有容易的网赚.</t>
  </si>
  <si>
    <t>不是真的 当心了 不必要花那些时间在上面</t>
  </si>
  <si>
    <t>滴滴打车可以用微信红包支付吗</t>
  </si>
  <si>
    <t>微信钱包里的钱如果足够车费可以直接用，如果不够则通过绑定的银行卡补齐。</t>
  </si>
  <si>
    <t>可以，你收入的红包，自动转入到你的微信零钱里。选择支付的时候，后面有个小三角，你选择零钱支付，就可以使用你的微信红包里的钱了。＃＃可以用微信钱包支付＃＃使用支付宝支付滴滴打车车费首先要在手机端要安装支付宝和滴滴打车两款应用，然后绑定帐号，使用滴滴打车软件叫车。到达目的地后：1、首先打开支付宝，进入首页，点击“探索”按键，在进入探索界面，点击“扫一扫”按键。2、然后在扫一下司机的专属收费二维码，进入付款界面，输入金额后，再按“确定”按键即可完成付费。3、扣的钱是根据路程定的</t>
  </si>
  <si>
    <t>可以的，</t>
  </si>
  <si>
    <t>可以使用微信钱包里的零钱支付。在支付的时候，选择钱包零钱或者银行卡都可以。但是不可以用支付宝支付。</t>
  </si>
  <si>
    <t>可以的，支付的时候选择零钱支付</t>
  </si>
  <si>
    <t>可以，我前2天刚刚用过！</t>
  </si>
  <si>
    <t>甜蜜蜜结局雷雷醒了么</t>
  </si>
  <si>
    <t>结局雷雷并没有醒过来。</t>
  </si>
  <si>
    <t>没有，结局是雷雷变成植物人了，一直没有醒</t>
  </si>
  <si>
    <t>没有，女主一直照顾等他.</t>
  </si>
  <si>
    <t>山东威海好吗</t>
  </si>
  <si>
    <t>威海为中国北方的重要海港之一，是联接山东半岛和辽东半岛的交通枢纽，全市海岸线总长度为985．94公里。沿海港湾众多，海滩广阔，为全国综合实力50强和投资环境40优城市之一。国民经济以年平均30％的速度递增，为全国经济发展最快的地区之一。</t>
  </si>
  <si>
    <t>威海，位于烟台市东面、山东半岛东端，三面环海，东与朝鲜半岛、日本列岛隔海相望，北与辽东半岛相对，西与烟台岛接壤。海岸线长达近千公里，有众多的港湾和岛屿，这里有"花园城市"美誉，是我国第一个国家卫生城市，是国家园林城市、全国环保模范城市、首批中国优秀旅游城市、国家文明城市、改善人居环境全球最佳范例，是避暑、疗养、度假和观光旅游的胜地，素有风光旖旎、清洁卫生、气候宜人著称。</t>
  </si>
  <si>
    <t>这样说吧，在威海生活，3500应该能胜过北京的五六千，房租+生活费1500应该可以了，威海的好处是环境优美，空气质量不错，不过，威海是中小城市，职业发展前景一般，这是需要考虑的。</t>
  </si>
  <si>
    <t>威海环境不错，气候也还行，但总体来说适合居住养老，不适合创业。</t>
  </si>
  <si>
    <t>色,戒是不是真的办事</t>
  </si>
  <si>
    <t xml:space="preserve">是真的 </t>
  </si>
  <si>
    <t>全是假的</t>
  </si>
  <si>
    <t>真做，汤唯愿意，嘉玲未必愿意；真做，朝伟愿意，汤唯未必愿意；</t>
  </si>
  <si>
    <t>真做，汤唯愿意，嘉玲未必愿意；真做，朝伟愿意，汤唯未必愿意；真真假假，何必在乎那么多呢？真作假时假亦真，假作真时真亦假。</t>
  </si>
  <si>
    <t>演戏，但是露点是真的</t>
  </si>
  <si>
    <t>他们是真作了，不信看未删除版1小时53分08至11秒之间可以看到梁朝伟的那个部位，然后进去了</t>
  </si>
  <si>
    <t>电地暖有机房吗</t>
  </si>
  <si>
    <t>地源热泵是既能制冷又能制热，也可以提供生活热水，而地暖只能提供冬天供暖</t>
  </si>
  <si>
    <t>荣威3601.4t保养贵吗</t>
  </si>
  <si>
    <t>这个是不贵的</t>
  </si>
  <si>
    <t>保养挺贵的</t>
  </si>
  <si>
    <t>三星手机支持微信运动吗</t>
  </si>
  <si>
    <t>微信运动是微信推出的一个公众号。三星部分手机支持微信运动功能，如：S7 Edge/S7/S6 Edge+/S6 Edge/S6/Note5/C9/C7等。</t>
  </si>
  <si>
    <t>泰森能打过李小龙吗</t>
  </si>
  <si>
    <t>肯定打得过，想都别想，李小龙是泰森的师父，泰森的拳击本领就是李小龙教的，李小龙也只教会了泰森打拳，所以泰森只会拳击，李小龙可是会各种格斗术的，而且样样精通。</t>
  </si>
  <si>
    <t>自杀是不是很痛苦</t>
  </si>
  <si>
    <t>当然是了，我觉得的自杀是一件极其痛苦的事情。要么很疼，要么死相很看。珍惜生命吧，生命多不易啊。</t>
  </si>
  <si>
    <t>自杀的人是在况态下，基本上麻木了，没有多少痛苦，但是，自杀者中有60%是失败的，这时候所受的痛苦比死还难受。所以，不要尝试自杀，一个人如果连死都不怕了，还怕活着吗？自杀的人一般都伴有严重心理疾病和人格障碍，正常人是不会自杀的。</t>
  </si>
  <si>
    <t>自杀不是您想选择的；这只不过是一时间痛苦超越了您所应付的能力而已。当痛苦超越您所有的能量，自杀的念头便会由此而生。自杀没有错或对，也不是性格上的缺陷，道德上是中立的，这只不过是痛苦和解决问题资源在这一刻失去平衡而已。</t>
  </si>
  <si>
    <t>目前好象没有这样的方法，那些所谓的无痛苦，其实都是猜测，没有人亲自试过。越快速的方法就越痛苦。所以还是活着吧，自古艰难唯一死。死都不怕，还怕活着？</t>
  </si>
  <si>
    <t>楼主，你连死都不怕，那么这个世界除了你自己，还有什么能打倒你呢？真正的枷锁是自己给自己的，任何人都没有权力和能力打倒你。珍爱生命，积极一点，做一些自己喜欢做的事情，你会发现烦恼都烟消云散。 希望楼主能早日走出阴霾。</t>
  </si>
  <si>
    <t>大学要学数学吗</t>
  </si>
  <si>
    <t>大学肯定学了</t>
  </si>
  <si>
    <t>不同的专业情况不同!</t>
  </si>
  <si>
    <t>学数学的话以后考研很好，一些理工科专业考研，数学拉分。但是，大学学数学应该不轻松</t>
  </si>
  <si>
    <t>肯定要学的</t>
  </si>
  <si>
    <t>肯定的</t>
  </si>
  <si>
    <t>手指肌腱断了够工伤吗</t>
  </si>
  <si>
    <t>用人单位应当在事故发生后1个月内为您申报工伤认定。</t>
  </si>
  <si>
    <t>是否是属于工伤，是需要看员工受伤的经过，员工可以向劳动行政部门申请工伤认定，由劳动部门进行判定。</t>
  </si>
  <si>
    <t>手指筋断了经过治疗后，如果手指功能受到影响，按 《职工工伤与职业病致残程度鉴定标准》约为十级伤残的。</t>
  </si>
  <si>
    <t>职工遭受事故伤害，是否工伤，与受伤部位和伤害程度无关，只要是因为工作原因遭受事故伤害，无论伤害到那里，伤害轻重，均可以申请工伤认定，依法享受工伤保险待遇。是指肌腱断裂，不构成伤残等级的。</t>
  </si>
  <si>
    <t>一只眼睛能看3d电影吗</t>
  </si>
  <si>
    <t>人其实只需一只眼睛也可以，多一只眼睛只是让主视觉范围增加而已，</t>
  </si>
  <si>
    <t>水痘能吃退烧药吗</t>
  </si>
  <si>
    <t>你好！出水痘不管对大人还是孩子来说都很难受的，建议去医院看看，在医生的指导下正确用药。希望对你有帮助。</t>
  </si>
  <si>
    <t>如果超过38.5度，是要吃退烧药的</t>
  </si>
  <si>
    <t>这个要是出现的水痘，这个有高热，那么还是积极治疗，这个是病毒性的感染引起的，现在不要担心多喝水，可以用些炉甘石洗剂外洗，这个温水擦身子降温，可以吃席降温药物的美林吃上</t>
  </si>
  <si>
    <t>你好，可以的呢</t>
  </si>
  <si>
    <t>怀孕了能吃麻辣烫吗</t>
  </si>
  <si>
    <t>孕妇是不建议吃麻辣烫的，对胎儿以及孕妇的身体都是一种伤害，孕妇吃麻辣烫，会导致孩子出生后，眼睛大量生眼屎，这是非常不好的一种现象，而且也会让孩子体质上有所不健康。</t>
  </si>
  <si>
    <t>主要是卫生就行，一般街边麻辣烫不为卫生；如果是自制的没问题</t>
  </si>
  <si>
    <t>当然可以吃，饮食上要少吃肉，肉里毒素太多。</t>
  </si>
  <si>
    <t>不能，怀孕期间不能吃刺激性较强的食物。饮食要清淡、营养。</t>
  </si>
  <si>
    <t>不建议孕妇食用麻辣烫</t>
  </si>
  <si>
    <t>可以，少吃一点就好了，不要顿顿吃就可以了。</t>
  </si>
  <si>
    <t>渐渐康记忆枕好吗</t>
  </si>
  <si>
    <t>国产记忆枕，回弹时间不到5秒，密度不到50D，坑爹货，太差了</t>
  </si>
  <si>
    <t>很舒服。值得入手</t>
  </si>
  <si>
    <t>痛风能吃姜吗</t>
  </si>
  <si>
    <t>可以食用生姜，急性发作时积极治疗。</t>
  </si>
  <si>
    <t>姜葱蒜作为调料，是可以食用的，不能单独食用，辛辣食物</t>
  </si>
  <si>
    <t>可以食用生姜，急性发作时积极治疗。痛风患者需低嘌呤饮食，不能食用豆类、海鲜、动物内脏、啤酒等。</t>
  </si>
  <si>
    <t>吃姜能缓解疼痛。</t>
  </si>
  <si>
    <t>戴眼镜适合大背头吗</t>
  </si>
  <si>
    <t>海吧</t>
  </si>
  <si>
    <t>齐刘海不错</t>
  </si>
  <si>
    <t>短发或三七分，经常看到的是这种发型</t>
  </si>
  <si>
    <t>留刘海吧</t>
  </si>
  <si>
    <t>1元云购合法吗</t>
  </si>
  <si>
    <t>这个是合法的，但中奖需要看你运气的，和别的没有关系。</t>
  </si>
  <si>
    <t>应该是合法的，不过，不要沉迷，毕竟是赌博的一种！</t>
  </si>
  <si>
    <t>我觉得不合法。就算现在没查处不代表就是合法的。</t>
  </si>
  <si>
    <t>小孩上早教好不好</t>
  </si>
  <si>
    <t>早期教育是人生中最重要的教育</t>
  </si>
  <si>
    <t>早期教育是有效的,但不等于所有的早教课程都是有效的。</t>
  </si>
  <si>
    <t>自己给宝宝上亲子早教是最好的</t>
  </si>
  <si>
    <t>孩子上早教班有用的，因为可以开发智力，而且让宝宝可以学会与人相处！</t>
  </si>
  <si>
    <t>开发智力</t>
  </si>
  <si>
    <t>早教说的简单一些就是日常生活点滴给予宝宝好的引导，让宝宝可以产生好的性格以及兴趣，早教课程并不是说要让孩子多聪明或者其他，更多的是给孩子提供一个环境，一个交往的环境，然后专业的早教老师会告诉到你很科学的早教方法，让咱们知道在学校在家如何去教孩子，让孩子可以适应环境，适应老师，也是为了幼儿园做准备，而且课上的很多亲子游戏，也增进了家长和孩子之间的亲子依恋关系~如果有时间，有条件可以带孩子去参加，孩子会很喜欢的，在玩耍当中让孩子学到东西~~挺好的~</t>
  </si>
  <si>
    <t>个人觉得早教还是有必要上的。</t>
  </si>
  <si>
    <t>早期教育是人生中最重要的教育。</t>
  </si>
  <si>
    <t>11月去北京旅游好吗</t>
  </si>
  <si>
    <t>11月份是很适合去北京旅游的；秋季是来北京旅游的最佳时节北京地区四季明显，3月以后，气温回升适宜郊外踏青~夏季炎热且为多雨的季节~各河湖水域中荷花盛开，清香宜人。北京的秋季，较少出现炎热天气，“秋高气爽”是北京秋天的特点。湿热的夏季之后，凉而干燥的大陆空气吹来，分外爽快。此时不仅温度适中，仿佛天显得格外湛蓝、月显得格外明朗，星显得格外明亮，正所谓“金秋季节”，是最好的旅游时机，</t>
  </si>
  <si>
    <t>深秋初冬时节，北京就是香山红叶可以看看，其他景区都是比较萧瑟的景观。北京最好是春夏季节去玩，风景比较好。</t>
  </si>
  <si>
    <t>北方进入十一月份后全面转入旅游淡季，淡季的原因是不适合旅游。</t>
  </si>
  <si>
    <t>11月份到北京旅游的人不会太多，中上旬的时候人相应多一点点，因为香山红叶正是这个时候观赏，其他景区客流都很平稳，非常适合游览。到11月下旬时，气温开始降低，自然景点游览时要注意防冻。</t>
  </si>
  <si>
    <t>不同的季节有不同的景色，这个时候可以去长城看红叶。</t>
  </si>
  <si>
    <t xml:space="preserve">   11月来北京还可以，如是南方人最好带件羊毛衫、棉毛裤。</t>
  </si>
  <si>
    <t>ios有没有类似小鸡模拟器</t>
  </si>
  <si>
    <t>ios7的时候,我下载过ps模拟器,现在ios8暂时没有模拟器,只能下载小鸡了.</t>
  </si>
  <si>
    <t>小鸡模拟器现在有苹果版</t>
  </si>
  <si>
    <t>psp模拟器</t>
  </si>
  <si>
    <t>软件定制提供源代码吗</t>
  </si>
  <si>
    <t>这要看你们之间的协议，如果事先没有说明要源码，软件公司可以不给源码的，况且有些源码是人家软件公司的专利或商业机密，不可能让外人知道。</t>
  </si>
  <si>
    <t>看合同怎么签的</t>
  </si>
  <si>
    <t>千幻魔镜好用吗</t>
  </si>
  <si>
    <t>谁买谁后悔</t>
  </si>
  <si>
    <t>好不好，关键是看自己的观点，自己觉得好才是好，不能听别人的观点，最好自己去实体店去了解下就知道了。</t>
  </si>
  <si>
    <t>可以.</t>
  </si>
  <si>
    <t>去泰国可以带吃的吗</t>
  </si>
  <si>
    <t>水果</t>
  </si>
  <si>
    <t>国际航班规定肉食，水果都不能带，一些熟食、罐头、榨菜等也做好不要带，到了目的地会抽查，如果被抽到，带的东西都要被海关的卫生检疫人员销毁掉。要带的话可以带一些饼干、面包、巧克力之类的。水果可以稍微带一些够航行中吃就可以</t>
  </si>
  <si>
    <t>国内航班让带的，泰国都可以带</t>
  </si>
  <si>
    <t>可以的，放一行李箱里</t>
  </si>
  <si>
    <t>飞机上是可以带吃的，只要不是液体就可以，泰国的饮食以酸辣为主，国人有可能吃不习惯，但是因为泰国是个佛教国家，所以可以向旅行社或者当地接待的人要求素食餐，每个用餐地方都会有的，而且泰国民众对素食的人也更加尊重</t>
  </si>
  <si>
    <t>可以带但是不要超过一定的数量。</t>
  </si>
  <si>
    <t>泰国也吃辣，完全没必要带零食去，很可能还会带零食回国</t>
  </si>
  <si>
    <t>普吉岛丛林飞跃好玩吗</t>
  </si>
  <si>
    <t>因为太好玩，中国游客掉下来死了一个。有新闻的。</t>
  </si>
  <si>
    <t>清迈的丛林飞跃更好玩，更有名。</t>
  </si>
  <si>
    <t>清迈的。最大的最长最刺激的。但是清迈上个月出事了，因为太好玩，中国游客掉下来死了一个。有新闻的。</t>
  </si>
  <si>
    <t>金龙鱼调和油能吃吗</t>
  </si>
  <si>
    <t>金龙鱼之前传出不符合食品卫生标准 但现在经过整顿 已符合国标要求 可以放心的食用</t>
  </si>
  <si>
    <t>金龙鱼调和油好吃的，放心吧</t>
  </si>
  <si>
    <t>调和油和我们现在抄得很火的地沟油没有什么区别！区别只是在于一个是牌子。一个不是牌子！</t>
  </si>
  <si>
    <t>能吃</t>
  </si>
  <si>
    <t>调和油是不可以直接食用的，它是多种油的混合。</t>
  </si>
  <si>
    <t>还是经过加热后吃比较安全健康</t>
  </si>
  <si>
    <t>连体人是同时死亡吗</t>
  </si>
  <si>
    <t>连体人一般内脏都是连在一起的，如果是这样，就是同时死亡。</t>
  </si>
  <si>
    <t>肯定一起死啊，人死了就会腐烂,就算有一半还没死过一段时间也会死</t>
  </si>
  <si>
    <t>连体人虽然并非都是同时死亡的，具体要看连体人能不能分离开来，和连接的部位在哪。</t>
  </si>
  <si>
    <t>身体是共用的，如果是由身体器官损害而死亡的，那么也会死的</t>
  </si>
  <si>
    <t>lol盲僧好不好</t>
  </si>
  <si>
    <t>盲僧很厉害，野区高富帅前期只要拿上红buff黏住，人就是跑不了的，也是一个反野大神，不过操作很有要求。</t>
  </si>
  <si>
    <t>现在这个版本并不是盲僧的高峰期，可能已经算是盲僧的衰退了。</t>
  </si>
  <si>
    <t>非常厉害，上帝级打野</t>
  </si>
  <si>
    <t>作为新手，不推荐盲僧。在游戏里面，盲僧作为一个机动性高，并且反野强力的英雄很受欢迎，但是其高难度的操作以及需要不错的意识，是很多新手玩家所不能驾驭的。</t>
  </si>
  <si>
    <t>盲僧的玩法各种各种，绝对是英雄联盟里连招最帅玩法最多，秀操作最好的英雄。相信我你去买一个盲僧最便宜那个传统僧侣皮肤然后去玩这个英雄，你一定会玩好</t>
  </si>
  <si>
    <t>他的反野和GANK能力都十分的出色。他那多变的技能，在三级时有一个非常恐怖的爆发，所以他前期的能力是非常强悍的，多帮线上GANK，前期就可以把对面打崩，但是后面装备起来的话就十分疲软了，Q突进不了ADC也就没什么用。所以后期打团只可以第二波切入骚扰对面两个C再回来保护自己的ADC。</t>
  </si>
  <si>
    <t>盲僧是个很能秀的英雄，可玩性，同时对操作和大局观要求非常高，算是前中期英雄，前中期负责gank，后期负责吸收伤害和踢回对面C位方便队友秒掉</t>
  </si>
  <si>
    <t>还好吧，只有你掌握技能就是2段的施放时间能量还是能用的</t>
  </si>
  <si>
    <t>能量不够用就是游戏的一种平衡，本来就无蓝耗，能量再用不完，那还得了！盲僧有两种发育方向，肉和输出，肉盲僧是考验操作的，输出盲僧是秒人用的，而且盲僧可以上单，中单，打野，现在主要是打野，大神玩上单中单。建议你看一个YD的盲僧教学，挺早的了，去年S3赛季的，讲的挺详细。我觉得盲僧几个很秀的地方是：打野前期一霸，gank能力强，伤害高，反野能力强，不容易被抓。如果被人抓可以Q野怪二段逃命，逃命或者追人可以插眼加W加大位移，最经典就是他的先手脆皮的二段Q摸眼或者闪现把对面AP或ADC踹回来队友秒人的战术。一对一时可以Q然后R再接Q的秒人方式。但是你说的能量不够用是因为你总是放技能，没有参与普攻，因为盲僧的被动有攻击加速，普攻可以回能量。</t>
  </si>
  <si>
    <t>中国银行公务卡有年费吗</t>
  </si>
  <si>
    <t>不要，公务员属于特殊阶层</t>
  </si>
  <si>
    <t>这个是不要钱的</t>
  </si>
  <si>
    <t>不要年费</t>
  </si>
  <si>
    <t>长城公务员卡是终身免除年费的，没有刷卡才能免除这种说法。</t>
  </si>
  <si>
    <t>打过他家的客服电话，说是直接免年费的</t>
  </si>
  <si>
    <t>长隆欢乐世界和水上乐园在一起吗</t>
  </si>
  <si>
    <t>就在附近 ，但也不是很近，两个地方大概需要步行30分钟，如果是顶着烈日，那可能走得更慢,不过如果幸运的话，可以打到出租车，那么就没有那么痛苦了</t>
  </si>
  <si>
    <t>长隆欢乐世界与长隆水上乐园为两个不同的园区，需要分别购票。</t>
  </si>
  <si>
    <t>是连在一起的，区域之间可以搭园区巴士来往。</t>
  </si>
  <si>
    <t>算是一个地方，紧挨着，但是两个不同的主题公园</t>
  </si>
  <si>
    <t>premiere收费吗</t>
  </si>
  <si>
    <t xml:space="preserve">adobe premiere是没有免费版的。它的价格通常在3000元左右。 </t>
  </si>
  <si>
    <t>买就要，盗版就不要</t>
  </si>
  <si>
    <t>不是免费的，都是商业软件，需要购买。</t>
  </si>
  <si>
    <t>要钱的</t>
  </si>
  <si>
    <t>Adobe Premiere 是一款优秀的非线性视频编辑软件，是众多视频编辑专业人员必备的软件之一。可以在网上下载Adobe Premiere Pro CC 2015破解版软件，在软件包里面有安装文件和注册机，按照说明要求安装破解就可以永久免费使用软件了。</t>
  </si>
  <si>
    <t>宫颈蛋清样最多是不是要排卵</t>
  </si>
  <si>
    <t>女性在排卵期，会由于体内激素水平的关系，而出现出现白带量增多的现象，因此也就会出现透明拉丝白带。但是从白带中不能明确就是排卵期，需要到医院做排卵检测，这样效果是最好的，准备要孩子的话，可以准备在女性的排卵期同房。</t>
  </si>
  <si>
    <t>快递员很累吗</t>
  </si>
  <si>
    <t>累是很正常的，我这边快递员每天晚上10点都没下班，早上8点多就要上班！就是说一分耕耘一分收获，做快递员收件越多工资更高！</t>
  </si>
  <si>
    <t>顺风的舒服点 但是有学历要求 大专最低。其他的 看你能力 收件多久拿的多。累 那是必须的 风吹日晒 这就是快递员为什么基本都没好脾气</t>
  </si>
  <si>
    <t>做快递员很辛苦，是属体力活：每天进行大量的派件和收件。</t>
  </si>
  <si>
    <t>风里来，雨里去，忙时一天没时间吃饭，整天在路上。不过也要看看在哪#你喜欢就不累</t>
  </si>
  <si>
    <t>日晒雨淋，很辛苦的</t>
  </si>
  <si>
    <t>快递是很累的。</t>
  </si>
  <si>
    <t>首先在相对比较大的城市快递员收入还是很高的，但永远记得收入和付出是成正比的。就一级城市的快递员来说，一天的送件量大概是300票左右，上班时间大概是早6点到玩8点左右，有时候会更晚。其次，快递员的工资大多是以底薪加提成形成的，比如每天基本的派件量为120票件，多一件提成2毛到5毛钱左右。再就是工作时间比较长，想要高收入就得有客户从收件客户那里可以得到收件利润的10%的提成（通常是这样的）。客户多就要忙的非常晚，维系客户就是帮客户打包、搬货等。这样才能更有效的提高收入。</t>
  </si>
  <si>
    <t>看地方的是在一线城市还是2线3线城市。每个地方不一样的。</t>
  </si>
  <si>
    <t>知道车架号 能不能知道车到哪了</t>
  </si>
  <si>
    <t>这个目前还不知道有什么办法可以查询，除非是有定位系统。</t>
  </si>
  <si>
    <t>孕妇能吃霍斛吗</t>
  </si>
  <si>
    <t>科鲁兹油耗大吗</t>
  </si>
  <si>
    <t>至于油耗方面，综合路况的话，百公里在7-8之间，喜欢狠踩油门的朋友，也许会比这个数字再高些，如果是开制冷空调的话，在原有的范围内+1以内的油耗，我现在车子开了5000多，油耗正好是8.0，因为算上以前磨合期稍微高点，现在综合来看，不开空调，我基本控制在7-7.5之间，经济方面考虑，还是不错</t>
  </si>
  <si>
    <t>车身重，动力差，油耗自然高</t>
  </si>
  <si>
    <t>油耗还可以。看驾驶习惯。</t>
  </si>
  <si>
    <t>一般，不高不低！</t>
  </si>
  <si>
    <t>油耗很高。市区8-10.高速7-8. 具体还要看车型，和实际路况，拥堵的话10个以上。平均车速能到50以上的话，油耗还是可以接受的。</t>
  </si>
  <si>
    <t>sj devil获得一位了吗</t>
  </si>
  <si>
    <t>目前还没有</t>
  </si>
  <si>
    <t>没有，晟敏入伍了，还有神童</t>
  </si>
  <si>
    <t>没有，晟敏入伍了啊，也没有神童，也没有起范</t>
  </si>
  <si>
    <t>自考学校重要吗</t>
  </si>
  <si>
    <t>自考与学校选择无关系</t>
  </si>
  <si>
    <t>其实学校不是最重要的，总的来讲学校也只能算个外因，其实最重要的决定权还是在你自己手中，如果你肯努力的去学习，将专业学精，那么什么学校就不会那么重要的，有文凭，又有实力，你还担心什么呢？但如果你专业没有学精，只能勉强拿证的话，学校也许能为你增加一点筹码</t>
  </si>
  <si>
    <t>不一定的。就看你个人如何看待了。其实只要有自考的毕业证书，至于是哪个学校的，谁也不会在乎。</t>
  </si>
  <si>
    <t>学校不重要，重要的专业，自考专业不同主考院校也不同的。</t>
  </si>
  <si>
    <t>自学考试的专业设置很多学校都是相同的，就算你报考一所有名的学校，但是最后的毕业证也不一定就是那个学校的，因为你发现发你证书学校的专业代码和你所报考学校的代码是一样的。</t>
  </si>
  <si>
    <t>电子驱鼠器对人有害吗</t>
  </si>
  <si>
    <t>电子驱鼠器产生的电磁波只有几个赫兹的频率。超声波和红外线的频率也超出了人的听觉范围，且所有电波的功率极小，所以对人体绝对无害。</t>
  </si>
  <si>
    <t>危害是有一定的存在的，但我想，只要用的适宜，因该就可以避免。</t>
  </si>
  <si>
    <t>对人是没什么害处。但对老鼠等也没作用。</t>
  </si>
  <si>
    <t>可以使用，这个对人是没有影响的。</t>
  </si>
  <si>
    <t>电子捕鼠器简介：电子捕鼠器也称“电猫”属微电流高压击鼠器装置，它在传统捕鼠器的基础上改进而成。新增加了电路保护功能，可以长时间接地，（传统的捕鼠器只要接地，就烧坏机器。）不会烧坏机器。能将老鼠击晕粘在灭鼠线上，而对人、畜等均无伤害，且能生擒活鼠。适合田园、瓜果地、三鸟养殖场、野外设施，各种仓库等场合使用，它有见效快，捕杀范围大，驱鼠效应长久，处理死鼠方便等特点，与猫、鼠药、鼠夹、鼠笼、粘鼠胶等相比，更显其独特的优越性。</t>
  </si>
  <si>
    <t>人耳的听觉范围约是16-20000Hz，超声波驱鼠器的输出的频率一般都在20000Hz以上，对于20000Hz以上频段的频率是人的听觉系统无法产生响应的，所以我们的耳朵根本听不到的，而且超声波驱鼠器的功率都未能达到穿透对人体的能力，所以对人体没有影响。</t>
  </si>
  <si>
    <t>面包粉是高筋粉吗</t>
  </si>
  <si>
    <t>面包粉是高筋粉的一种。</t>
  </si>
  <si>
    <t>高筋粉可以做面包,但面包粉不等于高筋粉</t>
  </si>
  <si>
    <t>面包粉一定是高筋粉，而高筋粉不一定是面包粉。</t>
  </si>
  <si>
    <t>面包粉的主要成分就是高筋粉，面包粉不等于高筋粉。</t>
  </si>
  <si>
    <t>爸爸去哪儿停播了吗</t>
  </si>
  <si>
    <t>国家广电局发布消息了，限制明星子女啊，未成年人啊上电视，真人秀之类的节目，都是有限制的，所以停了，本来湖南卫视都在准备第四季了</t>
  </si>
  <si>
    <t>据三湘风纪网8月31日发布的《中共湖南广播电视台委员会关于巡视整改情况的通报》显示，这档节目已经确定被国家广电总局叫停。</t>
  </si>
  <si>
    <t>据台湾媒体报道，湖南卫视推出的《爸爸去哪儿》，目前已经播到第五季，加上陈小春的加盟，让这季更有看头！不过有消息指出，人气很旺的《爸爸去哪儿》受到影响，将被取消2017年播出计划。湖南省广电总局近日公开指出《爸爸去哪儿》过度消费明星子女，对青少年的健康成长有不利影响，被国家广电总局叫停。</t>
  </si>
  <si>
    <t>经停播了，这是社会的不良风气，小朋友都教坏了</t>
  </si>
  <si>
    <t>红米有otg功能吗</t>
  </si>
  <si>
    <t>红米亲测可以OTG的</t>
  </si>
  <si>
    <t>红米手机2是支持OTG功能</t>
  </si>
  <si>
    <t>基本都有的。</t>
  </si>
  <si>
    <t>亲测有OTG功能</t>
  </si>
  <si>
    <t>假的水宝宝能用吗</t>
  </si>
  <si>
    <t>用于手或腿上，不要用到脸上，防止副作用。</t>
  </si>
  <si>
    <t>最好扔了，有毒负作用更可怕。</t>
  </si>
  <si>
    <t>不建议用</t>
  </si>
  <si>
    <t>鞋子批发生意好做吗</t>
  </si>
  <si>
    <t>现在电子商务貌似还挺好的</t>
  </si>
  <si>
    <t>铁蛋白600多严重吗</t>
  </si>
  <si>
    <t>铁蛋白升高的原因可能是由于细胞坏死、红细胞生成受阻断或肿瘤组织中合成增多所致。 不一定是癌症，不过还是去做个详细的检查那样才放心！要保持良好的心态。</t>
  </si>
  <si>
    <t>应该关系较大，肝脏疾病导致代谢异常时可出现铁蛋白升高的情况，可先进行低脂饮食并多注意运动来促进脂肪肝恢复，过段时间再进行复查看看。</t>
  </si>
  <si>
    <t>铁蛋白是一种分子量较大的蛋白质，是铁的主要贮存形式。铁蛋白测定以400ng/ml为正常上限，某些肿瘤常常升高且大于此值，常见于：急性白血病、何杰金氏病、肺癌、结肠癌、肝癌和前列腺癌。检测铁蛋白对肝脏转移性肿瘤有诊断价值。与肾癌没有明确相关性。</t>
  </si>
  <si>
    <t>c盘是逻辑分区吗</t>
  </si>
  <si>
    <t>逻辑分区可在扩展分区中建立,我们常说的c盘是主分区</t>
  </si>
  <si>
    <t>主分区和逻辑分区在功能上有区别。简单来说：1、逻辑分区必须建立在扩展分区上。2、只有主分区能启动系统。逻辑分区不具备这个功能。3、主分区和扩展分区的数量，一个硬盘上最多4个。一般的硬盘，是一个C盘（主分区），D/E/F……等逻辑分区都建立在扩展分区上。</t>
  </si>
  <si>
    <t>一般是主要分区，也可以分逻辑分区</t>
  </si>
  <si>
    <t>孕妇能用完美芦荟胶吗</t>
  </si>
  <si>
    <t>当然可以用啊</t>
  </si>
  <si>
    <t>可以用的，芦荟胶非常安全的。</t>
  </si>
  <si>
    <t>最好别用</t>
  </si>
  <si>
    <t>怀孕后尽量不要用含有激素或美白的化妆品，建议使用纯天然的植物化妆水，或用一些宝宝的滋润营养液等，一般情况不建议使用的</t>
  </si>
  <si>
    <t>在孕期用芦荟胶来进行抹脸，不会影响胎儿的发育。另外也是要注意孕期的护理，保持良好的心情，合理的饮食，保持良好的心情，增加全面的营养，有利于健康好孕。</t>
  </si>
  <si>
    <t>权志龙真的吸毒吗</t>
  </si>
  <si>
    <t>没有.那个是误食.就是五月份在日本开演唱会晚上落club的时候上厕所遇到一个疑似粉丝,很热情地递香烟给他,他可能是觉得是粉丝吧不好意思拒绝所以就吸了几口而已,之后觉得香烟味道怪怪的,所以就只吸了几口之后就扔掉了</t>
  </si>
  <si>
    <t>真的啊……</t>
  </si>
  <si>
    <t>只是误吸</t>
  </si>
  <si>
    <t>事情原委是这样的：团体 Big Bang 成员 G-Dragon(本名 权志龙，23岁)，因有吸食大麻嫌疑被检方举发。首尔中央地检强力部 5日表示，「因有吸食大麻的嫌疑(违法毒品相关法律)，对 Big Bang 的 G-Dragon 实行缓期起诉处分。」检方表示，G-Dragon 於 5月中旬左右在日本吸食大麻，7月时检方做了毛发测试，结果被判定为阳性。G-Dragon 为了公演前往日本时，在某夜店中吸食了大麻，这是他在检方调查时自己坦承的事情。检方调查中，G-Dragon 表示，「在日本的一间夜店中，吸了一支不认识的日本人给的烟，但是味道和一般的烟不一样，有怀疑过是大麻，事实上还是吸了一点。」</t>
  </si>
  <si>
    <t>没有吸毒。当初在日本黑粉给了他一根烟，他以为是粉丝就接受了，吸了一口感觉味道不对就扔掉了，到来检查出有大麻。</t>
  </si>
  <si>
    <t>如果蜗牛有爱情有电视剧吗</t>
  </si>
  <si>
    <t>《如果蜗牛有爱情》是由企鹅影业和东阳正午阳光影视有限公司联合出品的电视剧。</t>
  </si>
  <si>
    <t>有电视剧。21集</t>
  </si>
  <si>
    <t>刚在( LKK院线 )已经看过</t>
  </si>
  <si>
    <t>如果蜗牛有爱情在qq浏览器的视频盒子里就可以找到的</t>
  </si>
  <si>
    <t>halo难唱吗</t>
  </si>
  <si>
    <t>嗯，比较难唱 第一部分还好点 感觉词多有意境的</t>
  </si>
  <si>
    <t>不是啊，关键看你的气息跟不跟的上</t>
  </si>
  <si>
    <t>女生声音比较尖锐，声调也比较高，所以女生唱起来有点难，男生声音比较低沉，唱起来也比较容易！</t>
  </si>
  <si>
    <t>集美大学是一本吗</t>
  </si>
  <si>
    <t>集美大学在不同的省招生批次可能不一样，比如在福建省除航海类专业放在二本外，其余专业都放在一本批次招生。</t>
  </si>
  <si>
    <t>集美大学是一本，除了航海类招的二本。</t>
  </si>
  <si>
    <t>看你在哪个省了。福建省还有很多省都是一本。部分省，诸如湖南湖北河南，都算二本</t>
  </si>
  <si>
    <t>根据最新的报道，这个学校是一本院校，（除了航海专业外）；具体报道来源于2012年的《福建商报》具体奉上。集美大学28日证实，福建省高等学校招生委员会正式批准该校除航海类专业之外，其他专业进入本科一批招生</t>
  </si>
  <si>
    <t>集美大学是一本院校（2012年刚升的一本），位于厦门市集美学村。1994年10月，集美学村原集美航海学院、福建体育学院、集美财经高等专科学校、集美师范高等专科学校、厦门水产学院等五所高校合并组建为集美大学。</t>
  </si>
  <si>
    <t>集美大学是一本，只有航海类专业按照二本招生。</t>
  </si>
  <si>
    <t>受精有感觉吗</t>
  </si>
  <si>
    <t>烫烫的感觉</t>
  </si>
  <si>
    <t>怎样知道受精卵着床的呢？如果在排卵期那就肯定会中标的.受精卵会在三天左右一天着床,之后身体没有太大的反应,不过此时早孕试纸就能测出来了. 许多没有孕育经验的年轻女性，在怀疑自己怀孕时，总会有这样的疑问：受精卵着床时有什么症状？ 怎样知道受精卵着床的呢？我可以感觉的到吗？想借此来初步判断自己是否怀孕。事实情况是，受精卵从受精到着床这一过程，几乎都是无声无息的进行的，除了有少数孕妇会有生理性的着床出血和些微的痉挛以外。但是，随后的时间里，你就能慢慢地感觉到一系列的症状出现，告诉你，你可能怀孕了！！ 怎样知道受精卵着床症状1、感到反胃 有些人在受孕之后的前几个星期，就开始了害喜的症状。你可能会觉得想吐或反胃，虽然害喜也叫‘晨吐’，反胃的症状却不仅限于早上。你可能整天、整夜都觉得反胃想吐。</t>
  </si>
  <si>
    <t>受精卵结合后在输卵管内向子宫方向移动的整个过程都是悄悄进行的，母体是没有任何感觉的，就算受精卵在着床后时大多数人都是没有任何感觉，但是也有不少人会出现少量出血</t>
  </si>
  <si>
    <t>肚子里有一股暖流</t>
  </si>
  <si>
    <t>受精当然没感觉了</t>
  </si>
  <si>
    <t>婴儿长牙需要补钙吗</t>
  </si>
  <si>
    <t>宝宝长牙了要及时补钙，宝宝处在生长发育最旺盛的时期，钙是最重要的营养物质之一，除了长牙、长骨骼以外，对全身生理功能的平衡都有重要作用。</t>
  </si>
  <si>
    <t>宝宝最好不要吃补钙产品。因为每天吃的食物里就有很多钙质，不需要吃补钙药物，正确补钙方法就是晒太阳，每天晒一次，上午9-10点，下午4-5点，晒不超过一小时就是补钙了。</t>
  </si>
  <si>
    <t>缺钙是会导致出牙延迟的，但是出牙迟并不都是缺钙导致，有的孩子属于个体的差异，遗传因素的原因，可以适当补充点钙剂，像迪巧小儿碳酸钙D3颗粒就可以。</t>
  </si>
  <si>
    <t>宝宝长牙了要及时补钙，宝宝处在生长发育最旺盛的时期，钙是最重要的营养物质之一，除了长牙、长骨骼以外，对全身生理功能的平衡都有重要作用。宝宝需要的钙相对地比成人要多。</t>
  </si>
  <si>
    <t>宝宝长牙齿需要补钙治疗的</t>
  </si>
  <si>
    <t>需要补钙的。成长阶段都需要补钙，不同时间需要补钙的药品不同。</t>
  </si>
  <si>
    <t>如果缺钙可以补一下葡萄糖酸钙口服液，如果不缺就不用补。</t>
  </si>
  <si>
    <t>孕妇可以拔罐么</t>
  </si>
  <si>
    <t>孕妇不宜拔火罐，对孕妇及胎儿产生严重的影响后果</t>
  </si>
  <si>
    <t>专家表示，孕妇最好不要拔火罐，孕妇拔火罐可引起先兆流产。</t>
  </si>
  <si>
    <t>拔火罐可促进活血，促进血液的运行，孕妇如果进行不适当的拔火罐可引起先兆流产等，建议非必要情况最好不要进行拔火罐，特殊情况需拔火罐时，也需在有经验的医生指导下进行。</t>
  </si>
  <si>
    <t>可以拔火罐，例如肩部、颈部。腰骶部是不能拔火罐的。</t>
  </si>
  <si>
    <t>不建议在这个时期做这些，孕妇在孕期如果需要拔罐、刮痧治疗的话，最好避开腹部和腰骶部。</t>
  </si>
  <si>
    <t>excel可以画三维图吗</t>
  </si>
  <si>
    <t>步骤：首先打开一张销量表。然后点击“插入”里“图表”中的“饼图”，饼图用于显示每个值占总值的比例。然后选择“三维饼图”。然后右击图片“添加数据标签”。这时就会显示该产品在各区的销售数量了。可以通过右击图表来选择数据源。</t>
  </si>
  <si>
    <t>选择数据区域，在“插入”选项下的“图表”中，选择“折线图”下的“三维折线图”，确定，即可根据数据生成三维折线图。</t>
  </si>
  <si>
    <t>选中数据所在的单元格区域 插入 图表 （图表类型） 折线图 （子图表类型）三维折线图 完成。</t>
  </si>
  <si>
    <t>插入图表——图表向导——图表类型中选择三维折线图</t>
  </si>
  <si>
    <t>绘图栏-自选图形,画完后,单击选中,使用绘图工具栏最右边的"三维效果"按钮,就可以设置成立体的图形了。</t>
  </si>
  <si>
    <t>可以，1、点击“插入”－“图表”。 2、在“图表类型”中，有一些图表类型是有三维图的。选择，点击下一步，按步骤做即可。</t>
  </si>
  <si>
    <t>专科可以参加司法考试吗</t>
  </si>
  <si>
    <t>不可以，必须是本科生。</t>
  </si>
  <si>
    <t>如果户籍（就是户口）是政策放宽地区的并且是法学专业的可以报名参加，否则就不可以。</t>
  </si>
  <si>
    <t xml:space="preserve">依据《司法部关于确定国家司法考试放宽报名学历条件地方的意见》（司发电〔2002〕第2号），各省、自治区、直辖市所辖自治县（旗），各自治区所辖县（旗），各自治州所辖县；国务院审批确定的国家扶贫开发工作重点县；西藏自治区所辖市、地区、县、县级市、市辖区，可以将报名的学历条件放宽为高等院校法律专业专科学历。通过司法考试后会颁发从业资格证，要想取得A证必须是本科（任何专业，但是党校本科学历除外）学历报名并通过全国线；B证是法律专科学历报名并通过全国线；C证是法律专科报名并通过照顾地区（各省、自治区、直辖市所辖自治县（旗），各自治区所辖县（旗），各自治州所辖县；国务院审批确定的国家扶贫开发工作重点县；西藏自治区所辖市、地区、县、县级市、市辖区）线。 </t>
  </si>
  <si>
    <t>九阴真经能结婚吗</t>
  </si>
  <si>
    <t>现在的九阴真经经过了几个版本的更新，已经可以结婚了，不光是玩家与玩家之间的结婚，而且玩家也可以和NPC结婚。</t>
  </si>
  <si>
    <t>结婚都是在金陵，结婚时候面前会弹出一个图标，10L就能直接传送到结婚现场。</t>
  </si>
  <si>
    <t>这是蜗牛游戏，可以无限结婚离婚，只要你有钱，不嫌难得刷亲密</t>
  </si>
  <si>
    <t>ipad5可以插卡吗</t>
  </si>
  <si>
    <t>有的，</t>
  </si>
  <si>
    <t>您好不可以的，苹果平板现在只分为wifi版和非wifi版没有插卡的！</t>
  </si>
  <si>
    <t>淘宝的thinkpad是真的还是假的</t>
  </si>
  <si>
    <t>可以的.每款定位和价格不同，选择适合自己的，才是最好的。ThinkPad，中文名为“思考本”，在2005年以前是IBM PC事业部旗下的便携式计算机品牌，凭借坚固和可靠的特性在业界享有很高声誉。在联想（Lenovo）收购IBM PC事业部之后，ThinkPad商标为联想所有。ThinkPad自问世以来一直保持着黑色的经典外观并对技术有着自己独到的见解，如：TrackPoint（指点杆，俗称小红帽）、ThinkLight键盘灯、全尺寸键盘和APS（Active Protection System，主动保护系统）。</t>
  </si>
  <si>
    <t>流程图可以交叉吗</t>
  </si>
  <si>
    <t>不可以交叉</t>
  </si>
  <si>
    <t>修机100靠谱吗</t>
  </si>
  <si>
    <t>非常好的手机维修平台，很靠谱。</t>
  </si>
  <si>
    <t>挺好的，一个人出差在上海，手机不小心进水打不开机，很着急，在宾馆上网找到他们，前后不到1小时，就解决我的问题，很方便，收费也合理。</t>
  </si>
  <si>
    <t>挺好的，上门服务的</t>
  </si>
  <si>
    <t>修机100很不错，师傅态度很好</t>
  </si>
  <si>
    <t>信用社贷款查征信吗</t>
  </si>
  <si>
    <t>要查征信。</t>
  </si>
  <si>
    <t>亚马逊美国网站能直接邮到中国吗</t>
  </si>
  <si>
    <t>美国亚马逊的商品有的可以直邮中国，有的是不可以直邮的。</t>
  </si>
  <si>
    <t>可以得，一般你去上海淘吧，有好多物流公司可以.推荐USPS，到了中国就转为中国邮政了。</t>
  </si>
  <si>
    <t>1、美国亚马逊是可以直邮国内。我直接买过。但是不是所有商品都可以售往国内。你可以在搜索商品信息的时候查看“ship”那栏的说明，有不少亚马逊自营的产品可以销往国内。</t>
  </si>
  <si>
    <t>有一部分是可以的。找这类商品，有三个方法：1．在亚马逊商品页面左边的分类里选择打勾：Ship to China，跳出来的都是能直由中国的。2．登录后，把国内的地址填好，然后你在商品页面就能看到是不是能发送到你的地址。比如显示This item ships to huzhoushi, China. 3，查看商品详情，Product DescriptionShipping: This item is also available for shipping to select countries outside the U.S.表示可以发到国外。美国亚马逊折口www.amazon.com/?&amp;_encoding=UTF8&amp;tag=htjlb0f-20&amp;linkCode=ur2&amp;linkId=76f63e33511bc61ce0495617e4108f2e&amp;camp=1789&amp;creative=9325</t>
  </si>
  <si>
    <t>直接选择美国亚马逊可直邮中国的商品，简单快捷安全方便</t>
  </si>
  <si>
    <t>美腿枕有用吗</t>
  </si>
  <si>
    <t>有用！但要自己按摩</t>
  </si>
  <si>
    <t>长期坚持肯定有一定效果。不过要是仅仅冲着美腿2个字的话建议还是不要买。</t>
  </si>
  <si>
    <t>没有用的</t>
  </si>
  <si>
    <t>没有的。减肥靠运动和控制。。。。什么东西只是助力，不能得到快速效果</t>
  </si>
  <si>
    <t>郑州新高度靠谱吗</t>
  </si>
  <si>
    <t>了解过，不太靠谱，后来就做别家了</t>
  </si>
  <si>
    <t>花呗分期手续费高吗</t>
  </si>
  <si>
    <t>分期的话，三期手续费率是分期总额的2.5%，六期4.5%，九期6.5%，十二期8.8% 。除此以外没有其他利息。如果商品页面上有分期选项，三期可免手续费。但如果到期不还，会出现逾期利息，利率为当期欠款总额的0.05%，每天。</t>
  </si>
  <si>
    <t>3期分期总金额的2.5%6期分期总金额的4.5%9期分期总金额的6.5%12期分期总金额的8.8%</t>
  </si>
  <si>
    <t>花呗分期可以申请3、6、9、12个月分期还款，不同分期的费率不同（3 6 9 12期，分别为2.5% 4.5% 6.5% 8.8%）</t>
  </si>
  <si>
    <t>牙齿正畸好不好</t>
  </si>
  <si>
    <t>牙齿正畸的效果并不明显，而且轻易出现反弹的现象</t>
  </si>
  <si>
    <t>牙齿正畸好不好，应该由消费者是否需要进行牙齿正畸来决定。只要需要牙齿正畸并且需要进行牙齿正畸的消费者在进行了牙齿正畸之后才能获得良好的理想的牙齿正畸效果</t>
  </si>
  <si>
    <t>如果牙齿突，拔牙是最好的选择，这样才会改善面型，否则做正畸意义不大。拔牙基本没有什么后遗症，做正畸拔牙的人实在太多了。</t>
  </si>
  <si>
    <t>可以排齐牙齿，可以纠正面型，可以吐字清晰以及牙齿保持清洁，口气清新等优点。建议尽早做矫正，恢复效果较好</t>
  </si>
  <si>
    <t>糖尿病没住过院保险公司可以查出来吗</t>
  </si>
  <si>
    <t>买保险的时候可能不会查，但是一旦发生理赔，要查出来那是分分钟的事。</t>
  </si>
  <si>
    <t>只要用医保报销，保险公司都能查出来</t>
  </si>
  <si>
    <t>武汉是省会吗</t>
  </si>
  <si>
    <t>武汉，简称“汉”，是中国湖北省省会</t>
  </si>
  <si>
    <t>是的。武汉，简称“汉”，中国湖北省省会</t>
  </si>
  <si>
    <t>是的.我是湖北的.</t>
  </si>
  <si>
    <t>是中国湖北省省会，武汉简称“汉”。</t>
  </si>
  <si>
    <t>武汉，简称汉，是中国湖北省的省会</t>
  </si>
  <si>
    <t>抗战70周年放假带薪吗</t>
  </si>
  <si>
    <t>9.3抗战胜利日全国放假，属于带薪休息日。</t>
  </si>
  <si>
    <t>游泳能练肌肉吗</t>
  </si>
  <si>
    <t>游泳可以增加肌肉。</t>
  </si>
  <si>
    <t>可以，但要看你的强度和泳姿，蝶泳手臂肌肉增加快，蛙泳是腿增加快，蛙泳游多了不好看，自由泳增加的匀称。</t>
  </si>
  <si>
    <t>红外线理疗仪有辐射吗</t>
  </si>
  <si>
    <t>这个当然有，因为红外线本身就具有辐射，对人体皮肤、皮下组织具有强烈的穿透力，只不过可能不同波长的红外线的辐射强度不同。</t>
  </si>
  <si>
    <t>自然界中的一切物体，只要温度在绝对温度零度以上，都以电磁波和粒子的形式时刻不停地向外传送热量，这种传送能量的方式被称为辐射。</t>
  </si>
  <si>
    <t>有辐射的，但是要看他们的波长是多长的，是不是人体可以吸收！</t>
  </si>
  <si>
    <t>慈禧的秘密生活露点吗</t>
  </si>
  <si>
    <t>很明确的告诉你，没漏。有一个镜头是个光光的全身的背影。</t>
  </si>
  <si>
    <t>如果自己真没办法寻到可以去 k a ᶇ 3 p ⦁ c ᶇ 见识见识 也许会有意外收获哦</t>
  </si>
  <si>
    <t>我有。。你要的话 我可以发给你</t>
  </si>
  <si>
    <t>桃子空腹可以吃吗</t>
  </si>
  <si>
    <t xml:space="preserve">空腹吃水果助消化 </t>
  </si>
  <si>
    <t>我的建议是空腹别吃水果,相桃子等。空腹吃水果助消化 ,苹果、橘子、葡萄、桃子、梨等水果中含有大量有机酸(如苹果酸、柠檬酸、酒石酸等)会刺激胃壁的黏膜，对胃部健康非常不利。尤其是儿童，饭前空腹吃水果，还会影响正餐 的质量。时间一长，不是缺这个营养素，就是缺那个营养，很容易引起消化不良，对儿童的生长发育极为不利。</t>
  </si>
  <si>
    <t>桃子含糖高,多吃上火,所以不能多吃,最好不要空腹吃,收录桃子作用如下: 作用：桃子的口感良好，通体能散发出一股能够令人心情愉悦的香味儿，所含营养物质也相对丰富，吃了对身体有补益延年的作用。</t>
  </si>
  <si>
    <t>苹果、橘子、葡萄、桃子、梨等水果中含有大量有机酸(如苹果酸、柠檬酸、酒石酸等)会刺激胃壁的黏膜，对胃部健康非常不利。尤其是儿童，饭前空腹吃水果，还会影响正餐 的质量。</t>
  </si>
  <si>
    <t>玩核桃能上油吗</t>
  </si>
  <si>
    <t>上油的确是保养核桃、防止核桃开裂最有效的办法之一</t>
  </si>
  <si>
    <t>如果手里的文玩核桃是老核桃，基本就不必上油了</t>
  </si>
  <si>
    <t>文玩核桃最好不要刷油，核桃的变色过程实际上是人手上的汗与核桃皮质中的油脂的一个置换过程，随着人手中的汗和油脂不断的侵入核桃的皮质，而核桃本身的油脂会慢慢浸出，而核桃仁本身也会随着时间而变干，最后达到沙仁化的效果，这就是为什么汗手人盘核桃上色会比干手人盘核桃上色快的原因。</t>
  </si>
  <si>
    <t>先不要上油，先用搓澡巾抱起来搓一至两个月后，看看是否搓出核桃本身的油，再看看是否搓光并均匀后，再上好的核桃油。</t>
  </si>
  <si>
    <t>不能上油</t>
  </si>
  <si>
    <t>给核桃上油 是错误的玩法，因为核桃本身会反油，上过油的核桃以后玩出来是巧克力酱色，不是那种牛筋红，给核桃上油纯属是毁核桃。</t>
  </si>
  <si>
    <t>大海啸之鲨口逃生好看吗</t>
  </si>
  <si>
    <t>上百助电影网、有高清版资源下载，我看过了，画面很震撼！</t>
  </si>
  <si>
    <t>还行，比较恶心。</t>
  </si>
  <si>
    <t>这部片子不错，情节紧凑，扣人心弦，不算恐怖，但是让人紧张值得一看。</t>
  </si>
  <si>
    <t>桔子解酒吗</t>
  </si>
  <si>
    <t>桔子里含有柠檬酸，而酒里的主要成分为乙醇，有机酸能与乙醇相互作用而形成酯类物质，从而达到解酒目的。</t>
  </si>
  <si>
    <t>八月的马好吗</t>
  </si>
  <si>
    <t>八月出生的马人，技艺智谋过人，文武兼全，胆大心虚，德高义衙，感情和合，有志气，勇往直前，凡事逐渐成功。</t>
  </si>
  <si>
    <t>当然好，那时候出生不冷不热</t>
  </si>
  <si>
    <t>中秋有猜灯谜的习俗吗</t>
  </si>
  <si>
    <t>猜灯谜不是中秋节的传统习俗。</t>
  </si>
  <si>
    <t>纸导电吗</t>
  </si>
  <si>
    <t>不导电，绝缘体。</t>
  </si>
  <si>
    <t>普通的干纸一般是不导电的，湿了就会导电。</t>
  </si>
  <si>
    <t>普通的纸是不导电的;导电纸,一种具有良好导电性能的纸。</t>
  </si>
  <si>
    <t>不易导电。</t>
  </si>
  <si>
    <t>如果纸不是湿的，不会导电的</t>
  </si>
  <si>
    <t>在不受潮的情况下，卫生纸是不会导电的。</t>
  </si>
  <si>
    <t>无限极灵芝皇服用剂量</t>
  </si>
  <si>
    <t>每日早午晚各1次，每次1－2粒。</t>
  </si>
  <si>
    <t>餐前半小时空腹食用吸收效果更佳。</t>
  </si>
  <si>
    <t>空腹能喝奶粉吗</t>
  </si>
  <si>
    <t>空腹不可以</t>
  </si>
  <si>
    <t>没有问题可以喝的.</t>
  </si>
  <si>
    <t>可以的.</t>
  </si>
  <si>
    <t>空腹喝牛奶不好</t>
  </si>
  <si>
    <t>是的，这样吸收好。</t>
  </si>
  <si>
    <t>空腹喝牛奶、豆浆、鸡蛋都会浪费其中大量的营养物质,蛋白质.</t>
  </si>
  <si>
    <t>微信可以直接在电脑上登录吗</t>
  </si>
  <si>
    <t>不能，微信是基于手机平台的。</t>
  </si>
  <si>
    <t>只能用扫描的</t>
  </si>
  <si>
    <t>扫描电脑网页上的二维码，就可以在电脑上使用微信了。</t>
  </si>
  <si>
    <t>不可以，只能通过扫二维码登录</t>
  </si>
  <si>
    <t>手机登录微信后，按顺序点击我-设置-帐号与安全-帐号保护，开启帐号保护。开启后在电脑上登录时要验证你的手机。在电脑上登录时，需要用你的手机验证，没有验证，应该无法在电脑上登录。</t>
  </si>
  <si>
    <t>电脑版微信的使用：先在电脑上下载安装电脑微信软件，然后打开软件会看见一个二维码，你接下来打开手机微信扫电脑屏幕上的二维码，最后在手机微信上同意电脑登录就好了。每次登录都要在手机上允许登录方可。</t>
  </si>
  <si>
    <t>唯品会有卖假货吗</t>
  </si>
  <si>
    <t>我买的森田面膜皮肤过敏又红又烫，</t>
  </si>
  <si>
    <t>唯品会，我买过假货大大有，两次都是次品。当然还存在你退货了，钱不直接给你，而是弄到唯品钱包，大大的弊端。</t>
  </si>
  <si>
    <t>孕妇能烤火吗</t>
  </si>
  <si>
    <t>孕妇可以用烤火炉啊，一般注意安全不要离太近吧既可以了，而且也要注意肚子那里不要接触温度太高了。</t>
  </si>
  <si>
    <t>孕妇可以用烤火炉啊</t>
  </si>
  <si>
    <t>可以烤火 注意通风</t>
  </si>
  <si>
    <t>三星a7可以放电信卡吗</t>
  </si>
  <si>
    <t>三星GALAXY A7系列有两款机型：1、三星GALAXY A7（A7009/电信4G）手机，支持电信4G、3G、2G网络，和移动、联通2G网络。能用电信卡。2、三星GALAXY A7（A7000/双4G）手机，支持移动和联通的4G、3G、2G网络。不支持电信网络，不能用电信卡。</t>
  </si>
  <si>
    <t>看机型</t>
  </si>
  <si>
    <t>A7系列手机有两个型号，其中A7000是一款双卡手机（卡槽2为混合型，可以选择放入Nano SIM卡或SD扩展卡），卡槽1使用Nano移动/联通卡支持移动或联通2G/3G/4G网络，卡槽2支持移动/联通2G网络。另一款手机A7009也可以支持双卡（卡槽2为混合型，可以选择放入Nano SIM卡或SD扩展卡），卡槽1使用Nano电信卡支持电信2G/3G/4G网络，卡槽2支持移动/联通2G网络。</t>
  </si>
  <si>
    <t>你需要购买三星GALAXY A7（A7009/电信4G）机型，才能连接使用电信的手机卡。</t>
  </si>
  <si>
    <t>三星galaxya7同时能放电信卡和移动卡</t>
  </si>
  <si>
    <t>日抛好吗</t>
  </si>
  <si>
    <t>日抛含水量高，成型较差，镜片很软，对于初戴者来说一般不推荐使用日抛的。日抛的一般镜片非常柔软，初学者很难将它放到眼睛里去，再一个高含水量，戴的时间久了眼睛容易干。日抛唯一的优点就是不用买护理液，不用天天护理。</t>
  </si>
  <si>
    <t>而在国内市场，日抛与其他抛弃型隐形眼镜产品所占比例并无多大差距，甚至处于劣势，其中原因之一就是日抛的价格。日抛隐形眼镜需要每日更换新片，因此在价格上有一定的压力，相比于年抛、半年抛产品来看，同时间内日抛价格的确要高一点。但是，消费者需要理性认识的是，摆在第一位的条件不应是价格，而应是产品质量以及配戴健康性。</t>
  </si>
  <si>
    <t>隐形眼镜，一定要选日抛型的，</t>
  </si>
  <si>
    <t>因为日抛是配戴隐形眼镜最健康的方式。</t>
  </si>
  <si>
    <t>养车无忧网靠谱吗</t>
  </si>
  <si>
    <t>养车无忧网是国内的O2O汽车自助保养服务平台，为私家车主提供一站式的4S以外的汽车保养和养护服务，由专业汽车保养维修配件及养护用品B2C在线商城以及线下专业的保养快修服务站网络组合为车主提供服务。</t>
  </si>
  <si>
    <t>.无</t>
  </si>
  <si>
    <t>不知道，以前我也都是在4S店里做的，你向你周围有人去过养车无忧网的打听一下。</t>
  </si>
  <si>
    <t>手机充电时可以看视频吗</t>
  </si>
  <si>
    <t>最好不要看，因为这有可能还发生危险，譬如电量过大引起爆炸。</t>
  </si>
  <si>
    <t>建议最好别看，辐射是平常的几百倍甚至更多。</t>
  </si>
  <si>
    <t>时间不能超过半小时。</t>
  </si>
  <si>
    <t>可以看电影。</t>
  </si>
  <si>
    <t>在充电时的电压高于待机时的电压，若同时进行打电话看视频等操作，手机内部的瞬间电压会超过平时的很多倍，零部件会迅速受热，此时，不光对电池是有害的，对身体也是有害的，另外，会存在一定得危险性，所以不推荐充电时频繁对手机进行操作。</t>
  </si>
  <si>
    <t>一般可以充电看电影，如果手机发热严重就不要看了。</t>
  </si>
  <si>
    <t>可以看，但是注意不要用劣质盗版充电线，防止电流过大，容易使机器发热，原装充电线还是没有问题的</t>
  </si>
  <si>
    <t>可以。但是对电池伤害有点大，会缩短使用寿命。</t>
  </si>
  <si>
    <t>可以的，但这样会对手机比较有伤害的，最好是完全冲完电后在使用手机这样比较好</t>
  </si>
  <si>
    <t>智能机充电的时候是可以看视频的</t>
  </si>
  <si>
    <t>是否应该对植物人安乐死</t>
  </si>
  <si>
    <t>有些国家可以对植物人施行安乐死，但是要求很严格</t>
  </si>
  <si>
    <t>安乐死在我国不被司法实践接受，但是执行死刑唯一有效的依据是法院的判决书。</t>
  </si>
  <si>
    <t>我国法律不支持安乐死。</t>
  </si>
  <si>
    <t>外国不知道，但中国肯定是可以的。你告诉医院不治了，就可以准备后事了。</t>
  </si>
  <si>
    <t>在我国法律里，并无安乐死的规定，在实际的操作中，法院不允许医院为病人做安乐死，因为安乐死这一行为涉及故意杀人的嫌疑，而故意杀人是要承担刑事责任。</t>
  </si>
  <si>
    <t>腰椎间盘突出可以做瑜伽吗</t>
  </si>
  <si>
    <t>可以。但是做前曲，后弯的体式一定要慎重。侧曲时也要慎重，要向正侧方向弯曲，不要拱背。</t>
  </si>
  <si>
    <t>一般医生会讲义不要练习，但是实际情况是避免做或者小心的做某些体位就可以，而且某些瑜伽体式可以加强背部力量，会有一定的症状缓解。如果严重的话建议听从医生建议，可以手术或者其他一些物理治疗，等症状缓解了再高氯瑜伽的练习！</t>
  </si>
  <si>
    <t>腰间盘突出者可以选择性的练瑜伽，不宜做太剧烈，强度难度大瑜伽的动作，选择一些温和有针对性的瑜伽动作可以有助于腰间盘突出的恢复，在资深老师的指导下进行为最佳。</t>
  </si>
  <si>
    <t>可以。瑜伽是有非常有效的理疗作用的</t>
  </si>
  <si>
    <t>瑜伽对身体平衡的要求很高，不是很适合腰突患者</t>
  </si>
  <si>
    <t>要看你腰椎盘突出严重程度，如果是轻微的，问题不大，如果比较严重，最好询问一下医生，遵照医嘱，还有练瑜伽要循序渐进</t>
  </si>
  <si>
    <t>可以的，锻炼时注意体式就好。建议脊柱扭动式，人面狮身式，眼镜蛇式，蛇击式，等等。</t>
  </si>
  <si>
    <t>北京的国企解决户口吗</t>
  </si>
  <si>
    <t>要是签订了长期固定的用工合同，大多数的国企是可以解决北京户口的，但也是北京集体户口。</t>
  </si>
  <si>
    <t>国企，高新技术企业，具体得看他们有没有户口指标。</t>
  </si>
  <si>
    <t>多为国企、事业单位。不少私企，外企也有留京指标，可以解决户口</t>
  </si>
  <si>
    <t>2015二建难吗</t>
  </si>
  <si>
    <t>有点难度。</t>
  </si>
  <si>
    <t xml:space="preserve">好难啊 多选题里面都可选可不选的内容 </t>
  </si>
  <si>
    <t>不难 。</t>
  </si>
  <si>
    <t>二级建造师是国家注册类考试，在我们国家注册类的考试等级最高，证书含金量最高，所以难度也是最大的。</t>
  </si>
  <si>
    <t>二建还是相对简单的，都是一些理论知识，只要你认真备考了</t>
  </si>
  <si>
    <t>延迟发工资算拖欠吗</t>
  </si>
  <si>
    <t>个人签定的有劳动合同，则按照劳动合同上规定的工资日计算，拖欠一天都是违反劳动法的行为。</t>
  </si>
  <si>
    <t>根据《工资支付暂行规定》只要超过了约定的发薪日就构成拖欠工资。</t>
  </si>
  <si>
    <t>当月未按时发放工资就属于法律意义上的拖欠工人工资</t>
  </si>
  <si>
    <t>如果你签定的有劳动合同，则按照劳动合同上规定的工资日计算，拖欠一天都是违反劳动法的行为；</t>
  </si>
  <si>
    <t>算拖欠工资，可以申请劳动仲裁或去劳动监察投诉！</t>
  </si>
  <si>
    <t>脑瘫影响智力吗</t>
  </si>
  <si>
    <t>脑瘫是出生前、出生时、出生后一个月内，受到各种损害所致的非进行性脑损伤，多半会遗留永久性神经损害后遗症，如运动、语言、视觉、听觉等功能障碍，智力低下，癫痫等。早期发现，早期治疗，效果会比较好。</t>
  </si>
  <si>
    <t>根据损伤部位不同而定，有些影响，有些不影响。</t>
  </si>
  <si>
    <t>不一定，有的走路有问题，但智力超常</t>
  </si>
  <si>
    <t>一般如果脑瘫很轻的话不会影响智力的</t>
  </si>
  <si>
    <t>需要看脑损伤部位，很多一部分脑瘫儿童智力受影响是因为少于正常儿童的感触觉、视觉等刺激等引起的，所以在脑瘫儿童的治疗过程中，护理也是很重要的一部分。</t>
  </si>
  <si>
    <t>gtx750需要独立供电吗</t>
  </si>
  <si>
    <t>以华硕猛禽STRIX-GTX750TI-OC-2GD5显卡为例，此款显卡是需要单独供电的，需要从电源上单独接线，接口为6PIN。</t>
  </si>
  <si>
    <t>是的，独立供电的，也可以买个转接插头</t>
  </si>
  <si>
    <t>现在的独立显卡都需要独立供电了</t>
  </si>
  <si>
    <t>不一定需要的，我就用过GTX750，不过是GTX750TI，GTX750属于中端显卡，性能还行，功耗低，一般如果你电脑主机的电源供电足够，GTX750是不要独立供电的，比如你的电源在300W或以上，就不需要，电脑的电源足够供电，像那些高端显卡，功耗在一两百瓦以上的，才需要独立供电，GTX750功耗在六七十瓦左右，所以如果你电源功率够大，不需要独立供电</t>
  </si>
  <si>
    <t>gtx750ti最大功耗65w，需要独立供电的</t>
  </si>
  <si>
    <t>是的要独立供电</t>
  </si>
  <si>
    <t>750是5带卡，几乎不需要，存在两个版本，一个独立供电口，需要独立供电，一个没有独立供电口。直接主板供电的，我的就是后者，电钻300瓦，最大400瓦</t>
  </si>
  <si>
    <t>肯定要的 如果没有独立供电 说明是改卡 假卡</t>
  </si>
  <si>
    <t>这个得看你买的是那种版本，GTX750TI有独立和非独立供电两种版本，大部分都是需要独立供电的</t>
  </si>
  <si>
    <t>中成药吃多了没事吧</t>
  </si>
  <si>
    <t>要看喝药，用少药量煮，般放水药效变弱，没事，喝水</t>
  </si>
  <si>
    <t>神武罗成是永生的吗</t>
  </si>
  <si>
    <t>这个就是战神落成资质、技能都一样不会改变。寿命不是永生的，和普通宠物一样。</t>
  </si>
  <si>
    <t>罗成寿命不是永生的，是和普通BB一样的，当然通过特殊宠物染色（600金币）就变成变异的了</t>
  </si>
  <si>
    <t>貌似不能</t>
  </si>
  <si>
    <t>蓝莓能多吃吗</t>
  </si>
  <si>
    <t>每人每天吃水果的量最好是200克左右，所以再好吃或者喜欢吃的话，尽量不要食用过多。</t>
  </si>
  <si>
    <t>无论什么东西，多吃无益，所以肯定不能多吃，但是适量的吃还是有好处的。首先要说蓝莓的果实中含有丰富的花色苷（花青素），所以经常食用蓝莓制品，可明显地增强视力，消除眼睛疲劳；营养皮肤；延缓脑神经衰老；并且对由糖尿病引起的毛细血管病有治疗作用；增强心脏功能；还可以一定程度上预防老年痴呆。</t>
  </si>
  <si>
    <t>蓝莓为低脂肪水果，只要有钱，肯定是越多越好了。</t>
  </si>
  <si>
    <t>怀孕期间可以坐飞机吗</t>
  </si>
  <si>
    <t>可以啊,超过8个月才禁止乘机.</t>
  </si>
  <si>
    <t>可以的，不过也要看你身体能否受得了。32--36周需要医疗证明，36周以上不能乘坐</t>
  </si>
  <si>
    <t>孕妇是可以坐飞机的，孕期如果需要出行的话，选择飞机是最便捷的，但是由于孕早期和孕晚期都属于不太稳定的时期，因此很多医生建议在这两个阶段最好不要乘飞机</t>
  </si>
  <si>
    <t>怀孕可以坐飞机! 孕妇如果怕安检辐射影响胎儿, 可以要求人工安检(非仪器安检)..!</t>
  </si>
  <si>
    <t>可以啊，我都坐飞机出去玩的。但是月份大了就不能了。</t>
  </si>
  <si>
    <t>魔兽世界单机版好玩吗</t>
  </si>
  <si>
    <t>肯定不好玩嘛··魔兽讲的就是团队协作没人跟你一起打FB···多没意思啊</t>
  </si>
  <si>
    <t xml:space="preserve">我玩过单机的 使用大芒果改的 开始玩得很带劲 </t>
  </si>
  <si>
    <t>单机版就是背道而驰无意义</t>
  </si>
  <si>
    <t>不好玩，特别无聊</t>
  </si>
  <si>
    <t>当然好玩啊 我本人很喜欢玩</t>
  </si>
  <si>
    <t>ndsi能玩gba游戏吗</t>
  </si>
  <si>
    <t>当然可以，不过要买gba烧录卡或者是dstwo烧录卡</t>
  </si>
  <si>
    <t>nds的slot2卡插槽可以玩，如果slot1插槽只能用DSTWO烧录卡玩！</t>
  </si>
  <si>
    <t>4月份的时候会有一款支持在DSi上玩GBA游戏的烧录卡DStwo发售.</t>
  </si>
  <si>
    <t>NDSI把GBA卡槽去掉了，所以就不能直接玩GBA游戏了，不过以后不知道会不会在NDSI上出GBA的模拟器</t>
  </si>
  <si>
    <t>刀具能快递吗</t>
  </si>
  <si>
    <t>厨房刀具可以寄，管制刀具不可以。</t>
  </si>
  <si>
    <t>可以呢，只要你封好，不要给人家看见</t>
  </si>
  <si>
    <t>不可以，查到就没有了，快递公司还要罚款。我是快递公司的。</t>
  </si>
  <si>
    <t>都可以的。但是个人觉得宅急送不错，上次买吉他也是找这家送的，很负责包装很仔细，还支持验货！希望对您有帮助望采纳哦！</t>
  </si>
  <si>
    <t>每家快递都可以寄啊</t>
  </si>
  <si>
    <t>建议可以试试韵达快递。可以说成是为开刀刃的厨具。</t>
  </si>
  <si>
    <t xml:space="preserve">当然可以的啊，厨房刀具家家户户每天必用啊，一般快递多可以邮寄托运的。 </t>
  </si>
  <si>
    <t>可以寄的，易燃物品都能寄。</t>
  </si>
  <si>
    <t>怀孕一个月可以做人流吗</t>
  </si>
  <si>
    <t>你好，一个月可以做人流，保险起见建议你去正规的大医院做无痛人流，不要去一些小诊所之类的地方做药流。</t>
  </si>
  <si>
    <t>可以做的</t>
  </si>
  <si>
    <t>需要做下彩超看下宫内是否能看到孕囊 符合人流标准 可以做的</t>
  </si>
  <si>
    <t>怀孕40天-60天孕囊大小是最适合做人流手术的，一般都建议在这个时间做人流手术</t>
  </si>
  <si>
    <t>35-50天是有医学根据的，太早孕囊太小容易流产不全，残留组织会继续发育；太晚会导致孕囊过大，术伤害增大，费用增高！所以才建议一个月左右的时间！</t>
  </si>
  <si>
    <t>脐带绕颈一周危险吗</t>
  </si>
  <si>
    <t>脐带绕颈一周是比较常见的一种现象，一般是没有危险的。</t>
  </si>
  <si>
    <t>脐带绕颈一周有可能会自己松解，如果不松解不超过2圈那就没有影响也不会有危险，不要担心。</t>
  </si>
  <si>
    <t>一周没关系的 可以顺产 我同学两周也顺了＃＃没关系的哦，只要宝宝健康就好的，只要不是绕两周</t>
  </si>
  <si>
    <t>不要担心，脐带只是绕颈一周而已!基本上脐带绕颈一周两周的话，都是没有危险的呢！完全可以顺产！所以只要你家宝宝胎位正，大小标准的话，你绝对可以实现顺产宝宝的呢！</t>
  </si>
  <si>
    <t>没事,我家的当时就绕了一周,没想到生的时候自己又绕出来了,我婆婆说,生我老公的时候,绕颈两周</t>
  </si>
  <si>
    <t>没事的，脐绕颈很常见的，没有危险。</t>
  </si>
  <si>
    <t>没事的，基本宝宝都会绕颈，只要是松的也不会影响顺产。也有还绕两周呢</t>
  </si>
  <si>
    <t>不必紧张，通常没什么影响的。平时注意胎动，胎动过频或减慢均需及时医院检查。孕期注意休息，定期检查。</t>
  </si>
  <si>
    <t>平板能用无线网卡吗</t>
  </si>
  <si>
    <t>平板电脑一般都内置无线模块也就是无线网卡，不需要单独再安装了。直接连WIFI就可以使用了。</t>
  </si>
  <si>
    <t>上网卡是支持的。即使没有内置插槽，但是外置的也是都支持的，这个就需要你去购买一个OTG转换线，因为无线上网卡的终端接口一般是USB接口。而平板一般带的USB接口是类似于手机型的小接口，所以需要去购买一条USB转换接口的线，就能够随时随地无线卡上网了。</t>
  </si>
  <si>
    <t>iPad本身自带无线网卡，同时也有插卡版本的ipad。因此可以使用无线网卡。</t>
  </si>
  <si>
    <t>不可以，根本没有usb口，无线上网卡插不上，所以像笔记本那样上网不可能</t>
  </si>
  <si>
    <t>看看你的ipad是不是3G版，如果是的话，有个专门的口可以直接插一张3G电话卡，这样就可以上网，如果不是3G版，就不行了。</t>
  </si>
  <si>
    <t>水煮蜜蜡能出证书吗</t>
  </si>
  <si>
    <t>现在蜜蜡证书有好多假的，水煮蜜蜡是人工优化，有有证书。但是圈内不认同人工优化过的蜜蜡就是天然的</t>
  </si>
  <si>
    <t>一般水煮蜜是无法出具证书的。</t>
  </si>
  <si>
    <t>google能用吗</t>
  </si>
  <si>
    <t>2014年5月27日，由于中美之间就网络安全问题再起冲突，大陆用户彻底无法访问Google所有国家和地区的域名。同时，除翻译服务以外，中国大陆的Google服务器也停止了所有服务。大陆用户目前只能通过IP访问境外的谷歌服务器。</t>
  </si>
  <si>
    <t>谷歌搜索现在还是可以用的，主要可以通过以下途径：1.可以使用相关的软件进行登录，例如VPN。2.在香港可以登录谷歌香港。3.在国外登录谷歌可以使用。</t>
  </si>
  <si>
    <t>不能哦～ 还是需要翻墙的</t>
  </si>
  <si>
    <t>设置了VPN把你的IP换成美国或是香港的才可以打开下载使用 51vpn的国际VIP就可以登录</t>
  </si>
  <si>
    <t>可以。谷歌的某些产品还是可以使用的，如谷歌翻译，搜索引擎这块因为某些协议，不能使用，但是可以通过一些方式使用，如VPN工具。</t>
  </si>
  <si>
    <t>芝麻上火吗</t>
  </si>
  <si>
    <t>白芝麻或黑芝麻不会上火</t>
  </si>
  <si>
    <t>吃黑芝麻不会上火，但要熟吃更有营养。</t>
  </si>
  <si>
    <t>适度食用不会，但食用过多也会上火，因为黑芝麻高脂高蛋白，属于热性食品。</t>
  </si>
  <si>
    <t>平时可以吃些芝麻.但是超过的芝麻吃多了就容易上火.</t>
  </si>
  <si>
    <t>上班族可以养狗吗</t>
  </si>
  <si>
    <t>养狗首先要考虑一些问题，如果都没有问题是可以养的。</t>
  </si>
  <si>
    <t>能，狗饿一天都没事，可以在早上准备好吃的，晚上再加。</t>
  </si>
  <si>
    <t>一般来说狗狗的胃口不会比人大，所以一天只需1～2餐，主人在出门上班前为狗狗备好足够的狗粮，一般是不需要担心的，所以养狗是绝对没问题的。但若是主人从来都没有休息日，日夜都加班，养狗就不太合适了，因为一般不带狗狗到户外活动的话就像人总是宅在家里一样，会精神不振。</t>
  </si>
  <si>
    <t>win10升级会擦除电脑上的数据吗</t>
  </si>
  <si>
    <t>不会清除数据</t>
  </si>
  <si>
    <t>如果是升级安装，则不会清空文件</t>
  </si>
  <si>
    <t>如果你是升级到WIN10而不是全新安装就不会清空所有文件。</t>
  </si>
  <si>
    <t>如果是全新安装时会要求选择是否格式化假设系统装在C盘，格式化则清空并替换C盘的文件，不格式化的话安装程序会将原来的C盘打包成WINDOWS.OLD文件，并将新的系统文件安装进去，C盘以外的其他分区数据，如果不格式化就不会清空的</t>
  </si>
  <si>
    <t>不会的，软件和软件配置都会自动保存</t>
  </si>
  <si>
    <t>顺丰快递可以寄蜂蜜吗</t>
  </si>
  <si>
    <t>可以，只能寄陆运，并且保证一定要原包装。但是这属于易碎品，大多数收派员不愿收寄，因坏了收派员要承担责任，若是原包装的话，收派员就会无责任，坏了公司会赔偿。还有就是发这类快递时对收派员客气点，毕竟他也要付责任的。若无原包装的话，就要跟收派员商量让其帮忙包装，适当加个几元钱（10元以下）给收派员，并且跟收派员说坏了不要他赔偿。若你不想用这方法，就只有采用狠招了，打4008111111要求顺丰必须收此快件，若不收就投诉到媒体，曝光顺丰拒收快件，给客户造成不便。</t>
  </si>
  <si>
    <t>一般次日就可到了，续重10---13元每公斤：起步价23元每公斤。</t>
  </si>
  <si>
    <t>也不是可不可以的问题，是从哪里寄到哪里，交通工具是什么，液体好像是不能上飞机的，但陆运可以</t>
  </si>
  <si>
    <t>顺丰快递公司是可以快递蜂蜜的，但需要包装好。因为蜂蜜是属食品，没有气体、没有挥发性，也不是可燃体，也不是违禁品，一般快递单位是可以邮寄的。只要包装好的，是可以邮寄的，如晨没有包装好，可能就不会收寄了。</t>
  </si>
  <si>
    <t>阑尾炎能吃葡萄吗</t>
  </si>
  <si>
    <t>可以的,不会导致不好的影响的。 少吃多餐。</t>
  </si>
  <si>
    <t>这个是可以的不影响的。</t>
  </si>
  <si>
    <t>黑豹乐队现在还存在吗</t>
  </si>
  <si>
    <t>还在的，豹乐队现任成员在做音乐，刚刚完成最新专辑的录制，跟过去的专辑有着很大的颠覆。</t>
  </si>
  <si>
    <t>黑豹乐队是中国著名摇滚乐队，成立于1987年。自成立以来，黑豹乐队的摇滚精神和颇高的音乐质量使得黑豹乐队成为中国摇滚乐的一面旗帜。2013年，黑豹乐队主唱更换为张淇，并发行专辑《我们是谁》。2015年，黑豹乐队发行专辑《尽余欢》。乐队音乐风格以流行摇滚为主，代表作品《无地自容》、《潮汐》、《枷锁》《Don’t break my heart》、《不再沉默》、《兄弟》等。</t>
  </si>
  <si>
    <t>还在，黑豹应该转入地下了。</t>
  </si>
  <si>
    <t>眼角痣手术危险吗</t>
  </si>
  <si>
    <t>根据你的照片看这个肉痣一般是不容易病变的。如果影响美观建议你可以选择激光方法去除掉的，激光后局部暂时不要沾水，注意饮食的清淡，避免吃辛辣刺激性油腻，海鲜牛羊肉食物，一般激光后半个月左右会恢复好的。</t>
  </si>
  <si>
    <t>有的是会一直长，那种最好是点起来，以免以后痣过大，影响美观，影响日常生活的进行。有的只是长到一定的程度。如果条件允许的话，还是点起来，以防万一</t>
  </si>
  <si>
    <t>我脸上点过很多痣！离眼睛远了就没事！那东西有腐蚀性</t>
  </si>
  <si>
    <t>new ipad能升级ios9吗</t>
  </si>
  <si>
    <t>升级方法：iOS 9的升级过程包含两个途径，一个是直接在终端上OTA，即【设置】-【通用】-【系统更新】，而另外一个则是通过电脑上的iTunes升级。需要注意的是，iOS 9正式版更新推送前几天，服务器会很繁忙，所以升级过程中或许会出现一些问题。如果你不着急，过一段时间等系统更稳定后再更新也不迟。＃＃在设置里面的系统，你检测一下，会自动升级的。</t>
  </si>
  <si>
    <t>ipad一代不能升级iOS，最低ipad2才可以升级。</t>
  </si>
  <si>
    <t>这个当然是可以的，ipad air支持ios9系统的，可以进行升级到最新的ios9系统</t>
  </si>
  <si>
    <t>可以啊，我的前几天就升级完了</t>
  </si>
  <si>
    <t>网上能开户炒股吗</t>
  </si>
  <si>
    <t>现在各证券公司开户均在网上办理，主要是通过手机自助开户的方式。</t>
  </si>
  <si>
    <t>股票开户，可以网上进行。</t>
  </si>
  <si>
    <t>炒股可以直接在网上开户，股票网上开户，</t>
  </si>
  <si>
    <t>股票开户可以现场办理开户，也可以网上可以开户。</t>
  </si>
  <si>
    <t>可以，现在多数股民都是经过网上开户，交易股票。网上开户流程：首先得准备好身份证、手机、银行卡；电脑、摄像头、网络、语音设备。</t>
  </si>
  <si>
    <t>狂犬病会通过性传播吗</t>
  </si>
  <si>
    <t>不能，只能通过咬伤（唾液接触伤口传染），且除器官移植外。</t>
  </si>
  <si>
    <t>美术生好找工作吗</t>
  </si>
  <si>
    <t>美术类毕业生大学毕业后好找工作的，毕业生竞争是激烈的。</t>
  </si>
  <si>
    <t>我也美术类毕业的，工作还是比较好找的，看你的要求是什么，什么标准了，这因人而异嘛。只要在自己有真本事，在哪里都行。</t>
  </si>
  <si>
    <t>不好找，能找到就是好工作！</t>
  </si>
  <si>
    <t>美术出来找工作是很好找的，基本上什么地方都可以去应聘。</t>
  </si>
  <si>
    <t>其实美术专业的，有好多工作可以找</t>
  </si>
  <si>
    <t>现在美术专业不是太好找工作</t>
  </si>
  <si>
    <t>酸奶对牙齿好吗</t>
  </si>
  <si>
    <t>喝酸奶对牙齿是有害的</t>
  </si>
  <si>
    <t>是有益于牙齿</t>
  </si>
  <si>
    <t>所有食物在口腔咀嚼加上唾液会分解酶，会酸蚀形成龋坏，或是超过7小时会变软垢，时间再长会变牙结石。</t>
  </si>
  <si>
    <t>喝酸奶对胃很好，晚上睡前喝的话建议漱口哈</t>
  </si>
  <si>
    <t>饮用酸奶和碳酸饮料切忌过量，每次最好不要超过两盒。如果酸奶饮用过量，反而导致龋齿的产生，这样也得不偿失。</t>
  </si>
  <si>
    <t>山西省农业广播电视学校太谷正规吗</t>
  </si>
  <si>
    <t>山西省农业广播电视学校应该属于成人继续教育学校，上出来估计有些单位不承认。是属于国民教育体系的。</t>
  </si>
  <si>
    <t>彭于晏整容了吗</t>
  </si>
  <si>
    <t>据说真整过的，不过话说他的下巴是太假了点。</t>
  </si>
  <si>
    <t>当然没有，只是矫正过牙齿,以前嘴巴嘟嘟的,又有点婴儿肥,现在瘦了好多,虎牙也矫正了,所以会觉得变化很大。</t>
  </si>
  <si>
    <t>当然没有.</t>
  </si>
  <si>
    <t>没有报道说他整过</t>
  </si>
  <si>
    <t>香港需要向中央交税吗</t>
  </si>
  <si>
    <t>香港不需要向中央交税。</t>
  </si>
  <si>
    <t>不需要，香港属于高度自治区域，所有的收支都是根据自己财政安排，中央不会干预太多，更不会让其交税，中央还会把有些好政策给香港。</t>
  </si>
  <si>
    <t xml:space="preserve">香 港 特 别 行 政 区 的 财 政 收 入 全 部 用 於 自 身 需 要 ， 不 上 缴 中 央 人 民 政 府 。 </t>
  </si>
  <si>
    <t>香港特区不需要向中央交税,香港属于高度自治区域，所有的收支都是根据自己财政安排，中央不会干预太多，更不会让其交税，中央还会把有些好政策给香港。</t>
  </si>
  <si>
    <t>月经期可以吃鹿茸吗</t>
  </si>
  <si>
    <t>女性在经期的时候，最好不要选择它，否则对身体会产生一些危害，</t>
  </si>
  <si>
    <t>正常的情况下考虑月经期尽量避免使用较好的.以免影响月经周期和月经量。</t>
  </si>
  <si>
    <t>中老年人。40岁以上的中年男性及体质较差的老年人，食用鹿茸可补益气血，强心复脉，化淤生肌，强筋壮骨。</t>
  </si>
  <si>
    <t>鹿茸属于价格比较昂贵的中药材，如果不是治疗需要，最好等月经过后再吃，以免部分营养随同经血流走，造成浪费。一般情况下，经期宜平补，不宜大补。</t>
  </si>
  <si>
    <t>属龙和属鸡的合不合</t>
  </si>
  <si>
    <t>十二生肖姻缘配对中，生肖属龙的男性和生肖属鸡的女性两人的姻缘结合可以算的上是非常相合的一桩姻缘，两人在事业上也可以达到互相帮助，而且属相上看男属龙与女属鸡两人的婚姻又是六合婚姻。其实生肖属龙的男性和生肖属鸡的女性两人头脑聪明，在工作上，或者做别的事情上，双方的能力都没有很大的差距，而且你们各自都很独立，不会非常依赖着对方，愿意自己去打造自己的事业，其实男属龙和女属鸡一起相处，是能互相帮助事业的配对，不仅可以让自己的经济得以提高，而且还会拥有幸福美满的家庭。如果男属龙和女属鸡相遇了，而没有把对方留下的话，那么就是你自己的损失，也是对你喜欢的他她不负责。</t>
  </si>
  <si>
    <t>大家可听说过龙凤配吧，龙与凤是最相配的，所以男属龙和女属鸡相配，其实就是龙凤配，因为传说中的龙凤配指的就是龙与鸡相配，所以从古老的说法，男属龙和女属鸡都是结婚的对象，结婚过后会非常幸福；从属相上来看，一个龙地支是辰，一个鸡地支是酉，辰酉合称为六合，意思是男龙女鸡结婚，就是六合婚姻，了是非常完美的组合。 其实男属龙和女属鸡的头脑都很发达，在工作上，或者做什么事情，你们的能力都没有很大的差距，而且你们各自都很独立，不会非常依赖着对方，愿意自己去打造自己的事业，其实男属龙和女属鸡一起相处，是能互相帮助事业的配对，不仅可以让自己的经济得以提高，而且还会拥有幸福美满的家庭。</t>
  </si>
  <si>
    <t>非常合</t>
  </si>
  <si>
    <t>龙鸡为辰酉六合。</t>
  </si>
  <si>
    <t>我们这里有个传说说，鸡本来是有犄角的，却被龙给借走了，所以说龙和鸡是不和的</t>
  </si>
  <si>
    <t>属龙的和属鸡的结婚是龙凤呈祥啊！</t>
  </si>
  <si>
    <t>配啊民间说法叫做龙凤呈祥啊</t>
  </si>
  <si>
    <t>银联在线支付需要手续费吗</t>
  </si>
  <si>
    <t>针对持卡人选择银联在线支付是不收费的，只要有银联标识的卡即可支付。</t>
  </si>
  <si>
    <t>不需要付额外的手续费的！银联在线支付也是第三方支付！与支付宝等第三方支付平台是同样的！不用付手续费的！</t>
  </si>
  <si>
    <t>银联在线支付开通是免费的。</t>
  </si>
  <si>
    <t>用银联在线支付不收手续费。 银联安全支付服务不直接向持卡人收费。</t>
  </si>
  <si>
    <t>无头骑士异闻录找到头了吗</t>
  </si>
  <si>
    <t>严格来说没有。</t>
  </si>
  <si>
    <t>没找到头，只知道头的下落，在制药厂</t>
  </si>
  <si>
    <t>最后一集没有说明 但是她并没有找到她的头</t>
  </si>
  <si>
    <t>动画中没有，至于原作的小说中，更没有啊，我估计等塞尔提把头找回来了 《无头》也就完结了 所以说 不会那么快的</t>
  </si>
  <si>
    <t>2016年银川房价会跌吗</t>
  </si>
  <si>
    <t>近两年肯定没有一丁点降价的可能了</t>
  </si>
  <si>
    <t>4000以上吧， 走势向上</t>
  </si>
  <si>
    <t>牛奶能不能和鸡蛋一起吃</t>
  </si>
  <si>
    <t>鸡蛋三不宜。1、鸡蛋与牛奶</t>
  </si>
  <si>
    <t>目前来说法不一，还没有一个统一的答案，绝大多数同意可以同食，只是两者不要放一起做熟，存在破坏各自的营养成分的可能性。</t>
  </si>
  <si>
    <t>牛奶和鸡蛋可以一起吃的。</t>
  </si>
  <si>
    <t>牛奶和鸡蛋混搭还是有营养的，只是缺乏维生素和碳水化合物，早餐吃还是要注意。而说到禁忌：豆浆是不能和鸡蛋同吃的。</t>
  </si>
  <si>
    <t>牛奶中含乳糖，乳糖是半乳糖与葡萄糖的二聚体，其中半乳糖就是其营养所在。鸡蛋含有很多蛋白质，分解为氨基酸，氨基酸的吸收耗能（小 肠壁上的主动运输）。此时，血液中可利用的葡萄糖较少，半乳糖就会被氧化供能。鸡蛋里的某种蛋白会和牛奶里的某中营养成分相互反应，是营养价值下降，所以不宜同食。</t>
  </si>
  <si>
    <t>1个鸡蛋+1杯牛奶，完全可以一起吃。</t>
  </si>
  <si>
    <t>仙特明能长期吃吗</t>
  </si>
  <si>
    <t>仙特明(盐酸西替利嗪片)不宜长期服用</t>
  </si>
  <si>
    <t>长期服用对身体有害，过量成人表现为嗜睡，儿童表现为激动。</t>
  </si>
  <si>
    <t>花生能否降血糖</t>
  </si>
  <si>
    <t>花生不能降低血糖</t>
  </si>
  <si>
    <t>可以的。带壳的每天一两。花生含有一种人体所需的镁，镁是人体合成卵黄磷脂的激治剂。故糖尿病人补充镁是有益而无害。</t>
  </si>
  <si>
    <t>花生不具备降血糖的效果的。</t>
  </si>
  <si>
    <t>皮卡车有自动挡的吗</t>
  </si>
  <si>
    <t>国产的好像没有，进口的福特猛禽，丰田坦途等都是自动档的</t>
  </si>
  <si>
    <t>普通的皮卡汽车是没有自动挡的。部分比较高档的皮卡有自动挡。</t>
  </si>
  <si>
    <t>皮卡车自动挡的车型很少，一般都是一些高端进口皮卡是自动挡车型，如丰田坦途，福特f350，道奇等高端皮卡车型。</t>
  </si>
  <si>
    <t>有的，很多皮卡车现在都有自动挡了。</t>
  </si>
  <si>
    <t>有啊猛禽坦途都是自动挡的</t>
  </si>
  <si>
    <t>目前国内是没有自动挡的皮卡的</t>
  </si>
  <si>
    <t>灵芝孢子粉有激素吗</t>
  </si>
  <si>
    <t>没有这说法，可以增加身体免疫能力。抗衰老，延年益寿，自古有神仙草的说法。</t>
  </si>
  <si>
    <t>孕妇吃酸的好吗</t>
  </si>
  <si>
    <t>酸味能刺激胃分泌胃液，有利于食物的消化与吸收，所以多数孕妇都爱吃酸味食物。酸性食物有利于铁的吸收，可促进血红蛋白的生成，酸性物质还参于游离钙形成钙盐在骨骼中沉积的过程，利于胎儿骨骼的形成，所以孕妇多吃些酸味食物很有好处。但是，孕妇食酸应讲究科学，不要多吃人工腌制的酸菜和醋制品。人工腌制的酸菜、醋制品虽然有一定的酸味，但维生素、蛋白质、矿物质、糖类等多种营养几乎丧失殆尽，而且腌菜中的致癌物质亚硝酸盐含量较高，过多的食用显然对母体、胎儿健康无益。</t>
  </si>
  <si>
    <t>并不是说只要是酸味的就一定是好的食物，山楂不适宜孕妇食用，其对子宫的刺激相当大，能刺激其收缩，从而可能引起流产等。准妈妈对人工腌制的酸菜、泡菜也要谨慎食用。因为这类食物中的维生素、蛋白质等营养成分受到了破坏，几乎不含任何营养成分，却含有致癌物质亚硝酸盐，对胎儿和母体有害无益，所以准妈妈一定要谨慎食用。</t>
  </si>
  <si>
    <t>孕妇吃酸的当然可以</t>
  </si>
  <si>
    <t>宫颈癌会传染吗</t>
  </si>
  <si>
    <t>尽管多数HPV感染是亚临床型（无症状感染）的，但仍然可以传染、散播。</t>
  </si>
  <si>
    <t>所有的癌症都不会传染的！</t>
  </si>
  <si>
    <t>HPV病毒是导致宫颈癌的直接原因，而HPV病毒是有传染性的，所以从这个角度来讲，它是会传染的，建议你去医院做一个全面的检查，确认病因</t>
  </si>
  <si>
    <t>当然不会！</t>
  </si>
  <si>
    <t>宫颈癌一般是不会传染给爱人的.</t>
  </si>
  <si>
    <t>导致宫颈癌的罪魁祸首是HPV病毒，这种病毒是具有传染性的，主要传播途径就是男女之间的性接触</t>
  </si>
  <si>
    <t>凉衣架凹槽的好吗</t>
  </si>
  <si>
    <t>架肩支撑力强，能有效防止衣物滑落带凹槽的衣架挂高档衣服，用衣服上的内挂线圈挂，以防撑出印迹。挂背心，防滑</t>
  </si>
  <si>
    <t>防止衣服掉落</t>
  </si>
  <si>
    <t>口水干了很臭正常吗</t>
  </si>
  <si>
    <t>正常的口腔以及口液是没有异味的，如果出现口臭或唾液臭，是口腔态异常了，一般是隐匿性唾液腺、齿龈、口扁等部位有炎症所致。</t>
  </si>
  <si>
    <t>那是因为肠胃功能不好，同时也会有口臭</t>
  </si>
  <si>
    <t>微信转账能拒收吗</t>
  </si>
  <si>
    <t>这不能拒绝的，不收就好了。</t>
  </si>
  <si>
    <t>微信转账拒绝不了，但可以不收的：1、看到对方发来的转账信息，不要点击2、24小时内不点击接收，转账就会自动退回到对方账户3、这是微信的一种转账机制规定，可以不用拒绝也拒绝不了的。</t>
  </si>
  <si>
    <t>只要自己不点击接收转账即可，超过24小时未领取的转账会自动退回到对方的微信钱包。#＃你点击微信收账，有显示确认收款和立即退还，然后你点击立即退还就可以了</t>
  </si>
  <si>
    <t>只要是转账了就没办法</t>
  </si>
  <si>
    <t>如果你是从银行卡里转账的话，对方拒收后，可能要1-2天钱才能退到银行卡中，昨天中午对方拒收的，今天24:00之前会退回银行卡，请耐心等待！如果是微信钱包中的零钱转账的话，应该是即时到账的</t>
  </si>
  <si>
    <t>一岁半宝宝能吃核桃吗</t>
  </si>
  <si>
    <t>可以给宝宝吃核桃了，只是宝宝还小，要把核桃弄小一点给宝宝吃。一天最多两个就可以了。</t>
  </si>
  <si>
    <t>不适合宝宝，因为核桃是温性食物，又带有很多油脂，宝宝吃了不易消化，对肠胃不好，从中医理论上讲，还不适合给宝宝吃，等到4岁以后才可以吃。</t>
  </si>
  <si>
    <t>核桃虽好，但并不适合一岁的宝宝，因为它是温性食物，又带有很多油脂，宝宝吃了不易消化，对肠胃不好。最好在二岁左右再喂，推荐饮用核桃粉。</t>
  </si>
  <si>
    <t>可以给宝宝吃核桃的，核桃多吃也是可以补脑的。</t>
  </si>
  <si>
    <t>从中医理论上讲，现在还不适合给宝宝吃，等到4岁以后吧。</t>
  </si>
  <si>
    <t>少吃，吃多了会造成消化不良的。</t>
  </si>
  <si>
    <t>可以吃的促进脑部发育。</t>
  </si>
  <si>
    <t>雄霸九州好玩吗</t>
  </si>
  <si>
    <t>鞋架放在门口好不好</t>
  </si>
  <si>
    <t>这是正确的，在门口放鞋架.请来客在入门前换鞋,以减少灰尘、霉菌和其他人室的过敏原的总量。此外还有一些注意事项需要关注：鞋柜或鞋架的高度不得超过房屋高度的1/3。</t>
  </si>
  <si>
    <t>可以的，不要过高。膝盖以下为好。</t>
  </si>
  <si>
    <t>可以的，我也是这样放啊</t>
  </si>
  <si>
    <t>我家的放在进门右手边</t>
  </si>
  <si>
    <t>可以是进门旨手边</t>
  </si>
  <si>
    <t>速腾1.4t 肉吗</t>
  </si>
  <si>
    <t>肉肯定不会，但是也不会快。</t>
  </si>
  <si>
    <t>双离合变速箱，起步不肉</t>
  </si>
  <si>
    <t>1.4TSI的起步不算肉</t>
  </si>
  <si>
    <t>看你对肉的理解了。反正家用是没问题了，不会磨蹭</t>
  </si>
  <si>
    <t>渔夫之宝有副作用吗</t>
  </si>
  <si>
    <t>还是少碰的好，免得到时候上瘾了戒都戒不掉。</t>
  </si>
  <si>
    <t>渔夫之宝，强劲薄荷喉糖，味道强劲独特，令人有一种不可言喻的畅快感觉，一试忘形，所以可能会让一些人上瘾。</t>
  </si>
  <si>
    <t>济南嘉乐生殖医院好吗</t>
  </si>
  <si>
    <t>济南嘉乐生殖医院，治疗不育不孕，生殖医院相比其他类型的医院要专业的多，大夫经验也更丰富。</t>
  </si>
  <si>
    <t>医院很不错，山东生殖专业能数的上的</t>
  </si>
  <si>
    <t>有对年轻小夫妻，结婚几年没孩子，在那看好的。</t>
  </si>
  <si>
    <t>济南嘉乐生殖医院，倡导自然受孕，诊疗方法更全面。</t>
  </si>
  <si>
    <t>嘉乐生殖挺有名气的。</t>
  </si>
  <si>
    <t>去了你会后悔的，除非你不差钱</t>
  </si>
  <si>
    <t>支付宝转账账号和名字不对应转的过去吗</t>
  </si>
  <si>
    <t>支付宝转账到银行卡，收款帐号和名字不符的，该笔转账银行将不予受理，因此转账会失败，款项退回到支付宝账户。</t>
  </si>
  <si>
    <t>名字或者卡号有一方不对的. 是转不进去的，会把钱退回支付宝的。</t>
  </si>
  <si>
    <t>账号和名字不对就说明账号输错了不能转。</t>
  </si>
  <si>
    <t>使用支付宝转账，名字或者账号有一方不对的。是不能转进去的。</t>
  </si>
  <si>
    <t>那是肯定转不出去的，但是提交的资金经过审核后会退给你的支付宝账户的</t>
  </si>
  <si>
    <t>一定是卡号错了最好不要转账。</t>
  </si>
  <si>
    <t>哥俩好能粘陶瓷吗</t>
  </si>
  <si>
    <t>哥俩好万能胶不可以粘接陶瓷。</t>
  </si>
  <si>
    <t xml:space="preserve">可以 </t>
  </si>
  <si>
    <t>最好不要用哥俩好的AB胶粘接瓷砖，时间长了（6-12个月）就会掉，粘瓷砖的话建议用免钉胶</t>
  </si>
  <si>
    <t>荣耀6plus联通4g标准版可不可以用移动卡</t>
  </si>
  <si>
    <t>荣耀6plus移动版手机不支持联通4G网络，如果插入联通4G手机卡是可以使用的，但只能使用联通2G网络。</t>
  </si>
  <si>
    <t>荣耀6plus联通版不支持移动4G网络制式，无法使用移动4G网络。</t>
  </si>
  <si>
    <t>可以，这款手机属于双4G版本，移动联通都可以使用4G。</t>
  </si>
  <si>
    <t>荣耀6plus联通版可以用移动卡。</t>
  </si>
  <si>
    <t>官网的东西都是正品吗</t>
  </si>
  <si>
    <t>官网买的都是正品,质量和实体店一样。</t>
  </si>
  <si>
    <t>不一定都是正品，根据货源渠道的差别，有一些夹带或者走私入境的货物，价格比较低，也是真的，但量不会很大，也有一定风险。</t>
  </si>
  <si>
    <t>正品率基本很低</t>
  </si>
  <si>
    <t>真正的官网上卖的当然是正品了</t>
  </si>
  <si>
    <t>凯越改氙气灯好不好</t>
  </si>
  <si>
    <t>从珠海到澳门办通行证吗</t>
  </si>
  <si>
    <t>港澳通行证、护照都行（香港只能用通行证），第一次办要到户口所在地去办，续签可以在珠海办，很方便，150-200块左右。斗门银城酒店坐601路 公交 （2 小时 14 分钟， 38 站）到拱北万佳百货，不到十块钱</t>
  </si>
  <si>
    <t>要的，办理不是在珠海办理，是在你户口所在地办理。（广东省内的每个市都可以，省外就不清楚，你自己要去问问，区级的办身份证那个地方，时间也可能不一样</t>
  </si>
  <si>
    <t>如果有大陆身份证要办理港澳台通行证</t>
  </si>
  <si>
    <t>北京的公交卡可以退吗</t>
  </si>
  <si>
    <t xml:space="preserve">指定退卡点只有12个。为方便市民退卡，今年开始，退卡点增加到49个。 </t>
  </si>
  <si>
    <t>可以。北京市政交通一卡通退卡流程找到距离自己最近的退卡网点（可以完全读出信息的公交卡，很多地方都可以办理退卡，损坏或者消磁了的公交卡需要到指定网点办理）。在具体退卡网点的指定窗口排队退卡。如果是可以完全读出信息的公交卡，当初直接退卡内余额以及相关押金。如果是损坏或者消磁了的公交卡，每张公交卡都会拿到一张开具的小票并通知十日后再次回到办理退卡业务的窗口退卡内余额以及相关押金。</t>
  </si>
  <si>
    <t>能，得到指定退卡网点，不是所有地方地方都能退卡。</t>
  </si>
  <si>
    <t>只要你的卡没坏没折 押金就退给你！里面的钱是必须退给你的！</t>
  </si>
  <si>
    <t>可以退</t>
  </si>
  <si>
    <t>不是所有的充值点都能退卡，楼上同学请不要误导，只有个别的可以</t>
  </si>
  <si>
    <t>300路 内环草桥站可以退</t>
  </si>
  <si>
    <t>孕妇腿不抽筋需要补钙吗</t>
  </si>
  <si>
    <t>肯定是需要补钙的。因为妊娠期妇女摄取的钙除了满足自身代谢的需要以外，还要提供维持胎儿正常发育所需的钙质。如果孕妇的钙摄入不足，而每日仍要通过胎盘向胎儿提供大量的钙，就可能造成孕妇的血钙降低。</t>
  </si>
  <si>
    <t>准妈妈在孕后期腰疼是由于胎儿的快速发育,孕妇很容易缺乏各种营养及矿物质,特别是钙,维生素和铁等,一旦缺乏就很易引起腰痛. 当腰痛伴有腿“抽筋”,坐骨神经痛时,除了赶快补钙,补维生素B1以外,还要及时咨询医生,寻求帮助.缺乏轻微者建议食补为主.</t>
  </si>
  <si>
    <t>图书编辑有前途吗</t>
  </si>
  <si>
    <t>出版社也是可以做电子书市场的，大点的出版社都有涉及的。纸质书的话，说实话，目前中国的图书市场的盈利主要还是靠着纸质书，所以短期内不会有问题，薪酬的话就看你策划的书的销量了，万一做出一本畅销书，那可能直接好几年的工资赚到手了。</t>
  </si>
  <si>
    <t>图书策划编辑应该说是一个很有发展前途的职业</t>
  </si>
  <si>
    <t>关键还是看你自己是否喜欢在图书这个行当里发展</t>
  </si>
  <si>
    <t>我想说，在现在这个信息飞速发展的时代，图书编辑如果做好了是很有前途的，毕竟现在很少人从事这个职业。而且有很多大城市，譬如北京、上海等地对于图书编辑的需求也很大，是一个很好的岗位。对于图书编辑的要求一般如下：1.文字功底好，有图书编辑组稿经验，中文专业为好。 2.有创意思维，接受事物快，诚实肯干。3.教辅编辑和专业书籍编辑要求有一定的专业知识。4.有一定的电脑操作水平，能够使用一些作图、文字编辑工具，熟悉网络。其实这份工作在一定程度上来说还是很轻松的，只需要坐在办公室里和文字打交道</t>
  </si>
  <si>
    <t xml:space="preserve">看你做什么样的 初高中的 非常的不错 </t>
  </si>
  <si>
    <t>乌龟冻在冰里还有救吗</t>
  </si>
  <si>
    <t>已经全部活了。</t>
  </si>
  <si>
    <t>据说这种情况有救活的</t>
  </si>
  <si>
    <t>龟的生命力很强，它们在零摄氏度左右的环境下支撑一两天没有问题，但时间再长就不行了，“如果是放在北方零下十几摄氏度的环境下一个晚上就被冻死了。”他说在实际养殖中，有时乌龟身上都结冰了，但它还活着，“这很正常”。</t>
  </si>
  <si>
    <t>你指的是新闻上的两只乌龟吗？它们过下来了，乌龟有很强的耐寒能力，如果被冻住了24小时内是不会有事的，但是24小时后就不好说了，</t>
  </si>
  <si>
    <t>赶紧解冻了还有希望</t>
  </si>
  <si>
    <t>htc可以刷小米系统吗</t>
  </si>
  <si>
    <t>看小米官网 不是所有htc都能刷成小米</t>
  </si>
  <si>
    <t>可以的呢</t>
  </si>
  <si>
    <t>能刷小米系统的前提是有小米miui的rom，有了就可以刷</t>
  </si>
  <si>
    <t>妖精的尾巴哈比死了吗</t>
  </si>
  <si>
    <t>是因为某恶魔死亡。你知道恶魔不会死的。死了以后会变成灵魂然后重新复活。</t>
  </si>
  <si>
    <t>中南海开放吗</t>
  </si>
  <si>
    <t>建国后中南海仅在80年代胡耀邦当政时有过短暂开放部分景区。</t>
  </si>
  <si>
    <t>小米手机有没有实体店</t>
  </si>
  <si>
    <t>目前小米为了节约销售成本，并没有设立专门的小米手机专卖店。</t>
  </si>
  <si>
    <t>小米官方目前是没有授权且不允许任何的实体店和第三方的私人的店铺发售小米手机和红米手机的裸机和小米平板，电视的。</t>
  </si>
  <si>
    <t>有，小米手机在各地都开设了小米之家。</t>
  </si>
  <si>
    <t>有的，可以去数码港</t>
  </si>
  <si>
    <t>小米公司的发售采用的是互联网模式，就是官方网上直销。目前没有任何官方线下实体店及授权经销商，官方销售渠道只有小米官网、甜猫小米官方旗舰店、桃宝小米官方自营店和京东小米官方旗舰店。＃＃严格的说小米没有实体店的，小米产品只做互联网销售。</t>
  </si>
  <si>
    <t>报案可以销案吗</t>
  </si>
  <si>
    <t>到报案公安分局撤消</t>
  </si>
  <si>
    <t>那要看你这个报案所针对的行为是不是构成犯罪，如果构成，你是没有资格销案的，只有检察院或者公安机关可以做出不予立案或者撤案的决定。只有民事行为可以由原告撤销起诉</t>
  </si>
  <si>
    <t>公安机关对立案侦查的案件经过侦查后，依法认定属于可撤销案件得案件，有权依法撤销；犯罪嫌疑人的行为不够称刑事犯罪的，公安机关可终止侦查和依法撤销。</t>
  </si>
  <si>
    <t>我国刑事诉讼法第130条规定：“在侦查过程中，发现不应对犯罪嫌疑人追究刑事责任的，应当撤销案件；……”第15条规定：“有下列情形之一的，不追究刑事责任，已经追究的、应当撤销案件，或者不起诉，或者终止审理，或者宣告无罪。(1)情节显著轻微，危害不大，不认为是犯罪的；(2)犯罪已过追诉时效期限的；(3)经特赦令免除刑罚的；(4)依照刑法告诉才处理的犯罪，没有告诉或者撤回告诉的；(5)犯罪嫌疑人、被告人死亡的；(6)其他法律规定免予追究刑事责任的。撤销案件</t>
  </si>
  <si>
    <t>当事人报警后，警方会依职权根据所掌握的情况作出立案或者不立案决定，不会根据报案人的请求而撤案。</t>
  </si>
  <si>
    <t>可以销案，但是不妨碍公诉.</t>
  </si>
  <si>
    <t>只要不是报假案就行。</t>
  </si>
  <si>
    <t>抵账房能买吗</t>
  </si>
  <si>
    <t>如果你是找的中介，应该没有问题，只要这个中介是正规的就行，开发商如果同意给你开票是没有问题的。因为可能之前是别人的名字，现在开你的名字，可能开发票需要一些时间</t>
  </si>
  <si>
    <t>基本没问题，一般开发商卖到最后都会有好多房子给了建筑商，建筑商给材料商，抵工程款和材料款的。</t>
  </si>
  <si>
    <t>基本没问题，一般开发商卖到最后都会有好多房子给了建筑商，建筑商给材料商，抵工程款和材料款的，这种一般都是直接带现金，让他们带你到开发商那里选房，签合同，签完了直接把钱给他们就行了。</t>
  </si>
  <si>
    <t>量子膜影响导航吗</t>
  </si>
  <si>
    <t>只要是金属膜 都对导航有一定影响 不过只影响信号强度 不影响精度</t>
  </si>
  <si>
    <t>量子膜是金属膜，含金属成份比较高，对ETC接收信号是有影响的。建议在贴膜时要求贴膜师傅把要安装ETC的位置给留出来，就可以了。【汽车有问题，问汽车大师。4S店专业技师，10分钟解决。】</t>
  </si>
  <si>
    <t>怀孕可以做b超吗</t>
  </si>
  <si>
    <t>最好是60多天的时候可以做一次B超,能查看得到胎心了</t>
  </si>
  <si>
    <t>超声波对胎儿和母亲不会引起任何问题。</t>
  </si>
  <si>
    <t>只要HCG和孕酮正常的话你可以50多天的时候再去B超。</t>
  </si>
  <si>
    <t>lol逃兵掉胜率吗</t>
  </si>
  <si>
    <t>减逃跑不问输赢都减，游戏结束还没连接自动算输，而且逃跑次数过多还会受到系统的惩罚，这个惩罚看有没有玩家举报你，举报的人多了，就会有检察员对你的游戏账号进行审核，可以给与你一定的处罚 ，我目前知道的处罚有封号3天，封号1年，永久封号，最恶心得是必须进行100场人机对战才能进入匹配排位。</t>
  </si>
  <si>
    <t>逃跑视为脱离战斗，游戏结束前没进入游戏就会被认定为失败，从而影响胜率</t>
  </si>
  <si>
    <t>不会。什么都不加</t>
  </si>
  <si>
    <t>会，胜率影响百分之三十。</t>
  </si>
  <si>
    <t>要看你队友有没有赢，首次逃跑不处罚，会记录扣分。</t>
  </si>
  <si>
    <t>孕妇可以吃提子吗?</t>
  </si>
  <si>
    <t>孕妇吃提子不仅可以补充维生素和葡糖糖，而且还有安胎、保胎以及缓解妊娠水肿的功效。但是需要注意的是，提子也有很强的利尿作用，孕妇怀孕晚期的时候就需要注意一点了。</t>
  </si>
  <si>
    <t>没有注意事项，可以吃</t>
  </si>
  <si>
    <t>可以的，孕妇适当吃些可以开胃，不要吃太多</t>
  </si>
  <si>
    <t>孕妇是可以吃提子的，提子中含有大量的葡萄糖，维生素及微量元素，蛋白质，脂肪等，经常吃有利于增加人体的营养，有利于身体健康。</t>
  </si>
  <si>
    <t>孕妇是可以吃提子的，尤其是红提更好，不过孕妇吃提子也要注意适量，提子虽然有安胎、缓解妊娠水肿，但是也同时利尿，孕晚期的妈咪要尽量少吃。</t>
  </si>
  <si>
    <t>ipad没发票能保修吗</t>
  </si>
  <si>
    <t>ipad的售后维修时不需要提供发票的</t>
  </si>
  <si>
    <t>需要发票的，</t>
  </si>
  <si>
    <t>普通送修不需要提供相关凭证（保修卡、发票等）</t>
  </si>
  <si>
    <t>ipad没有发票能保修，机器还在保修期内就能保修</t>
  </si>
  <si>
    <t>可以吧，你的iPad本身就比发票还发票</t>
  </si>
  <si>
    <t>国行iPad保修时不需要发票。</t>
  </si>
  <si>
    <t>需要发票保修期内且损坏，普通送修需要提供相关凭证（保修卡、发票等）； 三包退换机服务需要提供发票保修卡，按照机器卖间（发票间）算保修期没发票保修期按照机厂期计算</t>
  </si>
  <si>
    <t>撤退性出血后有安全期吗</t>
  </si>
  <si>
    <t>应该有的正常。</t>
  </si>
  <si>
    <t>撤退性出血干净后应立即采取常规避孕方法，不一定是安全期的。</t>
  </si>
  <si>
    <t>不是安全期，出血干净后应立即采取常规避孕方法，直到下次月经来潮。</t>
  </si>
  <si>
    <t>口服避孕药后出现撤退性出血，月经周期出现了紊乱，所以就没有绝对的安全期，建议同房就要采取措施，否则就会导致意外怀孕</t>
  </si>
  <si>
    <t>出现撤退性出血就算是一个月经周期的重新开始，撤退性出血后两天是属于安全期的，同房怀孕的几率相对较小</t>
  </si>
  <si>
    <t>吃紧急避孕药后出血是比较常见的一种情况，临床上多称为撤退性出血，实际上这种出血一般不能认为是月经来潮，吃紧急避孕药后出血的几种情况:育龄妇女在月经周期的不同时间内服用紧急避孕专用药，其对月经的影响也会有所不同，如果是在前半个月经周期内服用，可能对妇女的月经干扰较大，易出现阴道出血;在后半个月经周期内服用则对妇女月经干扰较小，如其出血量与平时月经量差不多，可将其当作一次月经， 意见建议:不是安全期，出血干净后应立即采取常规避孕方法，直到下次月经来潮</t>
  </si>
  <si>
    <t>根据陈述，应该是在安全期的，应该是不会怀孕的。</t>
  </si>
  <si>
    <t>贝德玛粉水可以卸眼唇吗</t>
  </si>
  <si>
    <t>可以，卸妆步骤：在卸妆时，应该先卸除眼部的彩妆。卸除眼部彩妆时应使用眼部专用的卸妆液，因为专为眼部彩妆而设计的卸妆用品质地更温和，含有不刺激配方，不会伤害眼周肌肤。</t>
  </si>
  <si>
    <t>眼妆应使用专用的卸妆产品，这款产品可以用于眼部肌肤，但未必能卸除干净，尤其是睫毛膏，眼影、眼线还稍好些。＃＃粉水我没用过，蓝水用过，确实卸眼妆不太合适，虽然可以卸除眼妆，清洁力还可以，但卸眼妆的时候会有明显的刺痛感，很不舒适。我买的时候也说妆面都可以卸的，但后来还是只用来卸脸妆了。粉水不知道会不会有刺痛感。</t>
  </si>
  <si>
    <t>可以，但效果不会比水油分离式专用产品效果好，需要反复多次卸妆但也未必能彻底，因此浓妆还是建议用专用的眼唇卸妆产品。</t>
  </si>
  <si>
    <t>个人觉得是适合卸脸部淡妆的。</t>
  </si>
  <si>
    <t>可以的，红瓶的比较好用，进眼睛也不刺激。浓妆卸起来会比较吃力</t>
  </si>
  <si>
    <t>可以，但效果不会比水油分离式专用产品效果好，需要反复多次卸妆但也未必能彻底，因此浓妆还是建议用专用的眼唇卸妆产品</t>
  </si>
  <si>
    <t>美剧更新了吗</t>
  </si>
  <si>
    <t>有些美剧一季播完了，要到秋季才会有新的一季开始，现在正好是剧歇时间</t>
  </si>
  <si>
    <t>冬歇期了，要到明年才会更新.</t>
  </si>
  <si>
    <t>美剧一般一周更新一集。</t>
  </si>
  <si>
    <t>萨摩凶吗</t>
  </si>
  <si>
    <t>可爱的不得了好不好。</t>
  </si>
  <si>
    <t>每只狗性格不同，但一般不会很凶</t>
  </si>
  <si>
    <t>宠物犬，不凶。但是它很顽强。毕竟以前是狩猎和守训鹿。很调皮。完全有着萨摩耶德族孩童的天真。完美的杏仁眼和下嘴唇不愧是犬中的“微笑天使”。</t>
  </si>
  <si>
    <t>无　　　</t>
  </si>
  <si>
    <t>不凶猛，还很友好！是著名的雪橇犬！是人类的朋友！</t>
  </si>
  <si>
    <t>女生可以用自动炮机吗</t>
  </si>
  <si>
    <t>是可以的，我用这种东西有将近一年的时间，感觉蛮好的。主要是，在使用的时候，需要想象力，幻想着在和一个男人，强壮的男人。他在粗暴的蹂躏、占有我。这样身体反应会更加进入状态，至少我个人感觉是。</t>
  </si>
  <si>
    <t>不能 能的是生理上的 不是心理上的</t>
  </si>
  <si>
    <t>可以，用的多了之后，机器容易坏。多注意保养和维修。</t>
  </si>
  <si>
    <t>苹果手机系统会中毒吗</t>
  </si>
  <si>
    <t>当今全球能在苹果的平台上开发病毒的高手可以说是非常少的！</t>
  </si>
  <si>
    <t>中不中毒主要看系统，如果你没有越狱，理论上不会中毒</t>
  </si>
  <si>
    <t>苹果系统不会中毒</t>
  </si>
  <si>
    <t>任何系统都会有木马病毒的产生，不存在绝对的安全，只有相对的</t>
  </si>
  <si>
    <t>IOS系统是封闭系统，不越狱的话一般是不会中毒的，而且也无法安装杀毒软件。</t>
  </si>
  <si>
    <t>IOS系统是封闭系统，一般不会中毒，而且也无法安装杀毒软件， 这是IOS系统的限制。只要正常使用，不随意下载陌生文件，一般是安全的。</t>
  </si>
  <si>
    <t>ios系统是目前最安全的手机系统，由于它是封闭不开放的系统，因不知道内部情况，也就无法编写病毒程序，所以病毒无法进入的。</t>
  </si>
  <si>
    <t>郁美净儿童霜成人可以用吗</t>
  </si>
  <si>
    <t>可以的，都可以用的</t>
  </si>
  <si>
    <t>因为孩子用的护肤品，所以成分比较天然和单一，就是保湿润肤，大人用是可以的，不过效果可能不会很好。</t>
  </si>
  <si>
    <t>可以用，我妈都一直在用的，儿童用的没有任何刺激，所有爱过敏的皮肤用就更没有问题了。</t>
  </si>
  <si>
    <t>不建议成人抹儿童类霜。因为儿童皮肤水份、活力都比成人强得多，所以儿童霜成份简单，一般只有一些基本的保湿功能。成人的皮肤需要更多的营养成份。</t>
  </si>
  <si>
    <t>苹果6和6s的外观有区别吗</t>
  </si>
  <si>
    <t>6s背面多了一个s，多了一种配色</t>
  </si>
  <si>
    <t>几乎无区别，6S比6 长度多了0.3毫米，厚度多了0.1毫米，厚度多了0.2毫米，注意，我小数点没弄错，是零点几毫米，肉眼看起来，没区别。</t>
  </si>
  <si>
    <t>iphine6s比6要厚那么几毫米（基本看不出来），背面比6多了个“s”的标志，其他的跟6都没有什么区别</t>
  </si>
  <si>
    <t>有的，外观尺寸不同:　iphone6 的外观尺寸为138.1 x 67 x 6.9mm（4.7英寸） ;　iphone6s的外观尺寸为158.1 x 77.8 x 7.1mm（5.5英寸）</t>
  </si>
  <si>
    <t>1、最大的不同为尺寸不同，iPhone6是4.7英寸（1334x750像素），iPhone6 Plus是5.5英寸（1920x1080像素）；2、iPhone6 Plus的摄像头具有光学图像防抖动功能，iPhone 6没有这个功能。3、iPhone6的电池容量为1810mAh，iPhone6 Plus的电池容量为2915mAh。</t>
  </si>
  <si>
    <t>外观无较大区别，仅仅是机身尺寸变大，但屏幕不变，背后iPhone 字样下面多一个字母S，在内部，使用了A9处理器，多了压力触感，总体上来说没有特别大的改变</t>
  </si>
  <si>
    <t>巧媳妇刀具质量怎么样</t>
  </si>
  <si>
    <t>巧媳妇挺不错的。国内名牌，范冰冰代言。</t>
  </si>
  <si>
    <t>很好，刀做工精细，小巧舒适，很锋利，手感好，顺手轻巧，中号刀切肉很好，特别适合女士使用，和一些品牌刀具质地相当。</t>
  </si>
  <si>
    <t>2019年阅兵吗</t>
  </si>
  <si>
    <t>会的</t>
  </si>
  <si>
    <t>那是一个大日子，我可以说，那一次的阅兵，应该就是历次阅兵里面重要程度最高的三次阅兵之一了。</t>
  </si>
  <si>
    <t>2015年是抗战胜利70周年，如果阅兵的话，那么2019年中华人民共和国成立70周年之际按照以往的常规还会阅兵。</t>
  </si>
  <si>
    <t>我觉得应该会，也希望会，</t>
  </si>
  <si>
    <t>婚前公积金贷款可以写两个人名字吗最新</t>
  </si>
  <si>
    <t>完全可以哦</t>
  </si>
  <si>
    <t>婚前公积金贷款，因为你未结婚，是单身，所有贷款申请，产权办理都是一个人的。</t>
  </si>
  <si>
    <t>1、可以，写两个人的名字。2、合同签两个人的名字，房产证当然也是两人的。份额你们可以自定，一人一半最简单。</t>
  </si>
  <si>
    <t>您好！这是可以的，具体情况您办理的时候工作人员会给您介绍的望采纳，谢谢</t>
  </si>
  <si>
    <t>卡西欧是日本的吗</t>
  </si>
  <si>
    <t>老年人可以汗蒸吗</t>
  </si>
  <si>
    <t>如果心脏有毛病，高血压不能蒸</t>
  </si>
  <si>
    <t>不合适。因老人身体比较虚弱会引起虚脱，为防意外建议别做汗蒸。</t>
  </si>
  <si>
    <t>有长不大的猫吗</t>
  </si>
  <si>
    <t>没有长不大的猫，不过狗狗里有茶杯犬，但是相对成年体形还是差异挺大的，猫咪体形本来就小，所谓的茶杯猫只是商家的噱头而已，根本不是什么茶杯猫，不过体形相对较小的品种有新加坡猫，暹罗猫等等</t>
  </si>
  <si>
    <t>丘比沙拉酱是蛋黄酱么</t>
  </si>
  <si>
    <t>市面上常见丘比沙拉酱是蛋黄酱（mayonnaise）</t>
  </si>
  <si>
    <t>不是的，沙拉酱是白色，甜味，而蛋黄酱偏咸</t>
  </si>
  <si>
    <t>丘比也有这个产品,你只要找丘比的蛋黄沙拉酱就好。</t>
  </si>
  <si>
    <t>暖气片排气 每个暖气片都要排?</t>
  </si>
  <si>
    <t>暖气片是通过在暖气片中的热水循环来发散热量，提高室内温度，而不排气的话暖气片里都是空气，阻碍了水在暖气片中的循环，这样暖气片就不会散发出热量。</t>
  </si>
  <si>
    <t>暖气片放气倒是没有顺序。只是调试的时候是有先后顺序的。假如你要排气、首先就要全部打开或者一个一个打开、切记。有一个放完气就要把这一个放完气的关闭阀门。接着在打开下一个散热片的阀门进行放气。放完后接着在关闭阀门。按照这样的顺序去将每一个散热片的空气排干净。启动调试的时候。是将前面的几个散热片上的阀门全部关闭。只开末端的那一个散热片。知道散热片热了以后，紧接着在开末端附近的那个等热了后在调前面的。从末端往前方调试。所说的末端只是离主机或者主管道最远的那一处、 懂了没。 回答完了</t>
  </si>
  <si>
    <t>暖气片排气，要小心拧动排气阀，听到嘶嘶的声音就是在排气，这时不要离开，等到有水排出时就是气己排完，应当立即关闭排气阀。</t>
  </si>
  <si>
    <t>学c语言有用吗</t>
  </si>
  <si>
    <t>在计算机领域有比较重要的作用。</t>
  </si>
  <si>
    <t>0515返利网是真的吗</t>
  </si>
  <si>
    <t>真的倒是真的。不过这种一元的都是促销手段</t>
  </si>
  <si>
    <t>那是骗人的，千万别买</t>
  </si>
  <si>
    <t>熬的中药可以过夜吗</t>
  </si>
  <si>
    <t>有的中药有挥发性，过夜后，药效可能挥发完了，没有作用了。</t>
  </si>
  <si>
    <t>隔夜就坏了，里面有可能发霉</t>
  </si>
  <si>
    <t>熬好的中药可以放冰箱里，明天喝的时候再热热就可以。</t>
  </si>
  <si>
    <t>一般的中药都是可以过夜的</t>
  </si>
  <si>
    <t>最好一次熬好。有的中药有挥发性，过夜后，药效可能挥发完了，没有作用了。</t>
  </si>
  <si>
    <t>怪物猎人ol太刀麻刀有用吗</t>
  </si>
  <si>
    <t>所有武器的麻痹属性的作用是一样。怪物猎人麻痹机制是这样的，根据怪物不同有一个麻痹积蓄值，带麻痹的武器每次击中怪物，根据武器的麻痹效果都会累积这个积蓄值，当积蓄值满了以后，怪物会受到麻痹效果会被定在原地不能动弹持续一段时间，并且这个麻痹积蓄值会被重置而且积蓄值会变大，就是说下次再使怪物麻痹需要的攻击次数更多，同时ol还有控制递减怪物一定时间内再受到麻痹定身的时间会缩短。</t>
  </si>
  <si>
    <t>发票三联都要盖章吗</t>
  </si>
  <si>
    <t>每一张都要盖章的</t>
  </si>
  <si>
    <t>第一联本单位做记账原始凭证，不须要盖章。</t>
  </si>
  <si>
    <t>不用都盖章，第一联记账联可不需盖章，第二联（抵扣联)和第三联（记账联）必须要盖章。</t>
  </si>
  <si>
    <t>增值税第1、2联（即发票联和抵扣联）要盖章，盖开票人的财务专用章或者发票专用章。</t>
  </si>
  <si>
    <t>营养师好考吗?</t>
  </si>
  <si>
    <t>好考。但贵在应用上。就当文科考试那样，需要记住许多术语、公式、情景分析之类的。</t>
  </si>
  <si>
    <t>应该不容易</t>
  </si>
  <si>
    <t>公共营养师考试应该不是很难的，好好准备就可以过的。</t>
  </si>
  <si>
    <t>不难的，如果你有兴趣，再好好学学，应该没问题。</t>
  </si>
  <si>
    <t>是不是人事部最轻松</t>
  </si>
  <si>
    <t>在人力资源部门，工作内容主要是招聘、培训、考核、薪酬管理和劳动关系管理。具体到工作累不累，要看公司的规模性质和具体岗位：比如，如果是较小的公司，往往只有一个人事专员，所有的人事管理工作都要干，所以会比较累，但是可以更好的学到东西。在较大的公司，往往会有分工，比如，招聘专员，培训专员，考核专员，每个人针对自己的岗位职责进行工作，工作较轻松，而且可以更深入的学习所在模块的技能，但其他模块了解较少。</t>
  </si>
  <si>
    <t>看你在什么样的单位：在公司里，人事和财务工作都属于吃力不讨好的工作。但在事业单位里，则都是牛得不了。就工作任务来说：人事工作，年两头忙、中间闲，财务每年两头忙、中间闲，还有月、季度；就工作内容来说：人事工作的对象是人，财务工作是数字，相对枯燥。</t>
  </si>
  <si>
    <t>微博拉黑名单对方知道吗</t>
  </si>
  <si>
    <t>把别人加入黑名单，你就会和Ta将自动解除“关注”关系，并且Ta不能再关注你，不能再给你发评论，不能给你发私信、不能给你发@提醒，你给TA发，TA也不会知道，但TA浏览你的微博时可以看到</t>
  </si>
  <si>
    <t>会知道的，但不会有提醒</t>
  </si>
  <si>
    <t>如果你加某人关注显示的是 对方对你设置了权限 那么证明你被拖黑了</t>
  </si>
  <si>
    <t>word2003能转换成pdf吗</t>
  </si>
  <si>
    <t>用软件，可以转换</t>
  </si>
  <si>
    <t>word2003转pdf只能通过pdf格式转换器了</t>
  </si>
  <si>
    <t>Word2003是不能直接转换为PDF格式的，需要借助第三方软件，如福昕阅读器，dopdf等软件。</t>
  </si>
  <si>
    <t>003版word转换成pdf文档只能通过第三方工具来实现，比如pdf转换器，</t>
  </si>
  <si>
    <t>word2003要转换成pdf格式的话，用转换器就可以很好的完成转换。</t>
  </si>
  <si>
    <t>利用office 2003进行转换</t>
  </si>
  <si>
    <t>利用软件转换</t>
  </si>
  <si>
    <t>2003不能够直接另存为PDF格式的，可以安装虚拟打印机实现把WORD存为PDF格式。</t>
  </si>
  <si>
    <t>玻璃酸纳是激素吗</t>
  </si>
  <si>
    <t>一般玻璃酸钠注射液多用于膝关节骨性关节炎的治疗，为关节滑液的主要成分，是软骨基质的成分之一。在关节腔内起润滑作用，可覆盖和保护关节软骨，改善关节挛缩，抑制软骨变性变化表面，改善病理性关节液，增加滴滑功能，不含激素类物质，可长期注射</t>
  </si>
  <si>
    <t>不是，玻璃酸钠为广泛存在于动物和人体内的生理活性物质。</t>
  </si>
  <si>
    <t>妈咪爱能治疗便秘吗</t>
  </si>
  <si>
    <t>选择给孩子服用妈咪爱是非常正确的</t>
  </si>
  <si>
    <t>当然是可以的。妈咪爱本身是益生菌吗，是可以促进胃肠蠕动的。</t>
  </si>
  <si>
    <t>妈咪爱适用于消化不良、食欲不振、营养不良，肠道菌群紊乱引起的腹泻、便秘、腹胀、肠道内异常发酵、肠炎，使用抗生素引起的肠粘膜损伤等症。</t>
  </si>
  <si>
    <t>这个治疗不了，多是因为生活习惯的问题，比如喝水少，不运动，久坐，长时间不排便等，可以使用开塞露，另外生活上要也别注，多饮水，多吃蔬菜水果，禁食辛辣食物，保持每天排便，可以多吃些粗纤维的食物</t>
  </si>
  <si>
    <t>效果不佳。 妈咪爱是调节胃肠道菌群的药物，主要治疗对象是消化不良和吸收不良。</t>
  </si>
  <si>
    <t>不可以，这都是乱吃</t>
  </si>
  <si>
    <t>肠胃涨气可以好吗</t>
  </si>
  <si>
    <t>可以好的，我就经常胀气，请记住胀气一定要少吃点 喝小米粥 千万不要吃凉的 但是要坚持一段时间三两天好不了的</t>
  </si>
  <si>
    <t>青霉素过敏不能打瘦脸针</t>
  </si>
  <si>
    <t>可以的，除非对瘦脸针反应。</t>
  </si>
  <si>
    <t>青霉素过敏还能打肉毒素这个问体很难讲，最好先打一下过敏试验针再决定是否打肉毒素比较保险。</t>
  </si>
  <si>
    <t>如果是过敏体质，不宜注射性的，容易引起过敏反应引起危险，注意降的生活方式，慢慢会改善的，可以先做皮试试试。对青霉素过敏的人盲目打针是非常危险的。</t>
  </si>
  <si>
    <t>过敏体质者，慎打</t>
  </si>
  <si>
    <t>乳液可以直接用吗</t>
  </si>
  <si>
    <t>要根据自己的肤质而定</t>
  </si>
  <si>
    <t>可以，但是保湿效果不会太好。</t>
  </si>
  <si>
    <t>当然也可以直接涂，但是吸收效果肯定没有那么好</t>
  </si>
  <si>
    <t>最好在洁面之后先涂水，再涂乳液，因为水有二次清洁、保湿的作用，使后面的用的乳液的功效发挥的更好。如果有需要的话，还可以在水和乳液之间加入精华的步骤，因人而异</t>
  </si>
  <si>
    <t>车挡风玻璃裂缝能开不</t>
  </si>
  <si>
    <t>建议不要管它，因为现在汽车前风档玻璃都是夹胶玻璃（两层玻璃中间夹的胶）你裂的是其中的一层。有人在裂缝末端打孔阻止裂缝发展效果也不好，徒劳无功。等到裂缝发展到无法忍受时考虑更换</t>
  </si>
  <si>
    <t>应该有危险吧。</t>
  </si>
  <si>
    <t>看严重程度了，严重了影响安全和视线，就不要开了，如果汽车挡风玻璃裂缝、牛眼、星形纹裂纹就可以修复，找汽车前挡风玻璃裂痕修复就可以了</t>
  </si>
  <si>
    <t>wps可以抠图吗</t>
  </si>
  <si>
    <t>可以抠图，插入一个图形或者自己描一个（类似PS的磁性套索）然后填充为背景色。然后右键此图形-另存为图片就可以了。</t>
  </si>
  <si>
    <t>点击图片另存为，背景的就只能用ps抠，然后把ps好的图片在背景插入中插入就可以了</t>
  </si>
  <si>
    <t>社保卡可以补交吗</t>
  </si>
  <si>
    <t>中间的可以补缴，时间也能补，但是补缴后这几个月也是显示的是补缴，最好确定一下当地房管局的具体规定。</t>
  </si>
  <si>
    <t>离职之后原单位肯定不给继续缴纳社保费，自己也无法补交的。</t>
  </si>
  <si>
    <t>可以，但是有条件。补交前面月份必须有单位，单位有与其签劳动合同，有发工资的工资表，在劳动合同期限内没有交可以要求单位缴纳，补缴费用是根据单位给其发的工资做为缴费基数来计算。</t>
  </si>
  <si>
    <t>以个人名义参保的，如果漏缴不能够进行补缴，只有是单位原因造成的漏缴才能够进行补缴。</t>
  </si>
  <si>
    <t>可以补交。</t>
  </si>
  <si>
    <t>1.以个人名义参保的，如果漏缴不能够进行补缴，只有是单位原因造成的漏缴才能够进行补缴，并且补缴五险；2.如果单位没有做申报（没有给开户）的只能补缴养老；3.缴纳一段时间后，中断想补缴地可以找代理公司给补缴。</t>
  </si>
  <si>
    <t>斗仙可以飞吗</t>
  </si>
  <si>
    <t>非常简单的，不需要去羡慕别人的，只需要弄一个法宝就能飞了，商城或者打BOSS都有法宝的。</t>
  </si>
  <si>
    <t>斗仙能飞的话非常简单，只需要弄一个法宝就能飞了，商城或者打BOSS都有法宝的。</t>
  </si>
  <si>
    <t>非常简单的，不需要去羡慕别人的，只需要弄一个法宝就能飞了。</t>
  </si>
  <si>
    <t>斗仙是有飞行的坐骑和可以飞行的法宝的，而且斗仙中的御宝飞行的感觉是非常爽的，那种体验就像是我们在现实中真的可以飞了一样的，因为本身斗仙就有很强的代入感的。</t>
  </si>
  <si>
    <t>这是让玩家在打任务累了的时候可以再空中飞翔一下</t>
  </si>
  <si>
    <t>夫妻婚前个人财产会用于归还一方死亡后所欠债务吗</t>
  </si>
  <si>
    <t>首先明确婚前个人债务还是共同债务。共同债务理当以共同财产归还，但是若为婚前个人债务，除非另一半同意共同偿债，否则另一方没有义务共同还债。</t>
  </si>
  <si>
    <t>债权人就一方婚前所负个人债务向债务人的配偶主张权利的，人民法院不予支持.</t>
  </si>
  <si>
    <t>要看是属于夫妻共同债务还是单方个人债务.</t>
  </si>
  <si>
    <t>中考题目难吗</t>
  </si>
  <si>
    <t>中考说难就难。关键是自己对学科的掌握情况。</t>
  </si>
  <si>
    <t>中考真心不难，因为所有的初中生都参加，水平参差不齐考的都是你见过的题</t>
  </si>
  <si>
    <t>不是很难的</t>
  </si>
  <si>
    <t>挺难</t>
  </si>
  <si>
    <t>每年的难度可能会有所不同 但A卷 也就是基础部分是不会太难的 只要仔细认真审题 没有过失性失分，是能在这一部分拿到高分的。</t>
  </si>
  <si>
    <t>还是比较难的。中考题目设计基本题70%，拔高题20%，难题10%。其实难题也没那么难拉。主要是多练，熟悉中考的套路，拿高分是不难的。</t>
  </si>
  <si>
    <t>各地中考不一样的</t>
  </si>
  <si>
    <t>中考大部分考的是基础知识，但是有选拔性的，所以会有一部分适度的难题。</t>
  </si>
  <si>
    <t>现在觉得不难。</t>
  </si>
  <si>
    <t>中考是毕业升学为一体的考试，既要保证你能毕业，也要在这次考试中选拔人才，所以中考题又容易和难之分，一般题目的难度为7：2：1，也就是说十道题七题简单，两道中等题，一道难题。</t>
  </si>
  <si>
    <t>电脑充电器坏了能修吗</t>
  </si>
  <si>
    <t>这个可以修，但是基本没人去修，除了一些数码产品爱好者喜欢玩玩，拿到维修店坏了都是换或者买新的。</t>
  </si>
  <si>
    <t>（1）一般都不可以修的，因为它是一次压制成功的，打开了就无法还原，这样就很容易导至触电，即使用绝缘布包好，但也很难看了，这样散热又出问题了，所以都是更换新的。</t>
  </si>
  <si>
    <t>笔记本电脑的充电器就是一个变压器，摔坏了是可以维修的。</t>
  </si>
  <si>
    <t>肯定是可以修的</t>
  </si>
  <si>
    <t>可以修 但是他是压铸一次成型的，修的要撬开外壳，那样可能会留下伤痕，不好看，不过一般的充电器坏了都是电源线坏掉，修起来比较简单。</t>
  </si>
  <si>
    <t>怀孕三十天见红正常吗</t>
  </si>
  <si>
    <t>因为怀孕初期有出血症状还是很个别的现象，很多孕妇在怀孕初期都有类似的出血症状，它也不是所谓的流产的可能症状，当然也可能是妇科病的其他类似症状</t>
  </si>
  <si>
    <t>一般说来，妊娠早期出现阴道出血原因较多：1.生理性出血：受孕后，有的妇女会在当月期仍有少量样出血，一般无其他伴随症状（如腹痛、经期不适感）。这可能只是孕卵着床的一种生理反应。这种情况不需治疗，只要保持外阴清洁即可。 2.流产：当底蜕膜出血，使胎盘和子宫壁分离，并刺激子宫，会使子宫收缩，子宫颈扩张，血液从子宫中流出。这种流血多伴有下腹疼痛，流血量由少到多，色由暗到红，腹痛由隐痛逐渐发展到较剧烈疼痛。3.宫外孕：当受精卵发育到一定程度，会使输卵管壁发生破裂而出血。由于这种出血是流在腹腔内，经阴道流出血可能并不多。但这种失血往往会发生晕厥、休克等，救治不及时，可造成患者死亡。 4.葡萄胎：葡萄胎流产一般开始于闭经的2-3个月。流血多为断断续续少量出血，但有的可有反复多次大量流血。5.劳累太过：孕妇早期如果过于劳累、工作压力大，也可能引起阴道少量出。</t>
  </si>
  <si>
    <t>首先我们必须详细检查子宫颈以及阴道。很多女性的不正常出血，是因为子宫颈长息肉，或甚至恶性肿瘤引起，怀孕的妇女当然也有这种可能。所以在怀孕初期的出血一定要先排除这种情形，若长了不正常的东西一定要先处理。</t>
  </si>
  <si>
    <t>与</t>
  </si>
  <si>
    <t>可能是先兆流产；也可能只是血性的分泌物，并不影响胎宝宝的正常发育。继续观察，如果孕酮正常，HCG增长情况良好，翻倍正常，那么通常胎宝宝就没事儿。</t>
  </si>
  <si>
    <t>无钥匙启动的车容易被盗吗</t>
  </si>
  <si>
    <t>不容易</t>
  </si>
  <si>
    <t>是的，特别是现在偷车贼利用的高科技解码器，只要一时疏忽就容易让小偷得逞。</t>
  </si>
  <si>
    <t>mate8可以双4g吗</t>
  </si>
  <si>
    <t>不可以，现在市场上还没有一款手机同时两张卡网络同时在线，使用网络时必须只有一张卡联网 另一张则不能上网</t>
  </si>
  <si>
    <t>不支持的。</t>
  </si>
  <si>
    <t>全网通版的可以，华为Mate 8（NXT-TL00/移动4G）只支持 移动4G。</t>
  </si>
  <si>
    <t>这款手机有很多版本，有双4G版的，也有全网通版的，也有电信版的，根据自己需要选择合适的版本</t>
  </si>
  <si>
    <t>华为mate8一共有移动版，联通定制版，电信版和全网通，没有双4g版本，双4g都是移动和联通4g，全网通主卡可以用联通4g或者电信4g网</t>
  </si>
  <si>
    <t>您好，不支持的</t>
  </si>
  <si>
    <t>美人为馅好看吗</t>
  </si>
  <si>
    <t>好看，里面的人普遍颜值不低，看着舒服，剧情也不错，是原著党，还挺满意这部电视剧的</t>
  </si>
  <si>
    <t>看你从什么角度去理解和评价了</t>
  </si>
  <si>
    <t>好看啊</t>
  </si>
  <si>
    <t>绝对值得一看</t>
  </si>
  <si>
    <t>i7 4790k支持2400内存吗</t>
  </si>
  <si>
    <t>i7-4790K支持 DDR3 2400</t>
  </si>
  <si>
    <t>不支持，型号为I7 4790K，处理器内存控制器为双通道：DDR3 1333/1600MHz ，最高只能上DDR3 1600MHz。</t>
  </si>
  <si>
    <t>DDR3 2400可以用的</t>
  </si>
  <si>
    <t>肯定支持</t>
  </si>
  <si>
    <t>这块主板最高支持到3000的内存频率.</t>
  </si>
  <si>
    <t>吃促排卵的药生的孩子好吗</t>
  </si>
  <si>
    <t>吃促排卵的药物，很多妈妈都会担心宝宝的将来会有问题，其实是不会影响的</t>
  </si>
  <si>
    <t>一般情况下都是健康的，所以不要担心，因为促排卵药没有什么后遗症与副作用，因而对宝宝的健康没有什么影响。</t>
  </si>
  <si>
    <t>电子烟真的无害吗</t>
  </si>
  <si>
    <t>电子烟是模拟烟草的作用，而达到吸烟的效果，烟雾也有尼古丁存在，所以，并不是无害的，只是较为环保，节约资源而已。吸多了对肺一样是有害的。</t>
  </si>
  <si>
    <t>国内并没有针对烟油制定统一标准，电子烟可能存在安全隐患。电子烟中的烟油含有丙二醇，对人身体有刺激作用，有些人会对它产生过敏反应；一些新产品中的烟油在高温下会产生有毒的TAN基化合物，有些调节电子烟味道的成份存在细胞毒性</t>
  </si>
  <si>
    <t>不可能完全无害。而且比真烟的危害还要大。</t>
  </si>
  <si>
    <t>电子烟本身应该无害</t>
  </si>
  <si>
    <t>现在的正规的电子烟是没有危害的，建议使用aspire电子烟，大品牌，有保障。</t>
  </si>
  <si>
    <t>电子烟其实和一般的烟一样都有害处！</t>
  </si>
  <si>
    <t>有害。电子烟同样含有尼古丁等东西。不含焦油，所以毒性比真烟小。</t>
  </si>
  <si>
    <t>北京机场有寄存行李的地方吗</t>
  </si>
  <si>
    <t>各机场都有为旅客提供行李物品存取业务</t>
  </si>
  <si>
    <t>有的，1号航站楼： 二层大厅东侧连廊口的行李寄存柜台，2号航站楼： 二层出发大厅10号门旁的行李寄存柜台，3号航站楼： T3-C 2层到达大厅公共区域东侧，T3-C 2层到达大厅公共区域西侧。</t>
  </si>
  <si>
    <t>怀孕能不能吃花生</t>
  </si>
  <si>
    <t>孕妇可以吃花生，花生的营养价值很高，其中的一些成分更能帮助孕妇肚子里的胎儿发育，对胎儿是很有好处的。</t>
  </si>
  <si>
    <t xml:space="preserve">孕妇可以吃花生，因为花生衣中含有止血成分，可以对抗纤维蛋白溶解，增强骨髓制造血小板的功能，缩短出血时间，提高血小板量，改善血小板质，加强毛细血管的收缩功能，是孕妇防治再生障碍性贫血的最佳选择。 </t>
  </si>
  <si>
    <t>坚壳类食品的摄入会增加婴儿钙的吸收和促进大脑发育，但是花生含油量较高，孕妇不能过量食用。产妇也可以吃，不过要过半个月以后再吃，花生炖猪蹄有下奶的功效。</t>
  </si>
  <si>
    <t>怀孕期间是可以吃自己喜欢的食物的，可以吃花生的，同时多喝水多休息，多吃蔬菜水果，搭配好营养，调养好身体，另外注意杏仁、薏米、山楂、甲鱼不要吃易引起流产的。</t>
  </si>
  <si>
    <t>花生中富含维生素，蛋白质，脂肪，糖类等多种营养成分，准妈妈适当吃点花生能增加身体抵抗力，调节胆固醇，预防心脑血管疾病，但不宜过量食用，对花生过敏的准妈妈慎吃花生。</t>
  </si>
  <si>
    <t>可以吃啊 花生也属于坚果类 里面有丰富蛋白质</t>
  </si>
  <si>
    <t>可以吃的，花生有补血的作用，但一次性不要吃太多</t>
  </si>
  <si>
    <t>可以吃的啊。花生也是坚果一类的，完全是可以吃的。</t>
  </si>
  <si>
    <t>普通食材，健康食品，适当食用，有益健康。简单就是好，可以每天吃一把，用水煮一下，或用开水浸泡，不要喝那水。</t>
  </si>
  <si>
    <t>有伤口可以喝酒吗</t>
  </si>
  <si>
    <t>皮脂腺囊肿是一个门诊的小手术，对于手术或受伤后是否能喝酒的问题，要正确对待。简单的说，有一个小伤口，少喝点酒是不会有大的影响的。意见建议：建议：你如果只是一个小手术，而且伤口没有感染，没有使用抗生素，非得喝点酒倒也不是绝对不行。但您不能喝醉。另外在您使用抗生素时要注意：头孢类抗生素在使用的过程中是不能喝酒的。所以，我建议您适当控制一下还是应该的。</t>
  </si>
  <si>
    <t>不能，对伤口不好。</t>
  </si>
  <si>
    <t>可以的，饮食没有禁忌。</t>
  </si>
  <si>
    <t>不要喝 影响伤口愈合 会导致发炎</t>
  </si>
  <si>
    <t>不能，会发炎</t>
  </si>
  <si>
    <t>看内伤还是外伤，是骨伤还是肉上。正常来说，不要伤精锻骨。可以适当饮酒，对恢复会更快。</t>
  </si>
  <si>
    <t>有外伤或是手术后是禁止饮酒，饮酒会刺激神经系统对伤口的愈合有所影响。</t>
  </si>
  <si>
    <t>酒麻痹神经系统，影响伤口正常愈合，如果有伤口，拒绝刺激性食物，远离水风。</t>
  </si>
  <si>
    <t>中医男女准吗</t>
  </si>
  <si>
    <t xml:space="preserve">中医把脉看男女，70%准确率，（前提是长年给人把脉看男女，经验极其丰富的老中医，才会有70%的准确率） </t>
  </si>
  <si>
    <t>不准</t>
  </si>
  <si>
    <t>以前是准的，但中医诊断学，已经在清朝末年，全部失传了，现在只剩下一些药学，一些有效的药方。</t>
  </si>
  <si>
    <t>实际上这个是不太准确的，根据相关的研究，命中率是在85%（实际数据比这个略低），而西医是在98%，接近99%。所以，只能说比较有可能。</t>
  </si>
  <si>
    <t>曾经的中医真可以 可现在的中医都快把切脉的本事丢了</t>
  </si>
  <si>
    <t>星巴克找兼职吗</t>
  </si>
  <si>
    <t>先打电话过去询问是否需要兼职，再决定要不要过去投简历，如果找不到电话，星巴克官网上有门店列表，有详细信息可以查询\x0d因为星巴克每家门店需要兼职的时间是不定的。</t>
  </si>
  <si>
    <t>星巴克招聘长期兼职伙伴.</t>
  </si>
  <si>
    <t>晒斑能去除吗</t>
  </si>
  <si>
    <t>晒斑可以去掉的。　第一：早上起床空腹喝杯蜂蜜+柠檬水，因为它可以有效排除肠内的宿便和毒素，这些宿便和毒素长期在体内是形成黑色素的罪魁祸首，导致皮肤变黑，形成斑点。第二：吃一些含维生素C丰富的食品，如：猕猴桃、西红柿、黄瓜等，维生素C可以有效抑制黑色素的形成。第三，将黄瓜切成薄片敷在脸上，每天一次，坚持4个礼拜，有效祛除黑色素。　第四，要注意防晒，长期在电脑前工作的还需要防辐射。</t>
  </si>
  <si>
    <t>维生素C能够使深色的氧化型色素还原为淡色的还原型色素。从而抑制黑色素的形成，并还原已经形成的黑色素。</t>
  </si>
  <si>
    <t>厦门国际银行好吗</t>
  </si>
  <si>
    <t>不好，不是211、985和财经类的一本就不要去了，进去之后级别就低一级，而且人力总是说的比做的好很多。</t>
  </si>
  <si>
    <t>考研要过英语六级吗</t>
  </si>
  <si>
    <t>考研本身对四六级成绩是没有硬性要求的!</t>
  </si>
  <si>
    <t>报考研究生，对于英语六级是否通过没有要求</t>
  </si>
  <si>
    <t>考研对英语六级没有硬性规定。不要求一定要过六级。</t>
  </si>
  <si>
    <t>考研和英语六级之间没有必然联系，本科生都可以考。</t>
  </si>
  <si>
    <t>考研不是一定要英语四、六级过了才能考，只要是本科生都可以考。</t>
  </si>
  <si>
    <t>研究生考试没有要求英语成绩，本科应届生都可以报考。</t>
  </si>
  <si>
    <t>十月底去九寨沟人多吗</t>
  </si>
  <si>
    <t>去的人已经比较少了！11月15日就是九寨沟淡季了，可以二次进沟的，不过十月底的九寨沟也比较冷了</t>
  </si>
  <si>
    <t>十月底九寨沟人很多，那个时候正是看红叶的时候！可以错峰游玩。</t>
  </si>
  <si>
    <t>不是旅游旺季，人不会太多，是深秋的景色。</t>
  </si>
  <si>
    <t>10月上中旬的游客非常多，而十月下旬作为四川的会议季节，因此10月也是人很多的月份，</t>
  </si>
  <si>
    <t>红米2支持mhl吗</t>
  </si>
  <si>
    <t>红米2自身硬件是不支持MHL输出的</t>
  </si>
  <si>
    <t>MHL功能不用开的，这个是手机连接电视的一种功能。用MHL转HDMI线，一端连接手机一端连接电视，就可以把手机上的画面投射到电视上，看电影、玩游戏都可以在电视上了。很好玩的、</t>
  </si>
  <si>
    <t>不能支持物理的视频接口扩展 USB2.0 只是个OTG USB，没有带MHL功能。</t>
  </si>
  <si>
    <t>红米手机不支持MHL的。</t>
  </si>
  <si>
    <t>楼主，红米手机不支持mhk移动高清音视频接口。</t>
  </si>
  <si>
    <t>太原工作好找吗</t>
  </si>
  <si>
    <t>你去人才市场看看吧！很多招工的都在那里招人</t>
  </si>
  <si>
    <t>现在好工作不好找</t>
  </si>
  <si>
    <t>学的什么专业，可以根据专业来选择工作</t>
  </si>
  <si>
    <t>被拖欠工资 能报警吗</t>
  </si>
  <si>
    <t>可以报警</t>
  </si>
  <si>
    <t>向劳动行政部门投诉举报，或者申请劳动仲裁。</t>
  </si>
  <si>
    <t>公安机关不处理劳动纠纷，除非涉案金额巨大，涉嫌刑事犯罪。</t>
  </si>
  <si>
    <t>拖欠工资报警是 没有用的</t>
  </si>
  <si>
    <t>民事纠纷，或劳动局，或法院</t>
  </si>
  <si>
    <t>不管用，拖欠工资案件不是治安案件，公安机关不予受理。用人单位克扣或者拖欠劳动者工资的，劳动者可以向劳动保障监察大队投诉该单位。 去劳动监察大队投诉时携带：本人身份证、用人单位全称、负责人姓名及联系电话、能证明劳动者在用人单位上班的相关证据，由劳动保障监察大队下达限期改正，逾期不改正的，劳动保障监察大队可以下达行政处罚处理决定；逾期未执行的，申请法院强制执行。同时逾期不改正的，劳动者可以主张用人单位支付你拖欠工资数额50%-100%的赔偿金。</t>
  </si>
  <si>
    <t>女孩学计算机好吗</t>
  </si>
  <si>
    <t>可以啊。大学中学计算机专业的女生很多的啊。</t>
  </si>
  <si>
    <t>从以上数据看来，貌似女生不适合学计算机。</t>
  </si>
  <si>
    <t>女孩子学计算机方面的技术非常好。</t>
  </si>
  <si>
    <t>好啊，只要自己就喜欢就去做。</t>
  </si>
  <si>
    <t>计算机历史上女科学家的数量，非常少。职场上女程序员的数量，还是非常少。大学计算机专业女生的数量，不多。貌似女生不适合学计算机。</t>
  </si>
  <si>
    <t>如果不是小孩一定要学计算机 不建议报考计算机专业。</t>
  </si>
  <si>
    <t>赵丽颖是不是外围女</t>
  </si>
  <si>
    <t>你看，光人人网上就可以搜到639个赵丽颖，这是个非常俗套的名字，你需要说出你问的是哪个赵丽颖，别人才能回答她是不是外围女。如果仅仅是泛泛的问，那么我可以负责任的告诉你，99%的可能不是。</t>
  </si>
  <si>
    <t>念佛机可以放在墓地吗</t>
  </si>
  <si>
    <t>可以吧。</t>
  </si>
  <si>
    <t>太阳能的很好！上面写几个字以防人拿走。墓地专供，切勿拿走！阿弥陀佛！</t>
  </si>
  <si>
    <t>blackmores ve面霜孕妇能用吗</t>
  </si>
  <si>
    <t>可以使用的，没有任何的添加剂的成分，可以放心使用的</t>
  </si>
  <si>
    <t>可以，这是一款天然面霜，就可以直接擦脸的</t>
  </si>
  <si>
    <t>最好不要吧，多少都有化学成分，怕皮肤吸收，对宝宝不好，其实孕妈多喝水，多吃水果，睡眠充足，营养也好，皮肤都很好的。毕竟优生优育很重要嘛</t>
  </si>
  <si>
    <t>可以的，面霜主要是由植物提取的，不含香精，准妈妈也是可以的。</t>
  </si>
  <si>
    <t>不含激素，孕妇儿童都可以使用。主要含有维他命e、甘油、牛油果油，这几种都是自然保湿，保持皮肤健康的东西，不含香料，功效就是单纯的保湿，可以放心使用。药店有售，不算是化妆品，就是一般的保湿护肤品之类的。</t>
  </si>
  <si>
    <t>进腾讯难吗</t>
  </si>
  <si>
    <t>难上加难</t>
  </si>
  <si>
    <t>应该还好不会很难．自己有能力就可以．</t>
  </si>
  <si>
    <t>手机qq能接文件吗</t>
  </si>
  <si>
    <t>正常点接收就行，是要流量的。文件大流量就大，而且会慢，手机不好的话会中断。接收完成后在存储卡QQ子文件夹下面有一个专门放接收的文件的，打开就能看到你的文件了。</t>
  </si>
  <si>
    <t>手机QQ可以接收文件，</t>
  </si>
  <si>
    <t>手机QQ接收的文件其实已经在手机里了。</t>
  </si>
  <si>
    <t>一般是在QQ安装目录。</t>
  </si>
  <si>
    <t>手机无法接收到别人传来的文件的，暂时还不支持接收文件。</t>
  </si>
  <si>
    <t>神话2好玩吗</t>
  </si>
  <si>
    <t>卵磷脂和深海鱼油可以同时吃吗</t>
  </si>
  <si>
    <t>深海鱼油不需要与卵磷脂同时服用。</t>
  </si>
  <si>
    <t>吃深海鱼油和卵磷脂的同时，可以喝些淡茶，但是不要饮用浓茶。否则会影响效果，引起不良反应。＃＃不影响效果.饭后服用就可以了.普通的保养一天1-2粒,重症维护3-4粒/天</t>
  </si>
  <si>
    <t>没有显示有影响 但是劝你还是用水吧 以防万一么</t>
  </si>
  <si>
    <t>深海鱼油和大豆卵磷脂能一起吃，对于心脏血管类的患者两者在一起吃的时候还会起到更加好的效果，另外在平时的时候也要注意自己的饮食，而且进行适当的运动是特别有必要的，注意的是这类患者不能饮酒。</t>
  </si>
  <si>
    <t>油要更好更安全的发挥它的作用，离不开卵磷脂的帮助和配合。</t>
  </si>
  <si>
    <t>咸鱼可以用花呗吗</t>
  </si>
  <si>
    <t>不支持哦，因为花呗类似于信用卡，交易要手续费的，个人二手货交易不会支持这手续费。</t>
  </si>
  <si>
    <t>不能，闲鱼卖家没有保障金所以无法使用花呗，闲鱼问题来百度贴吧闲鱼塘主吧</t>
  </si>
  <si>
    <t>用不了的</t>
  </si>
  <si>
    <t>薄荷减肥有用吗</t>
  </si>
  <si>
    <t>有用的呀，但是还是要合理饮食</t>
  </si>
  <si>
    <t>减肥健身都是有氧与无氧的结合，需要时间的坚持，不是说练哪里就能减哪里的，那些吹嘘什么什么能很快减下来的，都是靠不住的，即使瘦下来，也容易反弹，唯有锻炼才是最可靠的。＃＃薄荷减肥这没有用的，瘦身千万是不要相信这些方法的，试来试去都没有一个有用的，害的我之前走了好多弯路，后来辛亏有了雷圭儿才瘦的，现在瘦下来真是一身轻松啊</t>
  </si>
  <si>
    <t>没有用</t>
  </si>
  <si>
    <t>也许有，但决不会太明显，还是坚持运动最有用</t>
  </si>
  <si>
    <t>有吧，主要是为了控制热量</t>
  </si>
  <si>
    <t>不建议</t>
  </si>
  <si>
    <t>无效。别用。</t>
  </si>
  <si>
    <t>宠物狗对孕妇有影响吗</t>
  </si>
  <si>
    <t>有影响的，流产是一个问题，也有可能生出畸形的胎儿</t>
  </si>
  <si>
    <t>不会很大影响，就是别让狗狗伤到你就行</t>
  </si>
  <si>
    <t>一般来来说没问题的，在怀孕中期有个唐氏筛查，可以检查胎儿是否畸形。家有孕妇的家庭养宠一定要注意消毒工作，每天用祛味消毒液进行喷洒消毒，狗狗要定期喂体内驱虫片，不放心的话还可以带狗狗去医院注射弓形虫疫苗。</t>
  </si>
  <si>
    <t>孕妇之所以忌讳养宠物主要是担心弓形虫感染，它会导致胎儿畸形</t>
  </si>
  <si>
    <t>酵素减肥有效吗</t>
  </si>
  <si>
    <t>酵素其实就是酶，酶属于蛋白质，吃进人体后会被直接分解为氨基酸的，并不能够直接利用。网上那些酵素只不过是掺杂了一些其他化学品，通过刺激胃，减少食欲，从而达到减肥的效果，对人体的害处是很大的。</t>
  </si>
  <si>
    <t>酵素是一种助消化的成分，能将进食的营养物质充分的消化掉，减少毒素的累积和脂肪的形成，对减肥者来说是不错的选择。</t>
  </si>
  <si>
    <t>三七是不是就是田七</t>
  </si>
  <si>
    <t>三七又名田七，明代著名的药学家李时珍称其为“金不换”。</t>
  </si>
  <si>
    <t>田七粉既为三七粉，广西叫田七粉，其它地方叫三七粉，是植物三七（学名：Panax pseudo-ginseng）的根茎制品。主产地在中国的云南及广西深山中。＃＃一样，三七和田七是一个东西，不同名字而已</t>
  </si>
  <si>
    <t xml:space="preserve"> 三七就是田七，田七是三七的别名，三七的注意功效是：＃＃三七又名田七，为伞形目五加科植物，主要分布于云南、广西、江西、四川等地。</t>
  </si>
  <si>
    <t>田七和三七乃一种药也，三七 为学名 ，田七为别名。＃＃不是，田七是牙膏里有的。三七和田七长得不一样。</t>
  </si>
  <si>
    <t>病情分析:您好。三七和田七是相同的药物的。这种药有止血，抗血栓，消肿止痛，消炎保肝等等作用。\x0d意见建议:这种药有美容的作用，经常吃是不要紧的，但是因为毕竟是一种药物，所以不要经常使用，可以间断服用的</t>
  </si>
  <si>
    <t>百度云中的文件别人可以看见吗</t>
  </si>
  <si>
    <t>百度云是绝对安全可靠的，您的文件在上传时，由系统自动加密后存储在云服务器中，别人无法看到您网盘中任何文件！</t>
  </si>
  <si>
    <t>百度云网盘是私密空间，只有账号和密码登录后才能查看内容。或者把某个文件公开分享，生成分享链接，别人通过公开分享的链接点进去后，能看到分享的文件。除此之外，任何人不能查看其他人的云端文件。</t>
  </si>
  <si>
    <t>自己百度云里的东西别人不能看到的。</t>
  </si>
  <si>
    <t>没有密码任何人看不见，您的文件在上传时，由系统自动加密后存储在云服务器中，别人无法看到您网盘中任何文件！</t>
  </si>
  <si>
    <t>1、你上传上去的东西只有你自己可见2、你要是分享出去了 别人才可以看到不然看不到的3、你如果想要其他人看到 可以在旁边那个...那你点击然后分享出去，4、然后会有一个链接和密码，把那个链接和密码发给你要分享的那个人就好</t>
  </si>
  <si>
    <t>电子手刹可以漂移吗</t>
  </si>
  <si>
    <t>电子手刹的汽车不可以漂移</t>
  </si>
  <si>
    <t>普通车辆的拉线式手刹也不能做漂移 很危险能做漂移的车子 手刹基本上都改装过</t>
  </si>
  <si>
    <t>电子手刹的汽车不可以漂移。</t>
  </si>
  <si>
    <t>漂移是不用手刹的阿，漂移是让汽车入弯的时候使用低速档大油门来产生巨大的扭力使后轮完全打滑而使车辆发生侧滑。漂移过程中是不能使用刹车的，只能靠油门来控制车尾过弯的速度。</t>
  </si>
  <si>
    <t>没法</t>
  </si>
  <si>
    <t>没法玩</t>
  </si>
  <si>
    <t>将档位 关掉电子辅助，然后强行跟趾。 如果动力够足的话 直接猛踩油门。 手动挡最好，踹离合就可以。漂移是一种驾驶技巧，又称“甩尾”，车手以过度转向的方式令车子侧滑行走。</t>
  </si>
  <si>
    <t>狸窝全能视频转换器是免费的吗</t>
  </si>
  <si>
    <t>狸莴转换器你可以直接去官方下载的，免费的</t>
  </si>
  <si>
    <t>免费，格式化工厂更好用，也免费</t>
  </si>
  <si>
    <t xml:space="preserve">是的 免费的 </t>
  </si>
  <si>
    <t>貌似是收费软件！</t>
  </si>
  <si>
    <t>是的,免费还有全能格式工厂转换器</t>
  </si>
  <si>
    <t>到它的官方网站狸窝家园去下载就是免费的！</t>
  </si>
  <si>
    <t>怀孕初期能吃四季豆吗</t>
  </si>
  <si>
    <t>四季豆营养丰富，适口性强，是很好的菜蔬，怀孕期间是可以吃的</t>
  </si>
  <si>
    <t>可以的，能补充维生素</t>
  </si>
  <si>
    <t>四季豆又叫扁芸豆，或者菜豆。本身有一定的毒性，吃的时候必须放在水里浸泡二十分钟，再做菜使用的，一定要做熟。否则吃了以后容易导致毒性或者胃黏膜刺激表现，怀孕以后可以吃的蔬菜非常多，扁芸豆是不建议吃的。</t>
  </si>
  <si>
    <t>四季豆是可以吃的。</t>
  </si>
  <si>
    <t>广发证券可以用同花顺吗</t>
  </si>
  <si>
    <t>好像不能</t>
  </si>
  <si>
    <t>在同花顺官网下载的行情软件，要注册一个同花顺的帐号，然后登入同花顺的行情软件，登入后，点开委托，再选选委托管理，在里面添加广发证券，添加好后，用广发证券的资金帐号登入广发的交易软件即可。＃＃广发证券是不支持同花顺交易的呢，如果一定要使用的话就需要找一个支持同花顺的券商重新开户的</t>
  </si>
  <si>
    <t>一般是可以的</t>
  </si>
  <si>
    <t>范伟去世了吗?</t>
  </si>
  <si>
    <t>他没死，那都是好几年前的谣言了</t>
  </si>
  <si>
    <t>肯定是假的啦，如果是真的，各大网站早就挂出来了，因为他只是个明星，又不是政治人物</t>
  </si>
  <si>
    <t>直肠癌术后能吃海参吗</t>
  </si>
  <si>
    <t>这个食物是可以吃的。癌症患者除了药物积极治疗之外，饮食上也是要注意的营养健康和均衡的，使之达到人体所必需的营养,就能增强其抵抗力,加快康复。</t>
  </si>
  <si>
    <t>ca125高是100是癌症吗</t>
  </si>
  <si>
    <t>ca125偏高的原因是多样的，你可以到医院进行详细检查，询问医生才能确诊。</t>
  </si>
  <si>
    <t>CA125作为一个肿瘤标记物只能做参考，并不是绝对指标</t>
  </si>
  <si>
    <t>A125作为一个肿瘤标记物只能做参考</t>
  </si>
  <si>
    <t>iphone6s plus是全网通吗</t>
  </si>
  <si>
    <t>iPhone 6s Plus的国行型号为A1699，将支持TD-LTE/LTE FDD/TD-SCDMA/WCDMA/cdma2000/CDMA 1X/GSM制式网络，将是全网通机型。而iPhone 6s的国行型号则为A1700,同样也是2G/3G/4G通吃的全网通版本。</t>
  </si>
  <si>
    <t>是的。iphone6s plus国行是全网通的。</t>
  </si>
  <si>
    <t>iPhone 6s Plus的国行型号为A1699，将支持TD-LTE/LTE FDD/TD-SCDMA/WCDMA/cdma2000/CDMA 1X/GSM制式网络，将是全网通机型。</t>
  </si>
  <si>
    <t>中国官网的iphone全都是全网通的</t>
  </si>
  <si>
    <t>中国官网的iphone全都是全网通的,港版的不支持电信,但联通移动可以用,其他版本的也要视机型而定</t>
  </si>
  <si>
    <t xml:space="preserve">iphone所有版本都有全网通 </t>
  </si>
  <si>
    <t>电信宽带可以转移吗</t>
  </si>
  <si>
    <t>一般是可以迁地址的。在城区内可以安装宽带的地方就可以免费迁移。</t>
  </si>
  <si>
    <t>如果是本市的，可以直接到当地营业厅办理迁移。可能会产生迁移宽带的一些费用。如果是搬到外地，那必须先注销用户。到外地再重新办理。当然，还可以直接网上办理。</t>
  </si>
  <si>
    <t>电信宽带支持办理移机，搬家后，可以申请办理移机的</t>
  </si>
  <si>
    <t>电信宽带可以移到另一个地址，到电信营业厅办理移机手续即可。</t>
  </si>
  <si>
    <t>电信宽带是可以办理宽带移机的，您只需持本人身份证到当地电信营业厅即可办理。</t>
  </si>
  <si>
    <t>铝塑板能折弯吗</t>
  </si>
  <si>
    <t>五豪米的铝板可以折弯的太多了，如果只是要求折弯的话与铝板的品质关系不大。</t>
  </si>
  <si>
    <t>用V或U型开槽刀开槽，不要开透了，就能弯过来了。</t>
  </si>
  <si>
    <t>是可以的</t>
  </si>
  <si>
    <t>vs2013在win7系统可以运行吗</t>
  </si>
  <si>
    <t>vs2013可以装win7的</t>
  </si>
  <si>
    <t>我就是在64位win7上安装的VS2013 Community版，亲测可用</t>
  </si>
  <si>
    <t>VS2013只有32位版本的，没有64位的。所以32位的系统是可以安装的。Win7以上的都可以安装VS2013，x64位系统也可以安装。</t>
  </si>
  <si>
    <t>楚天运动的商品是正品吗</t>
  </si>
  <si>
    <t>做电商肯定是正规的，别人不可能搬石头砸自己脚，我也在上面买过拍子是正品，信得过。他们也有实体店在华中地区非常出名的赶脚。</t>
  </si>
  <si>
    <t>我的建议是自己到市场去买，因为网上的东西假的也不少啊！</t>
  </si>
  <si>
    <t>楚天运动频道是YONEX正规授权的经销商，已经有10多年历史了，官网可以查实。是实体销售网络上面建立而来的专业正品的网上商城。</t>
  </si>
  <si>
    <t>3t59是不是能赚钱</t>
  </si>
  <si>
    <t>有诚信就能赚到钱</t>
  </si>
  <si>
    <t>真心话和你说别加了，我11月投入的到现在都没拿回来，天天有问题 3个帐号2个有问题，现在3个帐号都被盗了 ，真是搞个毛线啊，现在才匹配11月30号提款的你想想还要不要做 ，没开始的就别做了，换别的盘做 我现在另外一个盘做的还不错</t>
  </si>
  <si>
    <t>先天性脑瘫会遗传吗</t>
  </si>
  <si>
    <t>在临床工作中，发现极少数脑瘫患儿有家族史，不能说明脑瘫的遗传性。所以说，脑瘫不是一种遗传性疾病。</t>
  </si>
  <si>
    <t>一般是不会遗传的，先天性脑瘫是脑损伤，或者是脑发育异常所导致的中枢性运动障碍。</t>
  </si>
  <si>
    <t>确切的说脑瘫不是遗传病。</t>
  </si>
  <si>
    <t>遗传没有具体定义的。看什么症状。</t>
  </si>
  <si>
    <t>不会的，脑瘫与遗传没有关系的，因为脑瘫不是遗传疾病。</t>
  </si>
  <si>
    <t>徐州蓝柏湾能看到双山公墓吗</t>
  </si>
  <si>
    <t>超市卖的蜂蜜是真的吗</t>
  </si>
  <si>
    <t>有可能！现在假的多，但是真的也有。</t>
  </si>
  <si>
    <t>是真的，就是纯度不足，可以吃。</t>
  </si>
  <si>
    <t>要看什么样的超市，一般小城市超市中浓缩蜜和糖浆蜜占大部分。大城市的比如山姆会员店、麦德龙，沃尔玛的进口区的进口蜂蜜是真的。其他的也有浓缩蜜和糖浆蜜。总之，纯正蜂蜜占少数。</t>
  </si>
  <si>
    <t>不是说真不真，只能说纯不纯，不纯</t>
  </si>
  <si>
    <t>买不到，超市里的蜂蜜应该是加了某种添加剂，然后花蜜都没有了，粘稠剂</t>
  </si>
  <si>
    <t>割完包皮会比以前的大吗</t>
  </si>
  <si>
    <t>如果是发育早期，是有这个机会的，但是如果已经是青春期后，那么不会变大了。</t>
  </si>
  <si>
    <t>割包皮和阴茎的大小应该是没有多大的关系的</t>
  </si>
  <si>
    <t>孕前最后一次月经吃了止痛片有关系么</t>
  </si>
  <si>
    <t>你好，根据你的描述，这种情况有可能会有影响，可能会引起胎儿发育异常，但不是绝对的，继续妊娠，需要定期检查，随时观察胎儿发育情况，祝你健康！</t>
  </si>
  <si>
    <t>治疗痛经的芬必得会直接导致胎儿畸形</t>
  </si>
  <si>
    <t>怀孕前或受孕后用药对胎儿的影响程度无法预测，与你所服用的药物的种类，剂量，持续时间成正比。若怀孕后想保留此胎儿，可以将药物的说明书，拿到有权威的优生遗传科进行咨询，或做好孕期保健，在怀孕14-20周时通过唐氏筛查及孕22-26周时通过彩超排畸检查，必要时进行羊水穿刺，了解胎儿生长发育情况，如有异常情况及时处理。</t>
  </si>
  <si>
    <t>感冒药没有什么影响，放心吧，以后多注意就可以了，祝你们健康幸福</t>
  </si>
  <si>
    <t>牙科赚钱吗</t>
  </si>
  <si>
    <t>但凡涉及医疗领域的行业，都是先赔后赚#主要看哪个城市的，店铺地点！主要的还是看技术#看你的城市的规模啊，等等，不能单纯的说赚或者不赚钱</t>
  </si>
  <si>
    <t>是的，全世界一样</t>
  </si>
  <si>
    <t>不好赚</t>
  </si>
  <si>
    <t>生意好就赚钱，做啥都一样</t>
  </si>
  <si>
    <t>牙疼不是病，痛 起来要命。而且国人基数大，对牙齿保养意识方面不强，又逐渐转入老龄化社会导致补牙镶牙逐渐多，随便做一只进口烤瓷牙利润相当可观，所以一般牙医跟那些男科女科开到成行成市。但平心而论，如果做医生只想挣钱的 话，有违医德了</t>
  </si>
  <si>
    <t>很挣钱，我一个亲戚家开口腔诊所 一个月三万。</t>
  </si>
  <si>
    <t>据我所知，只要你技术差不多，是非常赚钱的</t>
  </si>
  <si>
    <t>是真的！特别是现在人们护牙的多</t>
  </si>
  <si>
    <t>身份证挂失后还能买火车票吗</t>
  </si>
  <si>
    <t>会的，但要记着身份证号码</t>
  </si>
  <si>
    <t>火车站售票大厅有临时身份证办理窗口，可以开出临时身份证用于买火车票</t>
  </si>
  <si>
    <t>只要该身份证还在有效期限内，并且保存完好的，本人就可以继续使用，但是其他人不能冒用，否则需要承担法律责任</t>
  </si>
  <si>
    <t>原身份证在有效期内就可以继续使用。因为二代身份证存在先天缺陷，即使丢失后作补办、挂失处理，但由于没有任何注销措施，也没有密码设定功能，原身份证仍可正常使用。每一张二代身份证中都有芯片，芯片具有安全模块，防伪性极强。当一张二代身份证丢失后，其中的芯片仍在丢失的证件中，“只要身份证还有芯片，就能使用。”此外，二代身份证没有建立基于卡号的黑名单。因每个人身份证号都是固定的，身份证挂失后，补办的身份证号、个人信息等与原身份证相同，无法将所丢失的身份证拉入黑名单。</t>
  </si>
  <si>
    <t>只要还在有效期内，并有磁性，可以正常使用。</t>
  </si>
  <si>
    <t>身份证重新补办后，原来的身份证是不能买车票的，因为户籍系统已经默认了最新身份证的头像资料，若和旧的身份证核对不上是无法进行购票的。</t>
  </si>
  <si>
    <t>可以，身份证和银行卡不一样。</t>
  </si>
  <si>
    <t>不行，挂失了的是不能买火车票了</t>
  </si>
  <si>
    <t>身份证挂失只是让公安机关备案，万一别人利用身份证办理不法行为与自己无关，以证清白。但身份证并未被注销或冻结，挂失后的身份证号还能在网上购买火车票；如果身份证找到，还能用于买火车票，乘坐火车。</t>
  </si>
  <si>
    <t>洗耳朵有危害吗</t>
  </si>
  <si>
    <t>耳朵里的赃物有防止蚊虫进入的益处，总洗，不仅有损听力，还易遭受蚊虫侵害</t>
  </si>
  <si>
    <t>医院洗耳朵也是比较多见的现象，属于正常的表现，一般是没有什么副作用的</t>
  </si>
  <si>
    <t>有一定的危险性，专业的医院应该还好</t>
  </si>
  <si>
    <t>专业的医护人员冲洗耳朵是没有危险的。</t>
  </si>
  <si>
    <t>洗耳朵是不会疼的，也不会对耳朵有伤害的</t>
  </si>
  <si>
    <t>htc m8金色好看吗</t>
  </si>
  <si>
    <t>当然是金色了，高端大气又好看，白色太普通，灰色闷了点，红色过于鲜艳了，金色最好看</t>
  </si>
  <si>
    <t>很好，m8的做工，性能，外观都很好，就是拍照不咋地</t>
  </si>
  <si>
    <t>金色最好看</t>
  </si>
  <si>
    <t>要不要买suv</t>
  </si>
  <si>
    <t>SUV无论是坐姿、空间，还是路面适应性均好于轿车。</t>
  </si>
  <si>
    <t>苹果4s现在还有16g的吗</t>
  </si>
  <si>
    <t>ipgone4的8G版是大概2014年2月份才停产的，而16G以上的在很早就已经停产了，iphone4s的8G版也现在还在生产，但是16G以上的版本也已经停产了</t>
  </si>
  <si>
    <t>有得卖</t>
  </si>
  <si>
    <t>网站被骗800 报案警察管吗</t>
  </si>
  <si>
    <t>这个属于诈骗，按照规定要2000元以上，发达地区3000元才会按照刑事案子处理，但是可以按照治安案件处理，何况骗几个人加起来就够2000元以上了，所以依据法律规定警察无论如何是要管的，不管就投诉。</t>
  </si>
  <si>
    <t xml:space="preserve">诈骗罪的立案标准因各省市经济发展水平不同，在三千元至一万元以上。如果达不到诈骗罪立案标准的，可以按治安案件处理。 </t>
  </si>
  <si>
    <t>可以～但是不足1000派出所不立案～只做个笔录～</t>
  </si>
  <si>
    <t>一般来说是只做个记录而已 好像低于1000就不是钱了。我也被骗过500，你不是买iPhone说交什么定金吧？</t>
  </si>
  <si>
    <t>网络上被骗是很难维权的，你可以试试举报，反正以前不太管用，数额较大的好取证的可以报警</t>
  </si>
  <si>
    <t>2000才立案，以后小心点吧</t>
  </si>
  <si>
    <t>山楂能冷冻吗</t>
  </si>
  <si>
    <t>可以的。在进行山楂的大量贮藏时，一般都采用通风库和冷库贮藏。其技术要点是充分利用自然冷源或采用机械制冷的方式，创造适宜的贮藏条件。其中，通风贮藏库应在前期注意尽快降低温度；冷库贮藏则要保持稳定适宜的贮藏温度，减少温度波动。同时，要加强通风管理和提高贮藏环境的湿度。</t>
  </si>
  <si>
    <t>不能冷冻储藏 只能保鲜</t>
  </si>
  <si>
    <t>嗯当然可以啦我经常冷冻＃＃可以，试过的＃＃可以</t>
  </si>
  <si>
    <t>可以放在冰箱里冷冻储存</t>
  </si>
  <si>
    <t>bv在中国有工厂吗</t>
  </si>
  <si>
    <t>这家公司在中国是有分公司的，分公司在扬州，名字是扬州宜科洁清洁剂有限公司。</t>
  </si>
  <si>
    <t>高一能转学吗</t>
  </si>
  <si>
    <t>高一新生是可以转学的，但需要符合教育部门关于转学的条件。</t>
  </si>
  <si>
    <t>可以的，但是一般学籍会留在原校，还要回原校参加高考，除非你连学籍一起转过去</t>
  </si>
  <si>
    <t>当然。可以</t>
  </si>
  <si>
    <t>高中能转学。</t>
  </si>
  <si>
    <t>高中可以转学</t>
  </si>
  <si>
    <t>萨摩耶食量大吗</t>
  </si>
  <si>
    <t>长的越大，就食量越大的惊人！力气也越大！</t>
  </si>
  <si>
    <t xml:space="preserve">⑴.体重1-5公斤，35-100克 ⑵.体重5-12公斤，100-220克 ⑶.体重12-25公斤，220-420克 ⑷.体重25公斤以上，420克以上 </t>
  </si>
  <si>
    <t>大型犬类的食量一般都很大</t>
  </si>
  <si>
    <t>其实食量很小</t>
  </si>
  <si>
    <t>德牧能打猎吗</t>
  </si>
  <si>
    <t>德国牧羊犬的培育并不用来做猎犬使用（身体结构导致的持续耐力不足和速度 敏捷能力不强是硬伤） 性格 和身体构造作为护卫犬培育是首选。</t>
  </si>
  <si>
    <t>无可以，比如追兔子，野鸡之类的</t>
  </si>
  <si>
    <t>德国牧羊犬奔跑速度很慢，所以不适合用作打猎的猎犬</t>
  </si>
  <si>
    <t>老版平背德牧完全可以打猎.上山就像狼一样奔跑.德牧又名思卡佛猎犬.阿尔萨斯犬.艾欧莎亚犬.老版德牧胆大凶猛聪明听口令!我就用四条狗就掐倒一个一百八十多斤的野猪.很讨厌有人在网上纸上谈兵!</t>
  </si>
  <si>
    <t>德牧本身属于工作犬 虽然服从性不错 但是体型和耐力是不太适合打猎的。</t>
  </si>
  <si>
    <t>硫酸钡是不是电解质</t>
  </si>
  <si>
    <t xml:space="preserve">是。电解质指的是溶于水或在熔融状态下能导电的化合物。硫酸钡在熔融状态下能导电，所以是电解质 </t>
  </si>
  <si>
    <t>硫酸钡不是电解质，不是它不能与水反应，而是几乎不溶于水，仅仅溶于热浓硫酸！</t>
  </si>
  <si>
    <t>硫酸钡是电解质</t>
  </si>
  <si>
    <t>硫酸钡是难溶于水，但还有少量硫酸钡溶于水中，且溶于水的能够电离的，熔融状态下也可以电离，所以硫酸钡是电解质</t>
  </si>
  <si>
    <t>百度官网认证收费吗</t>
  </si>
  <si>
    <t>认证过程收取认证管理费用。</t>
  </si>
  <si>
    <t>百度官网认证本来就不是免费的</t>
  </si>
  <si>
    <t>企业申请百度官网是需要收费的。</t>
  </si>
  <si>
    <t>600元/年</t>
  </si>
  <si>
    <t>在百度中搜索“百度认证官网”，进入百度认证官网页面，点击页面左侧的“免费认证”按钮。</t>
  </si>
  <si>
    <t>癌症病人能吃茴香吗</t>
  </si>
  <si>
    <t>茴香可以。</t>
  </si>
  <si>
    <t>癌症病人不能吃有温理作用的芥菜、茴香菜、蒜苔、青蒜、洋葱头、柿子椒、荔枝。</t>
  </si>
  <si>
    <t>电信苹果能用移动卡吗</t>
  </si>
  <si>
    <t>如果是国行的话就不行了</t>
  </si>
  <si>
    <t>目前中国电信发出了已经官方表态，其发售的iPhone 6及iPhone 6 Plus均具备全网通4G功能，可通用于国内外其他运营商的4G网络，换句话说，电信提供的iPhone 6和6Plus支持LTE FDD、TD-LTE、WCDMA、TD-SCDMA、EVDO和GSM六模。iPhone6将三网通吃，也就是说，iPhone6电信版也能使用移动手机卡了。</t>
  </si>
  <si>
    <t>目前大陆地区上市的iPhone6和6 plus，只有移动版和公开版两个版本，电信公司销售的好像是公开版，建议您与电信的工作人员确认一下。如果是公开版的，就应该是移动、联通、电信三网通用的。</t>
  </si>
  <si>
    <t>可以用，但是信号比使用电信卡差，而且网络版本降低，比方说3G移动卡用在3G电信手机，手机只能收到2G网或者E网</t>
  </si>
  <si>
    <t>只能插电信</t>
  </si>
  <si>
    <t>这要看您的这款手机网络制式是否支持GSM，通常情况下，如果手机的网络制式支持移动的网络，那么就可以插入移动的卡使用移动的网络服务。目前，移动2G网络是GSM，3G网络是TD-SCDMA。</t>
  </si>
  <si>
    <t>养车无忧的机油是真的吗</t>
  </si>
  <si>
    <t>有假有真</t>
  </si>
  <si>
    <t>假的，废机油提炼的，不要贪小便</t>
  </si>
  <si>
    <t>他家东西我一直用的，查过防伪都是真的</t>
  </si>
  <si>
    <t>他们专门做车品的，不会做砸招牌的事。</t>
  </si>
  <si>
    <t>您好，应该是正宗的</t>
  </si>
  <si>
    <t>建议去汽车养护店去保养，市场上真假机油非常多，修车师傅都辨别不出来真假，</t>
  </si>
  <si>
    <t>交警大队是派出机关还是机构</t>
  </si>
  <si>
    <t>当然是公安局内设机构，一般都认为交警不算公安局的，实际交警队和刑警队一样是公安局的业务队</t>
  </si>
  <si>
    <t>电脑椅钢制脚好不好</t>
  </si>
  <si>
    <t>钢的好，结实，万一断了，还可以拿去焊一下</t>
  </si>
  <si>
    <t>钢制的是结实 而且外观经过美化处理，看起来大气，给人稳重的感觉</t>
  </si>
  <si>
    <t>尼龙的无非就是塑料的，强度比普通塑料的稍大些，可以选铝合金或者好一点的钢制五星脚的，强度比塑料的大好几倍，一般塑料的五星脚强度测试重量在300KG左右，好一点的钢制脚强度可达到1吨左右</t>
  </si>
  <si>
    <t>三桥限行吗</t>
  </si>
  <si>
    <t>周一至周五，限行尾号车辆早7至晚8点限行，周末不限行。</t>
  </si>
  <si>
    <t>限号车辆不能走三桥。</t>
  </si>
  <si>
    <t>干冰会化吗</t>
  </si>
  <si>
    <t>常温下CO2都是气态的.干冰的液态是存在的.只不过肉眼无法观察到而已.因为固态二氧化碳的汽化热很大,所以它在常温下液化的速度甚至比不上液态干冰汽化的速度,同时二氧化碳的沸点很低,因此干冰在常温下几乎是直接汽化的。其实可以认为升华是先熔化再汽化，只不过液态存在的时间很短。</t>
  </si>
  <si>
    <t>干冰是固态二氧化碳，不会融化，只会直接由固态升华为气态二氧化碳。</t>
  </si>
  <si>
    <t>不会融化，只会升华。</t>
  </si>
  <si>
    <t>.干冰是固态二氧化碳，不会融化，只会直接由固态升华为气态二氧化碳。 2.由于二氧化碳成为固态的温度极低，所以与普通冰块混合放置可以大大加长冷冻保存时间。</t>
  </si>
  <si>
    <t>牙齿矫正是分期付款吗</t>
  </si>
  <si>
    <t>现在很多口腔门诊都支持分期付款，而且没有首付没有利息。</t>
  </si>
  <si>
    <t>矫正牙齿的费用是根据具体情况来定的。因为地区、牙齿问题不一样，所以有的医院上万的价格，这样导致矫正牙齿的普通百姓压力变得很大，所以现在有的医院，或者是科技公司专门为开发分期付款的软件，其实矫正牙齿的分期付款就跟其他行业一样。</t>
  </si>
  <si>
    <t>没有完全插入射精子可以进入子宫吗?</t>
  </si>
  <si>
    <t>可以了的</t>
  </si>
  <si>
    <t>不能射到子宫。</t>
  </si>
  <si>
    <t>有的能有的不能</t>
  </si>
  <si>
    <t>微信群可以设置权限吗</t>
  </si>
  <si>
    <t>没法设置，只要能加人和删人。</t>
  </si>
  <si>
    <t>医保可以洗牙吗</t>
  </si>
  <si>
    <t>不要被误导，洗牙不能走医保。这是规定，因为洗牙项目没有进医保目录</t>
  </si>
  <si>
    <t>牙现在叫:牙面光洁术 每颗3.5元 医保可以报销了。 抛光是包括在洗牙费用内的，单独收取当然不报了</t>
  </si>
  <si>
    <t>洗牙属于美容，不能用医保报销。</t>
  </si>
  <si>
    <t>只要他有刷卡资格就可以，记住这可不是医保报销。</t>
  </si>
  <si>
    <t>不可以，这不属于医保范围</t>
  </si>
  <si>
    <t>着床时会有姨妈感吗</t>
  </si>
  <si>
    <t>着床或者刚怀孕,会有小腹部胀痛的感觉的。也就是快要月经来潮前的小腹部不舒服 指导意见: 建议您近期多注意休息,同房十天后可以使用验孕试纸测</t>
  </si>
  <si>
    <t>有的人会有，有些不敏感的人就感觉不出来，那种感觉有点象是来月经前的感觉对吗?我怀孕的时候就有，这是正常的现象，因为受精卵要着床在子宫内避上，所以肚子会丝丝拉拉的疼。希望我的回答会对你有所帮助哦，谢谢采纳，嘿嘿!</t>
  </si>
  <si>
    <t>有的，小腹坠胀感</t>
  </si>
  <si>
    <t xml:space="preserve">症状都是浮云，很多症状都是我们的心理作用引起的，坚持测试纸才是王道。我这两天肚子偶然也会抽疼，但我不敢乱想，心态比上个月好了很多。上个月的症状更多，结果确让人很失望，所以现在什么都不想了，等排卵10天测试纸。 </t>
  </si>
  <si>
    <t>那是要来事了</t>
  </si>
  <si>
    <t>无锡会下雪吗</t>
  </si>
  <si>
    <t>会下</t>
  </si>
  <si>
    <t>无锡下不下雪取决于温度在近期会不会降至0度以下，如果会，那就会下雪；如果不会那就中有雨夹雪了。</t>
  </si>
  <si>
    <t>不会了，冷空气在减弱</t>
  </si>
  <si>
    <t>不会啦，寒潮都过去了</t>
  </si>
  <si>
    <t>雪肯定是会下的，下的大不大，多不多就不好说了。</t>
  </si>
  <si>
    <t>张无忌帅吗</t>
  </si>
  <si>
    <t>张是那中温儒尔雅的，长得腼腆，很标志。而宋青书是高大风流倜傥，玉树临风的，如果单从第一印象来说宋会比张好些。</t>
  </si>
  <si>
    <t>在书里是宋青书比较帅~张无忌没他帅~不过电视上张无忌就比宋青书帅~</t>
  </si>
  <si>
    <t>安乃近治感冒吗</t>
  </si>
  <si>
    <t>我觉得安乃近效果是很明显的，吃了睡一觉，一般的发烧都可以退了。这是毋庸置疑的。</t>
  </si>
  <si>
    <t>安乃近片是不可以用于感冒的常用药物，安乃近片用于解热镇痛的治疗，不可以作为感冒的常用药物。</t>
  </si>
  <si>
    <t>可以 轻度感冒就吃1/4或者1/2 要配合消炎药一起吃 一般感冒都能治好 我从小感冒到现在一直都这样 关键我也不经常感冒</t>
  </si>
  <si>
    <t>买房子可以用别人的公积金吗</t>
  </si>
  <si>
    <t>1.如果用你叔叔的公积金买房需要你叔叔也作为共同产权人才可以；2.公积金只可以办理按揭贷款或冲抵贷款，不可以作为购房首付；3.可以先用他的公积金贷款，然后再过户给你是可以操作的，你可以在还完贷款以后再过户，没有还清贷款之前是不可以过户的；4.建议你和你叔叔都作为产权人列在产证上，这样也会减少以后过户或变更产权人的手续费及税费。</t>
  </si>
  <si>
    <t>不能，住房公积金只能自己用。</t>
  </si>
  <si>
    <t>不可以用他人公积金贷款买房。</t>
  </si>
  <si>
    <t>可以，但是，房子的名字必须写人家的</t>
  </si>
  <si>
    <t>怀孕可以啪啪啪吗</t>
  </si>
  <si>
    <t>在妊娠期并不是完全禁止性行为的，但是这个情况个体差异很大的，如果孕妈妈身体比较虚弱，怀孕之后时不时有先兆流产之类的症状，则一定要避免性生活。</t>
  </si>
  <si>
    <t>可以，建议前三个月不要做，防止流产，后三个月不要做，防止早产。平时做不要太猛</t>
  </si>
  <si>
    <t>孕早期三月，孕晚期三月是禁止的</t>
  </si>
  <si>
    <t>前三个月跟最后三个月是一定不可以滴</t>
  </si>
  <si>
    <t>3个月之前是不能的 因为胎儿不稳定容易怀胎 之后是可以的 并且注意姿势 一定不能压着肚子。 而且不能进入太里面 要轻点怀孕啪啪其实对胎儿还是有好处的</t>
  </si>
  <si>
    <t>藏獒打架厉害吗</t>
  </si>
  <si>
    <t>咬架藏獒根本不行,没比特体力好,看门的话还是藏獒最牛,比特基本上是不看门的! 内地的獒没法比,把比特拉到草原去,和那些所谓的狗比比看</t>
  </si>
  <si>
    <t>藏獒打架不行，但是很忠心</t>
  </si>
  <si>
    <t>民生银行信用卡没激活收年费吗</t>
  </si>
  <si>
    <t>任何一家银行的信用卡都是不激活不收费</t>
  </si>
  <si>
    <t>民生银行信用卡不开卡不需要收取年费</t>
  </si>
  <si>
    <t>看你办的是民生的什么卡了 同一银行 不用卡片 收费是不一样的 一般来说 就算你不开卡也要是收费的 本人有很多银行信用卡 一般都是为了礼品才办的 办完后 记得打客服电话 随便编个理由注销就可以了 要不等你 过来一年后 都会寄给你账单的 就是信用卡的年费单</t>
  </si>
  <si>
    <t>一般是不要的，不过建议你还是打电话去注销一下，比较保险</t>
  </si>
  <si>
    <t>民生银行信用卡未激活不收年费，激活后会收取年费。如果不想使用信用卡可以注销信用卡。</t>
  </si>
  <si>
    <t>民生银行信用卡新发卡没激活是不收年费的，一般来讲如果超过90天未激活将会自动注销。</t>
  </si>
  <si>
    <t>没激活就不用年费</t>
  </si>
  <si>
    <t>dnf江山略法杖好吗</t>
  </si>
  <si>
    <t>还可以吧</t>
  </si>
  <si>
    <t>可以过度，毕业武器不行，输出太低</t>
  </si>
  <si>
    <t>不怎么样 非常垃圾</t>
  </si>
  <si>
    <t>北京法院好考吗</t>
  </si>
  <si>
    <t>人多就难考，熟练运用解题方法就不难考。</t>
  </si>
  <si>
    <t>其实还可以，最重要就是先过了司法考试，过了北京市公务员考试，今年也没有法院系统考试了吧，那就好好准备面试，最好有一技之长的就更容易进了。</t>
  </si>
  <si>
    <t>天然萤石值钱吗</t>
  </si>
  <si>
    <t>具体的价值取决于尺寸大小</t>
  </si>
  <si>
    <t>一要看大小 二要看发光性 三看发什么色的光啦 但萤石有放射性注意检测啊 小心得病</t>
  </si>
  <si>
    <t>又称氟石，是一种矿物，其主要成分是氟化钙（CaF2）。人造萤石技术尚未成熟前，是制造镜头所用光学玻璃的材料之一。很值钱。</t>
  </si>
  <si>
    <t>萤石不贵的，一般几元，10元内一克拉</t>
  </si>
  <si>
    <t>真品是天然萤石，真品值钱的；真品喜欢就可以当一个品种收藏！</t>
  </si>
  <si>
    <t>2015是羊年吗</t>
  </si>
  <si>
    <t>2015年是乙未年，是羊年.</t>
  </si>
  <si>
    <t>2015年，是农历乙未年，羊年。</t>
  </si>
  <si>
    <t>2015年是羊年</t>
  </si>
  <si>
    <t>红米note2升级成miui7是不是省电很多?</t>
  </si>
  <si>
    <t>是的，MIUI7都比MIUI8省电。</t>
  </si>
  <si>
    <t>斯巴达克斯是真实的吗</t>
  </si>
  <si>
    <t>斯巴达克斯是真实的历史人物。</t>
  </si>
  <si>
    <t>斯巴达克斯是巴尔干半岛东北部的雷斯人，罗马侵入北希腊时，他被俘虏，并被卖为角斗士奴隶，送到卡普亚城一所角斗士学校参训。</t>
  </si>
  <si>
    <t>是的，有史料记载的，斯巴达克斯人带领奴隶反抗罗马统治。</t>
  </si>
  <si>
    <t>罗马历史上真实发生过的斯巴达克大起义，发生于公元前73-前71年（没有记错的话？），此时是罗马共和国末期（很快就可以看到恺撒等历史名人登场了，而且他们也或多或少卷入了这一事件）。算是罗马历史上最大、最著名的奴隶起义了（恐怕在欧洲历史上也算最有名了）。小说就是以此为原型的，许多描述依据历史真实，但是一些具体情节则是艺术加工。</t>
  </si>
  <si>
    <t>斯巴达克斯（Spartacus，约前120年—约公元前70年）是巴尔干半岛东北部的色雷斯人</t>
  </si>
  <si>
    <t>望京繁华吗</t>
  </si>
  <si>
    <t>望京地区还好吧 繁华谈不上 但很便利</t>
  </si>
  <si>
    <t>挺好的，交通很便利，环境也比较好</t>
  </si>
  <si>
    <t>望京社区（属朝阳区）位于北京东北4环5环交界处，西是大屯,南是798艺术区,北是来广营,东是环铁。社区内有亚洲最大的家具商场宜家家居、双叶家居和各种大型连锁商场，如华堂，沃尔玛，华联。望京社区学校有北京中医药大学，中央美术美院，伊顿慧智双语幼儿园，北京80中，陈经伦中学，94中，首师大附中等。有常住人口约30万人，其中，日韩籍人士占有很大比例。根据政府规划，望京将建成超大规划的社区，总规划占地16平方公里，总居住人口将达到50-60万人，相当于一个标准的中等城市。望京居民中演艺界、企业管理者、外企职工、律师、医生、记者、外国人较多，中产阶层比重较大，年龄呈年轻化趋势明显。望京小区的家庭私家车拥有率接近50%，地铁有13号线望京西站，正建的是位于望京东区的地铁15号线，14号线出行方便，但因社区道路不是正南正北，所以开车容易分不清方向。2004年政府在望京新建9条道路，进一步改善望京地区的交通状况。望京拥有众多小区，20世纪末全国最大的一笔投资投向望京，将成为中国乃至全亚洲最大的居民区。</t>
  </si>
  <si>
    <t>木地板可以用拖把拖吗</t>
  </si>
  <si>
    <t>一般拖把都适合木地板，主要是看拖把的吸水性。复合电板和实木地板都要比较干，不然对地板不好。</t>
  </si>
  <si>
    <t>可以，实木地板的优点之一就是不怕水泡，不像强化复合地板严禁用水拖。不过，棉拖把要沥干水，不要湿漉漉的。还有，实木复合地板要定期保养，注意不要划伤。</t>
  </si>
  <si>
    <t>微晶石木地板可以用任何拖把拖地，微晶石木地板防水，防火，防蛀，零甲醛！纯木的地板如果长期沾水会变形，起包，有有异味，长时间潮湿有虫卵的！</t>
  </si>
  <si>
    <t>水瓶和双子配吗</t>
  </si>
  <si>
    <t>因为水瓶双子都是风象星座，变化好大，感觉很相似。所以相识之初，很容易被对方“电”到，急速堕入爱河，大家都飞不出大家的掌心咯。你们这种自由自然开放豁达的态度，谈起情来比一般情侣来得潇洒，不会将爱情变成了令自己不开心的压力，大家生活圈子又广阔，真是啥都不用愁，两个人之间的关系可谓这么近又那么远，介乎友情同爱情之间，有什么都讲出来，不会有隔夜仇。 这样组合的确好适合，只不过可能有时双方都太忙而忽略了对方，可以留一点两人的时间和空间。</t>
  </si>
  <si>
    <t>2星座配合度为80以上</t>
  </si>
  <si>
    <t>般配</t>
  </si>
  <si>
    <t>水瓶座最配星座第一名：双子座配对指数：100配对比重：48：52配对点评：两个同是风象星座的人相遇，可以把这象性星座的特征表现的淋漓尽致，是亦师亦友，爱情和友谊共存共荣，彼此信任、互相尊重的完美组合。</t>
  </si>
  <si>
    <t>女生可以用男士面膜吗</t>
  </si>
  <si>
    <t>一般没问题，不过男性面膜控油的比较多，你脸比较油的话比较好</t>
  </si>
  <si>
    <t>不能的，皮肤不一样.</t>
  </si>
  <si>
    <t>可以到是可以</t>
  </si>
  <si>
    <t>当然是不可以的。最好是选择合适自己皮肤的产品!</t>
  </si>
  <si>
    <t>可以用的，但是效果没有男士用着的效果好。</t>
  </si>
  <si>
    <t>经期可以喝玫瑰花吗</t>
  </si>
  <si>
    <t xml:space="preserve"> 当然是可以喝的啦 </t>
  </si>
  <si>
    <t>在工作和生活压力越来越大的今天，即使不是月经期，也可以多喝点玫瑰花，安抚、稳定情绪。</t>
  </si>
  <si>
    <t>电蒸箱实用吗</t>
  </si>
  <si>
    <t>还好吧</t>
  </si>
  <si>
    <t>好用，电蒸箱用起来蛮方便的，比蒸锅好用太多。</t>
  </si>
  <si>
    <t>家用电蒸箱好用，蛮实用的。</t>
  </si>
  <si>
    <t>这个建议火星人的X3蒸汽炉啊，吸油烟比较干净些。</t>
  </si>
  <si>
    <t>工会主席有工资吗</t>
  </si>
  <si>
    <t>企业工会主席享受企业副职待遇，企业工会副主席享受企业中层正职待遇。是否有职务工资要根据所在企业的工资制度，如果制度设定有职务工资，就按上述执行。</t>
  </si>
  <si>
    <t>工会主席享受企业行政副职待遇。</t>
  </si>
  <si>
    <t>心理罪陈希不是死了吗</t>
  </si>
  <si>
    <t>陈希是死了.</t>
  </si>
  <si>
    <t>陈希死了，在演话剧时被吴涵砍断绳子被铡刀杀了。</t>
  </si>
  <si>
    <t>死了，是方木的幻觉，在“第七个读者”中被吴涵在演李尔王的戏剧的时候砍头了，后续出现的陈希都是方木心里的臆想，不是真人，是由于方木放不下这段回忆，不愿意面对陈希的死而在心理上的回避与逃离的现象。</t>
  </si>
  <si>
    <t>死了，陈希是方木幻想出来的，在腾大连环杀人案中就死了。</t>
  </si>
  <si>
    <t>陈希确实死了，被砍头了，电视剧里陈希被方木救了那段是方木自己幻想出来的。</t>
  </si>
  <si>
    <t>没有，他们最后在一起了</t>
  </si>
  <si>
    <t>现在苹果还能退款吗</t>
  </si>
  <si>
    <t>咬过的应该不行</t>
  </si>
  <si>
    <t>当然可以申请退款。 原通道返回，收到苹果处理完的邮件之后 余额就已经返回到APP ID账户了 如果是信用卡三个工作日额度就能恢复 。 银行卡充值购买的，退款退到AppleID账号余额中；信用卡消费的，退款到信用卡。</t>
  </si>
  <si>
    <t>1、记录订单编号2、提交退款申请注：申请退款是有时间限制，即必须在购买应用程序的90天内提出。</t>
  </si>
  <si>
    <t>可以吧</t>
  </si>
  <si>
    <t>可以,只要你填写了适当的退款理由苹果方都会给你退款</t>
  </si>
  <si>
    <t>App购买超过90天便不能申请退款了</t>
  </si>
  <si>
    <t>韩国有唐人街吗</t>
  </si>
  <si>
    <t xml:space="preserve">韩国的唐人街在仁川市! </t>
  </si>
  <si>
    <t>韩国没有唐人街</t>
  </si>
  <si>
    <t>有，国仁川“中华街”，但韩国政府正筹划在高阳市兴建一条韩国最大的唐人街。</t>
  </si>
  <si>
    <t>仁川唐人街是韩国最大的华侨居留地</t>
  </si>
  <si>
    <t>month可数吗</t>
  </si>
  <si>
    <t>month是可数名词</t>
  </si>
  <si>
    <t>是可数名词</t>
  </si>
  <si>
    <t>month是可数名词，复数形式是months。</t>
  </si>
  <si>
    <t>可数</t>
  </si>
  <si>
    <t>可数名词</t>
  </si>
  <si>
    <t>month是可数名词，复数形式是months</t>
  </si>
  <si>
    <t>阿玛尼眼线笔好用吗</t>
  </si>
  <si>
    <t>感觉用的还蛮久的。防水效果也可以，但不是完全防水</t>
  </si>
  <si>
    <t>演唱会能带单反吗</t>
  </si>
  <si>
    <t>可以带，最好是全画幅的单反，演唱会环境暗，全画幅的感光更好，镜头得长焦或者超长焦镜头</t>
  </si>
  <si>
    <t>这种浮躁的音乐会是允许带单反的。高雅音乐会连手机都不许拍照。</t>
  </si>
  <si>
    <t>可以，这个不被禁止。</t>
  </si>
  <si>
    <t>完全可以，随便带。不过演唱会一般都不允许开闪光灯，你最好带上大光圈的镜头和三脚架。</t>
  </si>
  <si>
    <t>只管带，随便带，你带多少个都成。</t>
  </si>
  <si>
    <t>有的可以，有的不可以</t>
  </si>
  <si>
    <t>深圳住房公积金可以提现吗</t>
  </si>
  <si>
    <t>都可以的，拿好身份证和公积金本。</t>
  </si>
  <si>
    <t>如果是外地员工，在和单位解除劳动关系之后是可以提取住房公积金的。</t>
  </si>
  <si>
    <t>可以。缴存公积金的职工满足下列条件之一的，就可提取本人的住房公积金。 1、购买、建造、翻建、大修自住住房的；2、偿还产权自有的住房贷款本息的；3、租赁住房自住的；4、离休、退休(退职)的；5、完全或部分丧失劳动能力，且与单位终止劳动关系的；6、本市户口职工与所在单位终止劳动关系后，未重新就业满5年或者男性年满50周岁、女性年满45周岁的；7、非本市户口职工与所在单位终止劳动关系后未在本市重新就业的；8、享受城镇最低生活保障的；9、出国、出境定居的；10、职工死亡或被宣告死亡的。 购买商品房时,凭合同,收据或者产权证及本人合法证件提取,或者退休时凭退休证及本人合法证件提取。</t>
  </si>
  <si>
    <t>可以提现，根据住建委规定，满足一定条件的可以提取公积金。</t>
  </si>
  <si>
    <t>可以销户全额提取。1、符合公积金提取的销户提取的条件。(1)离退休：离退休证或劳动部门的相关证明、提取人身份证;(2)户口迁出本市：公安部门出具的户口迁出证明、提取人身份证;(3)出国定居：户口注销证明;(4)丧失劳动能力且解除劳动合同：劳动部门提供的职工丧失劳动能力鉴定及单位解除劳动合同证明、提取人身份证;(5)进城务工人员与单位解除劳动关系：提供户口证明和解除劳动关系的证明;(6)职工在职期间被判处死刑、无期徒刑或有期徒刑刑期期满时达到国家法定退休年龄：应当提供人民法院判决书;(7)职工死亡或者被宣告死亡：应当提供职工死亡证明若其继承人、受遗赠人提取的，还需提供公证部门对该继承权或受遗赠权出具的公证书或人民法院做出的判决书、裁定书或调解书。</t>
  </si>
  <si>
    <t>如果你是非深户的话，要转走社保才能全部取出来，非深户在外地买房可以取到只剩下一个月在账户里，深户的话，只能买房才能全部取出来。</t>
  </si>
  <si>
    <t>可以全取出来的，销户就可以取出来了</t>
  </si>
  <si>
    <t>美国人吃牛蛙吗</t>
  </si>
  <si>
    <t>他们不会吃的</t>
  </si>
  <si>
    <t>我可以很肯定的告诉你，99%的美国人都不行</t>
  </si>
  <si>
    <t>吃啊，鲤鱼和牛蛙外国人好像吃的少</t>
  </si>
  <si>
    <t>拔掉智齿能瘦脸吗</t>
  </si>
  <si>
    <t>不建议你拔掉</t>
  </si>
  <si>
    <t>拔智齿瘦脸的适应症有以下三种：\x0d　　1、受术者首先要具备脸部两侧的肌肉够薄才能在拔掉智齿后达到瘦脸效果。由于如果脸两侧的肌肉过厚，拔完智齿后的脸部凹陷效果就根本看不出来，从而起不到瘦脸效果。\x0d　　2、智齿所长的位置正好在脸两侧的咬肌部位，如果智齿位置不对，拔掉之后同样看不出瘦脸效果。另外，如果智齿长在神经上，拔掉智齿瘦脸将存在很大的手术风险。\x0d　　3、由于每个人的脸部轮廓都不一样，脸部下方的轮廓主要由颧骨和下颌骨组成，拔掉智齿之后并不会改变骨骼的位置和外形，对脸部轮廓的瘦脸不会产生明显的影响。</t>
  </si>
  <si>
    <t>这要看牙是否影响脸型。有些人的牙齿长斜出外面，就影响到脸的美观，矫正后可以恢复原形。但是如果长的脸型本身就不瘦，拔了牙也没有多大的改变，那就是无事找事干了。</t>
  </si>
  <si>
    <t>脸的宽度和形状与智齿无关</t>
  </si>
  <si>
    <t>芬必得消炎吗</t>
  </si>
  <si>
    <t>芬必得是去痛片，不是消炎药。</t>
  </si>
  <si>
    <t>消炎作用不大</t>
  </si>
  <si>
    <t>芬必得布洛芬缓释胶囊是有效的PG合成酶抑制剂，具有解热镇痛及抗炎作用。</t>
  </si>
  <si>
    <t>并不是消炎药</t>
  </si>
  <si>
    <t>即付宝 套现安全吗</t>
  </si>
  <si>
    <t>所有套现都不是百分百安全，信用卡中心可以监控到，会有降额封卡的可能，悠着点用，分批多次多机器刷，会好点</t>
  </si>
  <si>
    <t>即付宝不行了</t>
  </si>
  <si>
    <t>长跑需要护膝吗</t>
  </si>
  <si>
    <t>如果腿部有伤，就有必要戴。戴护膝可以有效保护受伤部位，防止受伤部位受到二次伤害；如果腿部没伤，就没有必要戴。如果戴护膝，跑长距离会影响下肢的血液循环，还是不戴为好。</t>
  </si>
  <si>
    <t xml:space="preserve">最好不要戴 </t>
  </si>
  <si>
    <t>如果膝盖没有毛病 最好不要戴 阻碍血液循环 没什么好处，你膝盖有伤跑步对膝盖有压力 可以用椭圆机或者骑车游泳等来代替</t>
  </si>
  <si>
    <t>千万不要选择带护膝跑步，这个办法只能让你的的股四头肌越来越少</t>
  </si>
  <si>
    <t>由于跑步给膝盖施加了过多的压力，很容易使髌骨被牵移离开原有部位，从而引发膝关节部位的疾病。而带上护膝则能将髌骨固定在相对稳定的位置上，以保证其不轻易受伤害。</t>
  </si>
  <si>
    <t>可以戴最好</t>
  </si>
  <si>
    <t xml:space="preserve">平时在训练的过程中，如果膝盖没有不适的感觉，当然不带是很好的。 </t>
  </si>
  <si>
    <t>陪我high app 假的吗</t>
  </si>
  <si>
    <t>火龙果孕妇可以吃吗</t>
  </si>
  <si>
    <t>火龙果是一种无污染的绿色热带水果，它含有一般植物少有的植物性白蛋白和花青素、水溶性膳食纤维，火龙果是对孕妇和胎儿一种很好的水果。</t>
  </si>
  <si>
    <t>当然可以，还可以预防孕妇便秘。</t>
  </si>
  <si>
    <t>面粉不用酵母能发酵吗</t>
  </si>
  <si>
    <t>用面种，每次做面包留起一小块，也可以用酸奶。</t>
  </si>
  <si>
    <t>泡水后，然后暴晒</t>
  </si>
  <si>
    <t>可以 但是馒头做出来会很紧 没有弹性 硬！</t>
  </si>
  <si>
    <t>用面肥发面（通常叫大碱发面）把面肥用水先泡开然后把面粉倒进去合匀，醒8小时待面发起是原来的1倍，然后对碱当面没有酸味，稍微有一点点碱味，再醒半小时既可，蒸时锅内放点醋以免蒸出的包子皮有花点， 一定要用凉水把包子放进去再通电。</t>
  </si>
  <si>
    <t>vc可以长期服用吗</t>
  </si>
  <si>
    <t>vc维生素c不可以长期服用。</t>
  </si>
  <si>
    <t>可以长期吃，但要控制用量，每天一次，每次一片就可以。</t>
  </si>
  <si>
    <t>如果是很便宜的那种，就不要太常吃，因为那都是化学合成的，是药三分毒。</t>
  </si>
  <si>
    <t>不可以，会中毒。</t>
  </si>
  <si>
    <t>最好不要长期吃,建议可以多吃些含VC高的水果,比如猕猴桃啊,樱桃啊这些.药的VC都是合成VC不是天然的,长期吃了会有副作用的. 天天吃就像学vc一样，学多了会记不住的。</t>
  </si>
  <si>
    <t>过多的维生素C会引起尿路结石，胡萝卜素会造成皮肤黄染。</t>
  </si>
  <si>
    <t>首都机场打的方便吗</t>
  </si>
  <si>
    <t>21点 不会很堵。但是最近北京交通有些异常，可能会堵车。正常的话，大约30几分钟，车费大约70元左右。</t>
  </si>
  <si>
    <t xml:space="preserve">你出航班楼 就有排队的出租车在等候的 </t>
  </si>
  <si>
    <t>好打，T2一层5号门外有排队的正规出租车</t>
  </si>
  <si>
    <t>方便，你可以打电话叫车，旁边都有等候的车辆，随时可过来接你。</t>
  </si>
  <si>
    <t>不需要打车，有航站楼间巴士，免费的</t>
  </si>
  <si>
    <t>益达催情口香糖有用吗</t>
  </si>
  <si>
    <t>在“无糖”口香糖中，蔗糖为甜味的多元醇所取代，但是并不会导致龋齿：木糖醇发挥杀菌的作用，有利于减少牙斑</t>
  </si>
  <si>
    <t>生态板能喷漆吗</t>
  </si>
  <si>
    <t>生态板都是免漆的，环保健康无甲醛，能直接使用，不需再额外喷漆</t>
  </si>
  <si>
    <t>从个性化角度来讲，喷漆更能体现个人的审美情趣。毕竟生态板是工业化产品。</t>
  </si>
  <si>
    <t>生态板是不需要刷油漆的</t>
  </si>
  <si>
    <t>支付宝实名认证安全吗</t>
  </si>
  <si>
    <t>支付宝只有实名认证以后，才更安全，而不是实名认证安不安全的问题。支付宝是不会把用户实名认证时上传的身份证信息等泄露出去的。</t>
  </si>
  <si>
    <t>安全的</t>
  </si>
  <si>
    <t xml:space="preserve">安全的哦 </t>
  </si>
  <si>
    <t>安全，我一直都再用，没出过问题</t>
  </si>
  <si>
    <t>安全不安全，主要是你对自己帐号的保管，不是说实名认证了就不安全，只要你帐号不被偷，就是安全的。</t>
  </si>
  <si>
    <t>商家的话认证就比较有可信度</t>
  </si>
  <si>
    <t>速卖通 纠纷私下解决好吗</t>
  </si>
  <si>
    <t>前期你可以先和买家好好的沟通下，毕竟smt、dhgate、ebay这些对于好评率还是很看重的。具体还是分情况的，如果真的是你的产品问题没的说直接给买家放款，如果是货物在途什么的还是回看证据的，希望能帮助到你，码字不容易，满意请采纳。</t>
  </si>
  <si>
    <t>最好私了不赔钱靠说话他估计很难取消纠纷</t>
  </si>
  <si>
    <t>适当沟通承诺快速退款来引导买家改变纠纷性质，最好的情况下取消纠纷，都能把对店铺的影响降低。</t>
  </si>
  <si>
    <t>可以，但是如果是货不对版纠纷，慎重联系客户更改，能取消纠纷走线下赔付或者补发最好，速卖通严禁诱导买家更改货不对板纠纷</t>
  </si>
  <si>
    <t>苹果手机升级系统好不好</t>
  </si>
  <si>
    <t>有好有坏，每一个新出系统都有优化，</t>
  </si>
  <si>
    <t>系统升级利大于弊</t>
  </si>
  <si>
    <t>暂且不谈论更新IOS7和6，所有软件的更新都是对上一个版本的修复，体验的效果也会更好。</t>
  </si>
  <si>
    <t>不好，因为它的cpu有技术问题。</t>
  </si>
  <si>
    <t>主要看是几代的手机来的。</t>
  </si>
  <si>
    <t>石榴石的功效是真的吗</t>
  </si>
  <si>
    <t>市面上的一般都是铁铝榴石或者镁铝榴石，主要成分还是氧化硅，哪来的什么功效作用啊</t>
  </si>
  <si>
    <t>这种功效不同的人有不同的看法吧，也并没有科学官方的解释。至于有些人说有效果，也许是真的磁场作用，也许只是一种心理暗示成功的结果，谁知道呢？至于买的话，建议网上购买，反正目前没听说石榴石有造假的，而且网店总是会比实体店便宜些。</t>
  </si>
  <si>
    <t>石榴石是保健品没有治疗效果，有病建议到医院就诊治疗。</t>
  </si>
  <si>
    <t>没有那么神奇的，更多是心理作用而已</t>
  </si>
  <si>
    <t>二建全国卷子一样吗</t>
  </si>
  <si>
    <t>一样，只有安徽的不同。</t>
  </si>
  <si>
    <t>不一样的。二级建造师执业资格实行全国统一大纲，各省、自治区、直辖市命题并组织考试的制度，建设部负责拟定二级建造师执业资格考试大纲，人事部负责审定考试大纲。各省、自治区、直辖市人事厅（局），建设厅（委）按照国家确定的考试大纲和有关规定，在本地区组织实施二级建造师执业资格考试。专业科目设置6个专业类别：建筑工程、公路工程、水利水电工程、市政公用工程、矿业工程和机电工程。考生在报名时根据工作需要和自身条件选择一个专业进行考试。</t>
  </si>
  <si>
    <t>是全国统一的，不过各地分数线不一样</t>
  </si>
  <si>
    <t>二建考试不是全国统一试题，二建是由各省自行组织考试。但大多数省份都会采用国家命题组的试卷进行考试。</t>
  </si>
  <si>
    <t>基本一样的</t>
  </si>
  <si>
    <t>二级建造师是实行全国统一命题，统一考试的形式，所以二级建造师考试全国考卷一样。</t>
  </si>
  <si>
    <t>从开始到去年，全国都是统一试卷（除了安徽）。今年，全国范围内，除了安徽，除了福建（暴雨影响），其他地方都是统一试卷。不过分数线不一致。各省自己定。</t>
  </si>
  <si>
    <t>一样的，阅卷各省自行组织，合格分数线由各省自行确定</t>
  </si>
  <si>
    <t>360随身wifi2可以当无线网卡用吗</t>
  </si>
  <si>
    <t>不能当网卡用 只能当wifi用</t>
  </si>
  <si>
    <t>360随身wifi3代可当无线网卡使用</t>
  </si>
  <si>
    <t>可以的，装上驱动后右键WiFi标志可以切换成无线网卡。</t>
  </si>
  <si>
    <t>最新驱动程序可以自由切换网卡和热点</t>
  </si>
  <si>
    <t>都能用，台式机可以当网卡用。</t>
  </si>
  <si>
    <t>台式电脑的话，应该不能</t>
  </si>
  <si>
    <t>被兔子咬了要打疫苗吗</t>
  </si>
  <si>
    <t>2004年《WHO狂犬病专家磋商会首篇报告》中关于狂犬病暴露后预防指南明确指出：“暴露于兔和野兔后很少需要专门的抗狂犬病暴露后预防。”也就是说，被兔咬伤后通常不需要接种狂犬病疫苗。据笔者多年收集的资料和研究，认为WHO的上述观点也适用于中国。兔传播狂犬病的风险很小，特别是在非疫区被兔咬伤，患狂犬病的可能性极小。事实上，迄今全世界(包括中国)尚无一例有确切证据因被兔咬伤而引发人患狂犬病的病例报告。兔对狂犬病病毒高度敏感。世界上最早的狂犬病疫苗就是用人工感染兔的脑组织制成的。国外对北美洲和欧洲狂犬病流行地区成千上万的野生动物(包括兔类)持续多年的监测表明，极少发生兔感染狂犬病病毒的现象。</t>
  </si>
  <si>
    <t>只要出血了就一定要打针.狂犬病毒等主要存在于温血动物的唾液中,所以,被咬后病毒很可能通过唾液经伤口处的血液进入血液循环,从而引起狂犬病.所以,保险起见,打吧.目前来说,狂犬病的治愈率几乎为0.</t>
  </si>
  <si>
    <t>家里的兔子，无所谓的，我天天被兔子又抓又挠又咬的，不还活这么</t>
  </si>
  <si>
    <t>梅家坞限行吗</t>
  </si>
  <si>
    <t>梅家坞也属于景区，也是限行的。</t>
  </si>
  <si>
    <t>现在只实行 双休和节假日单双号限行，还有限高排放车。 也就是说工作日时不限。</t>
  </si>
  <si>
    <t>梅家坞属于景区，实行周末单双号限行。</t>
  </si>
  <si>
    <t>杭州景区现在只实行双休和节假日单双号限行，还有限高排放车，也就是说工作日时不限。</t>
  </si>
  <si>
    <t>十月份的东北好玩吗</t>
  </si>
  <si>
    <t>去丰满应该是好去处把。</t>
  </si>
  <si>
    <t>比较想去松花湖或者抚顺热高</t>
  </si>
  <si>
    <t>十月份正是金色季节，我有好多年没在家过过秋天了，天气真的可以用秋高气爽来形容，不会太冷的，最多你带件毛衣和外套</t>
  </si>
  <si>
    <t>格杰仁波切是假活佛吗</t>
  </si>
  <si>
    <t>是假的，这里是网上扒的资料</t>
  </si>
  <si>
    <t>孕妇可以吃当归党参和黄芪吗</t>
  </si>
  <si>
    <t>当归还是少吃吧，怀孕是不能吃活血化瘀的东西，当归能补血活血，少吃</t>
  </si>
  <si>
    <t>孕妇不可以吃当归，川芎，黄芪的，是可能会导致流产的，怀孕期间尽量少用药为好</t>
  </si>
  <si>
    <t>当归不建议食用</t>
  </si>
  <si>
    <t>这是补气血的 最好不要大量补气血</t>
  </si>
  <si>
    <t>怀孕期间这些东西还是不能乱吃，注意营养搭配，如果产检一切正常就不用刻意去补，现在人的生活条件宝宝的营养通常是能够满足的，刻意的去补一些也不见得好，水果蔬菜，吃饭注意营养搭配就可以了</t>
  </si>
  <si>
    <t>糖尿病能否吃香蕉</t>
  </si>
  <si>
    <t>可以肯定地说，糖尿病患者能够吃水果，不过一定要学会科学地吃。</t>
  </si>
  <si>
    <t>香蕉吃多了也容易升高血糖，对于糖尿病患者来说不宜多食。</t>
  </si>
  <si>
    <t>糖尿病人可以吃香蕉</t>
  </si>
  <si>
    <t>糖尿病患者尤其是糖尿病合并高血压的患者，在平衡膳食、适量控制的饮食原则下，还是可以吃香蕉的。</t>
  </si>
  <si>
    <t>王嘉尔中文不好吗</t>
  </si>
  <si>
    <t>王嘉尔爸爸是香港人，麻麻是上海人，从小在香港长大，10几岁的时候又去韩国当练习生，普通话不好很正常</t>
  </si>
  <si>
    <t>嘉尔虽然是香港人，但是小时候上的是国际学校，用英文来交流，所以中文不算特别好</t>
  </si>
  <si>
    <t>王嘉尔是中国香港人，在节目或者宣传时经常说中文啊，主持节目什么的经常中韩英粤语混着来</t>
  </si>
  <si>
    <t>玉珠贤减肥瑜伽有用吗</t>
  </si>
  <si>
    <t>轻薄羽绒服保暖吗</t>
  </si>
  <si>
    <t>保暖， 鸭绒的基本上很轻，零下20、30 度都不冷。</t>
  </si>
  <si>
    <t>保暖，但要到实体店买。如：美特斯邦威、优衣库等地方店都可以。网购的基本上都是夸大事实，有人做过调查纺织产品质检中心抽检的网购的轻薄羽绒服基本上比宣传100%含绒都低30%左右的含绒量，也就是说实际只有70%左右了，而实体店的羽绒服含绒量却在90%以上。</t>
  </si>
  <si>
    <t>纸尿裤是尿不湿吗</t>
  </si>
  <si>
    <t>纸尿裤俗称尿不湿。</t>
  </si>
  <si>
    <t>总的来说是同一种。</t>
  </si>
  <si>
    <t>纸尿裤跟尿不湿不一样的。</t>
  </si>
  <si>
    <t>只有行驶证能过户吗</t>
  </si>
  <si>
    <t>你好：不可以的。车辆过户所需要的材料有：车主的身份证（单位车辆需要组织机构代码证和经办人的身份证）、行车证、机动车登记证，再把要过户的车辆开去就可以办理过户了。</t>
  </si>
  <si>
    <t>不能。过户车辆需要车辆违章事故处理完毕，车辆有行驶证，合格证，车辆登记证书，保险等手续证件。买卖双方持身份证，带着车，一起到车辆登记车牌的车管所申请过户。</t>
  </si>
  <si>
    <t>格力空调免费移机吗</t>
  </si>
  <si>
    <t>不免费。目前来说，还没有任何一个厂家有承诺或者是有做到能给用户免费移机的。</t>
  </si>
  <si>
    <t>格力空调近几年没有免费移机一次的规定，移机都是需要收费的.......</t>
  </si>
  <si>
    <t>一般是没有的，除非购买的时候拿到免费移机金卡，才可以免费移机。</t>
  </si>
  <si>
    <t>不管什么空调，包括格力在内。只有头一次安装免费。如果你安装好后要搬动。那肯定要收费的。搬迁比装机还贵，大约三佰元。</t>
  </si>
  <si>
    <t>不论是格力空调，或者其他品牌的空调，一般都是初次安装时候才会免工时费，一旦移机或者需要额外的加长连接管线，水钻开孔或者需要订做异形支架等不属于免费范围的服务，就会收取一定的费用的</t>
  </si>
  <si>
    <t>不能，需要移机费。</t>
  </si>
  <si>
    <t>尼姑有性生活吗</t>
  </si>
  <si>
    <t>有的未做尼姑前结过婚，肯定有过啪啪啪。如做尼姑后忍不住也会啪啪啪</t>
  </si>
  <si>
    <t>不守戒律的尼姑有。</t>
  </si>
  <si>
    <t>要买车网靠谱吗</t>
  </si>
  <si>
    <t>靠普个毛线，虚假广告，误导下单。</t>
  </si>
  <si>
    <t>价格靠谱，售后跟4s一样，以前易迅的老板搞的</t>
  </si>
  <si>
    <t>真心觉得还是不错的，各方面都没问题，价钱还便宜</t>
  </si>
  <si>
    <t>我觉得还是不错的，质量没问题，价格还便宜，可以去看看</t>
  </si>
  <si>
    <t>他们跟上家批量进货，总比零售的价格便宜</t>
  </si>
  <si>
    <t>晚上不吃晚饭好不好</t>
  </si>
  <si>
    <t>不吃晚饭的危害：1.不吃晚饭导致长达10个小时的空腹期间，这样很容易得胃病。2.如果处于正在发育期的人，长期不吃晚饭就会影响身体发育和抵抗力。3.不吃晚饭身体所需营养物缺少的话，新陈代谢就会变慢，或许你会因此变瘦，但是是有病态的瘦。</t>
  </si>
  <si>
    <t>晚上不吃饭不好.</t>
  </si>
  <si>
    <t>人体是需要正常的一天三餐的，因此如果是在晚上不吃晚饭的话，这对于身体是有一定的危害的，如果经常不吃晚饭的话是会导致身体虚弱、血压下降，导致身体没有活力，免疫力降低。</t>
  </si>
  <si>
    <t>经常晚上不吃饭对胃不好</t>
  </si>
  <si>
    <t>晚上不吃晚饭的话，对于身体有一定的危害。</t>
  </si>
  <si>
    <t>软碟通好用吗</t>
  </si>
  <si>
    <t>还可以的，看软件功能楼主需求一致否</t>
  </si>
  <si>
    <t>蝎子喝水吗</t>
  </si>
  <si>
    <t>当然会喝的啊</t>
  </si>
  <si>
    <t>它们不需要喝水，能直接从植物体中取得水分和依靠特殊的代谢方式，获得所需水分，</t>
  </si>
  <si>
    <t>它们不需要喝水，能直接从植物体中取得水分和依靠特殊的代谢方式，获得所</t>
  </si>
  <si>
    <t>要看你的蝎子是什么品种的如果是亚洲雨林蝎，非洲帝王蝎之类热带种，</t>
  </si>
  <si>
    <t>是的，用嘴喝水，盘子里面是水，这是温室养殖</t>
  </si>
  <si>
    <t>皮肤吸收空气中的水分</t>
  </si>
  <si>
    <t>怀孕早期会长痘痘吗</t>
  </si>
  <si>
    <t>注意清洁干净，补水工作做好就不会</t>
  </si>
  <si>
    <t>这个没有直接联系</t>
  </si>
  <si>
    <t>当然也可能会导致内分泌出现一些异常,会产生豆豆的</t>
  </si>
  <si>
    <t>一般不会的</t>
  </si>
  <si>
    <t>苹果发票手写的有用吗</t>
  </si>
  <si>
    <t>行货是机打的水货是手写的（机打的要加税的）</t>
  </si>
  <si>
    <t>可以保修的 里面有序列号 和生产日期 只要你没过期 一样联保 希望搬到你</t>
  </si>
  <si>
    <t>龙华医院周日上班吗</t>
  </si>
  <si>
    <t>部分科室周六上班。周日除了急诊都休息的。</t>
  </si>
  <si>
    <t>医院周六日都上班的，都是轮流值班的医生，专家比较少。</t>
  </si>
  <si>
    <t>鲜红斑痣会遗传吗</t>
  </si>
  <si>
    <t>不会遗传的。</t>
  </si>
  <si>
    <t>不会。治疗鲜红斑痣的方法也是多种多样的，只要对症下药，就能给孩子一个美好的容貌和生活。</t>
  </si>
  <si>
    <t>我用亲身经历告诉你，会的</t>
  </si>
  <si>
    <t>有可能</t>
  </si>
  <si>
    <t>不属于遗传范畴</t>
  </si>
  <si>
    <t>手机到韩国能用吗</t>
  </si>
  <si>
    <t>可以，到当地的营业厅开通这个项目就行了，但好象要交钱，以防到了国外电话费超支，回来的时候再取消，没用完的钱就退回给你了。</t>
  </si>
  <si>
    <t>能,在国内先办理全球通业务,到韩国就能用了</t>
  </si>
  <si>
    <t>这个不一定要看具体的机型如果是卡需要开通国际漫游</t>
  </si>
  <si>
    <t>1、首先查看手机网络制式与频段参数（路径：官网机型参数连接，或手机工具--服务指南--产品安全--手机基本性能指标--网络频率）；2、其次通过百度或电话咨询当地的网络运营商，详细了解当地目前最新的网络制式与频段。手机支持的网络频段和国家的网络频段有重合的，则手机可以在该国家使用。若您还有其他的问题咨询，您可以进入OPPO企业平台向客服咨询提问喔！＃＃手机在国外搜索网络的方法：1.确认该手机是否支持所在国家的网络频段（某些机型国际漫游时将会实现不同的网络频段）2.联通版本的手机在国内是支持更改网络频段搜索网络，参考以下路径：设置-更多设置-移动网络-网络模式：1.GSM/WCDMA(自动模式）；2.仅GSM；3.仅限WCDMA。</t>
  </si>
  <si>
    <t>中国的手机如果没有开通漫游是不可以在韩国用的。而且要手机制式里支持 WCDMA 并且 是2100频段的都可以 ，手机可以使用 K T 的电话卡。＃＃因为手机的制式不一样，拿了中国的手机基本是用不了的但是也可以带来，智能机的话就可以上WIFI，韩国到处是无线不能打电话发短信也能上个QQ玩玩别的软件什么的，没有很大的问题，打电话就别想了</t>
  </si>
  <si>
    <t>韩国特别的，它是要求GSM手机才可以用的。</t>
  </si>
  <si>
    <t>ppt可以调图片透明度吗</t>
  </si>
  <si>
    <t>在ppt里面插入可以和图片大小的长方形，然后单击鼠标右键选择【设置图片格式】，在弹出框中选择【填充】里面【图片或纹理填充】，然后插入你想要的图片，这时候你就可以随便更改透明度啦。其他版本几乎差不多。</t>
  </si>
  <si>
    <t>PPT中无法直接对图片设置透明度。</t>
  </si>
  <si>
    <t>劲仔小鱼好吃吗</t>
  </si>
  <si>
    <t>酱香味最好吃</t>
  </si>
  <si>
    <t>劲仔小鱼好吃.</t>
  </si>
  <si>
    <t>我觉得劲仔小鱼好吃</t>
  </si>
  <si>
    <t>麻辣、香辣、酱香、卤汁四种口味，种种口味都好吃。</t>
  </si>
  <si>
    <t>好吃倒是挺好吃的</t>
  </si>
  <si>
    <t>随心贷会打电话审核吗</t>
  </si>
  <si>
    <t>应该是会打电话审核的，</t>
  </si>
  <si>
    <t>应该不会的</t>
  </si>
  <si>
    <t>有时会。看运气</t>
  </si>
  <si>
    <t>表白需要礼物吗</t>
  </si>
  <si>
    <t>个人认为，这些随意吧，就是花啊什麼的不可少。 如果送礼物，最好是有点花样的，不要俗，最好是少有的。或者你可以送点自己做的，显得有心意</t>
  </si>
  <si>
    <t>一般不要，理由有：1、也许对方压根对你不感兴趣，浪费自己的钱财没必要。2、你这样的做法也许会让女孩子觉得你太老到，也许不送礼，用其他的方式反而更好。只要够真诚就行。3、女孩子如果不喜欢你，你非要送礼，她会很排斥，不如先试探下她对你的看法再行动不迟呀，如果她也喜欢你，你可以带她去看看电影、喝喝东西不是更好吗？</t>
  </si>
  <si>
    <t>关于表白，送什么礼物有很大一部分原因会决定表白后的结果，所以精心挑选一部物美价廉的商品是一个不错的选择。</t>
  </si>
  <si>
    <t>这个很难说，如果对方是浪漫主义的那你可以和她约会营造浪漫气氛然后找准时机表白，送礼物的话你可以向对方的朋友比如闺蜜打听一下对方喜欢什么，经济条件好的可以送一下花、巧克力之类的小礼物，不用送戒指、钻石因为这不是求婚。</t>
  </si>
  <si>
    <t>表白其实重在表达而不是形式，这个礼物要是你花了心思准备的还好，压根都不知道该不该送的这种情况，那就干脆别送，反正礼物都是细枝末节，关键还是心意是否能坦白诚恳的表达出来，不要搞的头重脚轻失去重点。</t>
  </si>
  <si>
    <t>子宫肌瘤手术后能生育吗</t>
  </si>
  <si>
    <t>子宫肌瘤有效治疗方法：腹腔镜子宫肌瘤剔除术 该术式只需在腹部开几个3毫米小孔，无需开刀，即可在电视屏幕前获得比肉眼更清晰的图像，清晰直观子宫发病状况，实施微创手术治疗。具有创伤小、恢复快、当日即可下床活动、３-５天即可完全康复出院、且不影响生理功能等优点。腹腔镜技术不仅可以明确诊断，进行治疗，还可分离粘连，帮助妊娠，并有利于手术安全及预防复发，在当前国际上妇科诊疗手术中有着很高的采用率。这不仅仅是为了不孕症妇女因无子女而作的手术，即使已有子女，肌瘤较大，直径大于6cm；月经过多，药物保守治疗无效；或有压迫症状；肌瘤生长较快者，均可采用此术。</t>
  </si>
  <si>
    <t>近年微创技术已经非常普及，粘膜下肌瘤完全可以用宫腔镜经阴道切除，无切口；浆膜下肌瘤和壁间肌瘤可以用腹腔镜切除，腹壁最大切口不超1cm。肌瘤一旦存在，一定会越长越大，任何药物治疗都无效，栓塞和自凝刀，因为易损伤肠管，出血，复发等，更是不可取。不如尽早切除，术后辅以内分泌调节，才是万全之策。 年轻或无症状的 肌瘤患者，不应该等肌瘤长大或出现症状再作手术，肌瘤越小子宫创伤越小。 子宫肌瘤414：不论大小，多少，部位和年龄，不开腹，不切子宫，不复发，不输血，捍卫子宫，反对阉割，女人没子宫就会病态摆出，女人变了身，男人变了心.</t>
  </si>
  <si>
    <t>肌瘤引起不孕还是极少数的情况，所以对于有生育要求，肌瘤比较小（3cm以下）的朋友建议先试孕。肌瘤在怀孕过程中会长大，尤其是前3个月，但是引起流产，早产的还是少数。 如果不做手术,最好的方法就是超声消融,将体外产生的超声直接聚焦在体内肌瘤处,利用产生的高能量适形对肌瘤组织进行治疗.这种方式因为无创,副作用极小,可避免开刀引起疤痕和脏器粘连.不开刀,不住院,没有手术和麻醉风险.疗效确切,时候即刻就可以通过超声或者MRI看见治疗效果 .而且针对肌瘤复发的问题,超声消融治疗可重复性好,一旦有肌瘤复发,就可以仅针对肌瘤进行治疗. 超声消融治疗所用的超声和我们在医院做检查用的超声是一样的,对人体是没有伤害的.因为整个治疗过程都有超声的监控,定位非常准确,并且术后即刻就可以做MRI看治疗效果,评价的指标都是很客观易见的!目前只有大型的三甲医院才有,比如北京二炮医院,重医附一院,重医附二院,西安西京医院,上海徐汇区中心医院等.</t>
  </si>
  <si>
    <t>没有影响。做完手术后过半年。</t>
  </si>
  <si>
    <t>可以的，只要没有伤及子宫或子宫壁过薄，都可以怀孕的。</t>
  </si>
  <si>
    <t>这个是不影响的，怀孕生子和子宫以及排卵有关系，你只是单纯的做了肌瘤剔除术，对于怀孕是不会受到影响的。</t>
  </si>
  <si>
    <t>影响受孕能力，这个与部位、大小和数目有关。</t>
  </si>
  <si>
    <t>大麦茶是茶吗</t>
  </si>
  <si>
    <t>大麦茶应该是属于绿茶类</t>
  </si>
  <si>
    <t>吃凉皮会胖吗</t>
  </si>
  <si>
    <t>只要不是每餐吃，不是每天吃，不是一职吃，也不在早餐吃，吃凉皮不会长胖。</t>
  </si>
  <si>
    <t>会。因为凉皮的主要成分是淀粉，也就是碳水化合物，跟馒头米饭的本质一样的。</t>
  </si>
  <si>
    <t>如果正常两是不会增肥的 但是过量会使热量超标就会增肥。</t>
  </si>
  <si>
    <t>凉皮的热量是比较低的，但吃多了一样胖，毕竟里面有淀粉。</t>
  </si>
  <si>
    <t>吃凉皮不会发胖，里面没有增肥因子。</t>
  </si>
  <si>
    <t>少吃没事</t>
  </si>
  <si>
    <t>横店有招演员吗</t>
  </si>
  <si>
    <t>这个不用招聘，很自由的，到了把演员证办了，然后加几个群有通告就报，或者自己做一下资料，看下剧组讯息空了去跑剧组做特约演员工资会高一点150/800不等群众现在已经很少了几乎没有，都是群特70一天，另外超时10元一小时，其他费用就要看剧组，或者领队给不给力，帮不帮争取了……躺尸啊，摸黑，抬轿子，淋雨，裸露</t>
  </si>
  <si>
    <t>演员是不招聘的，只从圈内协调，没有外招一说，不论是谁，凡是招聘的就是。</t>
  </si>
  <si>
    <t>演员是不招聘的，只从圈内协调，没有外招一说，不论是谁，凡是招聘的就是骗子</t>
  </si>
  <si>
    <t>您好，招群众演员的，只不过竞争压力也挺大的，出头的几率也不高！</t>
  </si>
  <si>
    <t>永远不会的</t>
  </si>
  <si>
    <t>横店只能当群众演员，而且也不是招聘的，都是到横店群众演员公会办理演员证以后，等待他们给你派活。做群众演员没有什么要求，唯一要求是必须年满18周岁以上。</t>
  </si>
  <si>
    <t>中国货币政策应该关注资产价格吗</t>
  </si>
  <si>
    <t>票据市场的贴现汇率是和央行的政策相关。</t>
  </si>
  <si>
    <t>7号房的礼物是真实故事吗</t>
  </si>
  <si>
    <t>真的有蓝种人吗</t>
  </si>
  <si>
    <t>在非洲，亚洲，美洲，先后有人发现了蓝色皮肤的人，而且他们通常整个种族都是蓝色皮肤。</t>
  </si>
  <si>
    <t>有的。据报导，一位美国科学家在我国喜马拉雅山考察时，在空气稀薄海拔６０００米以上的地方，惊奇发发现在这里生活着一些蓝皮肤的人，他们不仅身体健康，而且还能干重体力劳动。无独有偶，一支考察队在非洲西北部一个与世隔绝的山区，也发现了一个庞大的蓝皮肤家族。他们过着狩猎和穴居的原始生活，他们不但皮肤是蓝色的而且血液也是蓝色的。</t>
  </si>
  <si>
    <t>没有,</t>
  </si>
  <si>
    <t>当然存在蓝种人</t>
  </si>
  <si>
    <t>妇科检查后可以同房吗</t>
  </si>
  <si>
    <t>做完妇科检查，最好三天只内不要做进行性生活， 因为在检查中女性的阴道与宫口都以被器械打开，难免会有轻微损伤和细菌的进入，这时候同房性生活不小心会导致阴道感染，引起妇科炎症，建议一周禁止性生活。</t>
  </si>
  <si>
    <t>你好，做完妇科检查不管有问题没问题最好3天只内不要做爱！因为在检查中女性的阴道与宫口都以被器械打开，难免会有轻微损伤和细菌的进入这时在马上做爱容易感染炎症！</t>
  </si>
  <si>
    <t>妇科检查后不可以同房。建议不要同房，有影响的，等到月经干净了以后再进行同房比较好，如果你妇科检查后直接同房的话，会对你的身体还有健康有很大的影响，希望你不要为了一时的欢快，而忘了自己的身体健康，同时要注意作好复查，确定身体的恢复情况。</t>
  </si>
  <si>
    <t>治疗结束后，应在下次月经干净后复查，白带呈阴性后方可恢复性生活。</t>
  </si>
  <si>
    <t>无·</t>
  </si>
  <si>
    <t>具体要看你做的是什么妇科检查有些妇科检查，禁止同房是为了避免炎症感染这是为了你自己的身体好</t>
  </si>
  <si>
    <t>国内有石油期货吗</t>
  </si>
  <si>
    <t>国内没有原油期货，只有国外有，可以通过华盛天成的账户投资国外原油期货。</t>
  </si>
  <si>
    <t>国内做石油期货只有上海石油交易所，但是目前不对普通投资者开放，属于会员开放性质。目前市面上也有很多打着可以做美盘，英国盘幌子的代理国外期货平台公司，我劝楼主不要考虑。世界各国投资者与经纪公司发生纠纷证监局都是以保护投资者为主要手段，这些身首异处的公司如果和投资者发生矛盾，投资者不会得到任何法律保护。一个法律监管上处于空白的东西，还是不碰为妙。</t>
  </si>
  <si>
    <t>国内目前还没有，只有燃油</t>
  </si>
  <si>
    <t>中国有原油期货</t>
  </si>
  <si>
    <t>狐狸养的熟吗</t>
  </si>
  <si>
    <t>要看主人造化</t>
  </si>
  <si>
    <t>宠物狐狸一般生下来2个月左右，主人会带着做个除臭手术，做完就不会在有了，不做的话会有点，不会很大。宠物狐狸，相当喜欢和人玩的，和狗一样，它吃狗粮，按狗狗的生活习性的是可以的。</t>
  </si>
  <si>
    <t>去台湾需要兑换台币吗</t>
  </si>
  <si>
    <t>换一下台币比较好,很多地方要现金,不能刷卡或手机支付.</t>
  </si>
  <si>
    <t>没特别需要，不要在国内换，汇率不划算，也尽量不要剩很多，换回去汇率也损失不少。</t>
  </si>
  <si>
    <t>如果你是用银行卡支付的话就不用换。</t>
  </si>
  <si>
    <t>extjs要钱吗</t>
  </si>
  <si>
    <t>EXT的授权形式有3种，如下所示。（1）免费授权大家先别高兴，免费协议是有限制的，是不能随意使用的。只有满足下列条件之一，才能获得免费授权。1）如果你在做一个开源项目，而且这个项目里没有使用任何非开源软件，那么可以免费使用EXT。2）如果你是用于自己习研究或教学等非营利性目的，那么可以免费用EXT。3）如果你不愿意向EXT开发团队提供资金上的资助，还是想要把EXT用在自己的商业项目中，那么也可以使用EXT，但是你不能将EXT用作为软件开发库，也不能将EXT用作开发工具。简单来说就是，如果你将EXT用于非营利性目的，就可以在LGPL协议下免费用。如果你将EXT用于营利性目的，就不能再把EXT封装起来当工具库卖，除此之外的领域都可以使EXT。（注意：如果你使用的是EXT 2.1或更高的版本，开源协议变改成GPL协议。）（2）企业授权如果你不愿意受到免费协议的限制，如果你们内部协议要求必须用企业授权，如果你愿意在经济上支持EXT开发团队的持续发展，那么可以获得EXT的企业授权。（3）OEM / Reseller License你要是想把EXT封装为软件开发库（software development library）或工具包（toolkit）来卖，就需要取得EXT开发团队的专门协作授权，免费授权和普通的企业授权都是不允许使用EXT制作开发库和工具包的。</t>
  </si>
  <si>
    <t>商业应用都是收费的。</t>
  </si>
  <si>
    <t>官换机有盒子吗</t>
  </si>
  <si>
    <t>有盒子和配件。</t>
  </si>
  <si>
    <t>官换机是裸机，带盒子的都是商家自己包装的！</t>
  </si>
  <si>
    <t>官换机就一个裸机其他什么都没有的</t>
  </si>
  <si>
    <t>官方换机，是完全和你买的时候一样，盒子耳机充电线都有。</t>
  </si>
  <si>
    <t>都是这样</t>
  </si>
  <si>
    <t>手机gps导航需要流量吗</t>
  </si>
  <si>
    <t>是需要流量的，而且实时导航对于流量的消耗还很多呢。</t>
  </si>
  <si>
    <t>当然会了，定位都要上传数据到卫星，所以要流量。</t>
  </si>
  <si>
    <t>GPS本身是完全不需要流量的，GPS卫星是单向发射信号，不需要手机同卫星进行数据交流。但是有一些地图软件，进行搜索、导航是需要流量的，因为要联网。</t>
  </si>
  <si>
    <t>1、如果你把GPRS关闭，就不用流量，但定位可能比较慢。2、如果你开启GPRS就会使用流量，叫基站辅助定位功能，定位快，会消耗流量。3、如果你完全关闭GPS，还开启GPRS，这时候一直开启百度地图也可以定位，这时候完全依靠流量，每小时大约要用到1~3M。4、如果你用的是百度离线地图，到一些没去过的地方，第一次使用这里的地图也会产生一定的流量。5、如果你使用的在线地图，那必须得消耗流量。</t>
  </si>
  <si>
    <t>单纯的GPS定位是不需要流量的，但是基于网络的精确定位需要。</t>
  </si>
  <si>
    <t>手机导航是在线方式运行地图导航，需要流量。</t>
  </si>
  <si>
    <t>小产权房有土地证吗</t>
  </si>
  <si>
    <t>小产权是没有缴纳相应的国投土地出让金的，不受国家法律保护的，只有使用权，没有买卖，抵押的权利，小产权的房子的土地性质是集体土地性质的，所以对于拥有该集体土地户口的居民来说是可以保证合法权利的，也就没有什么必要办理土地证，即使办理了也只是一种使用权而已。</t>
  </si>
  <si>
    <t>小产权房是指在农村集体土地上建设的房屋，未缴纳土地出让金等费用，其产权证不是由国家房管部门颁发，而是由乡政府或村政府颁发，亦称乡产权房。</t>
  </si>
  <si>
    <t>是否属于“小产权房”，看房产证的发证机关就知道了。由国家房管部门印发的就不是，如果是由村政府或乡政府之类的印发的，就属于小产权房。</t>
  </si>
  <si>
    <t>小产权房是指在农村集体土地上建设的房屋，未缴纳土地出让金等费用，其产权证不是由国家房管部门颁发，而是由乡政府或村政府颁发，亦称“乡产权房”。“小产权房”不是法律概念，是人们在社会实践中形成的一种约定俗成的称谓。该类房没有国家发放的土地使用证和预售许可证，购房合同在国土房管局不会给予备案。所谓产权证亦不是真正合法有效的产权证。</t>
  </si>
  <si>
    <t>所谓小产权房指的是土地未缴纳出让金，不属于国有出让土地。</t>
  </si>
  <si>
    <t>nutralife蔓越莓好吗</t>
  </si>
  <si>
    <t>psp能玩口袋妖怪黑白吗</t>
  </si>
  <si>
    <t>可以玩黑白版本的口袋 指的是GB版本黑白画面的口袋，还能玩GBC和GBA版本的口袋 玩不了ND的口袋</t>
  </si>
  <si>
    <t>当然不能了，妖怪是任天堂的，psp是索尼两家可是死敌啊。</t>
  </si>
  <si>
    <t>psp不能玩口袋妖怪黑白。这个游戏是任天堂nds上的游戏，不是gba的游戏。你得买nds或者ndsi或者ndsill或者3ds才能玩。而且R4的烧录器玩不了这个游戏，要买ak2或者TT或者DS two烧录器才能玩</t>
  </si>
  <si>
    <t>PSP的机能有限，不能模拟，也不实在</t>
  </si>
  <si>
    <t xml:space="preserve">PSP上不会有口袋妖怪的.. 因为口袋妖怪是 老任（任天堂）的东西,怎么肯能放到SONY上.. 但是,不是说就不可以玩,就像PC上可以用模拟器玩GBA游戏一样.. PSP上也可以玩GBA模拟器.. C-Zt. 2010.5.1 </t>
  </si>
  <si>
    <t>玩具枪能带上飞机吗</t>
  </si>
  <si>
    <t>坐飞机时塑料玩具枪可以带</t>
  </si>
  <si>
    <t>不可以，托运也不可以</t>
  </si>
  <si>
    <t>随身携带不可以，托运是可以的</t>
  </si>
  <si>
    <t>不可以，以前有个人在飞机上说“我要劫持飞机，”结果飞机迫降，那人说“我只是开个玩笑而已”但是外面已经围满了武警，最后他被抓走了</t>
  </si>
  <si>
    <t>一般按照民航规定 玩具枪是可以托运 但不可以带上飞机的</t>
  </si>
  <si>
    <t>枪支仿制品是不可以带的。</t>
  </si>
  <si>
    <t>qq电脑管家和360冲突吗</t>
  </si>
  <si>
    <t>能的，不会冲突。可以同时使用电脑管家和360系列，电脑管家和它们不冲突。</t>
  </si>
  <si>
    <t>安全类软件的实时防护功能都需要获取系统底层权限，多款安全类软件会互相争抢这个权限，有可能造成漏报或者电脑卡慢等现象，不建议您在同一台电脑上安装多款安全类软件</t>
  </si>
  <si>
    <t xml:space="preserve"> 个人不建议同一台电脑安装上不同的杀软，尤其是QQ电脑管家跟360</t>
  </si>
  <si>
    <t>没有冲突的，可以一起使用。。不过这两个安全工具功能相似</t>
  </si>
  <si>
    <t>会的。QQ与360内存占用都很大，两个一起用都会争！</t>
  </si>
  <si>
    <t>不会有冲突的，不过同类软件只安装一款就可以了</t>
  </si>
  <si>
    <t>电脑上可以同时安装，不会有冲突.</t>
  </si>
  <si>
    <t>可以的，不过可能会出现电脑卡的问题的</t>
  </si>
  <si>
    <t>不建议你使用杀毒软件的搭配组合</t>
  </si>
  <si>
    <t>hao123好用吗</t>
  </si>
  <si>
    <t>广告越来越多，好多想看的新闻都打不开，还有好多图片与内容与毫不相干</t>
  </si>
  <si>
    <t>很好用啊，简单明了，找什么都方便，绿色的界面对眼睛也好</t>
  </si>
  <si>
    <t>好用。我一直在用</t>
  </si>
  <si>
    <t>感冒能吃补肾药吗</t>
  </si>
  <si>
    <t>能吃，但是尽量不吃。</t>
  </si>
  <si>
    <t>需要分开吃，轻微感冒也是邪气侵袭所致，这时吃补药很容易留邪。</t>
  </si>
  <si>
    <t>可以。可考虑请中医大夫看看，根据身体的表现情况应用中药如人参败毒散、加减葳蕤汤等加减调治。</t>
  </si>
  <si>
    <t>建议可以分开吃</t>
  </si>
  <si>
    <t>微转啦 是真是假</t>
  </si>
  <si>
    <t>真的，</t>
  </si>
  <si>
    <t>已亲身体验，微转是网络传销</t>
  </si>
  <si>
    <t>你加群他不加你，你反馈他不搭理你，微转就是骗子</t>
  </si>
  <si>
    <t>假的，破逼软件，我提现，三天变七个工作日</t>
  </si>
  <si>
    <t>就是骗子，我的钱没有取出来</t>
  </si>
  <si>
    <t>石榴石的要不要净化</t>
  </si>
  <si>
    <t>要的，拿去水晶店净化或者用矿泉水泡一晚上净化</t>
  </si>
  <si>
    <t>另外佩戴久了，或是使用水晶疗法，容易吸引负性能量，所以也要做水晶、石榴石的净化！也称消磁法！可以恢复原来的磁场。一般来讲净化时间约1个月一次就可以了！如果是用来治病的话，每星期就要净化一次。还有，当表面摸起来有粘腻感，就要赶快净化了！</t>
  </si>
  <si>
    <t>苍蝇有眼睛吗</t>
  </si>
  <si>
    <t>有，有两个复眼，每个复眼都是数千个单眼组成。</t>
  </si>
  <si>
    <t>苍蝇的眼睛是有数的:三只单眼和两只复眼,而每只复眼是由数不清的眼睛组成,所以苍蝇有无数的眼睛。</t>
  </si>
  <si>
    <t>苍蝇有眼睛啊，眼神还很好呢，苍蝇有两对翅膀，大翅膀用来飞行，小翅膀进化了，(大翅膀下的一对类似小黑点的东西）用来转弯和保持平衡，这跟其他的昆虫是不一样的，所以苍蝇反应快多亏了这对小翅膀。翅膀当然防水了，但是下雨天也是会影响其飞行的。</t>
  </si>
  <si>
    <t>大约有800~2000只复眼，2只正眼</t>
  </si>
  <si>
    <t xml:space="preserve">仔细观察苍蝇的眼睛，可以看到它眼睛中有细细的网，还闪着五颜六色的光泽。如果它的眼睛放在显微镜下，还会看到一个奇迹：大眼睛变成了数不清的小眼睛!在阳光下，这些小眼睛变换着色彩，如同奇妙的万花筒。 </t>
  </si>
  <si>
    <t>武汉鹦鹉洲长江大桥收费吗</t>
  </si>
  <si>
    <t>2014年12月28日零时起，对通行武汉鹦鹉洲长江大桥的机动车，采用不停车电子计次收费方式征收城市道路桥梁隧道车辆通行费。</t>
  </si>
  <si>
    <t>不收.</t>
  </si>
  <si>
    <t>单趟8块 来回16块 按次数收费</t>
  </si>
  <si>
    <t>不收费.</t>
  </si>
  <si>
    <t>中祥六色灵芝合法吗</t>
  </si>
  <si>
    <t>本质就是传销,不合法.</t>
  </si>
  <si>
    <t xml:space="preserve">核心菌种是中山大学的李宝健教授研发的，都获得了国家发明专利，专利名字好像就是可以预防和治疗癌症的强化灵芝，产品都面世15年了 </t>
  </si>
  <si>
    <t>飞机会等人吗</t>
  </si>
  <si>
    <t>不会的。乘坐飞机登机及办理托运程序如下：＃＃不会</t>
  </si>
  <si>
    <t>如果你已经办理了登机牌，到了登记时间，你没有上飞机，机场广播会反复广播你的名字让你去指定登机口登机，这个时候飞机是会等你的，当然不是一直等下去，等一会大概十到二十分钟左右，你如果还不出现，航空公司就会卸下你交运的行李，然后飞走。 如果你没有来得及在机场办理登机牌，那飞机是不会等你的。</t>
  </si>
  <si>
    <t>如果换好登机牌，飞机会等上一小会的。</t>
  </si>
  <si>
    <t>飞机是不会等人的，一般提前15分钟关舱门，关舱门后没有紧急情况是不会再开舱门了。</t>
  </si>
  <si>
    <t>如果换了登机牌，而且没在时间内登机的话，广播员就会在广播你的名字叫你快点登机。如果没换登机牌，飞机就走了不会等人的</t>
  </si>
  <si>
    <t>不会等人。</t>
  </si>
  <si>
    <t>A、B类贵宾可以酌情等一等。</t>
  </si>
  <si>
    <t>服装打版师有前途吗</t>
  </si>
  <si>
    <t>服装打版只属于技术员，但如果你学的好学的精的话、是有很大的发展空间和前途的。</t>
  </si>
  <si>
    <t>不管你从事什么行业只要你能做到行业的顶尖你就一定有前途。</t>
  </si>
  <si>
    <t>服装制版师这工作有前途。</t>
  </si>
  <si>
    <t>前途肯定是有的，不过，你要选择发展地点。</t>
  </si>
  <si>
    <t>服装这一行每年的形式都不一样，要看在哪里做了。</t>
  </si>
  <si>
    <t>打版的话对于学历一般的人来说是各不错的选择，在服装行业相对来说欠缺还比较大的。反倒是很多人学的服装设计其实真的不好找工资，不仅仅是因为竞争激烈，而且最主要的对个人素质要求高，特别是对学历要求挺高的。</t>
  </si>
  <si>
    <t>打版工资非常之高 。</t>
  </si>
  <si>
    <t>高铁改签后还能退票吗</t>
  </si>
  <si>
    <t>开车前改签的可以退票，退票费按改签后的票面价的20%收取，但只能改签今天内的列车，不能推后</t>
  </si>
  <si>
    <t>如果是开车前改签的，可以退票，核收退票费。如果是开车之后再改签的，则不可以退票。</t>
  </si>
  <si>
    <t>高铁车票，改签了一次后，能退票，退票票面乘车站开车前48小时以上，15天以内的，退票时收取票价5%的退票费</t>
  </si>
  <si>
    <t>改签后不能退票</t>
  </si>
  <si>
    <t>我的改签后没退的了，铁路局太坑人了</t>
  </si>
  <si>
    <t>未取出纸质火车票乘客在不晚于开车前半小时都是可以在官网上办理退票的;取出纸质火车票的乘客只能到火车站窗口，携带与车票一致的身份证等有效证件办理退票手续，代售点是无法办理退票或改签业务的。</t>
  </si>
  <si>
    <t>旅客不能按票面指定的乘车站、日期、车次乘车时，应当在票面指定的开车时间前到车站办理一次提前或推迟乘车签证手续。一张车票只能办理一次改签。车票改签后，旅客取消旅行的，可以按规定退票并核收退票手续费，但因特殊情况在购票地车站或票面乘车站开车后改签的车票不予退票。</t>
  </si>
  <si>
    <t>急支糖浆孕妇能喝吗</t>
  </si>
  <si>
    <t>你好，急支糖浆以止咳化痰为主要功能，部分成分对于胎儿发育有一定的影响，但是影响不大。指导意见：怀孕时应尽量避免用药，但是出于疾病治疗需要的用药也不是绝对禁止的，用药中应注意中病即止，不可久服。</t>
  </si>
  <si>
    <t>可以服用，效果不错的平衡饮食、补充水分是咳嗽病人辅助治疗的基本要求，平时应注意不要食用辛辣刺激的食物，以免加重病情，还应注意补充蛋白质及各种维生素</t>
  </si>
  <si>
    <t>不能，孕妇不要随意吃药，否则会导致婴儿变畸形，不要喝最好，喝点白开水，休息休息。</t>
  </si>
  <si>
    <t>不能，导致流产或出生缺陷</t>
  </si>
  <si>
    <t>使命召唤ol多人玩吗</t>
  </si>
  <si>
    <t>好玩玩的人多！我就玩</t>
  </si>
  <si>
    <t>梦幻西游五开带化生还用带无底洞吗</t>
  </si>
  <si>
    <t>无用，HS的投入太大了</t>
  </si>
  <si>
    <t>是的，首先你要先给自己定位，如果全能副本队可以考虑玩个HS，不然真的抗不住。其实你的封系和普通可以换成一个无底洞，这样你又可以多出一个输出。</t>
  </si>
  <si>
    <t>现在还有铁通吗</t>
  </si>
  <si>
    <t>有的只是被中国移动给收购了</t>
  </si>
  <si>
    <t>中国铁通当然还存在，而且现在还没有正式被中国移动合并，不过早晚的事。</t>
  </si>
  <si>
    <t>现在应该是属于移动的。移动公司从今年的年初就已经收购了中国铁通，中国铁通已经从原来的公网，现在割分出来，所以现在正确的说法是，属于移动子公司，中国铁通独立运营。＃＃中国铁通现在归属于移动</t>
  </si>
  <si>
    <t>蒸脸器有用吗?</t>
  </si>
  <si>
    <t>有用，小熊电器的蒸脸器采用分时分层加热的方法，能将水分子分解为纳米分子，多重细化水雾，使蒸汽在不刺激肌肤的同时滋养肌肤，带来舒适的蒸脸体验。</t>
  </si>
  <si>
    <t>给脸部补水的作用肯定定是有的</t>
  </si>
  <si>
    <t>最主要是补水</t>
  </si>
  <si>
    <t>蒸脸器的用途：1、一般蒸脸器主要是通过散发出的蒸汽，使得面部皮肤的毛孔张开，这样不但帮助帮助人的皮肤呼吸，而且可以帮助脸部祛除脏东西，甚至粉刺。2、蒸脸器使得人的皮肤可以进行深层清洁，进行皮肤护理，如果使用完之后再使用橄榄油进行涂抹，会让皮肤更加细腻嫩滑。3、水分子通过毛孔进入皮肤，可以更好的使得面部保持的湿润，并且利于血液循环，让皮肤红润，光泽。蒸完之后，要停止一段时间让脸上的温度降下来，然后再进行擦洗。</t>
  </si>
  <si>
    <t>平衡杆有用吗</t>
  </si>
  <si>
    <t>车身平衡杆真的有用。平衡杆的作用是当左右两轮的水平高度不同时，为了防止造成杆身的扭转，平衡杆会产生防倾阻力（Roll Resistance）抑制车身滚动。</t>
  </si>
  <si>
    <t>基本上没多大用</t>
  </si>
  <si>
    <t>有用，能够一定程度改善车的平衡。</t>
  </si>
  <si>
    <t>有用，平衡杆的作用是当左右两轮的水平高度不同时，为了防止造成杆身的扭转，平衡杆会产生防倾阻力抑制车身滚动，只有在左右两边悬吊因为路面起伏或转向过弯造成的不同步动作时平衡杆才产生作用。</t>
  </si>
  <si>
    <t>天籁已经够舒服的了 你还装？？？还是别乱来，车子没毛病都要弄来有毛病，毕竟 不管有没有影响，改装时要承担风险的 而且改装的肯定没有原厂的好 毛病也比原厂的多 所以建议不加 天籁本来就是舒适性定位的车子 和别画蛇添足</t>
  </si>
  <si>
    <t>立邦刷新服务贵吗</t>
  </si>
  <si>
    <t>还可以，不贵</t>
  </si>
  <si>
    <t>总的来说立邦刷新服务的性价比还是蛮高的。</t>
  </si>
  <si>
    <t>这个是看你房子的情况来定的，乳胶漆有好几个价格的看你个人需求，我觉得挺便宜的我南宁的房子100平方花不到一万块包工包料，最主要的是省事整个过程不需要动手，师傅会把家具遮蔽保护起来，完工之后还把家具归位把卫生搞好，而且过程中都不会影响到你的生活，还有售后服务保修卡，推得推荐</t>
  </si>
  <si>
    <t>相对于服务质量来看一点不贵。</t>
  </si>
  <si>
    <t>联想y460可以装window8么</t>
  </si>
  <si>
    <t>联想Y460可以装windows8操作系统。</t>
  </si>
  <si>
    <t>可以，没问题。最好内存配到4G 。</t>
  </si>
  <si>
    <t>目前出来 的win8预览版，不管你现在是什么系统都可以装。</t>
  </si>
  <si>
    <t>可以，下一个wen8，程序内存建议升级到8G。</t>
  </si>
  <si>
    <t>金牌网吧lol皮肤都可以免费试用吗</t>
  </si>
  <si>
    <t>没有那么多- -只有10种皮肤</t>
  </si>
  <si>
    <t>电脑屏幕关了还有辐射吗</t>
  </si>
  <si>
    <t>有辐射产生</t>
  </si>
  <si>
    <t>有电脑辐射的，从电脑辐射的来源来看，它们包括CRT显示器辐射源、机箱辐射源以及音箱、打印机、复印机等周边设备辐射源。</t>
  </si>
  <si>
    <t>显示屏关掉就没有了</t>
  </si>
  <si>
    <t>还是有辐射的</t>
  </si>
  <si>
    <t>不会有，辐射只在电脑常亮状态下显示。也就是电脑不亮，就没辐射，但是注意路由器与主机的渐变波。</t>
  </si>
  <si>
    <t>用驾照可以买火车票吗</t>
  </si>
  <si>
    <t>机动车驾驶证是不能购买火车票的。根据铁道部规定的可以使用实名制购票证件的来看，是没有机动车驾驶证的。</t>
  </si>
  <si>
    <t>驾驶证可以买火车票。</t>
  </si>
  <si>
    <t>驾驶证可以买火车票</t>
  </si>
  <si>
    <t>，铁道部从2014年起是不能用驾驶证直接购买车票的，但是您不用担心，您直接前往火车站售票大厅公安服务窗口，报您的身份证号码，就可以办理一张临时身份证明。</t>
  </si>
  <si>
    <t>机动车驾驶证是不能直接购买火车票的。根据铁道部规定的可以使用实名制购票证件的来看，是没有机动车驾驶证的。但是可以持本人驾驶证，去火车站售票厅铁路公安窗口，免费办理临时身份证明，持证明购票乘车。使用驾驶证办理临时身份证明：工作人员拿到驾驶证，输入了上面的号码，确认是本人，电脑打印，当事人签字，即可拿到临时身份证明。汽车票目前不用证明身份就可以购买，所以不需要。</t>
  </si>
  <si>
    <t>不能，铁路运输企业实行车票实名制时， 有效身份证件包括：居民身份证、临时身份证、户口簿、旅行证、军人保障卡、军官证、武警警官证、士兵证、军队学员证、军队文职干部证、军队离退休干部证、按规定可使用的有效护照、港澳居民来往内地通行证、往来港澳通行证、台湾居民来往大陆通行证、大陆居民往来台湾通行证、外国人居留证（含外国人永久居留证）、外国人出入境证、外交官证、领事馆证、海员证、外交部开具的外国人身份证明、地方公安机关出入境管理部门开具的护照报失证明、铁路公安部门开具的乘坐旅客列车临时身份证明等24种，1.5m以上16岁以下未成年人有效身份证件还包括学生证。</t>
  </si>
  <si>
    <t>下雨可以泡温泉吗</t>
  </si>
  <si>
    <t>如果雨不是很大，就没有影响，可以安心的享受温泉。雨中泡温泉也别有一番感觉！ 很多温泉池上面都有玻璃顶棚！</t>
  </si>
  <si>
    <t>下雨天适合在室内泡温泉，不适合在室外泡温泉。</t>
  </si>
  <si>
    <t>如果雨不是很大,就没有影响</t>
  </si>
  <si>
    <t>如果是室外的温泉 我建议最好别去</t>
  </si>
  <si>
    <t>可以，但效果不好，首先雨水脏，另外，水也冷了.</t>
  </si>
  <si>
    <t>当然可以了，只要自己爱好，什么时候泡都可以</t>
  </si>
  <si>
    <t>武魂花钱吗</t>
  </si>
  <si>
    <t>武魂2更费钱，不过武魂2如果你时间长的要命可以保证每天6小时以上，那么就可以不花钱了</t>
  </si>
  <si>
    <t>不花钱</t>
  </si>
  <si>
    <t>不用花钱。</t>
  </si>
  <si>
    <t>任务给，得到不花钱，弄好要花很多钱。</t>
  </si>
  <si>
    <t>武魂想要装备、战骑之类的非常好肯定要花RMB</t>
  </si>
  <si>
    <t>整体上不花钱</t>
  </si>
  <si>
    <t>dnf附加伤害可以叠加吗</t>
  </si>
  <si>
    <t>白字不会冲突，所以不会取最高值，可以叠加</t>
  </si>
  <si>
    <t>附加是白字,白字能叠加。</t>
  </si>
  <si>
    <t>附加伤害可以同时存在多个，可以"叠加"。</t>
  </si>
  <si>
    <t>有的下面带着伤害加成，f4详细说明，伤害加成取最高值，这就是黄字，而详细说明没带的，这是白字。白字可以叠加，黄字只取最高的那件，别的不加</t>
  </si>
  <si>
    <t>王诗龄漂亮吗</t>
  </si>
  <si>
    <t>王诗龄漂亮，眼睛圆圆的，亮亮的，笑起来很甜</t>
  </si>
  <si>
    <t>石家庄堵车吗</t>
  </si>
  <si>
    <t>早晚高峰部分路段堵车，平时还好。</t>
  </si>
  <si>
    <t>中山东路大经街到育才街，胜利大街、建设大街运河桥到棉一桥，和平路高架辅路北道岔附近，和平西路中华北大街到友谊大街，中华北高架南口到裕华路，友谊大街和平路到裕华路，新华路西二环到中华大街，自强路站前街到省三院。以上这些路段几乎全时段可见压车，早晚高峰更加严重</t>
  </si>
  <si>
    <t>警察男友好不好</t>
  </si>
  <si>
    <t>主要看人品，不一定要看职业。</t>
  </si>
  <si>
    <t>好，如果是正值铁饭碗挺好。</t>
  </si>
  <si>
    <t>挺好的，但是前提是你得有准备他不会有太多时间陪你</t>
  </si>
  <si>
    <t>其实也还好啊</t>
  </si>
  <si>
    <t>女孩子总希望自己的爱情能花前月下地浪漫，希望他能多陪自己牵着自己的手说我爱你，可是现实没有这么美好。一个这么年轻就每天都有时间陪你的男人，肯定将来也不会有什么大的作为。虽然他会冷落你，但这样的他对你的爱也是爱情。男人有很多话不会对女人说，他们把一切都放在心里。相信他，他是爱你的。他在为了能在将来给你、给你们一个好的生活努力。学着理解对方体谅对方吧。为对方着想的爱才能爱的幸福爱的长久。</t>
  </si>
  <si>
    <t>我很能理解你的感受，因为我出生在警察家庭。你的失落和无助让我想起了我无数次看到过的我妈的表情。我爸就是警察。小的时候我很崇拜爸，他就是我心目里的神，是正义的化身，无所不能。可是长大才懂，警察高大形象的背后有家人的多少辛酸和眼泪。我还没懂事的时候爸当片警，经常深夜才能下班回家，那时候住大院，深夜的时候大门早已经锁上，爸爸就只能每天从三米多高的墙上翻进院里去回家睡觉。有一年棉纺厂火灾，爸去救火，从九米多高的棉垛上摔下来腿残了近一年。</t>
  </si>
  <si>
    <t>化疗到底好不好</t>
  </si>
  <si>
    <t>这个问题没有好与不好之说，只有适合不适合的情况，如果情况需要且患者身体条件允许，化疗也是一种治疗选择，其次化疗前要有身体评估，否则不一定能做完整体的化疗方案。</t>
  </si>
  <si>
    <t>协和博士好考吗</t>
  </si>
  <si>
    <t>难。协和是顶尖院校，2014年北京生源录取分数线651分</t>
  </si>
  <si>
    <t>香肠能带上飞机吗</t>
  </si>
  <si>
    <t>这些都是可以带的，一般有规定的重量，超过就需要托运了，费用一般是20</t>
  </si>
  <si>
    <t>坐飞机可以带香肠，香肠不属于禁止或者限制携带物品。</t>
  </si>
  <si>
    <t>可以带香肠的</t>
  </si>
  <si>
    <t>飞机上能带香肠</t>
  </si>
  <si>
    <t>哺乳期可用护肤品吗</t>
  </si>
  <si>
    <t>哺乳期跟妊娠期是相似的，可以使用一些植物性的护肤品。</t>
  </si>
  <si>
    <t>用小孩子用的。</t>
  </si>
  <si>
    <t>最好别用，第一小孩子皮肤比较容易感染第二护肤品可以进入体内，通过奶原到小孩体内。</t>
  </si>
  <si>
    <t>喂奶期间，当然是可以用护肤品的，不过因为宝宝在吃奶，护肤品的选择上要注意，最好是选择更接近天然成份的。可以选 择孕妇专用的品牌，比如亲润的就可以用，对宝宝的成长发育是没有影响的,还可以有效的改善宝妈的皮肤干燥的问题,也可以用一些纯植物的。</t>
  </si>
  <si>
    <t>Palmer's帕玛氏，娇韵诗，MOM FACE亲润，科颜氏，德国Bio-oil百洛油，芳凯尔Fancl，DHC，施巴Sebamed。</t>
  </si>
  <si>
    <t>哺乳期是可以使用护肤品的，不过只可以使用孕妇专用的纯植物护肤品，因为这些纯植物含有的物质本身也是妈妈和宝宝需要的补充的物质。但是现在市场混乱、以假乱真的事情屡屡发生。哺乳妈妈在选择护肤品一定要选择正规商家的产品，使用母婴专用纯植物护肤品。</t>
  </si>
  <si>
    <t>可以用的，而且很有必要，但是要用孕妇专用的护肤品，妆食同源亲润孕产妇护肤针对孕期女性，温和安全。</t>
  </si>
  <si>
    <t>哺乳期可以使用，但是要有针对性；要选用温和，不刺激，纯天然植物萃取的，最好是内调+外养，两两结合最好。</t>
  </si>
  <si>
    <t>要看是什么肤质了，有些护肤品是对婴儿没有刺激的。</t>
  </si>
  <si>
    <t>立春能回娘家吗</t>
  </si>
  <si>
    <t>现在什么时代，又不是古代，现在的女人，嫁出去了，像儿子一样，回娘家过年当然可以</t>
  </si>
  <si>
    <t>能的，只要想回随时都可以回，回娘家是没有固定时间的</t>
  </si>
  <si>
    <t>山东的吧，我们这边也这样。我们这边叫打春，据说是出家的女孩子回来会给娘家踩没了人，就是说下代人中男孩子比较少，当然这是比较迷信的说法。</t>
  </si>
  <si>
    <t>瑞银信刷卡安全吗</t>
  </si>
  <si>
    <t>放心去用，是正规的机子。</t>
  </si>
  <si>
    <t>个人感觉没问题，可以先查下手里的这个是不是正规的，是的那就没问题。</t>
  </si>
  <si>
    <t>你好！瑞银信支付公司是安全的，有央行的支付牌照，可以使用。</t>
  </si>
  <si>
    <t>很安全啊，瑞银信是正规执牌公司。人民银行官网可以查到。</t>
  </si>
  <si>
    <t>亚瑟士耐穿吗</t>
  </si>
  <si>
    <t>耐磨，亚瑟士口碑还是蛮好的</t>
  </si>
  <si>
    <t>50速的跑鞋耐磨跑得快</t>
  </si>
  <si>
    <t>京东雅诗兰黛是正品吗</t>
  </si>
  <si>
    <t>如果是自营的就是真的</t>
  </si>
  <si>
    <t>如果不是自营就不一定了所以具体看情况</t>
  </si>
  <si>
    <t>京东自营的是正品</t>
  </si>
  <si>
    <t>现在网上的都不一定是正品，慎重选择</t>
  </si>
  <si>
    <t>凉茶叶水能喝吗</t>
  </si>
  <si>
    <t>凉茶叶水只要不放超过四小时还能能喝。</t>
  </si>
  <si>
    <t>能喝，可以用来漱口</t>
  </si>
  <si>
    <t>过夜的茶不能喝</t>
  </si>
  <si>
    <t>茶水变凉了可以喝。嫌凉的话可以兑点暖瓶水。沏完茶因为有事放凉了，放的时间又不长，此时的凉茶水并非隔夜茶，可以饮用。时间过长，会使茶叶中的茶多酚，芳香物质，维生素，蛋白质的氧化变质、变性，甚至成为有害物质，而且茶汤中还会滋生细菌，使人至病。室温吵过26摄氏度，存放一个半小时，没有问题。超过两小时以上，并且室温接近30度，此时的凉茶水有变质的可能。饮用之时需谨慎，弄不好就会已经腐变。室温高，如果茶具再不甚洁净，更要注意饮用卫生。不要因为一杯茶令人导致‍腹泻，这就得不偿失了。</t>
  </si>
  <si>
    <t>市场上卖的红茶、绿茶是热的还是凉的、冰的？既然市场上的敢买来饮用，自己冲泡的为什么不能饮用？</t>
  </si>
  <si>
    <t>能，但是冬天喝着冷</t>
  </si>
  <si>
    <t>茶水凉了不能喝</t>
  </si>
  <si>
    <t>喝多了会拉肚子</t>
  </si>
  <si>
    <t>茶放凉了可以喝,只是不能喝沏好超过10个小时以上的茶,因为那种茶致癌</t>
  </si>
  <si>
    <t>台式机能装笔记本硬盘吗</t>
  </si>
  <si>
    <t>可以装的，只不过笔记本硬盘小些，想法固定上就行。</t>
  </si>
  <si>
    <t>如果是近几年的台式机完全可以，接口都是SATA，是上下兼容的。</t>
  </si>
  <si>
    <t>笔记本硬盘可以用在台式机上，只要两台机器硬盘接口一样，插上电源线和数据线就能用了，如果需要把硬盘固定牢，买一个笔记本硬盘托架就行了。如果笔记本硬盘为SATA接口，而台式机上只有IDE接口，那就需要用SATA转IDE的转接头。</t>
  </si>
  <si>
    <t>只要接口台式机主板支持就可以了，话说现在都支持了，除非是很老的电脑了。</t>
  </si>
  <si>
    <t>当然可以。因为台式机的机箱一般都专门为3.5英寸的硬盘设计的，2.5英寸的硬盘没法用螺丝固定。不过没关系，只要在2.5英寸硬盘上加上一个硬盘支架就OK了，就可以装在台式机机箱上了。</t>
  </si>
  <si>
    <t>能，没任何问题</t>
  </si>
  <si>
    <t>没有问题，</t>
  </si>
  <si>
    <t>完全可以，不受影响。</t>
  </si>
  <si>
    <t>最好不要用，很伤硬盘，笔记本转速5400，台式机转速7200。</t>
  </si>
  <si>
    <t>主要是接口不好处理，可以加个自动硬盘盒，把笔记本硬盘做成一个自动硬盘。做系统盘的话要用转换接头</t>
  </si>
  <si>
    <t>成本法核算的投资收益是真实的吗</t>
  </si>
  <si>
    <t>需要确认。因为成本法并不考虑子公司是否实现净利润或净亏损，这是权益法核算的内容。对于成本法，只要被投资单位宣告发放现金股利，母公司即视为实现投资收益。当然如果取得投资时支付对价包含已宣告但未发放的股利，应当作为一项应收而不计入长期股权投资成本。</t>
  </si>
  <si>
    <t>心律不齐可以跑步吗</t>
  </si>
  <si>
    <t>当然可以跑步了，但是不要太剧烈了</t>
  </si>
  <si>
    <t>可以。很多人都是有心律不齐的，不是大问题，对于运动根本没有任何影响的，不要把它当成一种病看待。</t>
  </si>
  <si>
    <t>心率不齐跑步容易疲劳，对心脏也不好</t>
  </si>
  <si>
    <t>跑步机上的心率准确吗</t>
  </si>
  <si>
    <t>不准，如果想测准确心率，建议上某宝上买个心率表，绑到胸口的那种，有点像带bra的感觉~那种准！</t>
  </si>
  <si>
    <t>感觉还可以，不过有些偏快</t>
  </si>
  <si>
    <t>这个不准确的 ，只是很随意的估测。</t>
  </si>
  <si>
    <t>一般跑步机上的心率测量有三种，胸带式心率监测最精准。三种分别如下： 1.耳夹式心率监测无须在运动过程中手握传感器，双手自由保持平衡，但精确度较低（±10以内），使用舒适性差。2.手握式心率监测是目前有氧器材上应用最广泛的心率监测方式，精确度较高（±5至±10之间），测试方便。几乎所有的电动跑步机上都设有手握式心率监测器。 3.胸带式心率监测是精确度最高的心率监测方式，误差在±5之内。运动者佩带无线胸带进行锻炼，胸带将心率信号通过无线信号发射出去，电跑上集成有无线信号接收装置，可以准确接收心率信号。</t>
  </si>
  <si>
    <t>跑步机上的心率有些误差，但可作为参考。</t>
  </si>
  <si>
    <t>路易拉菲是拉菲吗</t>
  </si>
  <si>
    <t>不一样的啊，两个是不同的品牌。拉菲是特指拉菲酒庄出产的红酒。路易拉菲是法国GCF酒厂原瓶进口的红酒。</t>
  </si>
  <si>
    <t>这个不是拉菲，拉菲正牌是Chateau Lafite Rothschild。副牌是Carruadesde Lafite。这两种是酒庄生产的。其它如拉菲传奇、传说等是系列酒，没有酒庄，属于贴牌。</t>
  </si>
  <si>
    <t>乳腺纤维瘤可以喂奶吗</t>
  </si>
  <si>
    <t>可以喂奶的，建议在痊愈之后进行喂奶</t>
  </si>
  <si>
    <t>乳腺纤维瘤不能喂奶</t>
  </si>
  <si>
    <t>可以 没关系的 纤维瘤是纤维增生 不属于肿瘤哦 没关系的 贴敷膏药就可以了</t>
  </si>
  <si>
    <t>如果产妇患有乳腺纤维腺瘤，一般情况下不影响婴幼儿正常喂奶。当然如果乳腺纤维腺瘤瘤体比较大，一般可以在停止哺乳期以后，及时进行乳腺纤维腺瘤切除术手术治疗，术后切除组织送病检，防止转变成乳腺癌的可能，术后积极抗炎、对症、局部换药治疗。</t>
  </si>
  <si>
    <t>不影响宝宝哺乳</t>
  </si>
  <si>
    <t>英国爱他美有pre段吗</t>
  </si>
  <si>
    <t>没有，德国爱他美分为6个阶段，差别较大的是0-6个月新生儿阶段，德国爱他美分成了pre和1段，英国爱他美分为5个阶段，新生儿阶段，没有德国爱他美那么细致，是按照了宝宝实际胃口划分的</t>
  </si>
  <si>
    <t>网上银行定期存款安全吗</t>
  </si>
  <si>
    <t>安全。不管第几代U盾，加密程度都很高的了。</t>
  </si>
  <si>
    <t>其实银行网银安全不安全真的和他们技术没太大关系。只要你不进垃圾网站，不泄漏密码，基本上你的网银都是安全的。但是如果你进了钓鱼网站，那无论你用的哪个银行的网银都不安全。</t>
  </si>
  <si>
    <t>在现在的网络环境里，只要你不被别人刻意盯上，网银帐户是相当安全便捷的。U盾在平时的上网环境下要比密保卡安全。请不要频繁地在同一上网地点使用网银，如果你需要在公司在家里频繁使用强烈建议你把该电脑的IP地址改成随机分配。固定的IP地址容易让黑客定位。防范黑客不如多注意你身边的人，同事，朋友，亲属。网银犯罪在身边的人发生率最高占到99%网络因素的网银犯罪还不足1%</t>
  </si>
  <si>
    <t>董事长算公司员工吗</t>
  </si>
  <si>
    <t>职工是指在中国境内的企业、事业单位、机关中以工资收入为主要生活来源的体力劳动者和脑力劳动者，不分民族、种族、性别、职业、宗教信仰、教育程度。工会是职工自愿结合的工人阶级的群众组织。</t>
  </si>
  <si>
    <t>董事长是投资者，也是董事会团队中的领导，董事与董事长签订的是投资和管理合同，不存在签劳动合同。如果董事长兼任总经理职位的话，就要向劳动部门和董事会签订劳动合同，也就是你所说的劳动关系了。董事会的成员和公司全体劳动人员都是公司的员工。</t>
  </si>
  <si>
    <t>董事长属于公司大老板，也就是公司的建立者。所以董事长在马克思主义里属于资产阶级也就是资本家，资本家不是劳动者，在公司是决策者的位置也是马克思主义中的剥削阶级，占有员工剩余价值。董事长和总经理是不同的，总经理也是公司员工，既打工者，替资本家料理公司事物。</t>
  </si>
  <si>
    <t>独立董事不能为公司员工。</t>
  </si>
  <si>
    <t>不一定。如果只担任董事，而不兼任高级管理人员，则无需与公司签署劳动合同，不属于员工，聘任合同不等于劳动合同。</t>
  </si>
  <si>
    <t>董事一定会在公司中占有股份，属于公司的员工</t>
  </si>
  <si>
    <t>肯定是，董事长是公司第一的员工</t>
  </si>
  <si>
    <t>不算</t>
  </si>
  <si>
    <t>法定代表人是公司对外的代表，职工是和用人单位有劳动关系的公民。当法定代表人被公司聘用（就是在公司上班）。不论职位，他都是公司的职工。如果法定代表人没有在公司任职，就不是公司职工，因为他和公司没有劳动关系。简单的讲，单单一个法定代表人是不能算是公司的职工的，但他要是在公司有任职就是公司职工了。这是两种关系，不能混淆。</t>
  </si>
  <si>
    <t>高丽参 高血压能吃吗</t>
  </si>
  <si>
    <t>不能的，因为参之类的药品在补的过程中都可能回升到血压</t>
  </si>
  <si>
    <t>不能吃，吃了危害大。</t>
  </si>
  <si>
    <t>不能！会升高血压</t>
  </si>
  <si>
    <t>高血压能吃高丽参。</t>
  </si>
  <si>
    <t>不能，高血压是温补的，有提升血压的作用</t>
  </si>
  <si>
    <t>不能吃哦,最好不要吃,</t>
  </si>
  <si>
    <t>刷赞会被封号吗</t>
  </si>
  <si>
    <t>会秒赞刷赞只要有人举报会封号</t>
  </si>
  <si>
    <t>应该是没事</t>
  </si>
  <si>
    <t>没事</t>
  </si>
  <si>
    <t>不好说，现在网上一大堆这个刷赞赚钱的，5块钱5w个赞。</t>
  </si>
  <si>
    <t>频繁刷号肯定会封号的</t>
  </si>
  <si>
    <t>食用油是酸性还是碱性</t>
  </si>
  <si>
    <t>酸性</t>
  </si>
  <si>
    <t>电缆业务员好做吗</t>
  </si>
  <si>
    <t>不好做。现在电缆行业基本处于饱和状态。</t>
  </si>
  <si>
    <t>胆管癌能治好吗</t>
  </si>
  <si>
    <t>只能说控制癌细胞的扩散，延长生命周期是关键。一定有乐观的心态，面对病魔要有足够的用去和信心。很多觉得不可能的事情后来就实现了。加油，（漫漫癌路）的石明羽不就战胜了癌症</t>
  </si>
  <si>
    <t>胆管癌是一种恶性肿瘤，胆管癌早期发现如果能够得到有效的控制，治愈率很高。胆管癌手术切除时为了达到根治的目的，经常与肝十二指肠韧带内的淋巴结一同切除，手术切除能够快速的切除局部的肿瘤，见效快，是治疗胆管癌的首选。胆管癌的放射疗法对人体的正常细胞无损伤，病人恢复较快，并且不需要长期住院。</t>
  </si>
  <si>
    <t>淘宝卖家能删除差评吗</t>
  </si>
  <si>
    <t>若是恶意差评可以发起投诉，若不是恶意差评自己是无法更改或删除对方给出的差评或中评的，可以联系对方协商更改。</t>
  </si>
  <si>
    <t>盐能洗脸吗</t>
  </si>
  <si>
    <t>可以用盐洗脸,盐是天然的去角质的良品,可是最好不要用食用盐,因为食盐的颗粒太大,对脸部的皮肤不好,所以要专门买用在脸部的盐,现在的化妆品店都有卖,可以买美白的,去痘的</t>
  </si>
  <si>
    <t>不建议每天都使用。盐洗脸具有杀菌、抑菌作用，而且促进新陈代谢、深层清洁肌肤、消炎、杀菌、祛除多余脂肪和角质层、收敛粗大的毛孔，对人的皮肤有一定好处。但是如果每天使用对皮肤会产生刺激。</t>
  </si>
  <si>
    <t>盐能用来洗脸。</t>
  </si>
  <si>
    <t>可以的.把盐放入温水里溶解.然后洗脸.有去痘的功效.而且皮肤也会慢慢变好..</t>
  </si>
  <si>
    <t>当然可以,可以去豆,美白,清洁肌肤</t>
  </si>
  <si>
    <t>一般是可以得 的确可以清洁皮肤，但是用后皮肤会有点紧绷</t>
  </si>
  <si>
    <t>当然不可以拉，会伤皮肤的，时间长皮肤就会变得很坚强很耐磨，也就是会变得不柔软，如果偶尔为之是可以的，收细毛孔，消炎杀菌，那最好也是买专业的含盐的护肤品</t>
  </si>
  <si>
    <t>睡前喝红酒会胖吗</t>
  </si>
  <si>
    <t>在睡觉前喝点可以助晚上睡眠，红酒她的最主要的功效是美容，但是不能喝太多，可以放心不会变胖。</t>
  </si>
  <si>
    <t>不会.</t>
  </si>
  <si>
    <t>在只喝一杯的情况下会燃烧脂肪减肥，所以不会胖</t>
  </si>
  <si>
    <t>葡萄酒有减轻体重的作用，每升干葡萄酒中含525卡热量，这些热量只相当人体每天平均需要热量的1/15。饮酒后，葡萄酒能直接被人体吸收、消化，在4小时内全部消耗掉而不会使体重增加。所以经常饮用干葡萄酒的人，不仅能补充人体需要的水分和多种营养素，而且有助于减肥。</t>
  </si>
  <si>
    <t>不会，红酒里面又不含高脂肪高热量的成分，睡前喝一杯红酒有助于睡眠呢，</t>
  </si>
  <si>
    <t>3ce的猪油膏好用吗</t>
  </si>
  <si>
    <t>我就是用它来控油的，一直都是用在面霜后隔离前</t>
  </si>
  <si>
    <t>不是很好用，用过的表示并没有说的那么神奇。</t>
  </si>
  <si>
    <t>很不错的哦</t>
  </si>
  <si>
    <t>我用过，我来告诉你它遮毛孔很好，控油也不错</t>
  </si>
  <si>
    <t>没用过 应该不好</t>
  </si>
  <si>
    <t>地球上的星星 好看吗</t>
  </si>
  <si>
    <t>本人很喜欢印度电影，小男孩的演技很好，看到中间好想抱抱他。</t>
  </si>
  <si>
    <t>看过，很治愈！类似动画《乌冬面之国的金色毛球》，漫画《学园奶爸》，这类都很治愈。</t>
  </si>
  <si>
    <t>好看，《地球上的星星》 这个跟三傻和未知死亡是同一个主演</t>
  </si>
  <si>
    <t>总经理是ceo吗</t>
  </si>
  <si>
    <t>一般CEO也叫总裁也叫总经理</t>
  </si>
  <si>
    <t xml:space="preserve"> CEO与总经理，形式上二者都是企业的“一把手”，CEO既是行政一把手，又是股东权益代言人——大多数情况下，CEO是作为董事会成员出现的，总经理则不一定是董事会成员。</t>
  </si>
  <si>
    <t>奥戈尼有机奶粉好不好</t>
  </si>
  <si>
    <t>现在奶粉繁多，都在标新立异，又没有办法检验奶粉的成分。</t>
  </si>
  <si>
    <t>您好，这款奶粉没有听说过呢，可以选择知名的奶粉品牌，希望可以帮助到您、</t>
  </si>
  <si>
    <t>可以喝。饮食上以营养全面,高蛋白,高维生素,低脂低盐饮食,少吃或不吃辛辣刺激,肥甘厚腻,烧烤,腌制等食物,平时进食定时定量,合理营养为原则. 建议你采用萎缩肿瘤血管的中草药治疗效果比较好。</t>
  </si>
  <si>
    <t>ps3硬破能玩ps2游戏吗</t>
  </si>
  <si>
    <t>硬破的ps3主机的话，说明这个主机是不能软破的，因此硬破的ps3只能玩ISO格式的游戏，像软破那样玩文件夹格式的游戏是不行的。</t>
  </si>
  <si>
    <t>只有软破机能玩，而且必须刷混合系统才能玩</t>
  </si>
  <si>
    <t>看你是什么机器，什么破解方式了。</t>
  </si>
  <si>
    <t>不能，只有软破机能玩</t>
  </si>
  <si>
    <t>残疾人可以买保险吗</t>
  </si>
  <si>
    <t>要看买什么样的保险，有些保险可以买，有些不可以</t>
  </si>
  <si>
    <t>残疾人买保险有一定的限制：1、如果投意外与健康险，是有一定的限制条件。需要如实告知身体状况，保险公司会做出核保决定，一般来说，如果客户身体状况不是标准体，那么保险公司会做出拒保、加费承保以及责任免除等处理。2. 如果投无风险保障的储蓄分红保险或养老保险则不受影响。</t>
  </si>
  <si>
    <t>残疾人可以买保险，只是根据身体状况，可能有些不受保</t>
  </si>
  <si>
    <t>疾人买保险是有比较多的限制，但是有一些意外险残疾人朋友还是可以购买的，只是您在购买这类保险的时候需要通过健康告知，或者如实地把自己的情况告诉给保险公司，保险公司会进行残疾登记并根据情况来投保。</t>
  </si>
  <si>
    <t>高转速伤车吗</t>
  </si>
  <si>
    <t>理论上来说，发动机在高转速工作可以充分燃烧，降低积碳的产生，但如果车辆在3500-4000转输出扭力过大，长期在该转速行驶或者换挡，会使车辆各零部件承受过大扭力（发动机、变速箱、轮胎等），导致寿命减低.</t>
  </si>
  <si>
    <t>会的。有磨损。</t>
  </si>
  <si>
    <t>只要不是长期接近红线就是没有问题的。</t>
  </si>
  <si>
    <t>高速换挡对车有好处的</t>
  </si>
  <si>
    <t>分条件的，抵挡高速时会的，档位速度匹配时就不会。</t>
  </si>
  <si>
    <t>不会对发动机不好， 还有好处，可以防止积碳</t>
  </si>
  <si>
    <t>没什么坏处吧，最多费油</t>
  </si>
  <si>
    <t>不会的 只要你车是正常的</t>
  </si>
  <si>
    <t>星河大帝 好看吗</t>
  </si>
  <si>
    <t>这本书真心不好看</t>
  </si>
  <si>
    <t>人物很弱智，对白很惨白，剧情很离谱，思维很混乱。综合一下：sb的书！这本书真心不好看，我是跟随神机从起点到纵横的资深书迷了，这本书无论是剧情设计，还是理念，都大不如前，是典型的小白文，（小白文是我个人不喜欢的）谁都可以写，唯独JJ不适合写，他的起点和思想深度，都不适合写那样的文字，偏偏他自己要试试。在他动笔时，我们在纵横书评区就这样说过了。目前，你可以关注他的微信，他自己也承认，这本书的失败，对广大书友感到抱歉。我则感到很遗憾。我不想写题为《大神坠落》的小说。无所谓好不好看，梦入神机的小说一项都是在一开始就为主角树立一个大敌，并且基本上能跟猪脚一直作对到文章结尾</t>
  </si>
  <si>
    <t>紫禁城是烟花区吗</t>
  </si>
  <si>
    <t>将军是红区，如果做商人赚钱，紫禁城好些，紫禁城是烟花区，商人多，而且永远不鬼，但是会比较卡，电脑配置或者网速不好不建议去。</t>
  </si>
  <si>
    <t>双黄连抗病毒吗</t>
  </si>
  <si>
    <t>双黄连口服液能疏风解表，清热解毒</t>
  </si>
  <si>
    <t>双黄连没有抗病毒的作用，它只是可以治疗感冒后的如发热，流鼻涕等症状</t>
  </si>
  <si>
    <t>双黄连是抗病毒的，如果是病毒性感冒服用双黄连有一定的效果。</t>
  </si>
  <si>
    <t>来月经可以喝银耳汤吗</t>
  </si>
  <si>
    <t>例假可以适量吃银耳，适量吃不会对月经造成影响。</t>
  </si>
  <si>
    <t xml:space="preserve">可以喝的啊 </t>
  </si>
  <si>
    <t>月经期间是可以喝银耳汤的，并且里面可以放入红枣，这是对月经比较好的。</t>
  </si>
  <si>
    <t>银耳汤也是可以在月经期期间喝的哦</t>
  </si>
  <si>
    <t>怀孕了要剪头发吗</t>
  </si>
  <si>
    <t>孕妇在怀孕期间抵抗力较差，要尽量避免感冒，长头发在洗头后要等很长时间才会干，所以容易感冒，所以剪短头发对怀孕是有利的。</t>
  </si>
  <si>
    <t>怀孕和剪头发没有直接关系，看个人情况，要是头发过长，孕期子宫增大可能不便清洗和梳理，如果是为了孕期梳理方便，可以剪短头发，但孕期以及哺乳期不建议头发用药水塑形</t>
  </si>
  <si>
    <t>孕妇剪头发一般认为是减少人体对头发的营养支持，保证胎儿的营养，但这是以前物质生活条件不好的时候的事情了，现在来说一般不需要，主要还是看个人，是否觉得长头发会不会比较麻烦。</t>
  </si>
  <si>
    <t>孕妇要不要剪短发，取决于个人的生活习惯，不过为了您和宝宝的身体健康，千万不要在孕期烫、染头发。</t>
  </si>
  <si>
    <t>没有必须的，主要是后面坐月子的时候方便而已。</t>
  </si>
  <si>
    <t>汽车保险能税前抵扣吗</t>
  </si>
  <si>
    <t>主要还是要看这个机动车的用途，摩托车，小汽车不能准确划分用途的车辆的商业险不能税前扣除</t>
  </si>
  <si>
    <t>有车险的缴费发票就可以</t>
  </si>
  <si>
    <t>企业经营用和管理用车辆的保险费分别记入“销售费用”和“管理费用”，都可以税前扣除。老板的家庭用车不行。</t>
  </si>
  <si>
    <t>以单位名义购买的汽车，汽车强制险、汽车商业险可以在税前扣除；企业参加的财产保险，如在人民保险公司投保的固定资产、流动资产、房屋等财产险及包括三停、存货、压力容器等附加险，都是允许税前扣除的。</t>
  </si>
  <si>
    <t>以个人名义上的车辆保险不能在所得税前扣除.属于个人消费行为。</t>
  </si>
  <si>
    <t>三菱空调好不好</t>
  </si>
  <si>
    <t>三菱电机空调质量还行。优点价格实惠，性能稳定，噪音小，售后有保障。</t>
  </si>
  <si>
    <t>三菱电机绝对的好空调</t>
  </si>
  <si>
    <t>三菱电机的好，现在的三菱电机做工和质量都比松下，格力要好！噪音也小</t>
  </si>
  <si>
    <t>三菱电机可以说现在家用空调中的顶级品牌，也是唯一一个由日本三菱控股和直接参与生产管理的合资品牌。三菱电机空调不管是质量还是技术，都是一流的。</t>
  </si>
  <si>
    <t>夏天马上又要到了，想在卧房买台空调。那天去卖场，促销员说夏天买空调，无氟变频最好，制冷速度快。推荐的是三菱重工空调，大伙说说给点意见。</t>
  </si>
  <si>
    <t>痔疮按摩能好吗</t>
  </si>
  <si>
    <t>最好不要，首先先不说你手上有多少细菌，万一按破了可能还会出血，所以千万不要，痔疮多是由于不良的生活习惯引起的，平时多吃些粗纤维食物促进肠蠕动，避免久坐，伤口悬空通气，可以去药店买一点痔疮药涂抹，还可以买一些中药帮助坐浴，最好准备一个肛肠康复包，里面还有手持式卫洗丽帮助便后水洗，避免因为纸将大便擦到伤口里，滋生细菌，康复包医院较贵，可以上网选购，但注意真伪，选择官方正品。</t>
  </si>
  <si>
    <t>肛门按摩不仅可以预防痔疮的产生，而且，有痔疮的患者通过适当的肛门按摩，还可以减少痔疮的发作，减轻痔疮的症状，以达到消肿、止痛、止血的目的。</t>
  </si>
  <si>
    <t>可以缓解一下症状。</t>
  </si>
  <si>
    <t>你这是喝水少 缺营养肠道蠕动功能差便秘造成的 现在这些只是起到辅助作用</t>
  </si>
  <si>
    <t>玫瑰精油孕妇可以用吗</t>
  </si>
  <si>
    <t>现在很多精油都是禁止孕妇使用的，你买的时候可以问下店家。</t>
  </si>
  <si>
    <t>1.怀孕及哺乳女性不适合用精油。 2.精油可以穿过母体胎盘而伤害到胎儿或引发流产。</t>
  </si>
  <si>
    <t>孕期尽量不要使用化妆品和精油等，可以选择黄瓜片等美容皮肤，另外就是加强营养和按时产检。</t>
  </si>
  <si>
    <t>精油的分子极微小，很容易经皮肤渗透入体内，所以孕妇及授乳期间并不适合做精油的按摩，以免因精油而影响到胎儿</t>
  </si>
  <si>
    <t>可以用，也建议在孕期没必要就尽量少用各种化妆品，尽量要选择温和无刺激比较天然的产品</t>
  </si>
  <si>
    <t>天天特价有效果吗</t>
  </si>
  <si>
    <t>一般，不好的时候只卖几件，好的时候100多！</t>
  </si>
  <si>
    <t>当然有，报上以后宝贝自身权重在那几天会提升，而且上了天天款式好的话还可以卖不少。有利润的话开淘宝客，会增加订单。然后下来后的几天排名也会高一点。大概3天左右的恢复正常状态了。</t>
  </si>
  <si>
    <t>好处非常多！流量会暴涨销量也是</t>
  </si>
  <si>
    <t>效果肯定是有的，但是不能说百分之百的</t>
  </si>
  <si>
    <t>成本太高的话就不要参加天天特价了！亏本</t>
  </si>
  <si>
    <t>月薪3000可以买车吗</t>
  </si>
  <si>
    <t>如果没有房贷的话每个月1000左右养车，然后又存款的话可以的</t>
  </si>
  <si>
    <t>普通的山地车 2500左右 还剩五百呢，看的不是月薪 是余额 如果你现在卡里有十万八万 买个十三四万的车 月薪还车贷妥妥的</t>
  </si>
  <si>
    <t>苹果可以自己刷机吗</t>
  </si>
  <si>
    <t>可以的，iOS设备可通过itunes或者爱思助手等第三方助手软件刷入系统升级.</t>
  </si>
  <si>
    <t>iphone可以自己刷机。</t>
  </si>
  <si>
    <t>iphone可以自己刷机</t>
  </si>
  <si>
    <t>你去下个爱思刷机助手。自己刷，只要你记得你现在的 APPLE ID 和密码 就可以了。不过你里面的东西会全部都没了。</t>
  </si>
  <si>
    <t>电脑下载苹果官方的刷机软件:itunes。然后用数据线连接电脑，识别手机后，点摘要-恢复手机设置，系统会自动帮你刷好。</t>
  </si>
  <si>
    <t>可以刷机，但是只能刷没走关闭验证的系统</t>
  </si>
  <si>
    <t>八月十五高速免费吗</t>
  </si>
  <si>
    <t>不会，八月十五中秋节高速公路是照常要收费、没有免过路费的。</t>
  </si>
  <si>
    <t>不会免费的，中秋节高速公路是照常要收费、没有免过路费的。</t>
  </si>
  <si>
    <t>发公告了，中秋高速不免费。</t>
  </si>
  <si>
    <t>八月十五高速公路不免费</t>
  </si>
  <si>
    <t>html5支持flash吗</t>
  </si>
  <si>
    <t>着重在移动客户端法阵果断HTML5，很多浏览器对HTML5的支持很好。但是Flash有着更成熟的技术，如果在电脑上使用，建议使用Flash，Flash和它的语言AS操作简单，易于掌控。</t>
  </si>
  <si>
    <t>html5相对于flash缺点是不支持html5的浏览器无法使用，而flash只要是安装了flash插件都是可以使用的。</t>
  </si>
  <si>
    <t>稳定性FlashPlayer最大的问题就是容易宕，各位读者们在玩游戏、看影片时遇过FlashPlayer出问题的经验。早先FlashPlayer一当，就会让浏览器一起挂掉。于是GoogleChrome一推出时，就强调每个程序都是分离的，如此一来浏览器就不会跟随一起挂掉。随后MacOSX10.6的Safari也加入这功能，Firefox3.6.4版也会加入。然而，这样的功能仅是避免浏览器与FlashPlayer陪葬，要是FlashPlayer的稳定性不改进的话，问题还是没解决。而HTML5利用标签和JavaScript来播放影片，不需任何外挂就能达成，是相对稳定许多的。流畅度当网络影片从480p，逐渐支持到720p与1080p时，光是播放影片就要耗用相当多的CPU计算资源。桌面计算机有时播放都相当吃力，更别提CULV笔记本以及使用ATOM的小笔电了。于是FlashPlayer10.1版中加入了硬件译码支持，利用GPU加速来降低CPU资源的耗用。之前也有实际测试数据比较Flash与HTML5谁比较吃资源，显示出，不管哪一种技术，硬件加速是降低CPU耗用的唯一解决方法。FlashPlayer除了稳定性问题，支持跨平台（不包括Linux）、跨浏览器硬件译码是比HTML5具有优势。而HTML5最大的问题在于浏览器内建编码不统一。</t>
  </si>
  <si>
    <t>孕妇能不能吃青蟹</t>
  </si>
  <si>
    <t>孕妇不能吃青蟹</t>
  </si>
  <si>
    <t>不可以吃的</t>
  </si>
  <si>
    <t>最好不吃，寒性食物，易流产，</t>
  </si>
  <si>
    <t>不要吃，寒性的，吃了不好</t>
  </si>
  <si>
    <t>七匹狼男装怎么样</t>
  </si>
  <si>
    <t>质量信的过，</t>
  </si>
  <si>
    <t>七匹狼的质量还可以，耐穿。</t>
  </si>
  <si>
    <t>很不错哦，是一个大品牌</t>
  </si>
  <si>
    <t>七匹狼七宝店的男装还是不错的，正规品牌店，价格也公道，而且他们家经常做促销活动，可以关注看看</t>
  </si>
  <si>
    <t>云集微店好吗</t>
  </si>
  <si>
    <t>不好做，好用的没货，都是它上什么你卖什么，经常断货，发货慢，投诉无门，天天给你洗脑</t>
  </si>
  <si>
    <t>云集微店适合每一个人，因为都是刚需品，只要自己教勤快点，相信过不了多久比现在人打工强百倍。</t>
  </si>
  <si>
    <t>我做了3个月了哦，感觉很不错，至少是个轻创业平台，实现了我的创业梦想。我一开始由一个小白渐渐发展成导师，用我的执着和努力迎来一批伙伴的追随，我喜欢努力的人，也喜欢爱拼搏的人，如果你是那个她，那么找我吧，我不敢承诺你将来能拥有什么，但是我秉着一颗真诚、负责的态度邀请您，给我一份信任，带你开启创业之路，我一直相信，只要努力的人运气不会太差，只要肯学习的人，那么收获也会不小。</t>
  </si>
  <si>
    <t>ipad air可以连接键盘吗</t>
  </si>
  <si>
    <t>可以配无线键盘。可以到专卖店配。</t>
  </si>
  <si>
    <t>ipad air可以接键盘。</t>
  </si>
  <si>
    <t>ipad air2可以接键盘。 ipad air 2外接键盘可以选择苹果自家的键盘，如： Apple Wireless Keyboard键盘。 只要在 Mac 或 iPad 周围 30 英尺内，就可以将 Apple Wireless Keyboard 键盘 放在桌上</t>
  </si>
  <si>
    <t>可以外置蓝牙键盘，外接键盘</t>
  </si>
  <si>
    <t>沈殿霞是黑社会吗</t>
  </si>
  <si>
    <t>非是黑社会成员，但是跟黑社会成员有关联，毕竟影视也是娱乐业</t>
  </si>
  <si>
    <t>她有非常非常赞的黑道背景</t>
  </si>
  <si>
    <t>怀孕会不会腰酸</t>
  </si>
  <si>
    <t>刚刚怀孕会腰酸。</t>
  </si>
  <si>
    <t>怀孕初期激素水平急剧改变，孕妇还没有适应，所以会出现腰痛腰酸乏力等一系列不舒适表现。</t>
  </si>
  <si>
    <t>每个人怀孕的反应不一样的</t>
  </si>
  <si>
    <t>高速公路赚钱吗</t>
  </si>
  <si>
    <t>最大的部分是路费收入，收取路费还贷款，剩余部分则是利润</t>
  </si>
  <si>
    <t>当然，若是国家投资的高速公路就从过路费中收取利润。若是私营企业投资的私营就收取过路费，国家就从私营里纳税</t>
  </si>
  <si>
    <t>胎儿没发动吃蓖麻油可以嘛</t>
  </si>
  <si>
    <t>这种情况有可能会导致子宫收缩，阴道出血，要及时去医院做B超检查看看，不能吃生冷辛辣刺激性食物。</t>
  </si>
  <si>
    <t>如果预产期还没到，就不能吃，不然会引起子宫收缩，造成宝宝早产等情况！</t>
  </si>
  <si>
    <t>蓖麻油是催生的,吃了以后宝宝很快就要与你见面了.虽然难吃,不得以的时侯还是要吃的,为了宝宝什么苦都要吃的.</t>
  </si>
  <si>
    <t>孕晚期可以吃的，蓖麻油炒鸡蛋是一种食物催产素,没有副作用。建议食用蓖麻油炒鸡蛋后应及时去医院观察,做好产前准备。</t>
  </si>
  <si>
    <t>晚上跑步可以吗</t>
  </si>
  <si>
    <t>根据美国运动医学会的建议，晚上跑步健身，最好坚持一周3次以上，每次30—60分钟。</t>
  </si>
  <si>
    <t>根据西方人的认识，晚上八九点钟才是一天之中最适宜锻炼身体的时间。这与我国人民的认识与习惯截然不同。我们习惯晨练</t>
  </si>
  <si>
    <t xml:space="preserve">运动医学的角度看，晚上跑步更科学。只要掌握好运动强度，晚上跑步还会让人睡得更香。 </t>
  </si>
  <si>
    <t>适当慢跑对身体还是很有好处的</t>
  </si>
  <si>
    <t>夜跑现在很流行。</t>
  </si>
  <si>
    <t>韩国伊蓓诺是不是直销</t>
  </si>
  <si>
    <t>不是，你说的这个在国家商务部没有拿牌，你还是谨慎些更好，选择合法的项目做得才长久</t>
  </si>
  <si>
    <t>最重要的是适合自己去做。可以选择考虑无门槛，普通大众能接受，制度完善的。</t>
  </si>
  <si>
    <t>合法传销</t>
  </si>
  <si>
    <t>2015年还能买商铺吗</t>
  </si>
  <si>
    <t>“商铺”伤不起，“商铺”千万不能买！！！凡是商业性质的地产都不能买！！！</t>
  </si>
  <si>
    <t>看项目，地段，收益。</t>
  </si>
  <si>
    <t>热比亚死了吗</t>
  </si>
  <si>
    <t>热比亚还没死呢！取保候审后逃往美国了！</t>
  </si>
  <si>
    <t>海鸥机械表好吗</t>
  </si>
  <si>
    <t>个人觉得挺好的</t>
  </si>
  <si>
    <t>之前想在海鸥专柜买的，但是找了半天没找到，\x0d后来听朋友说网上也有海鸥表的官方商城，思量再三，下单买了一款51表，\x0d购物体验没得说啊，很棒！送货全程都有短信通知！\x0d表收到后很满意，包装仔细，关键是速度很快。两天就到货了。\x0d这次购物印象太好了，所以后来就经常推荐朋友去海鸥天猫店买表了，\x0d就是站长说的这家。</t>
  </si>
  <si>
    <t>买了就坑爹，特别天猫旗舰店，根本不是海鸥公司的，只是有授权的一个电子商务公司，卖假的，质量根本不符合</t>
  </si>
  <si>
    <t>海鸥手表从质量到外观都多次在国际钟表展上获奖，已经跻身世界名牌行列，日本东方双狮名气相对差一些。而且在价位相似的情况下还是选择国表吧。</t>
  </si>
  <si>
    <t>海鸥是中国最有可能步入豪华表行列的民族品牌。机芯从低端到复杂款、陀飞轮均有，特别是一些基础机芯，稳定性不错，也常常被用来仿冒ETA机芯。</t>
  </si>
  <si>
    <t>无　</t>
  </si>
  <si>
    <t>特伦斯出85ss吗</t>
  </si>
  <si>
    <t>85SS装备掉落辞典是显示只有特伦斯和格兰迪两个发电站深渊会出。</t>
  </si>
  <si>
    <t>目前85SS格兰迪爆率最高的，其次是特伦斯也会出85SS看直播看到过的！寂静城建议别去刷，几率没发电站高！</t>
  </si>
  <si>
    <t>出</t>
  </si>
  <si>
    <t>userbook storage可以删除吗</t>
  </si>
  <si>
    <t>最好不要删除，虽然不知道是什么东西但是查了下是小米系统里的。</t>
  </si>
  <si>
    <t>可以删除，是玩机手册，教你小米手机的使用入门的，删了没关系</t>
  </si>
  <si>
    <t>青岛方特有学生票吗</t>
  </si>
  <si>
    <t>团购138</t>
  </si>
  <si>
    <t>160元淘宝团购可以做没费的车</t>
  </si>
  <si>
    <t>我在美团网上看到的好像是170元。</t>
  </si>
  <si>
    <t>方特只有成人票、儿童票，和免票。没有学生票</t>
  </si>
  <si>
    <t>没有，一样的。</t>
  </si>
  <si>
    <t>录音笔可以当麦克风吗</t>
  </si>
  <si>
    <t>不可以,</t>
  </si>
  <si>
    <t>红薯能和白萝卜一起吃吗</t>
  </si>
  <si>
    <t>红薯与白萝卜可以一起吃,白萝卜可以解除红薯引起的腹胀,还可以补钙.</t>
  </si>
  <si>
    <t>白萝卜能和红薯一起吃</t>
  </si>
  <si>
    <t>可以，没什么冲突</t>
  </si>
  <si>
    <t>当然能同吃啦，萝卜和地瓜都同时生长在地下的植物，萝卜解暑清热很好的。地瓜是高纤维食物，对便秘减肥多有一定的贡献。</t>
  </si>
  <si>
    <t>白萝卜和红薯搭着吃是绝配，当然可以一起吃。</t>
  </si>
  <si>
    <t>新鲜山楂可以直接吃吗</t>
  </si>
  <si>
    <t>可以生吃，但尽量少吃。生山楂中所含的鞣酸与胃酸结合容易形成胃石,很难消化掉。如果胃石长时间消化不掉就会引起胃溃疡、胃出血甚至胃穿孔。因此,应尽量少吃生的山楂,尤其是胃肠功能弱的人更应该谨慎。医生建议,最好将山楂煮熟后再吃。</t>
  </si>
  <si>
    <t>果可生吃或作果脯果糕</t>
  </si>
  <si>
    <t>新鲜的山楂果，洗洗吃太酸牙</t>
  </si>
  <si>
    <t>可以生吃,但尽量少吃。 生山楂中所含的鞣酸与胃酸结合容易形成胃石,很难消化掉。如果胃石长时间消化不掉就会引起胃溃疡</t>
  </si>
  <si>
    <t>要煮熟才能吃呢</t>
  </si>
  <si>
    <t>新鲜的山楂，最好是是生着吃比较好，可以起到消积食和辅助消脂肪的作用。</t>
  </si>
  <si>
    <t>三聚氰胺板有毒吗</t>
  </si>
  <si>
    <t>《 家具建材的三聚氰胺被驯化，三聚氰胺板材很健康》一文指出，在家居装饰中，使用的三聚氰胺板是无刺激性气味的，根本不会对人体造成直接伤害。</t>
  </si>
  <si>
    <t>三聚氰胺板是人造板中的一种，胶水-三聚氰胺里释放主要是甲醛，甲醛对人体是有害的，但是在一定标准内是对人体没有害的。比如说甲醛释放量达到Eo,E1,E2级，这是有说法的，E后面带的数字就是代表甲醛释放量的符号，0比1好，1比2好。所以你要使用关键是你要厂家提供产品的《检测报告》和产品自身的等级标准来衡量你是否可用？用在什么地方？这些都是相对的。只要在标准之内就是安全的 毕竟要完全一点毒气没有是不可能的。</t>
  </si>
  <si>
    <t>三聚氰胺家具对人体没有危害！三聚氰胺在自然状态下不会挥发出任何有毒物质.</t>
  </si>
  <si>
    <t>三聚氰胺本身毒性很小，比较稳定，固化后不会游离毒性。</t>
  </si>
  <si>
    <t>孕妇能吃清补凉吗</t>
  </si>
  <si>
    <t>一般情况喜爱是可以的，孕期的饮食还需要丰富合理的安排。天气太热，降降暑气，对妈妈和肚里的宝宝都好，只是不要太凉性，不常喝，不喝冷的，都没有什么问题的。但是最好还是根据不同人的不同体质来定义。毕竟清补凉汤是凉性的，孕妇少吃为好。偶尔的喝些去去火气也是不错的。饮食尽可能广泛多样化，多吃高蛋白优质蛋白食物多吃蔬菜水果，怀孕初期因为胚胎还很小，你现在就是多休息，不要累着了。</t>
  </si>
  <si>
    <t>可以啊。你可以吃吃碗燕，就是燕窝。燕窝是清补的，怀孕的时候体内火比较燥，像我闺蜜都长了好多痘痘。你吃燕窝，可以给宝宝更好的营养，还能预防妊娠纹呢。燕窝也是清补的。你可以试试。</t>
  </si>
  <si>
    <t>刚怀孕不久不管补的和凉的都最好不要吃，因为胎盘着子宫还不牢固，怕容易滑胎，要吃也是四个月以后，那时候的胎儿已经站稳脚了。</t>
  </si>
  <si>
    <t>清补凉只是一种海南的小吃而已，可以吃的。</t>
  </si>
  <si>
    <t>杀神经疼不疼</t>
  </si>
  <si>
    <t>医生给你放的药应该是失活剂,是把牙髓失活的,牙齿不疼说明牙神经被杀死了,是正常情况,牙齿还有感觉是因为牙周膜和牙槽骨并没有坏死,还是可以传导感觉的,只是牙神经坏死了,所以没有痛觉</t>
  </si>
  <si>
    <t>使用麻药不会痛</t>
  </si>
  <si>
    <t>有炎症的话要先消炎治疗后再杀神经。2、杀神经用药物，而且不是一次。3、牙神经没坏死才会牙疼。1、抽神经的时候你的牙神经已经被杀死了，所以根本不用打麻药你也不会疼，如果你还疼的话说明牙神经没杀死。补充一句：打麻药是内部麻醉，不是表面麻醉，如果麻药打的好的话，你会半边的脸没有疼觉，随便怎么弄你也不知道疼。</t>
  </si>
  <si>
    <t>我杀牙神经不会很痛，医生先给我把腐质磨掉了之后给了消炎药，过了两三天才用的杀神经的药，要换好几次，挑的时候没什么感觉的，或者可以打麻药直接挑神经</t>
  </si>
  <si>
    <t>给你封的药应该是杀神经的药，没填药之前因为你的神经是活的所以疼啊，填上之后把神经杀死了，所以不会疼，不疼是正常的，这个不用担心，但是你是不是还没有做完啊，应该接着把治疗做完，最后做个牙套保护起来</t>
  </si>
  <si>
    <t>神经杀死了，下次复诊时就不会有痛了。一般放杀神经的药，有些人平时一点都不会痛的。你这情况很正常呀。</t>
  </si>
  <si>
    <t>凤凰面具好看吗</t>
  </si>
  <si>
    <t>感觉不错</t>
  </si>
  <si>
    <t>《凤凰面具》为蘑菇所著的长篇悬疑小说，被称为一部当代江湖的骗子演义，是十年来最好看的骗术小说。</t>
  </si>
  <si>
    <t>轮胎可以只换两个吗</t>
  </si>
  <si>
    <t>如果不是一个轮胎损坏不能用了，最好不要只换一个轮胎。更换汽车轮胎是有讲究的，轮胎是一起使用的，四胎行驶的里程是一致的，要不就是四胎一起换，当然也可以只换二个，我的胎就是这样换的。右前轮胎在行到3万多公里时被石头压破了，只好换上备胎（是全尺寸备胎），改天我再买回一个新胎换到了左前轮的位置，把左前轮的旧胎作备胎用，这样二个前轮是新起用的胎，二个后轮是行了3万多公里的胎；当行驶到7万多公里时（去年冬），二个前轮已经走了3万多公里了，将其二前轮换到后轮，再买二个新胎换到前轮，这样二个前轮又是新轮胎了，这就是换二个轮胎的好处。</t>
  </si>
  <si>
    <t>如果条件允许的情况下，建议至少更换两条，同一车轴上应装配同一规格、结构、厂家、花纹的轮胎。(载重指数、速度级别一致）只更换2两条轮胎的情况下建议新胎安装在后轮。</t>
  </si>
  <si>
    <t>可以的、花纹相差不上太大就可以了</t>
  </si>
  <si>
    <t>仙葫好看吗</t>
  </si>
  <si>
    <t>好看，内容丰富</t>
  </si>
  <si>
    <t>后面的内容相当精彩。</t>
  </si>
  <si>
    <t>党员可以进外企吗</t>
  </si>
  <si>
    <t>当然可以，他公司在本国领土，而且是党员应该品德会比一般人更高</t>
  </si>
  <si>
    <t>一般外企不要党员，他们招聘的时候都会一个限制党员条件的，到也不是百分之百</t>
  </si>
  <si>
    <t>可以的，党员在国企比较有优势，但是也可以进外企。</t>
  </si>
  <si>
    <t>想进外企工作，跟有没有必要入党没有多大关系。如果有能力，公司不会因为你是党员就不聘用你，毕竟人家也是讲实效的，不会要求你的政治立场什么的，而且如果能够入党，首先已经通过了一层审核，代表你至少要比你身周的人更积极，更有上进心。对你还是有好处的。</t>
  </si>
  <si>
    <t>漳州有广发银行吗</t>
  </si>
  <si>
    <t>芗城区没有广发银行</t>
  </si>
  <si>
    <t>天猫官方旗舰店和专卖店卖的都是正品吗</t>
  </si>
  <si>
    <t>天猫旗舰店的，全部都是正品，但是只是说什么旗舰店它对于它自己牌子下面的东西肯定是正品，但是不能保证说这个质量一定是好的。</t>
  </si>
  <si>
    <t>一样的</t>
  </si>
  <si>
    <t>天猫的所谓官方旗舰店，其实并不“官方”，意指很多店并不是品牌直销，只是取得品牌的授权书，品牌允许其使用其名号命名宣传而已，当然也有不少店是商家直销的。因此，这些所谓官方旗舰店也有可能有假的。</t>
  </si>
  <si>
    <t>庐山是阴山吗</t>
  </si>
  <si>
    <t>不是阴山</t>
  </si>
  <si>
    <t>e租宝 钱能拿回来吗</t>
  </si>
  <si>
    <t>有可能，可能性不大</t>
  </si>
  <si>
    <t>一部分投资人会拿不回资金。</t>
  </si>
  <si>
    <t>报警立案的都可以要回，你没报警就要不回了。</t>
  </si>
  <si>
    <t>如果e租宝倒闭，那我们存的钱可以说是就拿不回来了，毕竟投资有风险，但是现在只是被查封，并没有倒闭，不要太担心。</t>
  </si>
  <si>
    <t>森鑫源航空订票可靠吗</t>
  </si>
  <si>
    <t>森鑫源不错老牌子了，在淘宝和去哪儿人都有做， 可以的，放心订购吧。</t>
  </si>
  <si>
    <t>不正规，建议去官网</t>
  </si>
  <si>
    <t>不建议在这种地方买票，完全可以去官网买票。</t>
  </si>
  <si>
    <t>不可靠，想买便宜机票你就找代理人自己用的机票平台。 68机票平台 价格都是给代理人的，代理人然后在卖给别人</t>
  </si>
  <si>
    <t>信我的，去官网买，我11月出差时在淘宝买过，不但强卖保险，最后你要发票报销时，还要收你20元快递费，航空公司都是免费邮的，明明他让你给航空公司打个电话就可以了，他却会骗你说航空公司不会邮的，要在他那邮，要交20邮费，并且只能是快递等等。总之人品不怎么样，出门安全等一，尽理在官网上提前定，如果在代理那买也找信誉好的。不然出了问题不但不帮你解决还会做地起价。</t>
  </si>
  <si>
    <t>最好不要，信誉比较高的：艺龙，去哪儿，携程。。。。像去国外的最好去航空公司官网上去，想坐便宜航空，去春秋航空官网去看看</t>
  </si>
  <si>
    <t>别信，根本就没有这个航空公司</t>
  </si>
  <si>
    <t>java 枚举可以继承吗</t>
  </si>
  <si>
    <t>枚举的伪实现。和枚举不同的是，还是可以new一个对象，本来是想把构造私有化的，但是就不能继承了。</t>
  </si>
  <si>
    <t>Java字节码格式并不禁止继承java.lang.Enum，但是javac编译器硬性不让你继承java.lang.Enum。</t>
  </si>
  <si>
    <t>Java Enum是不能继承的，</t>
  </si>
  <si>
    <t>枚举肯定是继承了object，</t>
  </si>
  <si>
    <t>只要是类 都继承object</t>
  </si>
  <si>
    <t>视网膜母细胞瘤能治好吗</t>
  </si>
  <si>
    <t>不能治好</t>
  </si>
  <si>
    <t>视网膜母细胞瘤是恶性肿瘤，一般是不能治好的，也有极少的肿瘤有自己消失的可能。</t>
  </si>
  <si>
    <t>长春滴滴顺风车合法吗</t>
  </si>
  <si>
    <t>近期的全国两会，交通部长非常明确的讲了，鼓励网络约车，明确表示顺风车合法，要规范网络约车.</t>
  </si>
  <si>
    <t>近日国家颁布了关于网约车经营服务的管理法规，开始肯定了网约车的合法地位，滴滴致力于为广大司机师傅谋求更多福利，也会持续推动和执行此法规。</t>
  </si>
  <si>
    <t>根据国家的网约车新规，滴滴平台是合法的，而且取得了网约车牌照，但私家车注册滴滴跑客运这个是非法的，被交通执法人员查到是要罚款的，长春被查到的私家车也很多。</t>
  </si>
  <si>
    <t>备孕可以汗蒸</t>
  </si>
  <si>
    <t>适当频率的汗蒸对身体排毒是有帮助的，但总汗蒸的话，钙会流失。</t>
  </si>
  <si>
    <t>汗蒸对身体有好处但不利怀孕。</t>
  </si>
  <si>
    <t>你好，汗蒸对身体有好处。但是在备孕期，男性的话，汗蒸温度下会对精子产生不良影响，容易造成畸形。</t>
  </si>
  <si>
    <t>深圳大学宿舍有空调吗</t>
  </si>
  <si>
    <t>深大桂庙和创华校区学院没有空调。</t>
  </si>
  <si>
    <t>深大学生宿舍的房间内配有基本的家具（不含床上用品和日用品）、空调、网络端口等配套设施，公共浴室有热水供应。</t>
  </si>
  <si>
    <t>有暖气无空调，楼内有澡堂，6人宿舍，有独立卫生间，比较方便</t>
  </si>
  <si>
    <t>孕妇能吃番薯吗</t>
  </si>
  <si>
    <t>不可以天天吃。</t>
  </si>
  <si>
    <t>番薯的糖分很高的，建议孕妇隔几天吃一个就好了。</t>
  </si>
  <si>
    <t>能吃。孕妇吃红薯可以壮胎，红薯含有的赖氨酸，比大米、白面要高得多，还含有十分丰富的胡萝卜素，可促使上皮细胞正常成熟，抑制上皮细胞异常分化，消除有致癌作用的氧自由基，阻止致癌物与细胞核中的蛋白质结合，促进人体免疫力增强</t>
  </si>
  <si>
    <t>你好，正常情况下是可以吃的啊，只要没有轻易消化道的症状，对怀孕是没有多大影响的</t>
  </si>
  <si>
    <t>消糜栓治宫颈糜烂吗</t>
  </si>
  <si>
    <t>治的，看你的自身情况吧，有些是过敏体质不能用的呢</t>
  </si>
  <si>
    <t>可以的，栓剂直达病灶，起效快，但应配合服用抗菌药物，也可服用甲硝唑。注意保持个人卫生</t>
  </si>
  <si>
    <t>不要用消糜栓没用的</t>
  </si>
  <si>
    <t>绝对零度存在吗</t>
  </si>
  <si>
    <t>根据热力学第三定律的阐述，绝对零度只能无限接近，但不能达到</t>
  </si>
  <si>
    <t>应该存在</t>
  </si>
  <si>
    <t>绝对温度是指-273.15摄氏度，是科学家从宇宙大爆炸踪迹中勘测出来的，至今为止也达不到真正的绝对零度，如果真能达到这一温度时所有的原子和分子热量运动都将停止</t>
  </si>
  <si>
    <t>绝对零度是热力学逆推的基础零点，理论上是存在在的。</t>
  </si>
  <si>
    <t>微快客是真的吗</t>
  </si>
  <si>
    <t>是假的，我买过，结果升次级又要收钱，而且用了会被封号</t>
  </si>
  <si>
    <t>骑马可以上路吗</t>
  </si>
  <si>
    <t>看地方</t>
  </si>
  <si>
    <t>交通管理法，对骑马上路没有任何的规定</t>
  </si>
  <si>
    <t>索菲亚的衣柜环保吗</t>
  </si>
  <si>
    <t>索菲亚衣柜是环保的，也是可定制的。</t>
  </si>
  <si>
    <t>临时身份证可以出国吗</t>
  </si>
  <si>
    <t>如果你的护照是有效的那么出国旅游是没有问题的。身份证对于境外是无效的，只要你有护照就可以了，护照是你在国外的唯一身份证明。</t>
  </si>
  <si>
    <t>可以。身份证是国内公民身份ID。国外旅行是需要专门的身份卡，那就是护照。</t>
  </si>
  <si>
    <t>出境的话是不需要身份证的，只要带好护照。</t>
  </si>
  <si>
    <t>这个是完全可以的。</t>
  </si>
  <si>
    <t>不行，需要等到正式的</t>
  </si>
  <si>
    <t>临时身份证是不能出国，原因是：出国需要的是护照， 而不是身份证。</t>
  </si>
  <si>
    <t>2015途观还漏油吗</t>
  </si>
  <si>
    <t>大众车都爱漏油</t>
  </si>
  <si>
    <t>15款途观发动机是经过改进的，不像以前那样漏油了</t>
  </si>
  <si>
    <t>国产ea888都渗油，都出了很多年了，还勉强用吧</t>
  </si>
  <si>
    <t>2016 f1 本田能否雄起</t>
  </si>
  <si>
    <t xml:space="preserve">球经济的不景气已经给体育圈带来了巨大冲击，日前，本田正式宣布退出F1。 </t>
  </si>
  <si>
    <t>准备怀孕可以吃中药吗</t>
  </si>
  <si>
    <t>现在女性因为生活、工作等方面原因多处于亚健康状态，中医讲究治未病，若在怀孕前调理身体时，注意合理中草药用药，并遵医嘱服用，善于辨证施治就能达到调理身体的目的。运用中草药通过调和阴阳气血、调理五脏六腑等的功能入手，达到天地人三气同步，进而保胎助孕的目的。如此让孕育自然而然完成，不用过多担心毒副作用的问题。另外，对于育龄女性的身体调养，医生大多会尽量使用药食两用的中草药。</t>
  </si>
  <si>
    <t>当然可以，但不可以乱吃，应对症用药</t>
  </si>
  <si>
    <t>调理的中药每天要喝的，例假来也可以喝的，怀孕了还可以喝的，没有影响</t>
  </si>
  <si>
    <t>来月经能怀孕吗</t>
  </si>
  <si>
    <t>女人来月经的时候是不可能怀孕的！怀孕的话，就不能来月经了！</t>
  </si>
  <si>
    <t>极有可能是不会怀孕</t>
  </si>
  <si>
    <t>会，但是机率有点小。</t>
  </si>
  <si>
    <t>不会,受孕必须精子与卵子结合，受精卵再游到子宫内着床。月经期卵子已经排出了体外，经血就是已成熟的卵子没有等到精子,而到期从体内剥落,成为血排出了体外。这时候，老的卵子已经排出，新的卵子还未成熟，精子碰不到合适的卵子，当然不会受孕了。</t>
  </si>
  <si>
    <t>有怀孕的可能性。月经期最好不要做爱。女人经期是最脆弱、最容易感染的时候。在此期间同房很容易将细菌等带入宫腔，使子宫内膜继发感染。很容易导致阴道炎、盆腔炎等妇科疾病。</t>
  </si>
  <si>
    <t>丹参可以长期服用吗</t>
  </si>
  <si>
    <t>参片可以长期服用，但要注意用药量</t>
  </si>
  <si>
    <t>丹参是不可以长期服用</t>
  </si>
  <si>
    <t>可以常吃的</t>
  </si>
  <si>
    <t>复方丹参片是治疗冠心病的常用中药，但也只是治标之药，不宜久服。因为复方丹参片之中的冰片具有芳香走窜的特性，耗气伤阳，久服易致心脏功能减退。</t>
  </si>
  <si>
    <t>涡轮增压汽车省油吗</t>
  </si>
  <si>
    <t>为了配合强制吸入的大量空气，喷入发动机的汽油也要增加，所以比同排量的自然吸气式发动机要费油，不过打开涡轮增压后，其功率可以提高两个等级，如1.8T的功率相当于2.4自然吸气发动机。</t>
  </si>
  <si>
    <t>不省油！反而更费油，不过动力增强了！</t>
  </si>
  <si>
    <t>这个要看路况，比如高速，转速都是3500左右，涡轮介入，肯定比自吸省油</t>
  </si>
  <si>
    <t>新兵三个月坚持得住吗?</t>
  </si>
  <si>
    <t>新兵训练时很苦，但是肯定会根据实际情况来进行，一开始的时候，别的新兵和你情况一样的也会有，所以训练的时候，会循序渐进，刚开始的几天训练量会比较小，等你们体力有所增长，适应训练了，训练量才会增加，训练计划是面向所有新兵的，是很人性化的，不要怕，有挑战的生活才有意思</t>
  </si>
  <si>
    <t>如果没有吃苦的准备，还是老实呆在家里，由父母伺候着，结婚生子，平庸过一辈子。</t>
  </si>
  <si>
    <t>新卡罗拉没有93号汽油用95号可以吗</t>
  </si>
  <si>
    <t>没什么影响，一般车都是标注多少号汽油，但都有个可以浮动的标号值。不一定非要强制加一个标号油。93-95-98 都可以。</t>
  </si>
  <si>
    <t>93号和95号最好不要混用。因为不同标号的汽油添加剂和化学成分都不一样。93号汽油相对95号油是低标号油，经常混用，会出现动力不足，燃烧不充分影响火花塞的使用寿命，并会带来更多的尾气污染。</t>
  </si>
  <si>
    <t>人机能观战吗</t>
  </si>
  <si>
    <t>可以观战</t>
  </si>
  <si>
    <t>可以观战啊</t>
  </si>
  <si>
    <t>牛蒡茶经期可以喝吗</t>
  </si>
  <si>
    <t>可以的，牛蒡茶可以帮助经血排除干净</t>
  </si>
  <si>
    <t>女性在经期是可以适量饮用牛蒡茶的。</t>
  </si>
  <si>
    <t>是百益而无一害. 他的滋阴通便和除五脏恶气,对月经期间排毒是很好的.</t>
  </si>
  <si>
    <t>牛蒡茶 功效：祛风热，消肿毒。治风毒面肿，头晕，咽喉热肿，齿痛，咳嗽，消渴，痈疽疮疥。 就算是在经期喝也没有什么副作用</t>
  </si>
  <si>
    <t>最好不要喝，因为牛蒡是排毒的，从中医的角度分析它有一点凉性，经期喝了不好。</t>
  </si>
  <si>
    <t>最好不要喝哟</t>
  </si>
  <si>
    <t>江苏警官学院好不好</t>
  </si>
  <si>
    <t>江苏警官学院是江苏最好的警校之一。里面的公安类专业，入警率都很高，值得报考。</t>
  </si>
  <si>
    <t>是江苏最好的警校，虽然是二本，但其公安类专业实际录取分数一般都在一本线以上。入警率一般都在90%以上。</t>
  </si>
  <si>
    <t>提前批的，都很好，以后考警察，成功率很高的。</t>
  </si>
  <si>
    <t>飞国内需要护照吗</t>
  </si>
  <si>
    <t>国内乘坐飞机不需要办护照,可以直接用第二代身份证购票和乘机</t>
  </si>
  <si>
    <t>国内乘坐飞机不需要办护照，可以直接用第二代身份证购票和乘机</t>
  </si>
  <si>
    <t>国内做飞机都不需要护照! 只需要身份证就可以＃＃坐飞机出国才需要护照，国内飞国内只需要身份证</t>
  </si>
  <si>
    <t>国内居民用身份证，国外民众用护照</t>
  </si>
  <si>
    <t>不要，要身份证</t>
  </si>
  <si>
    <t>岁月是朵两生花好看吗</t>
  </si>
  <si>
    <t>挺不错的</t>
  </si>
  <si>
    <t>比小说难看</t>
  </si>
  <si>
    <t>十年一品温如言比较好看</t>
  </si>
  <si>
    <t>来大姨妈第一天可以洗头吗</t>
  </si>
  <si>
    <t>能洗，洗好了赶紧用吹风机吹干。</t>
  </si>
  <si>
    <t>可以，但是要用温水，切记不要用过热过冷的水。</t>
  </si>
  <si>
    <t>可以洗头的，</t>
  </si>
  <si>
    <t>女生月经来时不能洗头</t>
  </si>
  <si>
    <t>月经来潮时，不能洗发，不能吃冰冷食物，以免让排出的污血未排净，而残留在子宫之内，日积月累，贺尔蒙分泌失调，而有乳癌、子宫癌的发生</t>
  </si>
  <si>
    <t>甲状腺疼吗</t>
  </si>
  <si>
    <t>一般情况，甲状腺瘤大多无痛疼感。甲状腺瘤给患者带来的不仅仅是身体的危害，还会影响患者的容貌，给患者身心带来严重的压力。此病发生在任何一个年龄段，尤其是是女性居多。患者在初期没有明显的症状，往往无意中发现颈前区肿块。很多患者不能及时治疗，耽误患者的病情。患者患病时间长了，会有少数腺瘤可因钙化斑块，使瘤体变得原因十分坚硬，导致治疗时间长。</t>
  </si>
  <si>
    <t>如果是良性的，是没有感觉的，是不会疼的，除非到了晚期，而且恶性肿瘤是不会动的，活动性差，吞咽口水的时候，肿瘤会是固定的，一般疼痛的肿瘤，偏良性的较多，活动性好。</t>
  </si>
  <si>
    <t>虹桥机场有日上吗</t>
  </si>
  <si>
    <t>大家都记得浦东机场的日上免税店，其实虹桥机场也有日上免税店的，现在的虹桥机场每天还是开通好几班飞去日本韩国的国际航线的。因为经常去的缘故，逛那边免税商店也是打发国际航线漫长等待时间的一个乐趣。虽然比不上浦东机场的日上免税店那么多东西，但是化妆品烟酒工艺品还是种类很丰富的。</t>
  </si>
  <si>
    <t>在1号航站楼国际出发大厅</t>
  </si>
  <si>
    <t>国内没有，免税只有出国才有。</t>
  </si>
  <si>
    <t>win7能装双系统吗</t>
  </si>
  <si>
    <t>可以装双系统。</t>
  </si>
  <si>
    <t>首先要搞清楚你的电脑有XP下的驱动吗？如果有先下载到指定盘。你是光盘安装的话就简单点，否则会麻烦点。如果是光盘引导安装，必须是正常安装，GOST的那个不行，它就安装在了你的C盘，把原来的系统破坏了。</t>
  </si>
  <si>
    <t>你去下载一个原版安装版的WIn7,使用WinRAR解压缩到其他分区,在WIn7下运行解压缩目录里的Setup.exe就开始安装了,安装时选自定义安装,安装到其他分区,重启电脑就是双Win7的系统了</t>
  </si>
  <si>
    <t>能，直接解压镜像文件，运行解压得到的setup.exe，只有注意的是选择安装在哪个盘的时候，不要选C盘，你空着的盘自己选一个安装就行，安装完就是双系统，上面点自定义，下面选像安装的地方</t>
  </si>
  <si>
    <t>可以的，我现在使用的就是Windows 10+Windows 7双系统，用Windows 7升级Windows 10然后再其他的盘里面安装Windows 7.</t>
  </si>
  <si>
    <t>民事诉讼有时间限制吗</t>
  </si>
  <si>
    <t>民事诉讼时效是指权利人经过法定期限不行使自己的权利，依法律规定其胜诉权便归于消灭的制度。一般权利人向人民法院请求保护民事权利的诉讼时效期间为自得知自己权益受侵害起二年以内，但是对于超过20年，才提出诉讼，法院不会受理诉讼请求。法律另有规定的除外。</t>
  </si>
  <si>
    <t>民事诉讼是有时效限制的，法律规定人身权利被侵害诉讼时效是一年，从知道或应当知道之日起计算。当然诉讼时效还可以依法中止中断，主张权利或同意承担责任都会引起诉讼时效的中断。</t>
  </si>
  <si>
    <t>一般诉讼为两年，特殊诉讼为一年</t>
  </si>
  <si>
    <t>向人民法院请求保护民事权利的诉讼时效期间为二年，法律另有规定的除外</t>
  </si>
  <si>
    <t>一般民事诉讼的时效为二年，也有一年的，还有长期的，如果过了时效，不是不能起诉，能起诉，但不能胜诉</t>
  </si>
  <si>
    <t>现在还有人用ie6吗</t>
  </si>
  <si>
    <t>传说中国还有60%的人还在用IE6</t>
  </si>
  <si>
    <t>IE7使用和维护过于复杂，所以现在还是以IE6为主或是其它公司出的如TT！</t>
  </si>
  <si>
    <t>碧柔的卸妆乳好用吗</t>
  </si>
  <si>
    <t>挺好用的，浓妆没有试过，淡妆都可以卸干净</t>
  </si>
  <si>
    <t xml:space="preserve">不好用 没什么大作用 </t>
  </si>
  <si>
    <t>挺好的，看你是淡妆还是浓妆</t>
  </si>
  <si>
    <t>感觉还不错就是要洗久一点 不然总是感觉比较滑太滑总是让我觉得没洗干净。不过用完洗面奶就好啦 性价比还算高的</t>
  </si>
  <si>
    <t>卸妆乳很温和啊</t>
  </si>
  <si>
    <t>哈弗h6首保过了还可以吗</t>
  </si>
  <si>
    <t>应该是5000公里 或者三个月内 二者那个也不能超过。如果说现在已经提车超过三个月了 就不能免费首保了</t>
  </si>
  <si>
    <t>不免了</t>
  </si>
  <si>
    <t>没啥事儿，建议赶紧去 吧</t>
  </si>
  <si>
    <t>cpu会有假货吗</t>
  </si>
  <si>
    <t>首先，CPU由于制造工艺较为复杂！所以不存在冒牌货和假货的情况！但是这不是代表商家在CPU销售过程中存在猫腻！</t>
  </si>
  <si>
    <t>当然有假的</t>
  </si>
  <si>
    <t>很有可能是二手货。</t>
  </si>
  <si>
    <t>可能是”假的“</t>
  </si>
  <si>
    <t>CPU-Z能检测，目前来说CPU还做不了假。</t>
  </si>
  <si>
    <t>CPU一般是没有假货的现在还没有山寨CPU的！不过有水货，其实都是差不多的，只是走私而已的</t>
  </si>
  <si>
    <t>短笛好学吗</t>
  </si>
  <si>
    <t>很好学的，个人觉得。相比来说，长笛比短笛要略麻烦些，短笛很好吹响的，演奏技巧也不多，但短笛不适合独奏。</t>
  </si>
  <si>
    <t>西安云诺是不是培训机构?</t>
  </si>
  <si>
    <t>个人觉得不是。</t>
  </si>
  <si>
    <t>赤水国庆人多吗</t>
  </si>
  <si>
    <t>国庆人肯定多呀，，最好错开高峰期去</t>
  </si>
  <si>
    <t>qq三国有改名卡吗</t>
  </si>
  <si>
    <t>没有改名卡。以后估计也不一定会出，因为论团上有人提过 但是官网没有受理。所以应该不会出了。</t>
  </si>
  <si>
    <t>该游戏目前没有改名卡这一类道具</t>
  </si>
  <si>
    <t>没有的…三国里一旦改名是很麻烦的，这就是这么多年来没有出改名卡的原因，改了名后结拜、情侣、军团、好友都会相应更改</t>
  </si>
  <si>
    <t>还没有呢，也不大会出，想改名就在你的区与其它区要合区时到那区去设同样的名字，合区后就可以改啦，望采纳</t>
  </si>
  <si>
    <t>腾讯也没推出改名卡。没市场。</t>
  </si>
  <si>
    <t>由于需要更改的数据量很大，并且对玩家以后盗号申述方面有很多不便，因此策划组没有出更名卡。</t>
  </si>
  <si>
    <t>which可以指人吗</t>
  </si>
  <si>
    <t>which只用于指物, who只用于指人,而that两者都可以指。</t>
  </si>
  <si>
    <t>对的。which可以指代人。</t>
  </si>
  <si>
    <t>钢化膜可以洗吗</t>
  </si>
  <si>
    <t>如果是撕下钢化膜洗的话，程序比较多，有的保护膜经过水洗之后在性能方面较之原来多多少少会有不及。</t>
  </si>
  <si>
    <t>绝对可以的喔！</t>
  </si>
  <si>
    <t>钢化膜的外层可以清洗，里面要粘手机的那层最好不要水洗，因为会容易洗掉粘性，这样再次贴的时候就不好贴了。</t>
  </si>
  <si>
    <t>当然可以，还没贴之前。</t>
  </si>
  <si>
    <t>一面有胶，用水洗肯定不能再贴了，一般是用那种酒精纸擦另一面而已，或者用眼镜布，清洗眼镜的的东西也可以。</t>
  </si>
  <si>
    <t>可以的呀 没有影响</t>
  </si>
  <si>
    <t>保温杯可以泡中药吗</t>
  </si>
  <si>
    <t>可以的，不锈钢，陶瓷，塑料制品都可以用来存放中药液的，这几种材料不会和中药液发生化学反应，影响药物的疗效。</t>
  </si>
  <si>
    <t>可以泡但是效果不好。</t>
  </si>
  <si>
    <t>不能用金属内胆的茶杯泡，紫砂或是玻璃的保温杯可以。</t>
  </si>
  <si>
    <t>可以，不锈钢具有很强耐酸、耐腐蚀，药剂不会变质。</t>
  </si>
  <si>
    <t>用保温杯装中药不可以。因为煎好的中药，溶解了大量的药剂的酸性物质，这些物质容易和保温杯内壁的铬，镊等元素发生化学反映，把这些重元素溶解到药液里，对人体产生毒害作用，是不可取的，千万不要这样做。</t>
  </si>
  <si>
    <t>可以啊，这个一般没啥影响，只要不用塑料杯子就行。</t>
  </si>
  <si>
    <t>阿胶会发胖吗</t>
  </si>
  <si>
    <t>阿胶含有明胶原、骨胶原、蛋白质及钙、钾、钠、镁、锌、铁、铜、锰等20余种元素，蛋白质水解产生多种氨基酸，其中有赖氨酸10%，精氨酸7%，组氨酸2%等。这些都是人体营养重要物质，并抗衰老、延年益寿，但是本身所含热量很少，所以是不会让人发胖的。</t>
  </si>
  <si>
    <t>不会的哦</t>
  </si>
  <si>
    <t>会，阿胶是驴皮熬制的，并且一般情况下我们自已再加工时里面会加冰糖、芝麻、核桃、大枣等，经常吃应该会胖的，不过自已注意点，其他的就少吃点，比如清早喝一碗阿胶，就不喝牛奶或粥了，应该问题不大。</t>
  </si>
  <si>
    <t>不会的，阿胶本身不是很容易消化的，反而可能影响食欲。</t>
  </si>
  <si>
    <t>肯定不会</t>
  </si>
  <si>
    <t>看是吃多少。如果吃得多，药物的作用对身体激素产生影响，可能会导致发胖。</t>
  </si>
  <si>
    <t>对普通人群来说，阿胶少量吃些，一般不会出现发胖的现象。</t>
  </si>
  <si>
    <t>鲜胚分裂减胎会对同暖的胎儿有影响吗</t>
  </si>
  <si>
    <t>我试管三胎，移2成3，其一为单卵双胎，减的也是单卵其一，因为另一单胎长的实在是太快，我也是实在没办法才选择减胎，您想，就是怀单胎也有风险，我要是怀2胎死都不会减的。请你三思。</t>
  </si>
  <si>
    <t>在我们这的医院除非肚子里是三个 两个都不减的 唉纠结不放心就换家医院在看看吧个人建议不要减，单卵减胎很危险，弄不好一个都保不了，你们医院咋回事，这种情况都不让减的，谁知道会把另一个那伤着，这不就是人为的畸形了，我就是单卵双胎。</t>
  </si>
  <si>
    <t>过敏的皮肤贴黄瓜好吗</t>
  </si>
  <si>
    <t>过敏贴黄瓜片没有效果</t>
  </si>
  <si>
    <t>可以使用的</t>
  </si>
  <si>
    <t>过敏性皮炎可以使用黄瓜敷脸，有保持面部湿润，缓解瘙痒的作用。</t>
  </si>
  <si>
    <t>没什么效果</t>
  </si>
  <si>
    <t>日本女人地位很低吗</t>
  </si>
  <si>
    <t>日本女人无论在家庭还是在社会上，对男人都是礼让在先，没有欧美的女士优先的礼遇。日本是个完全的大男子主义的国家，女人只是物品而已。</t>
  </si>
  <si>
    <t>经济基础决定地位。日本男人非常拼，职场中女性很难与之抗衡，久而久之女性就只能退居二线，地位自然低了。中国则不同，中国的女性比男的还拼（男的有些偷懒）。</t>
  </si>
  <si>
    <t>日本女性的地位说低呢不低，说高也不高。但是可以非常确定的是她们在职场的地位绝对低的另人发指，不论多高的学历多强的能力，永远都是做助理的料</t>
  </si>
  <si>
    <t>对</t>
  </si>
  <si>
    <t>以前是这样 但是现在不是了，比男生厉害的有很多的 一样能工作能挣钱</t>
  </si>
  <si>
    <t>xp系统能玩模拟人生4吗</t>
  </si>
  <si>
    <t>可以，主要还是看配置，内存显卡处理器等。</t>
  </si>
  <si>
    <t>你可以试试，CPU和内存应该没问题，考虑到你的显卡是集成显卡，虽然最低配置要求的6600显卡也很低，但是不见得集显就能赶上这个独显</t>
  </si>
  <si>
    <t>模拟人生4电脑配置要求：最低配置：操作系统：Windows XP (SP3), Windows Vista (SP2), Windows 7 (SP1), Windows 8, 或Windows 8.1处理器：1.8 GHz 2核, AMD Athlon 64 双核 4000+ 或同等级处理器内存: 至少 2 GB硬盘空间：: 最少9 GB空间和1GB存储空间显卡: 128兆显存， 支持颗粒渲染器3.0的显卡：GeForce 6600 或者更高, ATI Radeon X1300 或者更高, Intel GMA X4500 或者更高声卡: DirectX 9.0c兼容声卡DIRECTX: DirectX 9.0c compatible输入设备: Keyboard and Mouse。</t>
  </si>
  <si>
    <t>月经期能喝蜂蜜水</t>
  </si>
  <si>
    <t>经期可以喝蜂蜜水</t>
  </si>
  <si>
    <t>月经期可以喝蜂蜜。蜂蜜有清热，补中，解毒;润燥，止痛的作用。</t>
  </si>
  <si>
    <t>经期是可以吃蜂蜜的，而且蜂蜜是热性的，正是经期需要的。</t>
  </si>
  <si>
    <t>可以的。蜂蜜有清热，补中，解毒;润燥，止痛的作用。</t>
  </si>
  <si>
    <t xml:space="preserve"> 经期可以喝蜂蜜水，但是要注意不要选择凉性的蜂蜜，要选择暖性的</t>
  </si>
  <si>
    <t>樱子小姐的脚下埋着尸体好看吗</t>
  </si>
  <si>
    <t>长期喝薏米红豆会不孕么</t>
  </si>
  <si>
    <t>不会造成不孕</t>
  </si>
  <si>
    <t>红豆薏米粥是祛湿的啊 跟怀孕有什么关系</t>
  </si>
  <si>
    <t>交换机是猫吗</t>
  </si>
  <si>
    <t>交换机和猫不一样，也不叫猫。</t>
  </si>
  <si>
    <t>交换机不叫“猫”</t>
  </si>
  <si>
    <t>猫将数字信号翻译成网络信号，而交换机不进行信号的翻译，只是简单的进行转发。如果没有猫就上不了网</t>
  </si>
  <si>
    <t>苗疆奇痒灵有激素么</t>
  </si>
  <si>
    <t>喝中药可以运动吗</t>
  </si>
  <si>
    <t>可以。但是运动会加剧肾脏对体内代谢废物的排出，中药内的有效物质也是大部分通过肾脏代谢的，那么会缩短有效物质血液或者血清水平持续时间。所以服用中药期间最好采取静养以及不剧烈的运动比较合适</t>
  </si>
  <si>
    <t>完全可以，为什么不可以跑步锻炼。</t>
  </si>
  <si>
    <t>吃了中药血往胃聚，以利消化、吸收。马上运动，血运四肢肌肉，不利药吸收。所以不可以马上运动。</t>
  </si>
  <si>
    <t xml:space="preserve">可以，但不要剧烈运动 </t>
  </si>
  <si>
    <t>社保卡可以借用吗</t>
  </si>
  <si>
    <t>社保卡不能借用的。像广州、北京等地，社保卡如果发现有滥用现象，将会冻结社保个人账户的。</t>
  </si>
  <si>
    <t>社保卡不能借与他人使用。</t>
  </si>
  <si>
    <t>不可以。一旦查出，两人将同时受到处分，并根据当地政策以套取医保基金进行处罚。</t>
  </si>
  <si>
    <t>社保卡仅限参保职工本人使用，不得转借他人使用，也不得持他人社保卡冒名就医。</t>
  </si>
  <si>
    <t>医保卡是不能借用，只能本人使用的。#医保卡仅限于本人使用，定点医院要接受各级社会保险管理部门监督。</t>
  </si>
  <si>
    <t>深圳社保卡不能借用的。像广州、北京等地，社保卡如果发现有滥用现象，将会冻结社保个人账户的。</t>
  </si>
  <si>
    <t>不住院可以</t>
  </si>
  <si>
    <t>笔记本能定时开机吗</t>
  </si>
  <si>
    <t>可以，定时开机需要您的主板支持才行，不过现在大多数主板都有这项功能</t>
  </si>
  <si>
    <t xml:space="preserve">进入系统CMOS，移动光标到“Power Management Setup"项后按回车。 2.在打开的菜单中找到“Power Up Alarm"选项，其默认值为“Disabled",即不能定时开机，按PageDown键将其改为“Enabled". 3.这时你会发现其下多出几行选项来。其中“Month Alarm"表示定时开机的月份，可以按PageDown选择10后回车：“Day of Month Alarm"表示定时开机的日子，选择11；"Week Alarm"中有星期一到星期日的ON/OFF设置，其默认值为OFF，在这里应把WED设为ON；“Time(hh:mm:ss) Alarm"表示定时开机的具体时间，这里应设置为10：50：00 。 4.设置完毕，按F10键退出保存CMOS设置，OK。 </t>
  </si>
  <si>
    <t>不能的啊</t>
  </si>
  <si>
    <t>南京是首都吗</t>
  </si>
  <si>
    <t>东吴、东晋、宋、齐、梁、陈、南唐、明、太平天国、民国</t>
  </si>
  <si>
    <t>是的，是六朝古都也是中华民国时候的，后来因为战败而到台湾去了。</t>
  </si>
  <si>
    <t>南京是六朝古都。民国时是首都</t>
  </si>
  <si>
    <t>中华民国</t>
  </si>
  <si>
    <t>229年，孙权称帝，是为吴大帝，自武昌还都建业，是为南京为国都之始。</t>
  </si>
  <si>
    <t>安徽和山东交界吗</t>
  </si>
  <si>
    <t>山东的单县与安徽的砀山县交界，是山东和安徽唯一的交界处。</t>
  </si>
  <si>
    <t>误了火车能退票吗</t>
  </si>
  <si>
    <t>乘客有特殊情况经购票地车站或票面乘车站站长同意的，可在开车后2小时内办理</t>
  </si>
  <si>
    <t>火车票开车时间过了就不能退票了</t>
  </si>
  <si>
    <t>可以改签后再退票</t>
  </si>
  <si>
    <t>不能退票，可以改签</t>
  </si>
  <si>
    <t>练瑜伽好吗</t>
  </si>
  <si>
    <t>好,能让气色红润,皮肤亮白,促进血液循环,可以抗皱。</t>
  </si>
  <si>
    <t>瑜伽可以达到减肥塑体、美容护肤、调节内分泌、改善消化吸收功能、增强记忆力、缓解压力、改善睡眠、提高工作效率、帮助治疗人体多种急慢性疾病如高血压、糖尿病等，可以有效调节人体脊柱，缓解颈腰部不适，改善关节疾病，增强心肺功能、提高人体免疫力。</t>
  </si>
  <si>
    <t>邮政速递快吗</t>
  </si>
  <si>
    <t>邮政快递和EMS是两种快递邮政。前者一般是邮寄大件物品，后者一般是邮递一些急需的纸质证件等。能选用邮政快递尽量不要选择EMS，因为它比较贵，但是速度又不见得有多快。</t>
  </si>
  <si>
    <t>慢 总体来说 邮政是最慢的</t>
  </si>
  <si>
    <t>邮政很慢，我以前邮寄东西都得一个星期，顺丰最快，其他的也比邮政强</t>
  </si>
  <si>
    <t>不快，有快的，也有慢的，看你选那种</t>
  </si>
  <si>
    <t>阿司匹林肠溶片能长期吃</t>
  </si>
  <si>
    <t>可以长期服用的</t>
  </si>
  <si>
    <t xml:space="preserve">小剂量一般没什么问题,有活血抗凝的用途 </t>
  </si>
  <si>
    <t>你好,小剂量长期服用能抗血栓,阿司匹林肠溶片能长期服用.您好,建议您服用一年后停用一个月,然后在继续.</t>
  </si>
  <si>
    <t>是药三分毒，经常使用必然对身体有害。</t>
  </si>
  <si>
    <t>多吃酱油皮肤会变黑吗</t>
  </si>
  <si>
    <t>这个说法是错误的，酱油吃多少与皮肤颜色没有关系。</t>
  </si>
  <si>
    <t>不会，酱油富含氨基酸，是调味佳品，也不会伤口留黑疤。</t>
  </si>
  <si>
    <t>会，我就变黑了</t>
  </si>
  <si>
    <t>会的，而且吃多了酱油还容易长痣。</t>
  </si>
  <si>
    <t>不可能的，除非你吃的是劣质酱油！色素勾兑的</t>
  </si>
  <si>
    <t>不会变黑。</t>
  </si>
  <si>
    <t>吃酱油不会使皮肤变黑</t>
  </si>
  <si>
    <t>深圳积分入户一定要居住证吗</t>
  </si>
  <si>
    <t>需要的，没有居住证是办不了落户手续的</t>
  </si>
  <si>
    <t>如果是分数达标，居住证目前是可有可无的，如果分数没有达到，居住证是可以一年加一分的，最高是加十分，居住证加分比较少，加分多的主要还是考其他的几项，流程是测分，申报，公示，提交材料，下发调令，迁入。</t>
  </si>
  <si>
    <t>不需要。满足入户条件即可。</t>
  </si>
  <si>
    <t>迪迦强吗</t>
  </si>
  <si>
    <t>迪迦其实是挺强的因为毕竟也是三千万年前的奥特曼</t>
  </si>
  <si>
    <t>非常的厉害</t>
  </si>
  <si>
    <t>总之一句话 ，迪迦是我们的童年，迪迦就是很强。不服喷我呀，说迪迦弱的儿子们。</t>
  </si>
  <si>
    <t>黑暗战士比光之战士强，加上迪迦就是黑暗战士的而且很厉害黑迪本身就可以复制别人的技能而反弹回去</t>
  </si>
  <si>
    <t>其实迪迦要没被封印3000万年应该比奥特之王厉害点。</t>
  </si>
  <si>
    <t>肠梗阻能治愈吗</t>
  </si>
  <si>
    <t>肠梗阻的话是很严重的病，应该及时去医院治疗，否则会发生生命危险，如果没有其他疾病的话只是食物性肠梗阻把梗阻通开后就治愈了，如果是粘连性肠梗阻的话还要治疗肠粘连，否则还会出现肠梗阻。所以说肠梗阻主要看病因</t>
  </si>
  <si>
    <t>肠梗阻也可以保守治疗，需要禁食输液治疗，同时胃肠减压，如果效果不好，需要手术治疗。</t>
  </si>
  <si>
    <t>x5570能玩gta5吗</t>
  </si>
  <si>
    <t>真正的gtx660，可以玩！如果是假卡刷的不能玩</t>
  </si>
  <si>
    <t>1980是闰年吗</t>
  </si>
  <si>
    <t>1980年是闰年。</t>
  </si>
  <si>
    <t>1980年是闰年，能够被4整除。</t>
  </si>
  <si>
    <t>没病的狗咬伤要打针吗</t>
  </si>
  <si>
    <t>应该打针，不过已经两个月了，现在打针已经晚了，该当时就打的。狂犬病的潜伏期有数年，并非十多天没有发病，就代表一定不会发病。</t>
  </si>
  <si>
    <t>狗不发病就没有传染性，所以是不用打疫苗的。</t>
  </si>
  <si>
    <t>无论是被有狂犬病的狗咬伤或抓伤，亦或是被没有狂犬病的狗咬伤，均需接种狂犬病疫苗！无论伤口多么小，只要是开放性伤口，均要注射狂犬病疫苗。</t>
  </si>
  <si>
    <t>不需要！</t>
  </si>
  <si>
    <t>可以打，可以不打。</t>
  </si>
  <si>
    <t>a1533可以电信4g吗</t>
  </si>
  <si>
    <t>目前国行电信版iPhone5S型号A1533是不支持电信4G的；A1533在国内的入网许可支持网络为CDMA1X/CDMA2000，由于工信部要求手机必须同时支持FDD和TDD（1533电信无法支持后者），所以被电信和工信部限制不能用4G</t>
  </si>
  <si>
    <t>站台票可以提前买吗</t>
  </si>
  <si>
    <t>好像现在很多车站的站台票已经取消了吧，如果你们那里的车站还有站台票那可以提前买下，前提是站台票是当日有效的。</t>
  </si>
  <si>
    <t>在火车站进站口处，旁边有个窗口写着很大的“问讯处”三个字，那里就可以买站台票。</t>
  </si>
  <si>
    <t>一般来说站台票只能在火车站购买 当日购买当日用 购买站台票需要说明用途， 不过现在查的严了 很多地方都不售卖站台票了 。</t>
  </si>
  <si>
    <t>不能,只能买当天的</t>
  </si>
  <si>
    <t>不能提前购买。</t>
  </si>
  <si>
    <t>油压违法吗</t>
  </si>
  <si>
    <t>不违法！按摩本身不存在违法行为，在正常的社会有偿服务行业。</t>
  </si>
  <si>
    <t>按摩油压不属于非法工作，有违反行为的是按.摩之外的违法行为。</t>
  </si>
  <si>
    <t>合法的，除了发生性行为和打飞机，基本这类服务就合法了。</t>
  </si>
  <si>
    <t>它不属于非法工作，是按摩的一种。</t>
  </si>
  <si>
    <t>今年十一高速免费吗</t>
  </si>
  <si>
    <t>免费的，1号零点开始</t>
  </si>
  <si>
    <t>今年国庆中秋在一起免费8天</t>
  </si>
  <si>
    <t>国庆节高速免费8天。</t>
  </si>
  <si>
    <t>高速公路免费8天</t>
  </si>
  <si>
    <t>今年十一假期高速公路七座以下小型客车免费的。</t>
  </si>
  <si>
    <t>助理工程师可以查询吗</t>
  </si>
  <si>
    <t>助理工程师证职称证。是国家各地人事局职称办发的。职称分初级（技术员，助理工程师），中级（工程师),高级（工程师）。一般做不到网上查，但有的地方人事局做到了，大多没。可在查发证地的人局网上查，或者打电话向发证查。</t>
  </si>
  <si>
    <t>查不了，助理工程师是当地人事局办的，网上查不到。</t>
  </si>
  <si>
    <t>职称查询方式有两种，不同的地方是不一样的，大部分省份特别是比较偏远的省份都是向发证所在地人力资源和社会保障局的专业技术管理办电话或发函查询，部分省份是在发证当地人事局官网上面查询，不论哪种方式都是承认的，都可以使用的。</t>
  </si>
  <si>
    <t>工商营业执照需要年检吗</t>
  </si>
  <si>
    <t>应该不需要</t>
  </si>
  <si>
    <t>据工商总局声明，营业执照年检制度从2014年3月1日开始取消，但企业每年要报送年度报告备案，备案材料类似原来年检材料。</t>
  </si>
  <si>
    <t>是的，每年一次。</t>
  </si>
  <si>
    <t>营业执照现在已经不需要年检了。第一 原有的营业执照年检的法律已经修改，取消了营业执照年检事项；第二 现在的营业执照只要每年年初在网上报送前一年营业情况的年度报告就可以了，不用去工商局年检；第三 除去年报，你还需要在国家工商总局信用信息公示系统上报送你的即时信息；第四 如果你对电脑不熟练 可以到当地工商局学习一下年报的方法。</t>
  </si>
  <si>
    <t>需要年检，一年一次。</t>
  </si>
  <si>
    <t>从2014年起营业执照就不用年检了，改由在网上进行公示，现在已经到了2016年了，可以在网上开始进行企业2015年度的信息公示了</t>
  </si>
  <si>
    <t>iphone描述文件可以删除吗</t>
  </si>
  <si>
    <t>设置-通用-描述文件和设备管理-[点开你要删除的描述文件]-删除</t>
  </si>
  <si>
    <t>你好，可以删掉的，没有关系的，如果iPhone需要用到的话它会从新下载的</t>
  </si>
  <si>
    <t>设置-通用-描述文件，打开进入里面后会有删除选项</t>
  </si>
  <si>
    <t>设置-通用-看到描述文件，点进去“移除”，就ok了。希望能帮到你</t>
  </si>
  <si>
    <t>设置-通用-描述文件-移除。如果你还原出厂设置都不行的话就只能刷机了</t>
  </si>
  <si>
    <t>10w30是四季机油吗</t>
  </si>
  <si>
    <t xml:space="preserve">是四季通用的 </t>
  </si>
  <si>
    <t>这是四季通用</t>
  </si>
  <si>
    <t>不是，是冬季机油</t>
  </si>
  <si>
    <t>所以10w-30是冬季油，15w-40是四季油主要看你是在北方，还是南方，东北地区冬季都是5w-30的，华北10w-30，南方一般用15w-40可以四季使用，部分冬季夏季 另外，油的级别，也很重要，现在都用sj级或以上的</t>
  </si>
  <si>
    <t>是的！最低环境温度是-25摄氏度，最高环境温度是40摄氏度！如果你当地最低温度不低于-25度就是可以的！但是低于这个温度就不通用了！</t>
  </si>
  <si>
    <t>10W40的机油是四季机油，就是在一年四季都可使用的，温度范围：－15～40度外界温度内，都可使用，好处是省去了春秋季节专门换油．只要平时约5000公里换油一次就行了．</t>
  </si>
  <si>
    <t>10W40，在零下15度以上都可用，但是0度以下流动性变差，建议南方使用北方的话，最好使用5W40或者0W40.相对来说，蓝喜力黏度较高10W40，而黄喜力、灰喜力黏度相对较低5W30或者5W40。冬天使用的神油是美版嘉实多（黑）的5W30，是最稀的5W30油，黏度接近0W30的8.9</t>
  </si>
  <si>
    <t>是四季机油！</t>
  </si>
  <si>
    <t>不是，5W-40才是四季可用的机油（南方地区）。</t>
  </si>
  <si>
    <t>东芝55u6500c好吗</t>
  </si>
  <si>
    <t>东芝 暂且不说好不好用吧，第一他是日本的品牌，质量上相对国货要好很多，第二，日本人对生活的舒适度也是有很高的要求的，对于高端产品肯定是会好用的，但要看他们设计的是否对你胃口了！</t>
  </si>
  <si>
    <t>红米note好不好</t>
  </si>
  <si>
    <t>优点：1.价格便宜；2.做工优良；3.全贴合屏幕，一改红米廉价感的最大因素，整个档次加分不少。4.八核CPU；5.MIUI系统；缺点：1.屏幕不跟手，触摸分辨率低。；2，1G运行内存；</t>
  </si>
  <si>
    <t>红米note算是性价比比较高的一款手机了，价格合理 适合学生族；缺点就是运行上存在不足，毕竟低端机，在运行上无法与高端机相比 用久了还是会卡的。</t>
  </si>
  <si>
    <t>红米手机性价比还是很不错的，值得用</t>
  </si>
  <si>
    <t>配置够用，看你干什么了，日常生活足够满足。联发科X20的CPU性能跟高通骁龙652差不多，还是可以的</t>
  </si>
  <si>
    <t>非洲黄花梨有臭味吗</t>
  </si>
  <si>
    <t>非洲花梨木（刺猬紫檀）木材本身是含有一些酸臭味的，对人体无害。</t>
  </si>
  <si>
    <t>非洲花梨木有很多种，不是所有的非洲花梨都有臭味，只有一种巴西花梨有臭味，学名叫古夷苏木，其实它就是普通硬杂木，根本算不是是花梨木，只是民间俗称它为非洲花梨</t>
  </si>
  <si>
    <t>非洲花梨原木是有点臭的</t>
  </si>
  <si>
    <t>不是所有的非洲花梨都有臭味，只有一种巴西花梨有臭味</t>
  </si>
  <si>
    <t>非洲黄花梨不属于国标红木 它也确实有臭味</t>
  </si>
  <si>
    <t>非洲花梨木有多种，不是所有的非洲花梨都有臭味，只有一种学名叫古夷苏木的巴西花梨有臭味。</t>
  </si>
  <si>
    <t>非洲花梨原木是有点臭的 貌似有点明显 而其他昂贵些的花梨木臭味没这么明显</t>
  </si>
  <si>
    <t>非洲花梨木有，这种木头柜子不能买，桌椅没问题，由于它带酸臭味是天然的，所以对人体无害。最好是重新里外做油漆堵住木头往外挥发，或者往柜里放香樟木屑。</t>
  </si>
  <si>
    <t>老干妈可以带上飞机吗</t>
  </si>
  <si>
    <t>玻璃瓶装的不行</t>
  </si>
  <si>
    <t>调味品应该是可以的，但可能需要接受检查。</t>
  </si>
  <si>
    <t>领证算不算已经结婚</t>
  </si>
  <si>
    <t>领了结婚证算是法定夫妻</t>
  </si>
  <si>
    <t>如果领取的是结婚证，就算结婚了。</t>
  </si>
  <si>
    <t>领证当然就算结婚了啊，这是法律赋予的婚姻。当然，有些地方，还的办婚礼才算正式的结婚。但法律至高无上，领证了的婚姻受法律保护，而没领证却办婚礼的婚姻只能受习俗保护，这个保护往往很脆弱。</t>
  </si>
  <si>
    <t>领证了就是结婚了！那是法律承认的婚姻了！但是在中国人的传统思想里，摆酒了才是结婚！望你采纳！</t>
  </si>
  <si>
    <t>结婚了法律上不是夫妻，但是领证了法律上就是夫妻了，要付法律责任</t>
  </si>
  <si>
    <t>三国群英传有10吗</t>
  </si>
  <si>
    <t>最高是7没有10的。</t>
  </si>
  <si>
    <t>目前还没有三国群英传10</t>
  </si>
  <si>
    <t>这个游戏只有官方的7版，最新版是三国群英传7</t>
  </si>
  <si>
    <t>三国群英传官方只出到7代。</t>
  </si>
  <si>
    <t>顶层带阁楼的房子好不好</t>
  </si>
  <si>
    <t>不好，风水不太好。</t>
  </si>
  <si>
    <t>看个人喜好，老人一般不太喜欢，感觉楼层高，阁楼楼梯上下不安全。年轻人喜欢的多，感觉别致有情调。</t>
  </si>
  <si>
    <t>只有喜好问题没有好不好，带阁楼的优点是面积增大，有一部分或完全不算建筑面积，而且不用交采暖和物业费，可以陈放一些东西或住人。也有不好的一面，但不是阁楼本身造成，一个是顶层上楼很累，老人不便，一个是可能漏雨，在一个冬天冷夏天热。一般顶层装修通往阁楼都安旋转楼梯，以减少空间利用，因为阁楼通常层高不足，尽量不吊顶，有条件做层防水，其余与平层家装无差别。</t>
  </si>
  <si>
    <t>这个也要看具体情况啦，周围环境要考虑，户型格局和家具摆设也要考虑的啦！</t>
  </si>
  <si>
    <t>顶层带阁楼的住宅挺好的</t>
  </si>
  <si>
    <t>看阁楼的整体布局和高度，是否为赠送空间，若为赠送不计面积的空间可作为储藏室还是不错的，但若需要相同的购房款则需慎重，因为阁楼顶受太阳直射，夏家温度会高，且长时间经雨水冲刷，容易出现渗水问题。</t>
  </si>
  <si>
    <t>驾照考试能自己报名吗</t>
  </si>
  <si>
    <t>不可以的，要有驾校帮你挂靠的。</t>
  </si>
  <si>
    <t>可以的，你在当地交管网注册报名考试就行，然后预约预约后就可以考试了</t>
  </si>
  <si>
    <t>是可以自己报名参加考试的。</t>
  </si>
  <si>
    <t>已经开展网上自主预约考试的地方就是自己预约。而且将来是唯一的预约方式。</t>
  </si>
  <si>
    <t>农行u盾要钱吗</t>
  </si>
  <si>
    <t>农行开通网银免费，u盾(农行称K宝)50元一个，网银暂不收年费。</t>
  </si>
  <si>
    <t>农行U盾一般30-50元，各地收费不同。</t>
  </si>
  <si>
    <t>20-50元，各地不同。</t>
  </si>
  <si>
    <t>农行给的U盾没收费。</t>
  </si>
  <si>
    <t>不要。拿身份证银行卡去开户行就行。</t>
  </si>
  <si>
    <t>不一定的，很多银行开通网银都是免费的，有的银行当时收费，但是满足一定网银交易次数后会退还回来。</t>
  </si>
  <si>
    <t>农业银行的u盾要花40元</t>
  </si>
  <si>
    <t>同房会推迟月经吗</t>
  </si>
  <si>
    <t>女性月经不调的要素很多，月经受环境、气候、情绪、药物、疾病、内分泌等要素影响。</t>
  </si>
  <si>
    <t>做爱会影响月经不调频繁做爱可能会导致房劳过度引起卵巢功能异常内分泌功能紊乱甚至早衰从而出现月经不调，建议房事要节制。</t>
  </si>
  <si>
    <t>性生活会导致月经推迟。</t>
  </si>
  <si>
    <t>房子买顶层好吗</t>
  </si>
  <si>
    <t>看你需要了，顶楼最大的优点就是价格较底，大部分还有阁楼，还是有很多年轻人喜欢的，夏夜可以躺在露台上看星星，还可以建一个漂亮的阳光房。当然，缺点也同样不少，比如夏热冬冷，毕竟封闭性较差，不心疼电费倒也没什么不好。还有如果楼顶防水做的不好，下雨天的日子就不好过了。看你个人需求了，住还可以，投资就免了，周期较长，一般顶楼还是比较难抛出去的。</t>
  </si>
  <si>
    <t>价格往往比较便宜；视野开阔，有居高临下的感觉；通风、采光效果好，阴雨天能节省照明用电；受外界噪音影响小，没有楼上住户和楼道邻里上下的噪音干扰，比较安静；因穿行的人少，楼道比较卫生，而且个人空间较多；在雨季比较干爽，不用除湿；蚊虫这个高度基本没有了；私密性好等。</t>
  </si>
  <si>
    <t>顶层就算铺了隔热瓦，到夏天的时候也是热死人的节奏，非常不舒服，也容易造成中暑，当然喜欢眺望远方的人可以买这些楼层，视野应该是不错的</t>
  </si>
  <si>
    <t>先来说呢，顶层也有好有坏，我家原来就是住的顶楼，，住顶楼的好处是，价格相对比较便宜，住得高看得远，风景不错，夏天越到高处晚上越有风，所以晚上有时候还是比较凉快的，然后我也想不到什么好处了，不好的地方就是，如果是电梯楼，你只楼顶的话，如果停电了，你就完蛋了，准备爬楼梯吧，还有就是房顶要接受雨水的堆积，如果排水系统做得好的话也没什么问题以及太阳的暴晒，其余的也没什么了！好了，我就只能给你这些提示了！望采纳</t>
  </si>
  <si>
    <t>我验过的房子不下几千套.买顶楼弊大于利,切记切记.</t>
  </si>
  <si>
    <t>我是搞施工,顶层一般下雨天容易漏水,不过有的搞好的也不会,难说,我们搞施工的都多大把握.不过我个人也比较喜欢顶层,志同道合.</t>
  </si>
  <si>
    <t>质量不好的容易漏水,温度也高,不是电梯的话,爬楼梯也很累屋面如果不是坡屋顶的话,很多是全体业主供用,如果是电梯的,上面有水塔\机房那些,也不好玩价格很多是会便宜一点</t>
  </si>
  <si>
    <t>练瑜伽真的能减肥吗</t>
  </si>
  <si>
    <t>练瑜珈也是减肥的一种有氧运动，比较适合稍偏胖，体力不怎么好的人去练。</t>
  </si>
  <si>
    <t>有的人练就能瘦，我就不是属于那个类型的，还是懒人的减肥方法适合我，要不然我肯定也瘦不下来 ，可以互相交流一下</t>
  </si>
  <si>
    <t>应该是有效的。</t>
  </si>
  <si>
    <t>瑜伽是否有助于减肥主要取决于练习者的饮食、锻炼频度以及所练习瑜伽的种类。具体而言，高温瑜伽较普通瑜伽更有助于减肥。尽管练习一小时高温瑜伽可以消耗460大卡的热量，但瑜伽更多的作用是帮助修身而不是减肥，燃烧卡路里不是瑜伽的重点，真的要减肥必须加入有氧运动，如健走、慢跑、游泳等，真的要强壮肌肉则需加入力量举重练习，这样组合见效才更快。</t>
  </si>
  <si>
    <t>可以，我试过了，不过要坚持一段时间才可以。动作要尽力做到位。同时要注意饮食，不能吃太多油腻的东西</t>
  </si>
  <si>
    <t>久悬账户还能激活吗</t>
  </si>
  <si>
    <t>久悬户不能激活（人行账户管理系统只允许转入不允许转出）</t>
  </si>
  <si>
    <t>久悬户不能激活的。需要办理销户申请和开户申请。</t>
  </si>
  <si>
    <t>iwatch能打电话</t>
  </si>
  <si>
    <t>可以的，AppleWatch能用打电话，收发短信。</t>
  </si>
  <si>
    <t>不能，Apple Watch只能依附于iPhone来使用电话短信等功能。</t>
  </si>
  <si>
    <t>iwatch只有和手机蓝牙连接，才能使用电话功能，也只是像别的蓝牙耳机那样接打电话，不能独立使用电话功能，毕竟这是用蓝牙链接的，而不是放置电话卡。</t>
  </si>
  <si>
    <t>沙滩裤能泡温泉吗</t>
  </si>
  <si>
    <t>不可以穿沙滩裤的.</t>
  </si>
  <si>
    <t>可以，但是会湿，贴身（可能会不太好），比较规矩旁边有游泳池的温泉，还需要带泳帽。</t>
  </si>
  <si>
    <t>可以穿呀，只是小心不要走光就可以了。</t>
  </si>
  <si>
    <t>如果你泡温泉的地方是分男女的，那你可以穿 沙滩裤，绝对没有问题。</t>
  </si>
  <si>
    <t>南京可以买第三套房吗</t>
  </si>
  <si>
    <t>如果从政策的字面理解，买的是二手房还是可以的。</t>
  </si>
  <si>
    <t>无孩子成年是可以买的，除非户口问题。</t>
  </si>
  <si>
    <t>不能再买第三套了</t>
  </si>
  <si>
    <t>买房可以办不下房产证。</t>
  </si>
  <si>
    <t>ipad3支持分屏吗</t>
  </si>
  <si>
    <t>iPad3不支持</t>
  </si>
  <si>
    <t>Ipa3好像不支持分屏模式的。</t>
  </si>
  <si>
    <t>有没有破解无线网密码的软件</t>
  </si>
  <si>
    <t xml:space="preserve">WiFi万能钥匙是一款自动获取周边免费Wi-Fi热点信息并建立连接的android手机必备工具。 </t>
  </si>
  <si>
    <t>万能钥匙</t>
  </si>
  <si>
    <t>万能钥匙，一般都可以破解，我是一直使用得，不错。</t>
  </si>
  <si>
    <t>最好用买个清风卡王卡皇</t>
  </si>
  <si>
    <t>这个是没有的</t>
  </si>
  <si>
    <t>工具：wifi万能钥匙、wifi连接管理器</t>
  </si>
  <si>
    <t>wifi万能钥匙</t>
  </si>
  <si>
    <t>冠心病可逆吗</t>
  </si>
  <si>
    <t>冠心病，为冠状动脉粥样硬化性心脏病。冠状动脉粥样硬化是不可逆改变，所以冠心病不能完全治愈，只能临床缓解，必要时行支架植入术改善冠状动脉狭窄。</t>
  </si>
  <si>
    <t>通过适当运动可以加强血液循环，缓解症状 . 保持良好的心态，不要有思想包袱。</t>
  </si>
  <si>
    <t>目前冠心病是可以控制的疾病，尽早诊断尽早治疗是关键</t>
  </si>
  <si>
    <t>冠心病一般是高血压，高血脂，动脉硬化淤青的心脏供血不足出现的胸闷，心慌，气短症状，活动以后症状加重，冠心病是不能彻底治愈的，主要是改善心脏供血避免发作。</t>
  </si>
  <si>
    <t>否，这就是为什么客户形容重疾险的理赔是“非死即残”</t>
  </si>
  <si>
    <t>黄伟文是同志吗</t>
  </si>
  <si>
    <t>有传闻是的</t>
  </si>
  <si>
    <t>是，他和他另一半同居关系，豪宅就在黎明隔壁。</t>
  </si>
  <si>
    <t>不是的，纯属谣言。</t>
  </si>
  <si>
    <t>娇之兰诺矫正带有用吗</t>
  </si>
  <si>
    <t>没用 一点都没用</t>
  </si>
  <si>
    <t>效果非常好</t>
  </si>
  <si>
    <t>女人都想出轨吗</t>
  </si>
  <si>
    <t>不一定，这要看个人兴趣爱好性格而定。</t>
  </si>
  <si>
    <t>这些女人不是去外面寻找婚姻，更不是想摆脱现有的婚姻，而仅仅只是为了调剂他们平凡的生活。受现代社会风气的感染，来体验一下婚外情的感觉，生活就是这样,它给男人制造机会的同时也在给女人制造同样的机会.当男人选择女人的同时,男人也在被女人选择.</t>
  </si>
  <si>
    <t>这个如果你们长期分居二地，或你经常在外面出差，而且给她的关心太少，这就很可能会出现这种情况的了。</t>
  </si>
  <si>
    <t>人都是很好奇的动物。出轨可以分为心理出轨和生理出轨。女人相对于男人来说更容易心理出轨。男人则是更容易生理出轨。都说女人因情而XING男人因为XING而情，可能就是这样吧</t>
  </si>
  <si>
    <t>个体户可以不买社保吗</t>
  </si>
  <si>
    <t>自由职业者买社保，只能参加养老保险和医疗保险，带上有效证件到社保局缴纳</t>
  </si>
  <si>
    <t>3ds能玩psp游戏吗</t>
  </si>
  <si>
    <t>游戏机不是电脑， 他们有独立的操作系统， 固定的硬件， 游戏机最大的特色就是有很多独占游戏，只有自己能玩，别人玩不了，你想玩就得买我这款机器</t>
  </si>
  <si>
    <t>除非是3DS PSP双平台游戏 否则不行 3DS只能向下兼容 不能夸平台兼容</t>
  </si>
  <si>
    <t>答案是绝对不能，跨平台游戏是存在的，但那都是不同的安装包，你把PSP安装包扔到3DS里完全没有用。当然不能,任天堂和索尼乃死对头。</t>
  </si>
  <si>
    <t>这个必然不能啊~3DS的机能要比PSP高一些~但是总体感觉高不了多少，3DS游戏是根据他的掌机性能来制定的游戏，所以肯定不能玩的#不是一个平台的游戏，没法兼容的。</t>
  </si>
  <si>
    <t>不是一个平台的游戏，没法兼容的。</t>
  </si>
  <si>
    <t>3ds现在玩不了psp游戏。</t>
  </si>
  <si>
    <t>南宁青秀山好玩吗</t>
  </si>
  <si>
    <t>青秀山实在是毫无特色,就一个市民公园而已.</t>
  </si>
  <si>
    <t>很好玩啊，可以运动，爬山，登高望远，还可以上下香，都很不错的。</t>
  </si>
  <si>
    <t>南宁青秀山还是很不错的,至少在南宁算是最好耍的景点了.</t>
  </si>
  <si>
    <t>最终幻想都是回合制吗</t>
  </si>
  <si>
    <t>不是，最终幻想零式，最终幻想纷争系列，最终核心危机，最终水晶编年史系列等等，都不是回合制RPG。</t>
  </si>
  <si>
    <t>不全是，最终幻想也有动作类，战棋类，格斗类游戏。不是，FF7 Crisis Core就是ARPG，有ACT的成分。</t>
  </si>
  <si>
    <t>1-3代回合制，4-10代ATB制，11代网游，12代回合，13上是回合，中是ATV，下是即时动作角色。</t>
  </si>
  <si>
    <t>大部分最终幻想系列游戏都是回合制，比如1至10，也有非传统回合制，比如最终幻想12，13，也有动作rpg，比如最终幻想15，零式等等。。。</t>
  </si>
  <si>
    <t>是回合制的。</t>
  </si>
  <si>
    <t>fifa 16好玩吗</t>
  </si>
  <si>
    <t>fifa16好玩。</t>
  </si>
  <si>
    <t>FIFA 16不如FIFA 15（画质、汉化、操作）。</t>
  </si>
  <si>
    <t>还不错！</t>
  </si>
  <si>
    <t>租房子定金可以退吗</t>
  </si>
  <si>
    <t>定金肯定是不能退的。</t>
  </si>
  <si>
    <t>如果定金交付后，买受方发生违约，则其交付的定金将不予返还；而如果出卖方发生违约，则应当双倍返还已交付的定金，这就是所谓的定金罚则。</t>
  </si>
  <si>
    <t>如果交的是租房定金，又改变主意不租了，定金一般是不会退的。如果是出租方提出不租的，那就应该退。</t>
  </si>
  <si>
    <t>付定金的一方不履行约定的债务的，无权要求返还定金;收受定金的一方不履行约定的债务的，应当双倍返还定金。</t>
  </si>
  <si>
    <t>租房定金能退.根据《中华人民共和国合同法》第一百一十五条规定，当事人可以依照《中华人民共和国担保法》约定一方向对方给付定金作为债权的担保;债务人履行债务后，定金应当抵作价款或者收回。给付定金的一方不履行约定的债务的，无权要求返还定金;收受定金的一方不履行约定的债务的，应当双倍返还定金;租房时，交付了定金可以跟房东协商退还，如果房东不同意退还定金，则一般情况下定金是不能退还的。</t>
  </si>
  <si>
    <t>上火会流鼻血吗</t>
  </si>
  <si>
    <t>上火和流鼻血的原因是一样的，都是气血上逆导致的结果，但上火不是导致鼻子出血的原因。</t>
  </si>
  <si>
    <t>流鼻血跟夏季天热、身体缺水、上火等因素有关。</t>
  </si>
  <si>
    <t>会的,多喝水,多吃点水果,多吃清淡食物,少吃辛辣食物!</t>
  </si>
  <si>
    <t>有一些人会，有一些人不会，看个人体质。</t>
  </si>
  <si>
    <t>红豆是不是赤豆</t>
  </si>
  <si>
    <t>红豆，又叫红饭豆，个头稍大，就是常用来做豆沙的豆子，有祛湿作用。赤小豆，个头较小，有红有黑，红如朱，黑如漆，有毒。有一副重要叫做瓜蒂散，里面就是利用赤小豆的毒性来催吐的。</t>
  </si>
  <si>
    <t xml:space="preserve">不是的，红豆是不能吃的，赤豆是可以食用的，红豆颜色是红色的，很鲜亮的那种红，赤豆的颜色有点接近褐色。赤小豆 ，又名红饭豆。是一种可食的模样似黄豆的红色豆类食物。切忌与红豆相混。赤小豆含有蛋白质、维生素B1、维生素B2、烟酸、钙、铁等营养成分，有消脂减肥的功能。著名的药膳赤小豆鲤鱼汤，就使人在品尝美味佳肴中收到利尿消肿、减肥健美的效果。 </t>
  </si>
  <si>
    <t>赤豆是豇豆属的，红豆（红豆树、海红豆和相思子等植物种子的统称。）　　红豆在植物学上是一个大类，至少涉及六种植物，为纠正人们的一些错误认识，兹略述如下：　　1. 藤本相思子，不是王维诗中的红豆（种子半红半黑）　　相思子（Abrus precatorius）：豆科。木质藤本。枝细弱。春夏开花，蝶形花冠，常淡红或紫色，总状花序。荚果长椭圆形。种子宽卵形，上端朱红色，下端黑色。分布于亚洲热带；中国南部亦产。种子学名鸡母珠，有剧毒，常用为中药材。　　2. 常绿乔木红豆树，别名相思树，真正的红豆、相思豆（种子全红）　　红豆树（Ormosia hosiei）：豆科。乔木。春季开花，蝶形花冠，白色或淡红色，圆锥花序。荚果木质，长椭圆形，种子鲜红色，光亮。产于中国中部和华东地区，供观赏；木材坚重，红色，花纹美丽，为优良的雕刻和细木工用材。　　3. 落叶乔木海红豆，别名相思树，真正的红豆、相思豆（种子全红）　　海红豆（Adenanthera pavonina）：亦称“相思格”、“相思树”、“孔雀豆”。豆科。落叶乔木。花小，白色或淡黄色，成狭窄的总状花序。荚果成熟时弯曲旋卷。种子凸镜形，鲜红色。产于菲律宾、越南、马来西亚、印度尼西亚、印度、斯里兰卡；亦见于中国广东、海南、广西、云南以及喜马拉雅山东部。木材坚硬，心材纹理略粗，耐水湿。为优良造船用材，又可作建筑、家具、枪托等用材。种子鲜红色，晶莹如珊瑚，南方人常用来镶嵌饰物。　　4.赤豆，又名红豆，是蔬食红豆，与爱情和相思无关（种子暗红）　　赤豆（Phaseolus angularis）：古称“小菽”、“赤菽”，俗称“赤小豆”、“红豆”、“赤豆”、“红小豆”、“小豆”。豆科。一年生草本植物。花黄或淡灰色。荚果无毛，种子椭圆或长椭圆形，一般为赤色。原产于亚洲；中国栽培较广。种子富含淀粉、蛋白质和B族维生素等，可作粮食和副食品，并可供药用，是进补之品。详细资料见下文。　　5.台湾相思树，不长相思豆（种子深褐色）　　台湾相思树（Acacia confusa）：豆科。常绿乔木。高可达15米。4～10月开花，头状花序，花金黄色。荚果带状，扁平。种子深褐色，有光泽。分布于中国台湾、福建中部以南和广东、海南的丘陵、平原酸性土地。木材坚实、细致、耐久，供建筑及制农具用。树批可提栲胶。又为华南地区的行道树、观赏树。　　6. 红豆杉，非属豆科，与红豆毫不相干（种子全红）　　红豆杉（Taxus wallichiana zucc）：红豆杉科。常绿乔木。小枝至秋季变黄绿色或淡红褐色。种子扁卵形，两侧各有一不明显的棱背，围有红色肉质杯状假种皮。为中国特有树种，分布于甘肃、陕西、湖北以及四川、云南。木材可作建筑、舟车、家具、器具等用材；种子榨油。</t>
  </si>
  <si>
    <t>是一样的！赤豆只是红豆的别名而已！ 就像凤梨也较菠萝一样！</t>
  </si>
  <si>
    <t>一般中药所说的赤小豆和红豆是一种药。注：不是相思豆哦！功能主治：利水消种，解毒排脓。是药食两用的东西，也可以煮稀饭喝的。</t>
  </si>
  <si>
    <t>临安青山湖可以钓鱼吗</t>
  </si>
  <si>
    <t>晚上是不准钓鱼的，白天可以钓鱼的，白天收费为1元/竿。</t>
  </si>
  <si>
    <t>临安青山湖可以钓鱼，免费的。</t>
  </si>
  <si>
    <t>青山湖里面不可以用海竿浮钓。因为人家养了包头和白鲢。其它的都可以掉，鱼票1元钱就OK了。</t>
  </si>
  <si>
    <t>天使之眼好看吗</t>
  </si>
  <si>
    <t>办独生子女证要上环吗</t>
  </si>
  <si>
    <t>2016年一1月1日后，很多地区已经取消了独生子女证的办理政策，当事人应事先咨询当地的计生办，一般来说，需要办理独生子女证的对象，女方是需要落实长效避孕措施的。</t>
  </si>
  <si>
    <t>办理独生子女证需要上环证明。</t>
  </si>
  <si>
    <t>要的</t>
  </si>
  <si>
    <t>iphone激活必须用sim卡吗</t>
  </si>
  <si>
    <t>激活过程必须插入sim卡。</t>
  </si>
  <si>
    <t>是的，没有卡是不能激活的，iphone都需要一个机器支持的网络运营商的sim卡来激活网络才能正常使用；</t>
  </si>
  <si>
    <t>激活iPhone6都需要安装SIM卡安装到iPhone6中，未安装SIM卡，无法激活iPhone6。</t>
  </si>
  <si>
    <t>可以不需要，无线网连接也可以的</t>
  </si>
  <si>
    <t>苹果手机一定要sim卡才能激活。</t>
  </si>
  <si>
    <t>激活iPhone必须插卡，不插卡是无法激活手机的。</t>
  </si>
  <si>
    <t>大好时光 小春眼睛好了吗</t>
  </si>
  <si>
    <t>好了的.</t>
  </si>
  <si>
    <t>看的见了，最后在蒙古玩，找治眼偏方吃。</t>
  </si>
  <si>
    <t>33-34集瞎的，后面好了</t>
  </si>
  <si>
    <t>帕金森中药能治愈吗</t>
  </si>
  <si>
    <t>可以作为辅助治疗，但是不能作为主要治疗帕金森病的方式，建议建立在西药如美多芭药物的基础上。</t>
  </si>
  <si>
    <t>可以，只要是不到最严重的时刻</t>
  </si>
  <si>
    <t>老鼠能咬动水泥吗</t>
  </si>
  <si>
    <t>如果只是0.5CM的水泥层是可以的</t>
  </si>
  <si>
    <t>通常情况下，老鼠不会咬水泥。只有薄的水泥片后有吃的，或者有油就会咬。而且它绝对可以咬破水泥。</t>
  </si>
  <si>
    <t>淘宝上的知网论文查重可靠吗</t>
  </si>
  <si>
    <t>知网系统的账号，一般是各高校的老师或者图书馆才有。至于在某宝买知网系统的账号，并不靠谱，有一定的风险，毕竟这种账号不是普遍人人都有的。想要查重的话，个人还是觉得找知名度较高的平台来查重。或者问问周围同学是在哪里查重的，比较有保障。</t>
  </si>
  <si>
    <t>论文查重最好是不要到网上第三方去查重检测，这是很容易泄露的，提交学校检测查重是会被检测抄袭的你可以去PaperRight专业的论文查重专家上去检测，这个查重的比知网的查重还要精准度高的</t>
  </si>
  <si>
    <t>银饰可以以旧换新吗</t>
  </si>
  <si>
    <t>一般来说银饰品不提供以旧换新的服务。大多数银店开展以旧换新业务时都会有附加条件。旧银饰品以银的价格计算，是因为回收的银首饰需要重新成银加工。由于银不像黄金是硬通货，在市场上一般不会变现，除非是专门用于投资银品种。而以旧换新的附加条件多，则是由于银在重新加工流通中还会产生成本费用造成的。大多数品牌基本上都不提供银饰/K金的首饰以旧换新，一般情况只有纯金(也就是足金或是千足金)还有白金(990或是950)才享受换新的，因为这些的首饰纯度高，有回收的价值。只有一些专做K金的首饰才有换新的。</t>
  </si>
  <si>
    <t>看什么牌子的银饰了，有的银饰是可以免费以旧换新的 只要是同品牌的</t>
  </si>
  <si>
    <t>这个是可以的</t>
  </si>
  <si>
    <t>应该可以的，带上发票，给点补贴费的话应该可以</t>
  </si>
  <si>
    <t>应该可以的，带上发票要给点补贴费的，我过年买的吴越老银铺的项链上周去换的手镯，100补贴30。</t>
  </si>
  <si>
    <t>有些银饰店是可以的，不过您的银饰要是在他们店里买的，而且还要再付一些费用（大概20到30元的样子）。您可以去您当时买那个银饰的店里问问。</t>
  </si>
  <si>
    <t>可以，但是你的找你购买的商家</t>
  </si>
  <si>
    <t>银饰一般不可以以旧换新。大多数品牌基本上都不提供银饰/K金的首饰以旧换新，一般情况只有纯金(也就是足金或是千足金)还有白金(990或是950)才享受换新的，因为这些的首饰纯度高，有回收的价值。有个别银饰专柜开展以旧换新的业务，个别品牌的千足银、万足银收折旧费进行以旧换新，折旧费的价格一般三四元。有些银饰在配戴久或配戴不当时，会出来受损、断裂的情况，虽然经过修补也可以让受损、断裂的银饰基本恢复原貌，但修复处却容易出现问题。</t>
  </si>
  <si>
    <t>退款率会影响排名吗</t>
  </si>
  <si>
    <t>淘宝退款率会影响排名，但影响力不大。</t>
  </si>
  <si>
    <t>正常退款不会影响宝贝排名,人工介入的纠纷退款才会影响宝贝权重.</t>
  </si>
  <si>
    <t>当然会影响了</t>
  </si>
  <si>
    <t>微财赚挂机是真的吗</t>
  </si>
  <si>
    <t>天上不会掉馅饼的，这样的软件一定是的东西，不要上当哦，免得自己被骗还没处说理啊</t>
  </si>
  <si>
    <t>一开始我是相信的，说100元可以提现，我做的时候很多片任务审核过不了，所以我还签了一个礼拜的到，达到100元的时候我就申请提现，提示审核通过后将发给我的支付宝账户中，可是第二天我再登录的时候已经登不上去了，显示账户或者密码错误，然后用同一个手机号码同一个注册，结果注册成功了。又要我重新开始，我之前的100元账户就这样被他们吃了。看了他们的回答，我才知道这不是我一个人是这样，他们就是骗人的。</t>
  </si>
  <si>
    <t>是真的，但是要方法正确，我私信给你吧</t>
  </si>
  <si>
    <t>是的，赚点零花钱还是可以的如果是创业建议选择有前景的趋势性行业祝你好运，可交流，谢谢采纳</t>
  </si>
  <si>
    <t>冬季到台北来看雨好听吗</t>
  </si>
  <si>
    <t>《冬季到台北来看雨》是一首追念失去爱情的抒情歌曲。歌中女主人公显得成熟而深沉。歌词虽有一种失落感，内心也有些许惆怅，但却能达观地面对现实。曲调抒情而沉稳，具有一种淡雅美。演唱时，宜用稍带苦涩而明朗流畅的声音，及内心略微孤寂的情感予以表演。尤其在唱“天还是天”几句时，用情感处理好声音的强弱变化，以取得更佳演唱效果。</t>
  </si>
  <si>
    <t>行尸走肉瑞克死了吗</t>
  </si>
  <si>
    <t>漫画版 剧情结尾是 瑞克打败了尼根的救/世/军 联合神之国和山顶寨开创了新生活（贸易线 同盟）</t>
  </si>
  <si>
    <t>漫画一直活着只是少了只手，电视剧现在与漫画差别很大了</t>
  </si>
  <si>
    <t>暂时不会的，瑞克是团队的核心，也是一个很大的看点，如果他死了观众会流失很多 而且行尸走肉漫画里瑞克也没死 电视剧里就更不应该死了大概是不会的</t>
  </si>
  <si>
    <t>断手，死不可能的了，总督的不死。</t>
  </si>
  <si>
    <t>没死呢，主角光环保护着他，应该不会死吧。那么恶劣的环境都没事···十月份第五季应该就都会说了~快出第五季吧~</t>
  </si>
  <si>
    <t>目前还没死 今年10月会播出第五季 不知道会不会死。</t>
  </si>
  <si>
    <t>手机是否查看南国彩票现场直播吗</t>
  </si>
  <si>
    <t>为适应移动终端发展潮流，方便彩民随时观看需求，2015年的体育彩票开奖网络直播增加了手机客户端平台视讯中国，播出时间为20:30左右。＃＃移动12580，你可以自定义彩票信息。现在，许多投注有飞信业务功能，去到你的正常的彩票投注站，让老板加你为好友，就可以收到关于彩票投注站的当天发出的信息＃＃当然可以</t>
  </si>
  <si>
    <t>现在流行用手机看现场直播了哪还会有人用电脑看啊手机直播软件我觉得最好用的就是易直播了易直播不仅直播视频高清流畅不会卡顿而且易直播种类也丰富多彩</t>
  </si>
  <si>
    <t>西尼男士护理液好吗</t>
  </si>
  <si>
    <t>护理液PH碱性值没有那么强，护理液皮肤损伤小一些</t>
  </si>
  <si>
    <t>西尼男士护理液效果不错，全面护理皮肤。</t>
  </si>
  <si>
    <t>天津周末外地车限行吗</t>
  </si>
  <si>
    <t>周六周日随便开~</t>
  </si>
  <si>
    <t>不限号。也不限行。</t>
  </si>
  <si>
    <t>外埠牌照机动车和本市机动车在天津周末和法定节假日都不限号</t>
  </si>
  <si>
    <t>天津市周六、日与国家法定节假日外埠牌照机动车没有早高峰与晚高峰限行规定。</t>
  </si>
  <si>
    <t>非尾号限行日:早7点至9点，下午4点至7点以外的时间可以进市区，尾号限行日:早7点至晚7点以外的时间可以进市区，周末不限行。</t>
  </si>
  <si>
    <t>外地牌照周六日不限行</t>
  </si>
  <si>
    <t>不限行，只有周一到周五上午7-9点，下午4-7点外环线以内限行，还有你的车牌尾号如果和当日限行吻合的话是上午7点～下午7点限行</t>
  </si>
  <si>
    <t>每天喝鲫鱼汤好吗</t>
  </si>
  <si>
    <t>鲫鱼有益气健脾、清热解毒、通脉下乳、利水消肿等功效。《本草经疏》说“鲫鱼调味充肠，与病无碍，诸鱼中惟此可常食”。 鲫鱼的营养特点是营养素全面，含糖分多，脂肪少，含有丰富的蛋白质、多种维生素、微量元素及人体所必需的氨基酸，所以吃起来既鲜嫩又不肥腻，还有点甜丝丝的感觉。常吃鲫鱼不仅能健身，还能减少肥胖，有助于降血压和降血脂，使人延年益寿。产妇食用鲫鱼，不仅可以增加营养，还能有效催乳。鲫鱼肉还能防治动脉硬化、高血压和冠心病，并有降低胆固醇的作用，中老年人和肥胖人群吃它也特别适宜。</t>
  </si>
  <si>
    <t>鲫鱼俗称鲫瓜子，它肉味鲜美，肉质细嫩，极为可口。鲫鱼营养价值极高，特点是营养素全面，含糖分多，脂肪少，所以吃起来既鲜嫩又不肥腻，还有点甜丝丝的感觉。 经常食用，可补充营养，增强抗病能力。鲫鱼有健脾利湿、和中开胃、活血通络、温中下气之功效。对脾胃虚弱、水肿、溃疡、气管炎、哮喘、糖尿病有很好的滋补食疗作用。民间常给产后妇女炖食鲫鱼汤，既可以补虚，又有通乳催奶的作用。先天不足，后天失调，以及手术后、病后体虚形弱者，经常吃一些鲫鱼是很有益的。肝炎、肾炎、高血压、心脏病、慢性支气管炎等疾病的患者也可以经常食用，以补营养，增强抗病能力。鲫鱼子能补肝养目，鲫鱼脑有健脑益智作</t>
  </si>
  <si>
    <t>每天吃鲫鱼汤对身体对身体恢复会更快些，对孕妈胎儿产妇奶水都有一定有好处，但吃多了呕心吧</t>
  </si>
  <si>
    <t>经常食用，可补充营养，增强抗病能力。鲫鱼有健脾利湿、和中开胃、活血通络、温中下气之功效。对脾胃虚弱、水肿、溃疡、气管炎、哮喘、糖尿病有很好的滋补食疗作用。民间常给产后妇女炖食鲫鱼汤，既可以补虚，又有通乳催奶的作用。先天不足，后天失调，以及手术后、病后体虚形弱者，经常吃一些鲫鱼是很有益的。肝炎、肾炎、高血压、心脏病、慢性支气管炎等疾病的患者也可以经常食用，以补营养，增强抗病能力。鲫鱼子能补肝养目，鲫鱼脑有健脑益智作用</t>
  </si>
  <si>
    <t>交通银行有没有类似余额宝的产品</t>
  </si>
  <si>
    <t>快溢通</t>
  </si>
  <si>
    <t>首先 余额宝的是天弘基金发行的货币基金，很多大型的基金公司都会有 包括银行；货币基金主要是把钱投向银行的协议存款 或者是国债，安全性较好，流动性也比较好</t>
  </si>
  <si>
    <t>顾玄武死了吗</t>
  </si>
  <si>
    <t>顾玄武没死，最后他结了婚，也有了孩子。</t>
  </si>
  <si>
    <t>顾大人没死，后来还娶了媳妇生了孩子。</t>
  </si>
  <si>
    <t>400电话是免费的么</t>
  </si>
  <si>
    <t>400电话拨打方是要收费的，收费标准是拨打方当地市话费</t>
  </si>
  <si>
    <t>400电话是不免费的，拨打方需支付当地市话费。</t>
  </si>
  <si>
    <t>是的 400电话是全球免费服务电话 放心拨打 费用由该号码所属企业承担</t>
  </si>
  <si>
    <t>400电话不是免费，是免长途费，只收市话费。</t>
  </si>
  <si>
    <t>手机拨打400电话不免费，需要收费。</t>
  </si>
  <si>
    <t>鲜橘皮能泡水喝吗</t>
  </si>
  <si>
    <t xml:space="preserve">鲜橘皮不宜泡茶喝 </t>
  </si>
  <si>
    <t>鲜橘皮表面有农药和保鲜剂污染，用这种鲜橘子皮直接泡水喝，可能对健康产生不利影响。</t>
  </si>
  <si>
    <t xml:space="preserve"> 鲜橘皮不宜泡水喝，鲜橘皮表面有农药和保鲜剂污染，这些化学制剂有损人体健康。</t>
  </si>
  <si>
    <t>新鲜的橘子皮有一股特别的香味，也有很多妙用，但是它不能直接吃，也不能用来泡水喝。</t>
  </si>
  <si>
    <t>鲜橘子皮泡水喝可以去火。</t>
  </si>
  <si>
    <t>可以开胃，但最好不要直接泡水。要的话最好还是买陈皮。</t>
  </si>
  <si>
    <t>动车开车后可以退票吗</t>
  </si>
  <si>
    <t>新规规定为，持动车组列车车票的旅客改乘当日其他动车组列车时不受开车后2小时内限制。也就是，如果没有赶上动车组列车的话，车票并不作废，还可以去办理改签手续。</t>
  </si>
  <si>
    <t>动车开车后，不能退票</t>
  </si>
  <si>
    <t>无f</t>
  </si>
  <si>
    <t>开车之后，火车票不能进行退票，</t>
  </si>
  <si>
    <t>不可以退票，</t>
  </si>
  <si>
    <t>这种情况不能退票，</t>
  </si>
  <si>
    <t>《铁路旅客运输规程》 第四十八条 旅客要求退票时，按下列规定办理，核收退票费： 1．旅客退票必须在购票地车站或票面发站办理。 2．在发站开车前，特殊情况也可在开车后2小时内，退还全部票价。团体旅客必须在开车48小时以前办理。 3．旅客开始旅行后不能退票。但如因伤、病不能继续旅行时，经站、车证实，可退还已收票价与已乘区间票价差额。已乘区间不足起码里程时，按起码里程计算；同行人同样办理。 4．退还带有“行”字戳迹的车票时，应先办理行李变更手续。 5．站台票售出不退。 市郊票、定期票、定额票的退票办法由铁路运输企业自必要时，铁路运输企业可以临时调整退票办法。 《铁路客运运价规则》 退票费按每张车票面额20％计算，退票费尾数不足一元部分按四舍五入处理到元，2元以下的票价不退。</t>
  </si>
  <si>
    <t>据相关规定可知，动车票的退票时间是在购票后发车前，动车开车后就不能退票了。＃＃12306网购和退、改签车票的时间是距开车时间2个小时之前，距开车2个小时之内的所有业务都已转移至车站售票窗口。</t>
  </si>
  <si>
    <t>这种情况不能退票，但可以改签一次</t>
  </si>
  <si>
    <t xml:space="preserve">按照铁道部关于客票的相关规定，列车开出后2小时之内可以办理改签以及退票手续。 </t>
  </si>
  <si>
    <t>纹身会不会得艾滋</t>
  </si>
  <si>
    <t>艾滋病的传染是通过性交与血液传染的。纹身虽然也有血液接触，但是，首先要有一个有艾滋病人去纹身，而他用过的针再使用（不是一次性使用）下一个客户，才会传染上。所以，只要保证自己纹身用的是一次性纹身用品。就能确保不会污染上任何疾病。</t>
  </si>
  <si>
    <t>算场小手术了，可能性是有的。三甲医院牙科都还有消毒不到位让人得了肝炎、艾滋的，更别说根本不具备良好消毒条件的纹身店了。</t>
  </si>
  <si>
    <t>艾滋病并没有人们想像中的那么恐怖，用不着太紧张，科普下，HIV病毒的传染途径主要有：通过性接触、血液和母婴这三种途径传播。 在世界范围内,性接触是艾滋病最主要的传播途径。HIV病毒存在于感染者和病人的血液、精液、阴道分泌物、乳汁中。生活中的握手，拥抱，礼节性亲吻，同吃同饮，共用厕所和浴室，共用办公室、公共交通工具、娱乐设施等日常行为接触是不会传播HIV病毒的。</t>
  </si>
  <si>
    <t>纹身会有感染艾滋病的可能的，一般这种情况纹身可能因为消毒不严格从而使艾滋病病毒通过破损的皮肤粘膜使人感染艾滋病的。</t>
  </si>
  <si>
    <t>一般是不会被传染的，性病的传播不是一定要通过性接触才会感染，就可以通过血液和母婴进行传播</t>
  </si>
  <si>
    <t>因纹身造成艾滋病病毒感染的几率极低,在高流行地区感染概率也低于0.01%,在艾滋病低流行地区几乎是不可能的。</t>
  </si>
  <si>
    <t>台球室赚钱吗</t>
  </si>
  <si>
    <t>1.普通的台球厅：但是这种的基本上收入不多。2.台球酒吧：其实也就是酒吧，这种收入大概比上述多一点，但是也比较复杂。3.台球俱乐部：当然收入也很高，可以附带卖台球周边用品。</t>
  </si>
  <si>
    <t>那要看你一小时多少钱了 要是15~20一小时还有的赚 要是10块一小时就别开了</t>
  </si>
  <si>
    <t>隔壁那家生意好，说明那个位置好，爱打球的人多，特别是学生，所以你在那里肯定也差不了，再说你环境、设备都比他家强，收费根据你当地的情况，生意好一年基本上就能回本</t>
  </si>
  <si>
    <t>不知道你在哪个城市,你所说的这些投入只是一部分，你还有人力成本，水电费，是不是还有税收，这些因素都要考虑。我有个朋友开台球厅，投入100万，估计2年半回本。</t>
  </si>
  <si>
    <t>不是特别挣钱</t>
  </si>
  <si>
    <t>外地户口可以在武汉办港澳通行证吗</t>
  </si>
  <si>
    <t>可以在武汉办理，必须持有户口本原件及复印件</t>
  </si>
  <si>
    <t>首次办理港澳通行证，须本人至户籍所在地公安局出入境管理处提交申请。</t>
  </si>
  <si>
    <t>现在已经可以了</t>
  </si>
  <si>
    <t>护照必须在户籍所在地的出入境管理局办理。如您的户口不在武汉的话折不能在武汉办理。必须回您的户籍地持户口薄到当地出入境管理局办理。</t>
  </si>
  <si>
    <t>不能在武汉办.</t>
  </si>
  <si>
    <t>英雄联盟黄金会掉白银吗</t>
  </si>
  <si>
    <t>很肯定的跟你说会掉，现在最新的版本是会的，不再是以前那个版本，上了黄金到处报复世界白银的狙击手，如果你连胜很多 上的黄金估计连输15-20那样子，就掉了。</t>
  </si>
  <si>
    <t>不会的，可以掉级，不会掉掉段的，也就是说黄金1可以一路掉到5，但是黄金5永远也掉不到白银1。</t>
  </si>
  <si>
    <t>我准确的和你说，会掉。我觉得这个是根据隐藏分的，有时候你的胜率比较高，就是你赢的比输的多，你在黄金5输多了，也感觉没掉白银，但是如果你的胜率太低，隐藏分也会很少，所以有时候你黄金5输一两场就调到白银了。</t>
  </si>
  <si>
    <t>会只要你长时间不打排位或者是黄金5输的太多就会掉到白银</t>
  </si>
  <si>
    <t>不会因为游戏失败而掉段位</t>
  </si>
  <si>
    <t>会的哦，楼主请看第三条，刚晋级有5把的保护局，然后如果是0胜点连跪6把就会掉段哦，也就是说如果你黄金5上到黄金4连跪11会从黄金4掉到黄金5，你黄金5如果是0胜点连跪6把就会掉段</t>
  </si>
  <si>
    <t>刚升到黄金5，连续输3场以上，然后看你的影藏分，如果以前段位没上过黄金以上，连续3从场直接掉回白银1</t>
  </si>
  <si>
    <t>蒂芙尼钻戒好吗</t>
  </si>
  <si>
    <t>Tiffany（蒂芙尼），珠宝界的皇后，以钻石和银制品著称于世。 Tiffany&amp;Co创建于1837年，刚开始是以银制餐具出名，在1851年推出了银制925装饰品而更加著名。1960年好莱坞著名女星奥黛丽赫本出演的《蒂芙尼早餐》就是以Tiffany命名的。 Tiffany，美国设计的象征。以爱与美、罗曼蒂克与梦想为主题而风誉了近两个世纪。它以充满官能的美以及柔软纤细的感性满足了世界上所有女性的幻想和欲望。</t>
  </si>
  <si>
    <t>挺好的牌子。</t>
  </si>
  <si>
    <t>签证下来可以不去吗</t>
  </si>
  <si>
    <t>没有什么影响.只是有可能你下次再申请这个国家的签证的时候,有可能签证官有可能会询问你为什么签下来后没有出行.照实回答就可以了.</t>
  </si>
  <si>
    <t>可以不去，放弃和使用都是您的权利。</t>
  </si>
  <si>
    <t>可以的，签证没有使用的话，签证过期作废，想再去的话要重新申请签证。</t>
  </si>
  <si>
    <t>那你不去就可以了，没事的</t>
  </si>
  <si>
    <t>喝茶会导致便秘吗</t>
  </si>
  <si>
    <t>喝茶是不会导致便秘的</t>
  </si>
  <si>
    <t>喝茶是一个很好的习惯，只要不是每天喝浓茶，刺激肠道，一般是不会引起便秘的</t>
  </si>
  <si>
    <t>喝茶水不会导致便秘，茶水可以润肠道，日常生活中可以多喝茶，陶冶情操。</t>
  </si>
  <si>
    <t>雀巢全脂奶粉真假</t>
  </si>
  <si>
    <t>纯正的雀巢奶粉颜色是乳黄色的，如果奶粉是纯白色的，或者是颜色很深，呈焦黄色而且有光泽，说明不是真正的雀巢奶粉，很可能是假冒伪劣的</t>
  </si>
  <si>
    <t>1.试手感。2.包装的印刷质量。3.辨颜色。4.闻气味。5.尝味道。6.看溶解速度。</t>
  </si>
  <si>
    <t>顺丰快递单号查询不到能收到件吗</t>
  </si>
  <si>
    <t>没有查到快递单号的信息，有以下几种可能：第一、卖家只是填了单号 没有发货；（还没给快递公司，快递公司还没取件，所以没记录）；第二、快递公司取件了，但漏扫描了（这个情况就要和卖家去沟通让卖家拍照发货凭证，然后找快递公司联系）；第三种、卖家填错单号了；注：如果对取件很急的话，可以打快递电话的客服人员电话进行查询。</t>
  </si>
  <si>
    <t>托业桥考试有用吗</t>
  </si>
  <si>
    <t>看你以后干什么样的工作？进什么样的公司了</t>
  </si>
  <si>
    <t>感觉考托业桥没有托业来的实在，首先很多大企业都是认托业证书的，托业桥给我感觉就是对自己英语水平的一个测试，浪费时间和金钱</t>
  </si>
  <si>
    <t>托业桥即使考高分，也是很低能力段水平的，企业基本不参考托业桥。</t>
  </si>
  <si>
    <t>托业桥证书可以客观反映出考生在日常生活中使用英语进行交流的能力。也可以帮助初、中级学习者了解自身英语水平，发现学习中的问题，确定学习目标，为参加更高难度的英语测试，如托业考试，做准备。对英语交流有基本需求的企业选拔人才也同样起着参考作用。</t>
  </si>
  <si>
    <t>有用的</t>
  </si>
  <si>
    <t>刚毕业去外面闯荡好吗</t>
  </si>
  <si>
    <t>一个人在外面闯荡首先锻炼了他的独立自主性，不管是生活上，工作上都有自己的想法，当然了，如果你找的这个工作是你喜欢的并且具有很大的晋升空间和学习的机会，我个人建议还是要把握好</t>
  </si>
  <si>
    <t>村镇银行存款安全吗</t>
  </si>
  <si>
    <t>正规银行，各类证件齐全，不是新装修的，都是安全的，金额大的有担心可以找一两个伴一起去存。</t>
  </si>
  <si>
    <t>只要是国家银行，哪里都一样</t>
  </si>
  <si>
    <t>常吃伟哥会得胃癌吗</t>
  </si>
  <si>
    <t>一般来说，通过正规渠道购买的正品药物可以根据自己的治疗情况适当的多服用几次，以达到最佳的性生活状态。在性功能障碍问题得到完全解决之后，则可停止服用。全世界服用伟哥的患者已超过800万。抽查发现，出现不良反应者达20%以上，这种反应有全身性的，也有心血管、呼吸及消化系统的。另外因伟哥是外源性药物，长期服用可产生药物依赖性，甚至形成永久性阳痿。也可以影响男性的生育生殖能力</t>
  </si>
  <si>
    <t>最好别吃</t>
  </si>
  <si>
    <t>360抢票王还能用吗</t>
  </si>
  <si>
    <t>可以用呀。</t>
  </si>
  <si>
    <t>360抢票王三代不能用了！ 用一次都不行！</t>
  </si>
  <si>
    <t>360抢票王很不错，今年用它抢票到九张票了</t>
  </si>
  <si>
    <t>滑膜炎严重吗</t>
  </si>
  <si>
    <t>平时看着可能问题不大，但是一旦发作了会很痛苦</t>
  </si>
  <si>
    <t>轻微的滑膜炎可以自愈的，适当的减少运动，不要着凉，可以用舒筋活络油这样的外用品进行辅助治疗，症状缓解后即可。但是如果有滑膜积液的情况下，建议去医院进行治疗，但是尽量不要抽取滑膜积液，容易对滑膜造成损伤。</t>
  </si>
  <si>
    <t>孕妇能吃佛手瓜吗</t>
  </si>
  <si>
    <t>能吃，佛手瓜在瓜类蔬菜中营养全面丰富</t>
  </si>
  <si>
    <t>可以的，并且常食含锌较多的佛手瓜，有助于提高胎儿发育。</t>
  </si>
  <si>
    <t>是可以吃的。一定要减少使用就可以的。均衡营养多吃新鲜蔬菜水果早康复。</t>
  </si>
  <si>
    <t>怀孕后是可以吃一些佛手果的，并不会影响胎儿发育的。不过不要吃的太多了，以免引起消化不良导致腹泻就是很不好的了。</t>
  </si>
  <si>
    <t>佛手瓜可以做菜，还可以当做水果吃，营养丰富,所以孕妇可以吃佛手瓜。</t>
  </si>
  <si>
    <t>肯定是可以的，你到百度文库里查询下，佛手瓜富含很多微量元素，含有丰富的叶酸呢</t>
  </si>
  <si>
    <t>波司登羽绒服好吗</t>
  </si>
  <si>
    <t>不好不好不好，刚买了一件，又贵，又不保暖，真不值。袖子上都没有绒，在专卖店买的呢</t>
  </si>
  <si>
    <t>质量比较可以。属于高端产品。保暖性比较高</t>
  </si>
  <si>
    <t>十个大品牌，质量不错，保暖也没问题 老牌子 就看你喜欢什么款式的了，他家款式不多卖的就是质量 可以穿很久</t>
  </si>
  <si>
    <t>波司登羽绒服质量算是比较好的，保暖性也相对很好，再加上品牌效应，所以价格相对较高。</t>
  </si>
  <si>
    <t>品牌知名度较高，几乎是我们众所周知的，要说价格高，其实我个人认为一方面波司登的羽绒服肯定质量是有保障的，另外也是现今社会人们对消费的一种美好追求，品牌意识比较强，这也是其价格高居不下的原因吧，你要是不急用的话，我建议你可以等换季的时候购买比较合适。</t>
  </si>
  <si>
    <t>不值,羽绒才只有不到20块一两.商家太黑了</t>
  </si>
  <si>
    <t>房贷没有还完可以抵押贷款吗</t>
  </si>
  <si>
    <t>如果借贷人的房产正处于按揭还款中，在贷款还未还清之前是不能再将该房产用于抵押贷款的。</t>
  </si>
  <si>
    <t>不可以。假如购房时选择了银行按揭付款方式，以其所购买的房屋作为抵押物，从银行贷款向开发商支付购房款。在贷款合同存续期间，必须按贷款合同的约定，定期向银行清偿贷款，履行还贷义务，直至贷款本息全部清偿为止。</t>
  </si>
  <si>
    <t>可以，看你所在地银行是否开通了循环授信贷款。</t>
  </si>
  <si>
    <t>房贷还没有还完的话产权还在抵押状态、房产证不可以抵押贷款。</t>
  </si>
  <si>
    <t>可以，按揭中的房屋可以进行按揭房二次抵押贷款，即找担保公司帮忙将余额还清并解押房屋之后，再抵押给银行贷款。</t>
  </si>
  <si>
    <t>就目前各行规定来看，很多银行都不接受为个人办理房屋二次抵押业务。所以按揭房只有在贷款全部还清之后，借款人才有申请房屋抵押贷款的可能。</t>
  </si>
  <si>
    <t>5173的号安全吗</t>
  </si>
  <si>
    <t>5173很不安全</t>
  </si>
  <si>
    <t>2000千以上很安全，我买过，被找回了，然后一会5173客服就帮我找回来了。</t>
  </si>
  <si>
    <t>你可问对问题了，我也在5173买过号的，百分之二百告诉你不安全！为什么？经常被卖家找回账号，就算你手上有账号的资料，有什么用，人家随便申诉一下就回来了，而且5173的的客服，唉，我也不想说他们</t>
  </si>
  <si>
    <t>快递能不能寄液体</t>
  </si>
  <si>
    <t>大部分快递是可以走液体物品，但是不可以走航空线，只能走陆运线。而且包装要完好，如果快递员觉包装不够好，有让液体漏出的风险会拒绝寄送。而且收件之前会检查是不是危险液体，需要发件人说明是哪种液体。</t>
  </si>
  <si>
    <t>都可以吧，网上买化妆品，酒，不都是液体吗</t>
  </si>
  <si>
    <t>什么快递能寄液体；液体物件是可收可不收的，在一些大牌快递有可能是不会收寄的，可以用没有名气的快递</t>
  </si>
  <si>
    <t>我用申通发过，对方讲得是封好就能寄了</t>
  </si>
  <si>
    <t>一般情况，任何快递公司和客运车辆是不准托运携带易燃易爆危险品及液体物品的。</t>
  </si>
  <si>
    <t>不可以的</t>
  </si>
  <si>
    <t>国内部分快递可以寄液体。可以寄送液体的快递有：申通快递，邮政EMS，顺丰速运。</t>
  </si>
  <si>
    <t>按中华人民共和国邮政管理局的规定，液体违禁品之一，严禁收寄。</t>
  </si>
  <si>
    <t>只要液体不是违禁物品什么快递都可以，但是只能选择汽运，不能航运。</t>
  </si>
  <si>
    <t>每个男生都打过飞机吗</t>
  </si>
  <si>
    <t>我一个朋友私聊跟我说他一天最多打了7次。。。最后打完就感觉全身无力好像身体被掏空</t>
  </si>
  <si>
    <t>不一定，每个人对性的认识不一样，需求也不一样</t>
  </si>
  <si>
    <t>大部分都打</t>
  </si>
  <si>
    <t>99.8%的男孩子都干过这种事</t>
  </si>
  <si>
    <t>基本上吧</t>
  </si>
  <si>
    <t>包上聚划算是真的吗</t>
  </si>
  <si>
    <t>不一定，靠看运气的，有些店是真假掺着卖。</t>
  </si>
  <si>
    <t>基本都是正的，尤其是商城的</t>
  </si>
  <si>
    <t>基本上是，但不保证全是。有的也还行。不叫便宜就看你的运气了</t>
  </si>
  <si>
    <t>只要是上聚划算的就是真的</t>
  </si>
  <si>
    <t>看价格，还要看有没有保险</t>
  </si>
  <si>
    <t>天猫旗舰店有保证，其他很难说！</t>
  </si>
  <si>
    <t>南昌宾馆小卡片靠谱吗</t>
  </si>
  <si>
    <t>宾馆小卡片，服务靠谱</t>
  </si>
  <si>
    <t>别信，仙人跳</t>
  </si>
  <si>
    <t>靠谱，亲测，质量不咋地</t>
  </si>
  <si>
    <t>汽车打蜡可以去划痕吗</t>
  </si>
  <si>
    <t>不完全，</t>
  </si>
  <si>
    <t>打蜡前会进行漆面抛光，轻微的划痕是可以抛掉的（当然仔细看还存在的），抛光后上蜡底也会将将部分划痕覆盖，再上光蜡你就会错误的认为划痕没有了，但洗过二三次车后，划痕就又回来了。要真正去除划痕，目前只有重新上油漆，别无他法。</t>
  </si>
  <si>
    <t>可以去除的。</t>
  </si>
  <si>
    <t>可以，没有刮的很深都可以，就算刮的很深打蜡之后也不会那么明显。</t>
  </si>
  <si>
    <t>一般不明显的划痕可以去掉的</t>
  </si>
  <si>
    <t>您好，这个是无法去除的，汽车打蜡只是在车漆的表面涂蜡而已，</t>
  </si>
  <si>
    <t>不能，需要抛光才能去除，打蜡只是养护</t>
  </si>
  <si>
    <t>轻微的划痕是可以用蜡去除的。划痕深但不漏底漆抛光可以</t>
  </si>
  <si>
    <t>去不掉的。打蜡是美容项目，作用主要是增亮、略微提高防腐蚀。＃＃打蜡不能去除划痕，抛光可以。</t>
  </si>
  <si>
    <t>你好？轻微的划痕是可以的</t>
  </si>
  <si>
    <t>划痕不明显可以去掉</t>
  </si>
  <si>
    <t>轻微的划痕抛光/打蜡都可以取掉，如果是伤及底漆的划痕，即使是抛光也是去不掉的。</t>
  </si>
  <si>
    <t>划痕不明显的话可以去掉，如果严重的话，最好去抛光</t>
  </si>
  <si>
    <t>手机分期付款一定要信用卡吗</t>
  </si>
  <si>
    <t>不是的，像很多实体店都是搞捷信分期，不需要信用卡。</t>
  </si>
  <si>
    <t>分期付款必定要使用信用卡</t>
  </si>
  <si>
    <t>这个只能信用卡，没听说银行卡能分期买手机</t>
  </si>
  <si>
    <t>不一定要信用卡，有银行卡也是可以的。只要有一张银行卡每月还款就可以了。</t>
  </si>
  <si>
    <t>对，不然就不能定期扣钱了！</t>
  </si>
  <si>
    <t>不是的，有的地方只要有他们指定的银行卡就行</t>
  </si>
  <si>
    <t>小米盒子能装斗鱼吗</t>
  </si>
  <si>
    <t>下载自己需要的软件到U盘；U盘插入盒子USB接口；打开盒子本地播放器进入U盘，找到下载好的应用，进行安装；接着打开软件即可观看即可</t>
  </si>
  <si>
    <t>载斗鱼到U盘；U盘插入盒子USB接口；打开盒子的本地播放器找到U盘的斗鱼进行安装即可</t>
  </si>
  <si>
    <t>自考本科可以当老师吗</t>
  </si>
  <si>
    <t>可以的，教师资格证编制有三个条件：1、取得教师资格证，通过参加每年两次（个别地方是一年一次）的国家教师资格证笔试，通过之后参加面试，合格后可获得教师资格证。2、毕业证专业和教师资格证类型需与所授课课程是同意类目科目。3、普通话水平达到2乙或以上，语文老师要求2甲。例如：毕业证是汉语言文学专业，那么可以考高等学校教师资格证（语文）类，然后教高中语文，这样就可以评职称，考编制。</t>
  </si>
  <si>
    <t>需要考教师资格证许可。参加教师资格证考试的考生必须要具备有相应的学历条件，小学教师资格证需要考生必须要有大专及大专以上学历才能报考。在校生报考小学教师资格证则需要达到相应年级，大专生和本科生都需要就读大学三年级及三年级以上。对于全日制的学生而言，未取得毕业证书也能参加考试，而对于自考考生而言，则必须要取得毕业证书后才能报考。</t>
  </si>
  <si>
    <t>生地和熟地的可以一起吃吗</t>
  </si>
  <si>
    <t>可以一起服用，很多药方里两者都同时使用</t>
  </si>
  <si>
    <t>不建议同时服用</t>
  </si>
  <si>
    <t>您好，这情况一般要看是否存在适应症了，同用是没问题的。生地主要是清热凉血，熟地主要是温补肝肾，同用可能是有肝肾不足</t>
  </si>
  <si>
    <t>车惠网团购靠谱吗</t>
  </si>
  <si>
    <t>车惠网最垃圾，只让你买车，完全不谈售后服务，事先承诺的优惠一样都没有，催了好多次才送了个行车记录仪，还是个三无产品，烂的一塌糊涂，直接扔了。</t>
  </si>
  <si>
    <t>这个也不是说靠不靠谱的问题，现在很多汽车团购都是免费参加的，一般和厂家挂钩的都会比较靠谱吧。你就看看那个网上汽车的网站是不是跟4S店或者是厂家合作的咯，如果是的话应该比较靠谱了。</t>
  </si>
  <si>
    <t>foxmail能定时发送邮件吗</t>
  </si>
  <si>
    <t>新版foxmail是有定时发邮件这个功能的.</t>
  </si>
  <si>
    <t>可以的，foxmail7及以上版本都可以</t>
  </si>
  <si>
    <t>血糖高能吃莲子吗</t>
  </si>
  <si>
    <t>血糖高能吃莲子但不能多吃。莲子含碳水化合物（62%），蛋白质（6.6%），脂肪（2.0%），钙（0.089%），磷（0.285%），铁（0.0064%）。因为含糖较高，过多会造成糖尿病加重，所以对于血糖高患者可以少量使用，但不宜过量。</t>
  </si>
  <si>
    <t>可以的，高血压指体循环动脉血压增高，是常见的临床综合症，亦可说其是以收缩和舒张压增高，常伴有心脑、肾等器官功能或器质改变为特征的全身性疾病，该病可由多种发病因素和复杂的发病机制所致，中枢神经系统功能失调，体液内泌遗传，肾脑血管压力感受器的功能异常等均可导致高血压病。平时注意低盐饮食，避免紧张与焦虑等不良情绪的影响，适当坚持锻炼，如果这样还不能恢复正常的就需要及时用降压药控制了。在高血压的治疗中要注重个体化治疗原则，患者合并的心血管危险因素不同，存在的靶器官损害和其它心血管疾病各异，治疗药物自然有别，因此提倡个体化治疗原则。临床上常用的降压药物主要有五大类：利尿剂、钙通道阻滞剂、血管紧张素转换酶（ACE）抑制剂、β-受体阻滞剂、以及血管紧张素Ⅱ受体拮抗剂。降压药物的疗效和不良反应情况个体间差异很大，临床应用时要充分注意。</t>
  </si>
  <si>
    <t>日本ugg便宜吗</t>
  </si>
  <si>
    <t>我很少听到日本有便宜货的.中国就有.</t>
  </si>
  <si>
    <t>孕妇可以吃小虾吗</t>
  </si>
  <si>
    <t>同时虾也是孕妈妈补钙、补碘的首选食物，所以孕妈妈是可以吃虾的。前提是孕妈妈对虾没有过敏等反应，</t>
  </si>
  <si>
    <t>可以食用含汞量较低的海鲜：虾、三文鱼、鳕鱼、凤尾鱼、鲑鱼。</t>
  </si>
  <si>
    <t>你好，孕妇如果之前没有对小虾过敏现象，考虑是可以吃的，有补充钙质的作用</t>
  </si>
  <si>
    <t>虾没问题</t>
  </si>
  <si>
    <t>要是没有过敏历史的话,可以吃一些虾子是没问题的</t>
  </si>
  <si>
    <t>孕妈妈是可以吃虾的，前提是孕妈妈对虾没有过敏等反应，如果对虾等海鲜产品过敏，则不适宜吃虾。</t>
  </si>
  <si>
    <t>背包能用洗衣机洗吗</t>
  </si>
  <si>
    <t>可以，不过最好反洗，然后装洗衣袋里面再放进去洗。</t>
  </si>
  <si>
    <t>苍井空不能生育了吗</t>
  </si>
  <si>
    <t>生日：1983年11月11日生于日本东京。目前她还是单身，没有过生育记录。</t>
  </si>
  <si>
    <t>没有，女优还是很伤身的</t>
  </si>
  <si>
    <t>有孩子了，是我的</t>
  </si>
  <si>
    <t>早绝经了！</t>
  </si>
  <si>
    <t>引起不孕不育的原因既有女方的因素也有男方的因素还有可能是男女双方的因素，受孕是一个复杂的生理过程，必须具备以下几个基本条件：卵巢排除正常的卵子、输卵管通畅有拾卵功能、子宫内膜适合受精卵着床、男性精子精液正常，以上任何一个环节出现障碍，均可引起不孕</t>
  </si>
  <si>
    <t>卫星电视收费</t>
  </si>
  <si>
    <t>如果接收公共信号，免费比如138KU 中星6A/B等卫星的开锁节目。 如果接收直播商提供的信号，就得花钱，比如数码、艺华、华人等，年费几十到几百不等。机器背后有唯一条形码。是为付费所用。付费时提供给商家条形码，然后告诉他们你想开通的套餐即可</t>
  </si>
  <si>
    <t>国内机不收费，港台机要收费 价格几十-几千</t>
  </si>
  <si>
    <t>国内目前不收费，而收费的是港台机。根据接收的节目数量和质量几十到几千的都有。</t>
  </si>
  <si>
    <t>普通的卫星接收器就是购置费。无其他费用。可免费接收的台很多。国内外都有。看你对的哪一颗卫星了。</t>
  </si>
  <si>
    <t>正规的卫星电视是需要向当地的广电管理部门申请开通并购买机顶盒/接收机的，比如户户通机顶盒；所以缴费也是到当地的广电管理部门缴费。</t>
  </si>
  <si>
    <t>卫星电视现在还不完全正规化，所以交费方面目前也只能是交给帮你安装的人员的，要是找不到他的话，只要找到当地安装的其它人也行，只是没交易过，诚信方面还不清楚。</t>
  </si>
  <si>
    <t>杭州有没有汉中热面皮店</t>
  </si>
  <si>
    <t>肯定有，但是不知道正宗不</t>
  </si>
  <si>
    <t>杭州那边有汉中面皮，其他的比如菜豆腐这些没有</t>
  </si>
  <si>
    <t>拔掉的头发还会长吗</t>
  </si>
  <si>
    <t>会啊。</t>
  </si>
  <si>
    <t>会在长出来</t>
  </si>
  <si>
    <t>一般来说，还是会长的。不过尽量不要拔了，头发的质量会随着年龄的长大，越发的脆弱！年轻的时候拔头发，年老了你的发质一定好不到那里去，有可能中年就谢顶掉发。头发自然脱落还大，如果是强行拔掉，哪就会破发发根，堵塞，有时候不生长也不是不可能！</t>
  </si>
  <si>
    <t>拔秃了？？？？你拔了多少？？？以后不要这样，你要是手闲的话，没事可以拔腿毛啊，也不能拔头发啊。。</t>
  </si>
  <si>
    <t>头发是由人体新陈代谢从来毛囊排出体外的蛋白质形成的纤维组织，换个角度说跟指甲一样是由成亡的蛋白质形成的…人体的细胞有再生能力，像手划破了还能合起来。只要毛囊还没退化，它还是会长出头发！</t>
  </si>
  <si>
    <t>当然可以了，只要毛孔别堵塞就可以长！</t>
  </si>
  <si>
    <t>怀孕初期能吃花甲吗</t>
  </si>
  <si>
    <t>花甲，又名蛤蜊，软体动物，长约3厘米，壳卵圆形，淡褐色，边缘紫色。生活在浅海底。蛤蜊具有降低血清和胆固醇作用。人们在食用蛤蜊后，常有一种清爽宜人的感觉，这对解除一些烦恼症状无疑是有益的。女子月经来潮期间及妇女产后忌食。怀孕期间是可以食用花甲的。</t>
  </si>
  <si>
    <t>还是少吃点</t>
  </si>
  <si>
    <t>你好，孕前三个月最好不要吃，容易导致流产的，中后期可以适当少吃点，不能吃太多。</t>
  </si>
  <si>
    <t>花甲味道很好，可以适当吃一点。 但不能多吃，因为贝壳类的海产品，一般都积聚了很多重金属污染。多吃对胎儿有损害。</t>
  </si>
  <si>
    <t>3d眼镜可以看电脑吗</t>
  </si>
  <si>
    <t>不可以。因为目前3D影片的格式比较混乱，技术也参差不齐，缺乏统一的行业标准。</t>
  </si>
  <si>
    <t>可以的，下载3D电影再戴个3D眼镜就行，我宿友那个叼毛就看过好像还不错</t>
  </si>
  <si>
    <t>在电脑上用是没有效果的。</t>
  </si>
  <si>
    <t>3d眼镜有好几种现在常见的有偏振和红蓝前几年电影院里面用的基本是都是红蓝眼睛</t>
  </si>
  <si>
    <t>电玩巴士有毒吗</t>
  </si>
  <si>
    <t>电玩巴士是正规网站，只要是个网站，就会有毒的。不过就看是什么毒而已，正规的网站一般都没什么大问题，就是其他不正规的网站才会有一些破坏性比较高的病毒</t>
  </si>
  <si>
    <t>电玩BUS是中国游戏网站的旗舰，非常不错，新闻及时，游戏可靠。 但因为网站内部维护，现在暂时不能登陆</t>
  </si>
  <si>
    <t>一般不会，毕竟是大网站，出了病毒牌子都砸了。</t>
  </si>
  <si>
    <t>没有，病毒一般是因为你在不正当的网页下载才会有。</t>
  </si>
  <si>
    <t>有毒</t>
  </si>
  <si>
    <t>没毒</t>
  </si>
  <si>
    <t>2016年生孩子好吗</t>
  </si>
  <si>
    <t>没啥不好的，只要你产检不落，保证他是健康的，出生后好好的养他，对他负责，给他一个温暖且完整的家，一个和谐的成长环境，基本的教育保障，他一定会健康平安且很有幸福感的长大，至于那些哪年哪月哪日出生宝宝的命好，不必过于计较，因为命好不好关键在于孩子的父母态度，你们很相爱，他的命就好，夫妻感情有问题，孩子先天的命再好也是枉然呢，希望能帮到你</t>
  </si>
  <si>
    <t>在九月之前生，要不孩子晚上一年学</t>
  </si>
  <si>
    <t>是几月就几月呗</t>
  </si>
  <si>
    <t>自由光2.0l够用吗</t>
  </si>
  <si>
    <t>不够</t>
  </si>
  <si>
    <t>2.0动力太弱了！不过你也可以去试驾一下，你觉得够用就够每个人需求不一样</t>
  </si>
  <si>
    <t>这个2.0的动力家用来说已经足够了</t>
  </si>
  <si>
    <t>jeep自由光2.0排量发动机车型，正常车子日常代步使用动力够用</t>
  </si>
  <si>
    <t>基本是够用了，</t>
  </si>
  <si>
    <t>够用了。就是动力一般。</t>
  </si>
  <si>
    <t>足够了</t>
  </si>
  <si>
    <t>win10支持itunes吗</t>
  </si>
  <si>
    <t>win10能用iTunes</t>
  </si>
  <si>
    <t>itunes一直支持Windows 10</t>
  </si>
  <si>
    <t>考雅思有用吗</t>
  </si>
  <si>
    <t>我觉得没必要 因为这个成绩是有年限的 2年有效期</t>
  </si>
  <si>
    <t>如果出国的话是肯定要考雅思的，而且根据你出国的目的不同，去的国家的不同，需要的雅思成绩也不同：如果是为了参加工作，有雅思成绩，进外企是有优势的。</t>
  </si>
  <si>
    <t>有用.在欧洲像英国，新西兰一般都优先选择雅思考试的成绩.移民的或是定居的人来说，雅思考试是唯一得到认可的测试语言水平的考试。获得了雅思考试成绩并且还不错，去外企应聘有很大的优势。</t>
  </si>
  <si>
    <t>有用的，雅思成绩是英语能力的一些体现，在外企面试过程中会被优先考虑</t>
  </si>
  <si>
    <t>有用。考雅思的考生得到一个成绩以后，国外的高等院校会根据考生的雅思成绩决定你在国外英语学习的周期。对于移民的或是定居的人来说，雅思考试是唯一得到认可的测试语言水平的考试。好多国家也都认可雅思考试移民，就目前情况来看，取得雅思成绩，才有可能顺利移民。外企雇佣中国员工把英语水平作为一个很重要的指标。而雅思成绩客观的反应了应聘者英语水平，如果你获得了雅思考试成绩并且还不错，去外企应聘有很大的优势。</t>
  </si>
  <si>
    <t>有16位的银行卡吗</t>
  </si>
  <si>
    <t>银行借记卡有16位和19位的都有，16位是国际标准。信用卡16位的。</t>
  </si>
  <si>
    <t>银行卡早期有13位的，现在使用的银行卡卡号在16-19位之间。国内的贷记、准贷记、双币贷记卡都是16位卡号。借记卡可以在16-19位之间，具体卡号长度取决于银行发卡。</t>
  </si>
  <si>
    <t>有的储蓄卡就是16位的如招商银行一卡通储蓄卡,就是16位凸字</t>
  </si>
  <si>
    <t>三个月小猫可以洗澡吗</t>
  </si>
  <si>
    <t>三个月以下的猫是不能洗澡的，三个月以后可以洗。</t>
  </si>
  <si>
    <t>可以,但现在天气冷,要用暖水,不要着凉,洗完后要马上擦干吹干。</t>
  </si>
  <si>
    <t>尽量不要给猫洗澡，它平时会自己梳理毛皮，洗太多会破坏它的皮脂分泌，反而对皮肤不好。</t>
  </si>
  <si>
    <t>十二周以上的猫都可以洗澡了,给猫洗澡的时候水温要保持在40度左右,以防猫猫着凉,另外一定要用猫咪专用浴液或者强生婴儿无泪配方的浴液给猫猫洗澡,洗完澡后要及时吹干.</t>
  </si>
  <si>
    <t>不可以 他会感冒的</t>
  </si>
  <si>
    <t>其实是可以洗澡了，我的猫两个月就给洗了，但是如果不是脏到不能忍非常不建议洗澡，如果非要洗，一定一定一定要保证水温，另外要用猫咪专用的沐浴露，不要用人用的，最重要的是洗完要马上吹干，小猫太容易受凉了，而且它们很怕吹风机的声音，我家猫咪那天洗澡倒是没受凉，但是受刺激了，之后的几天消化都不太好</t>
  </si>
  <si>
    <t>还不能洗澡</t>
  </si>
  <si>
    <t>可以洗澡的。</t>
  </si>
  <si>
    <t>聂峰死了吗</t>
  </si>
  <si>
    <t>靖王派戚猛去围剿的野兽，实际上就是聂峰。</t>
  </si>
  <si>
    <t>聂峰也是中了火寒毒，模样变得像野人，目前电视剧已经有剧情提到说山上有野人，其实是聂峰后面聂峰被蔺晨治好了</t>
  </si>
  <si>
    <t>电视剧里他活着，中了火寒毒，被林殊发现，找来蔺晨解毒成功，终得与夏冬厮守，最后一起上战场战胜了敌人。</t>
  </si>
  <si>
    <t>小说里还活着，也中了梅长苏一样的毒。</t>
  </si>
  <si>
    <t>过敏能吃海苔吗</t>
  </si>
  <si>
    <t>过敏体质分很多种啊。有的过敏体质看你对什么过敏 。如果说是对海鲜过敏。还是对其他过敏。根据情况而定 ，我建议你还是要吃为好！</t>
  </si>
  <si>
    <t>一般是可以食用，没有影响。</t>
  </si>
  <si>
    <t>皮肤过敏分多种，有的对鱼虾过敏，有的对花粉过敏，有的对狗肉过敏，至于紫菜过敏的说法可能是对海鲜过敏，一般说来没关系，试一次，如果不会的话下次就可以放心吃了</t>
  </si>
  <si>
    <t>能，我也过敏，现在正在吃，没事的，海苔等于紫菜，吃吧！不会的！</t>
  </si>
  <si>
    <t>现在休闲食品店生意好做吗</t>
  </si>
  <si>
    <t>现在的休闲食品 ，品牌和种类都比较多 ，找好的品牌 ，好吃的产品 ，应该还是好做的 ，现在的消费水平不低 ，只要做品牌产品 ，应该是可以做的。</t>
  </si>
  <si>
    <t>取决于选址。</t>
  </si>
  <si>
    <t>乙肝到底能不能治好</t>
  </si>
  <si>
    <t>乙肝是困扰世界的医学难题，暂时不能完全治愈乙肝</t>
  </si>
  <si>
    <t>要看情况了，治好是要用很长时间</t>
  </si>
  <si>
    <t>及时治疗,对症用药,会好起来的。</t>
  </si>
  <si>
    <t>看治好的标准是什么了，事实上只要有效控制就可以了。抗病毒治疗可以有效控制。</t>
  </si>
  <si>
    <t>不要听别人胡说乙肝治不好，乙肝不是绝症，耐心可以康复。</t>
  </si>
  <si>
    <t>猫带铃铛好吗</t>
  </si>
  <si>
    <t>首先，给猫挂的铃铛就类似于狗牌一样，可以在铃铛上刻上主人和猫咪宝贝的名字，留下联系方式，这样就可以更好的防止猫咪走失了。及时猫咪走丢，也可能有爱心人士会帮猫咪联系你哦。其次，还可以在铃铛里塞入一些药物，用来防止跳蚤、虱子。有了铃铛的护卫，就可以减少猫咪滋生跳蚤的几率，保证猫咪皮毛健康哦。是否一定要给宠物猫挂铃铛，更多的时候还在于主人的态度。当然，可以考虑给猫咪带铃铛的好处，再来决定是否要给猫咪挂铃铛咯选你自己喜欢的吧。猫咪反正是不喜欢铃铛的，神秘个性的猫，可不喜欢自己的每一步都有声音，那爪子上的肉垫就没有了。所以你可以选几种自己喜欢的颜色，经常换着，自己看着喜欢。我觉得猫猫不会喜欢铃铛的，她睡觉很轻，很小的响动就会把她惊醒，猫的天性的抓老鼠，如果一步一响动会让她很烦躁。为了猫猫好，还是不要挂铃铛好。</t>
  </si>
  <si>
    <t>当然是可以带的</t>
  </si>
  <si>
    <t>声音很细那种还好，越响的铃铛越不好。因为猫猫狗狗的听力比人要好，耳朵边上总有个东西响，肯定会烦躁。时间久了不但影响听力，对他们的心理健康也不利。如果迟出门怕丢，可以带一会儿，回家摘掉。如果单纯为了好玩，还是不要了。</t>
  </si>
  <si>
    <t>硬化之壳对100级的有用么</t>
  </si>
  <si>
    <t>肯定会，直接就脱潜了，读条开始就是了</t>
  </si>
  <si>
    <t>会的。因为需要读条。。</t>
  </si>
  <si>
    <t>没有，因为达拉然都是无法攻击目标，永恒岛和塔娜安丛林的玩具已经超出玩家等级，更不能使用</t>
  </si>
  <si>
    <t>乳房软软的有奶吗</t>
  </si>
  <si>
    <t>是的，哺乳期乳房捏下去软软的，是奶水不足，正常的奶水充足的话，一是胀痛，一是非常硬。</t>
  </si>
  <si>
    <t>自来水是纯净水吗</t>
  </si>
  <si>
    <t>自来水是经过水厂加工的天然水，经加氯消毒或净化处理后加氯消毒供作生活饮用的水源水，纯净水是直接可以饮用的水，无所谓加热或者煮沸。</t>
  </si>
  <si>
    <t>1、超纯水（常称纯净水）：是美国科技界为了研制超纯材料，应用反渗透技术或超临界精细技术来制造的水．这种水中几乎没有什么杂质，更没有细菌、病毒、含氯二恶英等有机物．随着制备用的反渗透膜结构的不同，有弱酸性超纯水也有中性超纯水．美国、西欧、日本等国从来没有把超纯水纳入到饮用水范围内，只是偶而喝一下，每一个人一年平均喝纯净水不到 20 加伦．而我国已有上万家生产这种超纯水，从美国引进上万套的反渗透设备，成了世界上最大的反渗透设备的客户．纯净水对人有什么生态效应有待进一步考察，但有一点值得特别注意到，这种水分子的极度串联和线团化结构，不易通过细胞膜，使细胞膜两侧引起严重的浓差电位，致使膜内可通过膜壁的那些细胞质内的电离型离子的逆向渗透到细胞膜外侧的纯净水线团中，致使身体内有益的生命相关元素向体外流失．有些敏感的人感觉越喝越不解渴，越想喝，长久下来感觉无力，对正在成长的小孩们有比较突出的副作用． 2、富氧水（加氧的纯净水），这也是美国医学科学界为了研究生物细胞的厌氧和好氧性而用的医学研究用水．现在据不完全统计国内有 200 多家在生产纯净水的同时生产富氧水．这种水中确实有氧分子．让人喝进胃之后，通过胃绒毛细胞膜，直拉进入细胞内，期望与血液中的生态氧一样，让细胞内线粒体用来分解各种营养物，“生产”生物能量．但是与愿望相反，线粒体本身将从新鲜血液所得到的 95% 生态氧用来“烧掉”葡萄糖等转化成热能，而 5% 的生态氧化转化成氧气分子并吸收一个电子，成为对人类生命最可怕的超氧自由基，其电荷半径很小，有很大的强负荷标度值，破坏细胞的正常分裂作用，成为人类衰老的最重要的根源，在这种情况下人为地引进氧分子，将引起什么样的生态效果值得深思． 3、酸碱离子水：这是日本最先提出的方法，但是日本对这种水越来越冷淡了，因为碱性水并没有帮助消化，一方面引起了胆结石、肾结石等病症，才知道无机碱性水促进食物中各种金属离子的沉淀聚集的事实，所以过分的无机碱性对生态并不是好的． 4、矿泉水：有两种：一种是从地壳深处 1000－3000 米远古生态水流出的泉水；二是从地表溶岩流出的矿质溶解水．前者是包含相当量的第二、三、四类生命相关元素．后一种矿泉水中多少有一些矿质．我国矿泉水的国家标准的内函是世界顶级的，可以说包括了几乎所的生命相关的第二、第三、第四、第六、第七类元素群．可是在批准某种矿泉水生产许可证里，只要符合 Ca2＋、Mg2＋、Sr2＋等 2－3 个元素含量就可以．近年来矿泉水厂生产不少假矿泉水，难以区别真假． 5、城市管道水：这是我国城市人口主要饮用水来源．这几年江河受严重的污染，使城市管道水的质量大有下降之势．其中最可怕的是为了消毒，用大量的氯气或含氯漂白粉等，这些在杀菌的同时，带来了游离氯对各种有机物的氯化作用．因此城管道水的水源是个最大问题，如果有像农夫山泉这样的水源就很好了． 6、磁化水：什么水都可以通过磁性处理得到高能态水是一个很大的误解．大量的实验表明，水中没有含 d 轨道的微磁矩络合金属离子（即生命动力元素）的水经过再强大的磁场也不能稳定住水的高能态结构． 7、人造矿溶水：近来许多学者纷纷都提出水中要有一些金属离子，这本是很好的事情．但人造矿溶水的道路还是相当艰难的．在这一过程中提出了回归自然的水，这是值得采纳的概念．因为自然界本身极为和谐、合理，人硬去破坏自然秩序总有一天受到自然界给予的惩罚</t>
  </si>
  <si>
    <t>自来水没有纯净水干净。</t>
  </si>
  <si>
    <t>1.自来水是经过水厂加工的天然水，经加氯消毒或净化处理后加氯消毒供作生活饮用的水源水。未经处理的水源水不是自来水，不可饮用。 2.饮用纯净水是以符合生活饮用水卫生标准的水为原料，通过电渗析法、离子交换、蒸馏法及其他适当的加工方法制得的，密封于容器中且不含任何添加物可直接饮用的水。</t>
  </si>
  <si>
    <t>不是，自来水中有许多微量元素和无机盐，对人体有益。纯净水由于经过多层过滤，一般去掉了水中杂质、微量元素、无机盐及致病的细菌，安全无毒，无污染，讲卫生，对人体是有好处的，而所缺少的元素可以从食物中摄取。</t>
  </si>
  <si>
    <t>安今益可以长期服用吗</t>
  </si>
  <si>
    <t>理论上是可以的，但是还是建议先咨询医生。服用激素期间还是要一年随访一次，由医生根据每个人的具体情况调整用药和剂量。</t>
  </si>
  <si>
    <t>信用卡属于借记卡还是贷记卡</t>
  </si>
  <si>
    <t>信用卡是属于贷记卡</t>
  </si>
  <si>
    <t>琅琊榜是不是有续集</t>
  </si>
  <si>
    <t>有的呢，看报道说有</t>
  </si>
  <si>
    <t>会准备第二部，但是不是续集，是全新的故事，制片是这样讲的。另外靳东在一次活动中透露会有电影</t>
  </si>
  <si>
    <t>应该有续集</t>
  </si>
  <si>
    <t>小殊死了，剧组已经说了。续集听听就好，没有正式开拍以前，什麼续集的传闻都是浮云。我觉得琅琊榜比较适合拍前传。</t>
  </si>
  <si>
    <t>会有</t>
  </si>
  <si>
    <t>牛仔衣洗了会缩水吗</t>
  </si>
  <si>
    <t>一般情况 不会缩水</t>
  </si>
  <si>
    <t>那得看质量了 好的就不会缩</t>
  </si>
  <si>
    <t>会，牛仔衣属于水洗面料。</t>
  </si>
  <si>
    <t>水洗面料大多数都有缩率，也就是都会缩水。但是缩水程度不同。</t>
  </si>
  <si>
    <t>牛仔属于水洗面料。水洗面料大多数都有缩率，也就是都会缩水。但是缩水程度不同。</t>
  </si>
  <si>
    <t>会有一点，因为是棉的啦，但是穿穿就送了，一般牛仔衣服不建议常洗</t>
  </si>
  <si>
    <t>ipad air能用鼠标吗</t>
  </si>
  <si>
    <t>苹果平板不能用普通无线鼠标，需要用蓝牙鼠标，可以看看雷柏6080蓝牙鼠标不错，平板用可以</t>
  </si>
  <si>
    <t>只有越狱才能连接鼠标</t>
  </si>
  <si>
    <t>先说是可以的，安装了office软件就可以，</t>
  </si>
  <si>
    <t>ipad可以连接外接键盘,但是不能连接鼠标。</t>
  </si>
  <si>
    <t>目前所有的iPad不能用鼠标</t>
  </si>
  <si>
    <t>不能用有线鼠标。</t>
  </si>
  <si>
    <t>不能，蓝牙有线都不行。</t>
  </si>
  <si>
    <t>亲嘴能传染艾滋病吗</t>
  </si>
  <si>
    <t>不会。只有接触艾滋病人的血液，精液，阴道分泌物，乳汁，皮肤粘膜破损或炎症溃疡的渗出液才可能感染此病；唾液，泪水，汗液和尿液中也能发现病毒，但含病毒量很少，传染性不大。</t>
  </si>
  <si>
    <t>已经证实的艾滋病传染途径主要有三条：性接触传播,血液传播,母婴传播.接吻会传染艾滋病吗，一般不会. 只有接触艾滋病人的血液,精液,阴道分泌物,乳汁,皮肤粘膜破损或炎症溃疡的渗出液才可能被感染此病的啊;唾液,泪水,汗液和尿液中也能发现病毒,但含病毒很少,传染性不大.但是如果有口腔溃疡也可能感染的啊.已经证实的艾滋病传染途径主要有三条：性接触传播,血液传播,母婴传播.</t>
  </si>
  <si>
    <t>唾液中可以查到艾滋病病毒，但其中的病毒量很少，艾滋病病毒要到一定的量才能引起传播。据推算，要使唾液中的病毒达到可能致感染的量，要一次吞下20ml以上的感染者的唾液；另外美国科，家发现，人的唾液中有一种蛋白，这种蛋白在试管中可以有效地抑制艾滋病病毒感染人体免疫细胞，所以一般的接吻、共同进餐、咳嗽或者打喷嚏都是不会感染艾滋病病毒。</t>
  </si>
  <si>
    <t>专家指出一般不会。只有接触艾滋病人的血液，精液，阴道分泌物，乳汁，皮肤粘膜破损或炎症溃疡的渗出液才可能感染此病；唾液，泪水，汗液和尿液中也能发现病毒，但含病毒量很少，传染性不大。但是如果有口腔溃疡，也可能感染。已经证实的艾滋病传染途径主要有三条：性接触传播，血液传播，母婴传播。 接吻会传染艾滋病吗，专家说唾液传播艾滋病病毒的可能性非常小，所以一般接吻是不会传播的。但是如果健康的一方口腔内有伤口，艾滋试纸，或者破裂的地方，同时艾滋病患者口内也有破裂的地方，双方接吻，艾滋病病毒就有可能通过血液得以传播。</t>
  </si>
  <si>
    <t>唾液中可以查到艾滋病病毒，但其中的病毒量很少。艾滋病病毒要到一定的量才能引起传播。据推算，要使唾液中的病毒达到可能致感染的量，要一次吞下20ml以上的感染者的唾液；</t>
  </si>
  <si>
    <t>财付通能转账到银行卡吗</t>
  </si>
  <si>
    <t>可以的，财付通可以转账到别人的银行卡。</t>
  </si>
  <si>
    <t>qq财付通转帐银行卡到账时间上分为两种：1、2小时到账；2、次日到账</t>
  </si>
  <si>
    <t>财付通的钱能转进银行卡</t>
  </si>
  <si>
    <t>可以的，可以提现到银行卡，但前提是你必须先绑定银行卡。</t>
  </si>
  <si>
    <t>珍珠金鱼好养吗</t>
  </si>
  <si>
    <t>珍珠的饲养相对别的品种要难一些,养活容易养好难,我看过九亭吴刚在中金论坛上的帖子,主要说饲养皮球珍珠的,但是对饲养所有珍珠类都很有参考价值</t>
  </si>
  <si>
    <t xml:space="preserve">很好养! </t>
  </si>
  <si>
    <t>不太好养。要加氧的</t>
  </si>
  <si>
    <t>珍珠属娇贵品种，一般的养殖难觅佳品，通常体现在珠不完整，珠不突出，珠不紧密，体不够圆鼓等等方面，必须把握养殖过程中的每一个环节的养殖要领，精心饲养，才能求得上品</t>
  </si>
  <si>
    <t>秋季腹泻能吃水果吗</t>
  </si>
  <si>
    <t>苹果可以吃，热着就能吃了。</t>
  </si>
  <si>
    <t>其实腹泻了，我建议都不要吃水果</t>
  </si>
  <si>
    <t>少林壮骨膏是真的吗</t>
  </si>
  <si>
    <t>建议去正规的厂家或者药房购买，可以保证是真的。</t>
  </si>
  <si>
    <t>医治骨头损伤和炎症的还行把</t>
  </si>
  <si>
    <t>绝大部分是假的，不过有个别药的成分里有增强人体骨骼硬度的药材</t>
  </si>
  <si>
    <t>刀塔传奇月卡可以叠加吗</t>
  </si>
  <si>
    <t>这里的可以叠加！</t>
  </si>
  <si>
    <t>最多2张 60天</t>
  </si>
  <si>
    <t>机械设计与研究好中吗</t>
  </si>
  <si>
    <t>机械设计与研究，还是很好中的。</t>
  </si>
  <si>
    <t>据说永不退稿，只要文章不是太水。</t>
  </si>
  <si>
    <t>机械设计与研究到现在已经比较成熟了，中稿率可能相对难一些，但是如果问题新颖，创新技术含量比较高的话，应该也会中稿的。</t>
  </si>
  <si>
    <t>xpe材料有毒吗</t>
  </si>
  <si>
    <t>XPE/IXPE产品被世界上先进国家称为无公害产品</t>
  </si>
  <si>
    <t>XPE：即化学交联聚乙烯发泡材料，是用低密度聚乙烯树脂加交联剂和发泡剂经过高温连续发泡而成，不吸水 环保无气味 回弹性好 不易变形 适合做地垫 宝宝爬行垫。这种材料本身就是建筑防水和保温材料呢 广泛应用于汽车保温层 脚垫 后备箱垫，空调保温管。在地垫行业是中高档的材料呢。</t>
  </si>
  <si>
    <t>爬行垫根据中间材料的不同可以分为：xpe爬行垫、ixpe爬行垫、EPE爬行垫、EVA爬行垫、PVC爬行垫；其中xpe爬行垫、ixpe爬行垫、EPE爬行垫都属于PE材料加保鲜膜复合而成，都是无异味的环保材料，但是xpe爬行垫、ixpe爬行垫是品质较好的爬行垫，韩国进口爬行垫都是这两种爬行垫，而EPE爬行垫是国内厂家为了减低成本，使用EPE（珍珠棉）作为原料生产的一款爬行垫，该材料弹性差，易碎，开孔发泡防水性弱。EVA爬行垫、PVC爬行垫是用EVA或PVC作为原材料与保鲜膜复合的而成的爬行垫，或者把图案转印在原材料上，这两款爬行垫通常有异味，如果是图案转印的爬行垫，油墨外露容易脱落。</t>
  </si>
  <si>
    <t>检测结果显示无毒环保！</t>
  </si>
  <si>
    <t>XPE还具有无毒、无味、耐药品性、耐油、耐酸、耐卤及其他各类化学药品的性能</t>
  </si>
  <si>
    <t>壁炉上可以放电视吗</t>
  </si>
  <si>
    <t>假设用电壁炉的话，最好不要和电视机放一面墙上电壁炉会发生红外线，对眼睛损伤十分大再加上电视，有意间双倍伤眼睛</t>
  </si>
  <si>
    <t>壁炉可以做低点，沙发可以买高点。有人家这么做的，觉得还行。</t>
  </si>
  <si>
    <t>网上能注销信用卡吗</t>
  </si>
  <si>
    <t>显然不可能在网上注销啊。</t>
  </si>
  <si>
    <t>中信银行信用卡目前还不能网上注销</t>
  </si>
  <si>
    <t>注销信用卡只能致电银行客服电话办理，网上没法注销！</t>
  </si>
  <si>
    <t>目前还不行。如果卡上的款已经全部还清了，你可打信用卡背面的客服热线办理注销，这应该是目前唯一的途径。电话注销成功后的45天，卡上没有欠款发生就算注销成功了，卡片剪断销毁就可以。</t>
  </si>
  <si>
    <t>婴儿用护肤品好吗</t>
  </si>
  <si>
    <t>可以的，亲生婴儿皮肤脆弱易敏感，所以更要用温和、低敏、无泪配方，天然成分、植物精华的婴儿护肤品</t>
  </si>
  <si>
    <t>护肤品不需要，婴儿皮肤那么嫩容易受刺激或过敏。</t>
  </si>
  <si>
    <t>婴儿的皮肤是最好的，不需要护肤品。</t>
  </si>
  <si>
    <t>宝宝皮肤娇嫩，要不添加防腐剂香精和任何化学制剂的，天然提取的最好。</t>
  </si>
  <si>
    <t>电脑装360好不好</t>
  </si>
  <si>
    <t>个人感觉很不错，象360安全卫士，它是当前功能最强、效果最好、最受用户欢迎的上网必备安全软件。</t>
  </si>
  <si>
    <t>最好不要安装360 一点用都没有</t>
  </si>
  <si>
    <t>这个要看你的电脑性能怎么样了？如果电脑性能不错的话，还是建议用360，360的界面和功能在同类软件里面应该是做的最好的。</t>
  </si>
  <si>
    <t>360安全卫士等软件，是用于检查电脑安全状态的软件，能够查杀绝大多数的木马文件.</t>
  </si>
  <si>
    <t>用360安全卫士和360杀毒还是比较可靠的，因为360免费的，商家想推销它的收费杀毒的软件，所以不让你安装，其实用360是相当不错的。</t>
  </si>
  <si>
    <t>其实装不装由自己决定。如果装了之后感觉电脑非常卡就不要装了，因为有其他的软件也可以代替360。</t>
  </si>
  <si>
    <t>一岁的宝宝能吃羊肉吗</t>
  </si>
  <si>
    <t>如果您的宝宝之前吃过别的肉类，那可以稍吃点，但一定适量，少吃，羊肉上火</t>
  </si>
  <si>
    <t>可以，不过肉要弄烂一点，这样比较好消化，还有不要吃太多，会上火。</t>
  </si>
  <si>
    <t>可以吃，但是一定要少吃，羊肉属于大热发物的食物，吃多了会引起上火尤其是儿童 ，羊肉适合在冬季给宝宝吃，夏季、便秘或正在上火的宝宝不适合吃羊肉，1岁多羊肉日摄入量为10克左右。可以不喂肉，把汤水稀释一下喂，母亲可以多喝点哟~</t>
  </si>
  <si>
    <t>宝宝已经一周岁了，已经可以吃油 和肉了</t>
  </si>
  <si>
    <t>可以吃，加萝卜等蔬菜配料烹成的清炖羊肉几乎适合所有的宝宝；烤羊肉和孜然羊肉适合不容易上火的宝宝，消化不良和脾胃比较虚弱的宝宝要注意，一定不能吃冷羊肉，要趁热吃</t>
  </si>
  <si>
    <t>可以少量的添加一点，羊肉是温性的食物，但是这个容易上火的，要少量的添加，可以给宝宝吃点消化的药物，多给宝宝喝水，多运动</t>
  </si>
  <si>
    <t>可将羊肉剁碎了，熬粥喝</t>
  </si>
  <si>
    <t>一岁半的宝宝吃肉没有问题</t>
  </si>
  <si>
    <t>艺术品上市是骗局吗</t>
  </si>
  <si>
    <t>怎么说呢!艺术品市场鱼龙混杂，但正规的公司肯定也是有的。需要谨慎鉴别选择。</t>
  </si>
  <si>
    <t>拜四面佛灵验吗</t>
  </si>
  <si>
    <t>本人去过大概4次，觉得还是挺灵验的，而且每次去都可以看到有人在还愿。</t>
  </si>
  <si>
    <t>别太迷信，理智点。</t>
  </si>
  <si>
    <t>是很灵验，但一定要心诚并努力</t>
  </si>
  <si>
    <t>兰芝粉底液好用吗</t>
  </si>
  <si>
    <t>并不好用已经闲置</t>
  </si>
  <si>
    <t>兰芝保湿型粉底液40ml 价格在180左右\x0d- 光技术，有效利用突出肌肤透明感的蓝彩和令肌肤更显活力的红彩，表现出如水晶般晶莹剔透的肌肤。</t>
  </si>
  <si>
    <t>　粉底适合不同肤质</t>
  </si>
  <si>
    <t>好用，轻，薄，好推开</t>
  </si>
  <si>
    <t>尤其是手机粉饼薄透自然</t>
  </si>
  <si>
    <t>干皮，用过，感觉一般般，</t>
  </si>
  <si>
    <t>快递星期天上班吗</t>
  </si>
  <si>
    <t>正常营业，没有休息。即便是法定假日也只是缩短营业时间而不会停业的。</t>
  </si>
  <si>
    <t>山西省晋城市泽州县金村镇邮局周六日双休。</t>
  </si>
  <si>
    <t>快递周末没有休息。</t>
  </si>
  <si>
    <t>一般大一点的快递公司，都不会休息的。比如韵达，顺丰，申通，EMS中通啊，但周天多是只收件不发件，等到周一发的。</t>
  </si>
  <si>
    <t>快递周末不休息</t>
  </si>
  <si>
    <t>周日休假</t>
  </si>
  <si>
    <t>物流是没有休息日的</t>
  </si>
  <si>
    <t>有上班的，一般快递都是下午派件。</t>
  </si>
  <si>
    <t>高铁改签能改目的地吗</t>
  </si>
  <si>
    <t>可以更改目的地的，只是要5%的手续费，我也不知道怎么算的，我的是300多的票钱改目的地只扣了几块钱的手续费</t>
  </si>
  <si>
    <t>不可以的，根据铁道部相关规定，高铁车票是可以改签的，不过高铁车票的改签是有一定的规定限制的。乘坐高铁的旅客应该注意以下改签事项：高铁车票只能改签一次，如果旅客车票已经改签过一次，那么旅客就不能再次改签了；有的高铁车票，诸如卧铺票、联程票以及往返票是不能改签的；高铁车票改签有时间限制，旅客必须在不晚于列车出发前2小时之前改签；高铁车票改签时，如果旅客改签后的车票价格与原票价格有出入，那么多了则补全，少了则退还；高铁车票改签是，旅客是不能改变车票的出发地、目的地、车票身份信息以及车票种类的；旅客如果是在网上购买的高铁车票、没有换取纸质车票，并且改签时间在列车出发前2小时，那么，旅客既可以选择在网上办理改签业务，也可以在前往车站售票窗口办理改签业务；值得一提的是，现在高铁车票实行全国通签，旅客可以在全国任意车站办理改签业务了，不必像以往那样只能在哪里买票在哪里改签</t>
  </si>
  <si>
    <t>当然可以的</t>
  </si>
  <si>
    <t>开车前48小时～15天期间内，办理车票改签或“变更到站”时，新车票票价低于原车票的，退还差额，对差额部分核收退票费并执行现行退票费标准。</t>
  </si>
  <si>
    <t>可以，如果网上购买，可以改签，如果售票大厅，可以在买一张需要到达的车票，去退票窗口，退不需要的那张，而且不要手续费</t>
  </si>
  <si>
    <t>如果出发地是同一个城市的火车站，可以改签的，不是一个城市的只能退票重新买</t>
  </si>
  <si>
    <t>有没有变声的软件</t>
  </si>
  <si>
    <t>有电脑软件：Adobe Audition；有手机软件：Wechat voice；有微信变声器，歪歪语音自带变声器也有。</t>
  </si>
  <si>
    <t>好的变音软件，推荐用混录天王就非常不错！</t>
  </si>
  <si>
    <t>有cool edit ，goldwave等很多软件都可以合成声音，都很专业。</t>
  </si>
  <si>
    <t>变声软件效果最好的就是morphvox了，支持所有语音聊天工具即时变声通话</t>
  </si>
  <si>
    <t>邯郸有飞机场吗</t>
  </si>
  <si>
    <t>有，邯郸机场。</t>
  </si>
  <si>
    <t>邯郸没有民用飞机场</t>
  </si>
  <si>
    <t>有，在邯郸南边，107国道西</t>
  </si>
  <si>
    <t>有机场，叫邯郸马头机场。</t>
  </si>
  <si>
    <t>2000单位的hcg7天能不能代谢完</t>
  </si>
  <si>
    <t>几天吧。</t>
  </si>
  <si>
    <t>个人体质不同，所以代谢快慢也是不同的。通常情况下15天左右会代谢完。</t>
  </si>
  <si>
    <t>我想告诉你的是很有可能是HCG没有完全代谢完的结果，你可以这几天都测下，如果有测慢慢变淡了说明药水差不多要代谢完 ，如果一直都是很深说明真的好孕了，不过一支2000单位HCG最起码要三天才能代谢完的</t>
  </si>
  <si>
    <t>注射hcg2000单位几天能够代谢掉是因人而异的。通常情况下需要一周左右的时间。</t>
  </si>
  <si>
    <t>基本上3～5天就代谢完了，第五天测基本是准的了</t>
  </si>
  <si>
    <t>你说的是早早孕弱阳么？2000单位三四天应该就代谢完了哦 查看原帖&gt;&gt;</t>
  </si>
  <si>
    <t>羽西bb霜好用吗</t>
  </si>
  <si>
    <t>羽西家这款BB变色霜真的很值得推荐，第一感觉是滋润，不像之前用过的其他BB涂开后很快就变得像粉底那么干，这个BB特别容易推开涂抹超方便。</t>
  </si>
  <si>
    <t>复试的房子好吗</t>
  </si>
  <si>
    <t>这个问题不能一概而论。要看是顶层复式还是底层复式还是中间复式，顶层复式还要看上层是阁楼还是普通楼层，整个复式楼还要看看其楼盘所在环境位置，等等。</t>
  </si>
  <si>
    <t>我建议条件允许的话就买复式，这样跟老人在一起有独立的空间！再就是复式装修可能要费钱费脑子，但装好了特别漂亮！</t>
  </si>
  <si>
    <t>不好。因为利用率太低，格局差。如果层高不够的话，那就变成阁楼了。</t>
  </si>
  <si>
    <t>优点充分的利用垂直空间扩大得房率,因为计算单层面,实用际面积一般高于建筑面积,单价虽然高但总价对于同等使用面积的房屋比较划算,这样的户型比较个性动静分区一般比较好,适合时尚的年轻人。缺点,一般户型比较狭长开放厨房比较多比较不好搭理,很多户型设计的采光不能兼顾一层只有一个大落地窗有卧室出现无窗的情况 2 单层高度不够高 除非明确总高在5.4米以上,一般都比较低.3.楼梯占用面积较大4,装修费用相对较高,因为很多小复式房计算单层面积所有2楼的隔层和楼梯是不做的,这在以后的装修中就是一大比,家里有楼梯不太适合老人居住</t>
  </si>
  <si>
    <t>古惑仔有蓝光吗</t>
  </si>
  <si>
    <t>我有</t>
  </si>
  <si>
    <t>iphone深空灰好看吗</t>
  </si>
  <si>
    <t>这个问题得不到标准的答案，每个人都有不同的审美观，你拿不准的话，可以到实体店去上上手</t>
  </si>
  <si>
    <t>k879春节是不是停运了</t>
  </si>
  <si>
    <t>不停呀</t>
  </si>
  <si>
    <t>服用阿奇霉素能喝酒吗</t>
  </si>
  <si>
    <t>阿奇霉素不是头孢类的药物，跟酒精之间是不会有竞争受体的，所以在用阿奇期间是可以饮酒的。</t>
  </si>
  <si>
    <t>酒精对炎症的恢复不利，建议不喝酒，少吃辛辣刺激性食物，多喝开水，多休息。</t>
  </si>
  <si>
    <t>在互诫协会中流传着一句话： 对酒只是稍微有一 点成瘾是不可能的，一个人要么是嗜酒成瘾者，要么就不是。这一点只有饮酒者自己才知道是否已经到了饮酒失控的地步。</t>
  </si>
  <si>
    <t>建议服用阿奇霉素分散片期间，还是不喝酒比较好，还是要结合你的身体状况来定，如果有慢性胃炎，胃溃疡，或者肝脏不好，是避免喝酒的。</t>
  </si>
  <si>
    <t>香烟可以发快递吗</t>
  </si>
  <si>
    <t>可以快递，不过一般快递都是有上限，上限为2条。</t>
  </si>
  <si>
    <t>香烟可以快递，但是限制两条以内。各地从1993年3月1日起恢复烟草及其制品的邮寄业务。邮寄卷烟、雪茄烟每件以二条（400支）为限（二者合寄时亦限二条）。邮寄烟叶、烟丝每件以5公斤为限（二者合寄不得超过10公斤）。用户邮寄烟草及其制品，每人每次限寄一件，不准多件邮寄。</t>
  </si>
  <si>
    <t>香烟是可以寄的，但属于限寄物品，一次最高可以寄2条。不管走邮局还是快递，建议使用保价服务，以避免不必要的损失。</t>
  </si>
  <si>
    <t>可以，但你自己一定要做好防护措施，免得被压挤得不成样子。</t>
  </si>
  <si>
    <t>两条以内可以快递寄</t>
  </si>
  <si>
    <t>根据《烟草专卖法》二十三条规定，邮寄烟草制品不得超过国务院有关部门的规定的限量，那么在这个方面我们国家（烟草）局规定，邮寄卷烟以及雪茄烟，每件不得超过两条，以两条为限。邮寄烟叶烟丝每件五公斤为限量。</t>
  </si>
  <si>
    <t>未分配利润可以全部分配吗</t>
  </si>
  <si>
    <t>可以啊。年末未分配利润可以全额分配成应付股利。</t>
  </si>
  <si>
    <t>不可以。你必须先计提盈余公积，你计提完盈余公积后的金额可以全额分配。</t>
  </si>
  <si>
    <t>未分配利润有时是正数（蓝字、盈利），有时是负数（红字、亏损），不是都能分配的.</t>
  </si>
  <si>
    <t>一般要先提取公积金后才分配利润。</t>
  </si>
  <si>
    <t>胖女人的性欲都很强吗</t>
  </si>
  <si>
    <t>体质的关系</t>
  </si>
  <si>
    <t>这个事情和胖瘦没有很大的关，但是胖的人就不爱运动，不爱运动生理调节可能有小问题，内分泌也有问题，这样的话对性欲是有影响的，如果她一直锻炼的，生活做息很正常那么也没什么影响。</t>
  </si>
  <si>
    <t>研究证明，瘦人要比胖人的性欲旺盛，不管男女。男人胖了，对性的渴望会急剧降低，女人胖了，也会对性失去兴趣，只不过胖女人很难被满足，所以就有人会认为胖女人性欲旺盛。</t>
  </si>
  <si>
    <t>一般丰满型的，看着比较有活力的欲望强些</t>
  </si>
  <si>
    <t>胖瘦与性欲望并没有关系</t>
  </si>
  <si>
    <t>儿童会得痔疮吗</t>
  </si>
  <si>
    <t>小孩会得痔疮。痔疮主要是由肛管周围的静脉丛迂曲而成的。当我们长时间蹲位，或者大便时，肛门周围静脉血管就会充血,长时间就形成痔疮。</t>
  </si>
  <si>
    <t>痔疮是一种犯病十分广的病症，分布的人有大人小孩，女性男性，人群很广。</t>
  </si>
  <si>
    <t>这个是有可能的，平时孩子要是大便干结或经常的吃一些辛辣的食物会有的。</t>
  </si>
  <si>
    <t>痔疮是从新生儿到高龄老人都可以出现的，以40岁左右的人最多，孩子得痔疮与喂养习惯有很大关系。</t>
  </si>
  <si>
    <t>小孩会得痔疮。</t>
  </si>
  <si>
    <t>三生三世十里桃花要拍电视剧吗</t>
  </si>
  <si>
    <t>电视剧的话是大概明年开始制作，具体官方还未公布</t>
  </si>
  <si>
    <t>是的 马上要开拍 女主为刘亦菲 男主未定 可能是胡歌</t>
  </si>
  <si>
    <t>这是真的</t>
  </si>
  <si>
    <t>拍完了，目前后期制作中</t>
  </si>
  <si>
    <t>韩国snp动物面膜好用吗</t>
  </si>
  <si>
    <t>面膜是否好用要看个人具体情况。</t>
  </si>
  <si>
    <t>该面膜有着别致的色彩设计，该产品不仅加入了婴儿尿布和类似的天然纸浆的材料，且无对皮肤刺激的成分。</t>
  </si>
  <si>
    <t>牙周炎必须拔牙吗</t>
  </si>
  <si>
    <t>牙周炎不需要拔牙的，可以到医院来治疗的，通过治疗来缓解牙周炎，保护我们的牙齿</t>
  </si>
  <si>
    <t>不一定，需要拍片后才能得知是否需要拔牙，可以多找几家医院看看</t>
  </si>
  <si>
    <t>在正犯牙痛时不能拔；拔了只会让疼痛加剧；要拔也要等痛好了再拔；但能治疗的话就尽量治疗；牙齿拔了就没了；再好的假牙也比不上一颗蛀牙。</t>
  </si>
  <si>
    <t>这个要看牙齿的松动情况，还要拍X线片观察牙槽骨吸收情况，如果牙槽骨吸收严重，那基本就是一定要拔了。</t>
  </si>
  <si>
    <t>不是的，牙周炎需要一定的护理，</t>
  </si>
  <si>
    <t>泰拉瑞亚可以远程联机吗</t>
  </si>
  <si>
    <t>蛤蟆吃建立网络，让你好友加入，然后建立游戏，知道你自己的IP地址吗，就是蛤蟆吃显示出来的一串数字（最上面显示的）右键直接复制发给你基友，然后让他加入游戏时用这个IP，就没问题了~其实可以直连，但是麻烦，而且不容易成功</t>
  </si>
  <si>
    <t>黑豆补肾吗</t>
  </si>
  <si>
    <t>黑豆具有补肝肾、强筋骨、暖肠胃、明目活血、利水解毒的作用，也是润泽肌肤、乌须黑发之佳品。</t>
  </si>
  <si>
    <t>醋泡黑豆补肾、乌发 、 减肥、美白皮肤。</t>
  </si>
  <si>
    <t>黑豆通肾不补肾，吃多了不好。</t>
  </si>
  <si>
    <t>可以，黑豆为豆科植物大豆，又名乌豆、黑豆，味甘性平。黑豆具有高蛋白、低热量的特性。黑豆性平，味甘，具有补脾、利水、解毒的功效，对于各种水肿、体虚、中风、肾虚等病症有显著疗效。</t>
  </si>
  <si>
    <t>黑色的食物都能补肾，其中黑豆就是最常见最有效的食物。</t>
  </si>
  <si>
    <t>黑豆炖排骨可以补肾的。</t>
  </si>
  <si>
    <t>白凤喜欢赤练吗</t>
  </si>
  <si>
    <t>白凤救赤练，因为赤练是他最在意的女人，他救赤练的时候说的很清楚【任何女人都可以，唯独这个女人你碰不得】如果胜七杀的是别的女人，自然和白凤无关，可这个女人是赤练。从目前的剧情来看，白凤只在乎两个人，一个人自己，另一个就是赤练，他明明没有中毒，却假装中毒留下来听赤练的话，这是为了什么？而且两次赤练从噩梦中哭醒的时候，都是白凤陪在她身边的。一转身挡巨阙，二转身挡树枝，还替她包扎伤口，除了赤练，谁值得白凤这个衣不粘尘的冷傲少年这么做？所以，我肯定白凤喜欢赤练。</t>
  </si>
  <si>
    <t>我觉得白凤喜欢赤练不足为奇，从目前的剧情来看，白凤在意的人只有自己和赤练</t>
  </si>
  <si>
    <t>纠结的感情，喜欢她，她却惦记着卫庄，他是又恨又爱</t>
  </si>
  <si>
    <t>白凤喜欢赤练的</t>
  </si>
  <si>
    <t>不去老公家过年,婆家会生气吗?</t>
  </si>
  <si>
    <t>如果你和婆婆分家了，回不回去无所谓，如果没有那你就回去吧，毕竟你是嫁过来的。</t>
  </si>
  <si>
    <t>过年给点钱,不买东西也可以.他们想买什么自己买吧</t>
  </si>
  <si>
    <t>按照规矩，30晚上就是应该回去的。。。大年初一再去看你爸妈。。。你不回去也行，那他爸妈肯定会生气。为何不回去？结了婚这点礼仪都不懂？还觉得自己是小孩子？真不孝顺</t>
  </si>
  <si>
    <t>不好！第一年会有很多亲戚去看新媳妇！为了将来想，还是在他家过好，哪怕五一八月十五在回你家过！不然让他亲戚说点儿啥多不好！</t>
  </si>
  <si>
    <t>预备党员作废后资料放在人事档案里会有影响吗?</t>
  </si>
  <si>
    <t>还珠格格3好看吗</t>
  </si>
  <si>
    <t>还好吧，本人更喜欢1,2部</t>
  </si>
  <si>
    <t>别人的回答永远是别人的感觉，不是你自己的感觉。只要你自己喜欢，别人怎么说不好看，对你来说都不是真的。</t>
  </si>
  <si>
    <t>不怎么好看。最不喜欢皇帝了，演的太差了、</t>
  </si>
  <si>
    <t>澳门版iphone6s支持电信吗</t>
  </si>
  <si>
    <t>应该是支持的。因为从iPhone5s开始，澳门版的iPhone都是全网通的产品，就是可以完美支持电信、移动、联通的电话卡。但是由於目前澳门版的iPhone6s还没有出，所以小璟也不敢100%肯定是否真的会支持电信呢。不过这一代的澳门版iPhone6s产品支持三网通也应该是大概率事件了。</t>
  </si>
  <si>
    <t>现在香港在卖的港行6S和6SP都是A1688和A1687，但实测都没有支持电信的。</t>
  </si>
  <si>
    <t>澳门版的iPhone手机目前出售的都是三网通的，包括即将发售的6s，都是三网通的产品。所以移动、联通、电信都可以使用的。</t>
  </si>
  <si>
    <t>不一定，买的时候问清楚。不过首先肯定是支持联通移动的</t>
  </si>
  <si>
    <t>该机型是全网通机型，支持连接国内三家运营商的手机卡使用。</t>
  </si>
  <si>
    <t>山药能跟鸡蛋一起吃吗</t>
  </si>
  <si>
    <t>不要担心，山药是开胃健脾，温补肾脏的食物，和鸡蛋是可以一起吃的，没有什么禁忌的。</t>
  </si>
  <si>
    <t>能一起吃，补气，补肾，养胃，壮力，润肠通便。</t>
  </si>
  <si>
    <t>没问题吃吧</t>
  </si>
  <si>
    <t>可以一起吃，我们这儿产妇生过孩子，都是吃鸡蛋和山药。</t>
  </si>
  <si>
    <t>不能一起吃。</t>
  </si>
  <si>
    <t>完全可以一起吃，山药是好东西，很适合秋冬季节食用。，这两个都是常规食物，不相克</t>
  </si>
  <si>
    <t>山药和鸡蛋能一起吃</t>
  </si>
  <si>
    <t>iphone5s要贴膜吗</t>
  </si>
  <si>
    <t>看你个人习惯，如果你平常不去灰尘很多的地方并且手机放在单独的口袋完全没必要，贴膜影响手感。</t>
  </si>
  <si>
    <t>建议贴，最好贴钢化玻璃膜。</t>
  </si>
  <si>
    <t>现在的手机屏幕硬度都很高，从理论上来说是不需要的.</t>
  </si>
  <si>
    <t>诛仙世界好玩吗?</t>
  </si>
  <si>
    <t>个人有个人的喜欢</t>
  </si>
  <si>
    <t>喜欢华丽的诛仙世界，个人是画面控，近期新游的画面极点进化不错，大气磅礴</t>
  </si>
  <si>
    <t>朱立伦会赢吗</t>
  </si>
  <si>
    <t>比中彩票的机率更低!民悥调查另一后选人蔡英文领先了九条街呢!</t>
  </si>
  <si>
    <t>朱立伦已经败选</t>
  </si>
  <si>
    <t>常州属于苏州吗</t>
  </si>
  <si>
    <t>常州和苏州平级的 都是江苏省的地级市</t>
  </si>
  <si>
    <t>不属于</t>
  </si>
  <si>
    <t>郁美净儿童霜有激素吗</t>
  </si>
  <si>
    <t>儿童用的，应该没有激素，</t>
  </si>
  <si>
    <t>郁美净不含激素</t>
  </si>
  <si>
    <t>不含的，儿童的一般都不含</t>
  </si>
  <si>
    <t>不含有激素，可以给宝宝适当地涂抹点的</t>
  </si>
  <si>
    <t>郁美净儿童霜没有激素，郁美净儿童霜内含鲜奶和丰富的维生素，不会含有激素</t>
  </si>
  <si>
    <t>行车记录仪双摄像头有用吗</t>
  </si>
  <si>
    <t>非常有必要 装记录仪就是为了防止碰瓷的 前摄像头记录前面情况 后摄像头记录后面情况</t>
  </si>
  <si>
    <t>没有必要</t>
  </si>
  <si>
    <t>很有必要，有条件的都360全景行车辅助系统了</t>
  </si>
  <si>
    <t>当然有必要，您只是记录前面的情况了，您后面的情况您不知道，万一有人在后面碰瓷呢。在说有了后摄像头，您倒车和泊车也会方便很多的。</t>
  </si>
  <si>
    <t>你好，非常有必要。</t>
  </si>
  <si>
    <t>你好有必要啊记录详细，这个看个人</t>
  </si>
  <si>
    <t>蚕蛹好吃吗</t>
  </si>
  <si>
    <t>大家都知道，蚕蛹是蚕做茧后形成的。蚕蛹含有丰富的蛋白质、脂肪油等，很有营养。一些饭店里把它做成菜肴，普通市场上也有卖的。有的是按斤两卖，有的是包装起来的成品油炸蚕蛹，味道很好。</t>
  </si>
  <si>
    <t>好吃，高蛋白，但有的人吃了过敏得注意.</t>
  </si>
  <si>
    <t>蚕蛹营养丰富，药用价值高，早在《本草纲目》等典籍中就有其入药用的记载。但是，专家认为，蚕蛹虽然好吃，千万不可胡乱吃。</t>
  </si>
  <si>
    <t>毕业证和学位证编号一样吗</t>
  </si>
  <si>
    <t>不一样！毕业证是你所在学校发给你的学习经历的证明。学位是由教育部或省教育厅颁发的，各自有各自的编号，不一样。我的学位16位，毕业证18位。就前5位相同（学校代码）</t>
  </si>
  <si>
    <t>现在的毕业证和学位证后面几位数字都是电脑随机产生的编码，毕业证是毕业证编码，学位证是学位证编码，二者肯定不一样的，后面的顺序也没有什么规律可循的。</t>
  </si>
  <si>
    <t>学历证书编号和学位证书编号不一样。</t>
  </si>
  <si>
    <t>不一样，学历就是毕业证，学位是学位证。</t>
  </si>
  <si>
    <t>新装修的房子放活性炭有用吗</t>
  </si>
  <si>
    <t>有用，我们公司就是卖活性炭，一般公司人的家里都放的有，买一袋，用鞋盒分散装就能起到效果。</t>
  </si>
  <si>
    <t>没用的</t>
  </si>
  <si>
    <t>活性炭具有很强的吸附性能可以吸附有害物质，因此可以用活性炭来吸附甲醛，望采纳！</t>
  </si>
  <si>
    <t>活性炭清除甲醛的效果是有的，但在大面积的空间里的效果并不明显。</t>
  </si>
  <si>
    <t>有一定作用</t>
  </si>
  <si>
    <t>一个人能得两种癌症吗</t>
  </si>
  <si>
    <t>有的，据了解，曾经有有一对患难夫妻就经历过这种状况，妻子上腭骨骨癌，左上腭骨被摘除了，腹部一块肉补到左脸上，脸部左大右小；左眼球也被拿掉了。屋漏偏遭连夜雨，2001年12月，齐海纳到大庆一家医院做病情复查，发现两侧乳腺长了肿瘤。今年4月，她的肺部、肝部出现肿瘤。</t>
  </si>
  <si>
    <t>人体中会同时存在两种癌</t>
  </si>
  <si>
    <t>正天丸副作用大吗</t>
  </si>
  <si>
    <t>副作用是：个别人服药后谷丙转氨酶轻度升高；偶有口干、口苦、腹痛及腹泻。</t>
  </si>
  <si>
    <t xml:space="preserve">服用正天丸，不会损伤人体的胃肠、肝肾，无药物依赖性，停药后不会出现药物戒断性反跳等副作用。 </t>
  </si>
  <si>
    <t>正天丸是市面上的常见药物，听说很安全，副作用低，但是，毕竟是药物。</t>
  </si>
  <si>
    <t>身份证过期那户口本能上车吗</t>
  </si>
  <si>
    <t>身份证可以拿去重办，户口也可以.</t>
  </si>
  <si>
    <t>滴滴快车有没有补贴</t>
  </si>
  <si>
    <t>滴滴快车现在没有补贴了。请参考说明书的答案格式要求和标注技巧。</t>
  </si>
  <si>
    <t>我前天刚用了滴滴打车，车费是25，实付20</t>
  </si>
  <si>
    <t>cf窃贼是真的吗</t>
  </si>
  <si>
    <t>好象是假的</t>
  </si>
  <si>
    <t>大部分都是真实。</t>
  </si>
  <si>
    <t>什么大部分真实…… 假的，都很假</t>
  </si>
  <si>
    <t>副词可以做定语吗</t>
  </si>
  <si>
    <t>汉语中：定语是用来限定、修饰名词或代词的，而副词是用来修饰副词，形容词，和动词的，由此可得，副词不能做定语！</t>
  </si>
  <si>
    <t>不可以，副词用来修饰形容词和动词的</t>
  </si>
  <si>
    <t>英语中：在通常情况下，用于名词前作定语要用形容词，不用能用副词。但是，英语中有少数副词可以用于名词作定语，这类副词主要是某些表时间和地点的副词。</t>
  </si>
  <si>
    <t>可以的。定语就是修饰用的，它的功能跟形容词一样。</t>
  </si>
  <si>
    <t>副词可以作定语。一般要后置。</t>
  </si>
  <si>
    <t>副词修饰名词作定语必须后置，这是它与形容词的基本区别之一。</t>
  </si>
  <si>
    <t>当然可以，一些表示时间和地点的副词可以作定语。</t>
  </si>
  <si>
    <t>太空一号好看吗</t>
  </si>
  <si>
    <t>不错的电影。值得一看</t>
  </si>
  <si>
    <t>不好看，我是比较喜欢国外科幻电影的，比较失望吧。昨天带我弟去看的，我们都看得打瞌睡。</t>
  </si>
  <si>
    <t>片子不错，可以去看下。</t>
  </si>
  <si>
    <t>不怎么样，传统美国电影！</t>
  </si>
  <si>
    <t>大厚底，超轻，减震也不错，外观也很漂亮</t>
  </si>
  <si>
    <t>我觉得蛮好看的</t>
  </si>
  <si>
    <t>省级以上包括省级吗</t>
  </si>
  <si>
    <t>省级人民政府就是指各省的人民政府；省级以上人民政府指中央人民政府，不包括各省人民政府。</t>
  </si>
  <si>
    <t>当然包括省级了</t>
  </si>
  <si>
    <t>当然，包含</t>
  </si>
  <si>
    <t>冰箱对着门好吗</t>
  </si>
  <si>
    <t>冰箱是居家很大型的电器，可以收纳物品，在风水上属於女主人的财库，如果没有放置好，可能会导致家中破财，疾病频生，不能不注意。</t>
  </si>
  <si>
    <t>不好，进门最好不要对着门。＃＃不好</t>
  </si>
  <si>
    <t>门对门这样的情况在风水上叫做“冲”，对住在屋中的人的身体健康很不利，甚至会影响到财运。</t>
  </si>
  <si>
    <t>冰箱的摆放不宜与门相对</t>
  </si>
  <si>
    <t>冰箱在风水中是代表财库，所以一般要求放在比较掩蔽的位置，如果对着门当然太暴露了，应该是不好的.</t>
  </si>
  <si>
    <t>最好还是别对着门，因为对着门开冰箱的话空气对流快，加速冰箱冷量流失，也就是要更费电。</t>
  </si>
  <si>
    <t>红豆杉做沙发好吗</t>
  </si>
  <si>
    <t>可以啊，杉木总体做家具都不错的</t>
  </si>
  <si>
    <t>做家具不太好。</t>
  </si>
  <si>
    <t>红豆杉可以做家具，根据自己需要制作就可以。　　1、经济价值：　　心材桔红色，边材淡黄褐色，纹理直，结构细，比重0.55-0.76，坚实耐用，干后少开裂。可供建筑、车辆、家具、器具、农具及文具等用材。　　2、药用价值　　红豆杉的药用价值主要体它的提取物—次生代谢衍生物—紫杉醇。紫杉醇最早是从短叶红豆杉的树皮中分离出来的抗肿瘤活性成份。是治疗转移性卵巢癌和乳腺癌的最好药物之一，同时对肺癌、食道癌也有显着疗效，对肾炎及细小病毒炎症有明显抑制。　　 红豆杉的根、茎、叶都可以入药，可以治疗尿不畅、消除肿痛，对于：糖尿病、女性月经不调、血量增加都有治疗作用。红豆杉也可以用于产后调理，对女性病症具有一定的治疗作用。</t>
  </si>
  <si>
    <t>手感沉稳舒服，介乎黄花梨和金丝楠之间；纹路很直，很细腻，木性较小，成品较少变形问题。从木料和成品来看，其木材的硬度，纹路，木性，色泽都不错，木料初呈浅紫红，开料后用细砂纸打磨，呈金黄金红。</t>
  </si>
  <si>
    <t>超市购物小票的品名与实际购买品名不同算欺诈吗</t>
  </si>
  <si>
    <t>按交易习惯，通常来讲是不违反的</t>
  </si>
  <si>
    <t>购物小票可能是物品的简称，如果价钱一样，也能体现是该物品那么不构成欺诈。</t>
  </si>
  <si>
    <t>开具发票品名与实际不符，如果属于开错，那么不属虚开发票！</t>
  </si>
  <si>
    <t>跑步机减肥怎么样</t>
  </si>
  <si>
    <t>跑步机可以减肥，要和饮食结合才能有效。</t>
  </si>
  <si>
    <t>卧铺22号靠近开水吗</t>
  </si>
  <si>
    <t>是的 一般是盥洗前的位置 斜对面就是厕所</t>
  </si>
  <si>
    <t>权益分派好不好</t>
  </si>
  <si>
    <t>上市公司进行权益分派不好，小股东你什么也拿不到，只能拿到股价下调。</t>
  </si>
  <si>
    <t>年度权益分派对于持有该股的散户来说，不是好事也不是坏事。</t>
  </si>
  <si>
    <t>无所谓的，利好也有跌的股啊</t>
  </si>
  <si>
    <t>梦幻西游小月卡有礼包吗</t>
  </si>
  <si>
    <t>升级礼物的话系统自动会提示你的。</t>
  </si>
  <si>
    <t>在日历里吧，我记得里面有一个成长之路是不是。</t>
  </si>
  <si>
    <t>月卡就是送仙玉。</t>
  </si>
  <si>
    <t>南孚碱性电池能充电吗</t>
  </si>
  <si>
    <t>碱性电池不能进行充电。</t>
  </si>
  <si>
    <t>不可以，店主分时是在耍你;那电池上明显标示禁止充电;如果强行充电,会可能引起电池爆炸危险.所以建议你还是不要去冒险.</t>
  </si>
  <si>
    <t>碱性电池作为最成功的高容量干电池，是以二氧化锰为正极，锌为负极，氢氧化钾为电解液，其特性上较碳性电池来的优异，电容量大，因为这是不可逆的反应，因此无法进行充电的。</t>
  </si>
  <si>
    <t>南孚电池可以充电</t>
  </si>
  <si>
    <t>暗黑黎明支持手柄吗</t>
  </si>
  <si>
    <t>你在电脑上安装模拟器之后打开模拟器，再把你手机游戏的安装包拖到模拟器的窗口里就可安装，安装好了直接打开玩就是了，模拟器都不自带游戏的</t>
  </si>
  <si>
    <t>流产后能吃香菇吗</t>
  </si>
  <si>
    <t>可以吃香菇的，对身体没什么危害的。</t>
  </si>
  <si>
    <t>人流后是可以吃香菇的。</t>
  </si>
  <si>
    <t>这个情况是可以正常的吃的，不会有影响的。</t>
  </si>
  <si>
    <t>人流后是可以吃香菇的啊。</t>
  </si>
  <si>
    <t>可以的，注意休息，加强营养。</t>
  </si>
  <si>
    <t>monster饮料有用吗</t>
  </si>
  <si>
    <t>怪物能量饮料（Monster Energy），是一种高能量运动饮料，内含瓜拿尼、牛磺酸 和人参成分等。加快人们需要随时随地补充身体所需要的能量。在美国销量第一，占据同类产品市场的39%。</t>
  </si>
  <si>
    <t>喝了以后，比没喝前运动量大的太多了，即使连续运动都不会觉得累，感觉不到疲惫，也就是说体力恢复的很快，更确切来说基本上是忘了自我可以不用休息。</t>
  </si>
  <si>
    <t>运动爱好者，能量补充饮料，国外很火爆的产品，国内极少有，值得一饮，值得收藏。</t>
  </si>
  <si>
    <t>南昌有好玩的地方吗</t>
  </si>
  <si>
    <t>你来了南昌第一天推荐你去南昌市中心转转，八一广场，中山路，步行街，八一起一纪念馆虽然不如一线城市的繁华，但也能体会到南昌的特色。当然逛街途中别忘了去吃小吃，南昌的油炸，水煮很有名，百盛后面有一片小吃聚集地。那不错。接下来应该去去绳金塔，唐朝的古塔。绳金塔周围有很多瓦罐汤和凉拌粉，这也是南昌的特色小吃。</t>
  </si>
  <si>
    <t>南昌好玩的地方多了，有以八一起义纪念锻、八一起义纪念塔，朱德旧居、新四军旧址、贺龙指挥部旧址等为代表的红色景点；有滕王阁、八大山人纪念馆、绳金塔、安义千年古村等为代表的古色景点，有八一大桥，秋水广场，百花洲、天香园、厚田沙漠为代表的休闲景点，有以梅岭景区（包括洪涯丹井、紫青山、柿子峰、长春湖等）、象湖森林公园等为代表的绿色景点。</t>
  </si>
  <si>
    <t>南昌景点可多了，看你怎么玩</t>
  </si>
  <si>
    <t>昌平的一些皇陵啊、温泉、还有流村阳坊那面的风景区也都还不错，还有军都山滑雪银山塔林啊什么的，九龙游乐园、温都水城都非常好，很多很多的</t>
  </si>
  <si>
    <t>1．八一广场，蛮大的。 2．起义纪念碑，南昌人已经习惯它的存在，只有外地人会当景点。（推荐） 3．江西博览馆，以前给毛主席修建的住所，好大，后来主席走了，没用上，现在卖电器的，办展览的。 4．双子楼，蛮现代的感觉，和沃尔玛（全球第一大超市连锁的南昌店5．革命烈士纪念馆（八一大道）要门票 6．百花洲公园（一个蛮60．70年代的公园） 7．南昌八一起义纪念馆（中山路）（推荐） 要门票学生对折大概20多8．中山路购物、胜利路步行街购物（推荐） 9．参观江西师范大学老校区，里面的古老建筑很不错。 参观南昌大学前湖新校区，亚洲第一大校门，和一些堪称庞大的建筑。 10．八一大桥 11．绳金塔（推荐） 12．孺子路饮食一条街 13．秋水广场、青山湖、象湖都是本地人常去的比较近的景点。 14．不得不提——滕王阁。（推荐） 要门票，能不能对折不知道15．赣江 16．摩天轮快可以玩了。五一可能会开业。 50块钱一票！17．安义县千年古村。 来回路费50多，到那几乎不花钱。18．梅岭烧烤、漂流、打野战。门票不少很贵。（推荐） 门票不贵，不要导游的话去玩很划得来。19．西山万寿宫 不详！20.青云谱八大山人纪念馆 要门票。远一点的景点： 20．庐山，名气大，人多啊！ 最好认识当地人，那样游起来就会觉得省钱了。21．龙虎山 得花点钱22．三清山 更远一些23．井岗山。</t>
  </si>
  <si>
    <t>南昌好玩的地方并不多，摩天轮，宝葫芦，厚田沙漠，再就是去泡泡吧。</t>
  </si>
  <si>
    <t>滕王阁，八大山岭，八一起义纪念塔，八一起义纪念碑， 等等</t>
  </si>
  <si>
    <t>夏天去三亚好吗</t>
  </si>
  <si>
    <t>夏天适合去三亚，避暑</t>
  </si>
  <si>
    <t>夏天去三亚不好，紫外线特强</t>
  </si>
  <si>
    <t>我个人建议还是夏天去三亚比较好</t>
  </si>
  <si>
    <t>在春夏、夏秋交换时节、夏天的时候那温度较高，容易晒黑，但是可以下水游泳、潜水，平均温度在30度甚至以上！</t>
  </si>
  <si>
    <t>冬天才是三亚的旅游好季节，风和日丽，气温宜人。夏天三亚酷热难当，人们躲在屋里不愿意出门，避免被晒成非洲人。</t>
  </si>
  <si>
    <t>不学空乘可以当空姐吗</t>
  </si>
  <si>
    <t>可以，只要你长的漂亮，身材好，气质好</t>
  </si>
  <si>
    <t>你只要看哪个航空公司有社招去面试就可以了，不用参加培训，如果你被公司招的话，公司 会对你进行培训！比较经常招的是厦航</t>
  </si>
  <si>
    <t>完全可以的,空乘的专业没有任何限制的.</t>
  </si>
  <si>
    <t>可以的，现在空乘招聘分为社招和校招两种：校招：是面向学校的大学生，也是对乘务专业的学生进行招聘的。社招：是面向社会人员的，这上专业的范围就更宽一些了，只要你的学历是大专以上，身高达到标准都 是可以参加面试的。</t>
  </si>
  <si>
    <t>有机会当空姐</t>
  </si>
  <si>
    <t>不一定，我朋友的妹妹花了10万元才当上了空姐！</t>
  </si>
  <si>
    <t>学习空乘的话，你是为了当空乘去学的，但是学校只是为了让你有当空姐的机会去教，空乘这个专业出来后当空乘的几率并不高，当地勤的几率，酒店服务员，导游，礼仪等职业的相当多，所以奉劝你，如果家里没有关系就不要想着将来能上机了。不过空乘专业教的课程还是对将来有用的。</t>
  </si>
  <si>
    <t>深圳有蹦极的地方吗</t>
  </si>
  <si>
    <t>深圳境内没有蹦极的了</t>
  </si>
  <si>
    <t>目前在深圳没有高空 蹦极开放,以前在小梅沙有，不过已经停了很久啦。</t>
  </si>
  <si>
    <t>高空蹦极现在在深圳没有</t>
  </si>
  <si>
    <t>目前在深圳没有高空蹦极开放</t>
  </si>
  <si>
    <t>深圳 华南首个蹦极跳台位于深圳小梅沙度假村的海滨岩石处，</t>
  </si>
  <si>
    <t>贝玲妃好用吗</t>
  </si>
  <si>
    <t>贝玲妃家的很多产品感觉有些买了是多此一举，可能只用了几次，但有些却一直在用。</t>
  </si>
  <si>
    <t>踏板车可以跑长途吗</t>
  </si>
  <si>
    <t>踏板车完全可以跑长途，事实上无论踏板还是跨骑车都可以跑长途。</t>
  </si>
  <si>
    <t>不能跑，如果实在要跑的话应在80KM后停2个小时。</t>
  </si>
  <si>
    <t>踏板车构造决定它不适合跑长途，但是也有猛人骑踏板进藏，前提是你会修车。</t>
  </si>
  <si>
    <t>可以跑长途，就是时间长了要休息一会儿就行了。</t>
  </si>
  <si>
    <t>不可以。首先。油箱太小，然后，散热不好，最后，故障率高。如果要用踏板车跑长途。首先车况一定要好，然后带上油桶。然后泡一段路休息一下。</t>
  </si>
  <si>
    <t>首先摩托车上不了高速 第二长途你靠摩托车 除非你不嫌累</t>
  </si>
  <si>
    <t>lol自制皮肤 封号吗</t>
  </si>
  <si>
    <t>会的，被查到就会被封号</t>
  </si>
  <si>
    <t>是的。因为自制皮肤的出现影响了部分玩家的心里平衡,所以腾讯最近严管</t>
  </si>
  <si>
    <t>很大几率会封24小时。我就被封过2次。</t>
  </si>
  <si>
    <t>不被发现没人举报就不会封</t>
  </si>
  <si>
    <t>会的，游戏里面会检测出来的，更改游戏文件跟使用外挂的一样处理，3天-3年不等吧</t>
  </si>
  <si>
    <t>一般来说不会的吧，又不用来做坏事</t>
  </si>
  <si>
    <t>我玩的网吧自制皮肤，封了一天</t>
  </si>
  <si>
    <t>之前玩过，倒是没被封。这个属于修改本地文件，官方禁止插件修改，但如果真检测的话，还是有可能被封。</t>
  </si>
  <si>
    <t>月球会发光吗</t>
  </si>
  <si>
    <t>月球本身不会发光，是反射阳光才被我们看到的</t>
  </si>
  <si>
    <t>在晚上月球依旧受到太阳照射，反射太阳光，但由于公转，太阳照射角度在地球上看上去不同，所以有不同的月相</t>
  </si>
  <si>
    <t xml:space="preserve">月亮不会发光。月亮的光是反射的太阳的光。就象你白天可以看见楼房一样。不是楼房能发光而是楼房有反射光的能力（或是散射）。能发光的物体在物理学上我们称之为光源。比如太阳，星星，点亮的蜡烛（没有点亮的就不是了因为他不能发光）等等。月亮也不是光源不能发光。只能反射光。我们周围的所有物体都能够反射光线（理论中的黑体及传说中的黑洞除外）。月亮自己不能够发光，它反射太阳的光线就是我们看到的月光。不光滑的月球表面对太阳光形成漫射，光线进入地球的大气层进入我们眼睛就成了我们看到的皎洁的月亮光了。所以如果月亮表面像镜子一样光滑的话，我们将看不到明亮的月亮了。 </t>
  </si>
  <si>
    <t>因为月亮反射了太阳的光线</t>
  </si>
  <si>
    <t>说白了，月亮发光只是一种反射原理。月亮本身是个小天体，跟地球比起来还要小，自身内容的核反应很弱，自身释放出高强电子或光能很弱。而物体本身都具有漫反射的能力，月亮就是这样反射太阳光的。它不象一面平面镜一样反射能力强，所以光信号有些弱。一般都是有柔和来形容月光就是这个原因了。而月亮每个月都有圆缺是因为太阳、地球、月亮这三都之间的位置影响而产生的。</t>
  </si>
  <si>
    <t>月亮本身是不发光的，它能发光是靠太阳的反射光。</t>
  </si>
  <si>
    <t>茶能提神吗</t>
  </si>
  <si>
    <t>能.. 什么茶也可以提神</t>
  </si>
  <si>
    <t>茶同时具有提神和养神两方面的作用，提神作用可以使大脑清醒灵活，而养神作用则具有抑制、安神的作用。当茶叶刚泡开大约3分钟左右时，茶叶中大部分的咖啡碱就已溶解到茶水中了。这时的茶就具有明显的提神功效，使人兴奋。而再往后，茶叶中的鞣酸逐渐溶解到茶水中，抵消了咖啡碱的作用，就不容易再使人有明显的生理上的兴奋。饮茶对人体中枢神经有兴奋的作用，其药理作用主要由其所含的黄嘌呤衍化物、咖啡碱及茶碱所产生。茶叶中的咖啡碱和芳香物质是兴奋剂，能兴奋大脑中枢神经系统。据研究喝茶和喝咖啡虽然都有提神的作用，但喝咖啡会导致动脉硬化，而喝茶却能抑制动脉硬化。这是因为茶叶中含有较多的茶多酚和维生素C，可以有效地消除咖啡碱的不良作用。</t>
  </si>
  <si>
    <t>茶一直被认为是提神的首选</t>
  </si>
  <si>
    <t xml:space="preserve">喝绿茶会提神 ，晚上喝茶也睡得好 ，很多人因为怕晚上睡不着觉，所以不敢喝茶。中国农科院茶叶研究所的江和源教授告诉大家，其实，茶叶同时具有“提神”和“养神”两方面的作用，既可 以使大脑更清醒灵活，也可以抑制脑神经的过于兴奋，让人们容易入眠，关键看你怎么喝。 喝茶要看体质“下单”--夏天，茶是人们喜欢的饮品，不过医学专家提醒： 喝茶需辨清体质，适当饮用，否则极易伤身。 </t>
  </si>
  <si>
    <t>茶有提神功效。茶叶的咖啡碱能兴奋中枢神经系统,帮助人们振奋精神、增进思维、消除疲劳、提高工作效率。</t>
  </si>
  <si>
    <t>茶中的咖啡因能提神。</t>
  </si>
  <si>
    <t>睡旧床风水有问题吗</t>
  </si>
  <si>
    <t>床别人睡和自己睡都是一样的，但死人的床不能睡。其他的情况床谁睡都和风水没关系。</t>
  </si>
  <si>
    <t>如果你是一个信风水的人，最好不要睡二手床，因为你不知道这床曾经有“哪些人”睡过！并且如若是自己的床也不宜丢或卖！</t>
  </si>
  <si>
    <t>三个小朋友分5块糖.要求每人都分到糖,但每人分到的糖块数不能一样多,你能分吗?</t>
  </si>
  <si>
    <t>不可能，因为假如同学名为a.b.c.a若得到四块就只剩下一块，不够两人分（每人都能得到）。若a得到三块5-3=2块，在两人都能得到糖的前提下，两人必须每人各一块，则糖数便一样多。若a得到2块则5-2=3块，两人要想都得到糖的话，必须b两块，c一块。或b一块，c两块。则肯定有一人和a的糖数一样多。若a得到一块，5-1=4块b和c的分法为：b 2块，c 2块或b1块c 3块抑或c1块，b2块。则糖数一定会一样。所以不可能。</t>
  </si>
  <si>
    <t>化成糖水，三个人把糖水喝了，肯定喝的不一样多。</t>
  </si>
  <si>
    <t>不能啊，假定每个人的都是双数，总数加一起肯定是个双数，但是总数是11，所以是不能的</t>
  </si>
  <si>
    <t>现在vagaa还能用吗</t>
  </si>
  <si>
    <t>哇嘎已经落伍了</t>
  </si>
  <si>
    <t>还 能看 的</t>
  </si>
  <si>
    <t>孕妇能吃西葫芦</t>
  </si>
  <si>
    <t>孕妇是可以吃西葫芦的。对胎儿及孕妇本身都是有好处的，没有不良影响的。</t>
  </si>
  <si>
    <t>孕妇适当吃点西葫芦没有任何影响</t>
  </si>
  <si>
    <t>你好，可以吃的，少量即可。</t>
  </si>
  <si>
    <t>西葫芦孕妇是可以食用的！</t>
  </si>
  <si>
    <t>海豚有毛吗</t>
  </si>
  <si>
    <t>查了一下，海豚体表还是有毛的。这个鲸和海豚的幼体体表有毛这个是很明显的。即使成年最后 海豚还是有少量的体毛。</t>
  </si>
  <si>
    <t>无毛。</t>
  </si>
  <si>
    <t>很滑的皮,没毛的</t>
  </si>
  <si>
    <t>百度百科上说，外表光滑的鲸科其实在身体的某些部位也有少量毛发。</t>
  </si>
  <si>
    <t>很滑的皮,没毛。</t>
  </si>
  <si>
    <t>是属于哺乳动物，少量的体毛还是有的。</t>
  </si>
  <si>
    <t>没有体毛，远古时代它是有体毛的，但是经过进化体毛逐渐没有了。</t>
  </si>
  <si>
    <t>路饭分享中心能用吗?</t>
  </si>
  <si>
    <t>百度搜索，路饭分享中心，点击爱奇艺，对话框输入223366，输入验证码，点击获取按钮</t>
  </si>
  <si>
    <t>脚趾外翻矫正器有用</t>
  </si>
  <si>
    <t>可以通过网上买</t>
  </si>
  <si>
    <t>应该有一点用吧</t>
  </si>
  <si>
    <t>拇外翻矫正器用于拇外翻和脚趾变形人群矫治，矫正和限制拇趾畸形发展，通过对拇趾两侧的压力趋于平衡控制，改善畸形的角度和拇趾受力状况，使拇趾骨骼处于正常人体生物力学位置，逐步使疼痛和畸形症状得到缓解和康复。</t>
  </si>
  <si>
    <t>拇外翻主要是遗传和穿鞋不当导致的，平常要少穿高跟尖头鞋多穿宽松一点的鞋子的。拇外翻是可以用矫正器矫正的需要了解自己是第几阶段然后使用对应的产品，矫正器是物理矫正和矫正牙齿的原理是一样的需要坚持的。</t>
  </si>
  <si>
    <t>跟我一样，我之前也是因为脚骨突出不敢穿凉鞋，但是我去买了矫正器戴了2个多月，好多了，虽然不是完全恢复，不过我觉得已经可以了，叫乐姆矫正器，你可以去看一下，比较一下。</t>
  </si>
  <si>
    <t>英雄联盟可以对好友隐身吗</t>
  </si>
  <si>
    <t>lol英雄联盟里不可以像qq里的在线对其隐身一样让别人暂时看不见自己在线</t>
  </si>
  <si>
    <t>不能。只能更改自己的在线状态，或者将对方删除好友</t>
  </si>
  <si>
    <t>在客户端里没有隐身 但你可以点离开 装作不在</t>
  </si>
  <si>
    <t>LOL暂时无法把自己的状态改为隐身，可以改为离开状态</t>
  </si>
  <si>
    <t>不能。可以把自己设置为忙碌，就是那个灯点成黄色，然后下面签名上写正在游戏中或者离开。混在很多正在游戏的人里很难找的。</t>
  </si>
  <si>
    <t>没有办法直接在游戏里隐身</t>
  </si>
  <si>
    <t>不可以，都是在线的。</t>
  </si>
  <si>
    <t>兜厉害吗</t>
  </si>
  <si>
    <t>兜不论是从原来看还是现在看都是一名实力出众的和聪明的忍者1。</t>
  </si>
  <si>
    <t>兜嘛实力肯定是不错了</t>
  </si>
  <si>
    <t>201512月31号检查出有过期食品直接关门可不可以不交罚款</t>
  </si>
  <si>
    <t>没收过期食品</t>
  </si>
  <si>
    <t>不用理他，看你已关门不会再追究了</t>
  </si>
  <si>
    <t>即使你关门了。也会被罚，有行政强制措施。</t>
  </si>
  <si>
    <t>二氯甲烷和水互溶吗</t>
  </si>
  <si>
    <t>不溶了</t>
  </si>
  <si>
    <t>一定比例混合下，由于异丙醇溶于水，二氯甲烷溶于异丙醇，所以可以溶解；但是不是所有比例都会溶解</t>
  </si>
  <si>
    <t>天龙八部要钱吗</t>
  </si>
  <si>
    <t>楼主你真有钱，每天花1W？ 一年就是365W？</t>
  </si>
  <si>
    <t>搞一身9级石头 装备自己做 不是星星全亮的 那种不穿！装备强到10！宝宝自己洗 资质 不到8000的不要 ！</t>
  </si>
  <si>
    <t>很花钱的啊！</t>
  </si>
  <si>
    <t>不用月卡，但花的钱比用月卡的还多N被这个游戏是烧钱的祖宗，不投万了八千的 根本没法玩，组队下副本都不好租！这个游戏我投了5W，才混个比一般强点满5逍遥留过</t>
  </si>
  <si>
    <t>说是也是，说不是也不是，看你充不充钱了，不充钱起来慢，但是现在补充钱满4没什么问题</t>
  </si>
  <si>
    <t>是免费网游，玩家无论是下载、安装、注册、进入游戏进行游玩都不收取任何费用，但游戏内的道具实行有偿消费。</t>
  </si>
  <si>
    <t>平常玩的时候是不用钱的，但是我要说一句，天龙八部这游戏是非常烧钱的，装备都是要打宝石的，不打宝石没用的，而且宝石最好要打4级以上的，大约是50元一颗，不打宝石玩不下去的，打神器等各方面都是要钱的，适合RMB玩家去玩，平民玩家趁早收手，是个无底洞！＃＃玩游戏是不收费的，不过任务太多了，经验也不高。还过的去。这个游戏有点太过了。＃＃游戏可以免费玩，但如果不花钱就显得比其他玩家要弱了，当然，你有毅力可以在游戏里赚钱~祝LZ开心游戏o(∩_∩)o</t>
  </si>
  <si>
    <t>玩天龙八部，不花钱的话，真的很难过啊，刷宝宝去卖那是不可能的是，会被别人杀掉的，跑商的话，超级无聊的，还不如直接看电影，刷副本的话，装备太垃圾都不要的，别人要的是效率。＃＃可以，但比较难，你每天除了必要的修炼心法等支出，还能余几百金的话半年内打全四应该问题不大。天龙八部虽然烧钱，但追求不高也是可以玩的，比如龙纹，真元，宝宝，时装等，如果非得追求什么稀有极品的，那就费钱了</t>
  </si>
  <si>
    <t>不花钱也是可以玩的，但是必须要花大量的时间才能玩上去。</t>
  </si>
  <si>
    <t>看你想怎么玩，要是想花钱，那么就拿RMB狠命砸，不过么，要是砸了钱还在游戏里混不下去，那么，建议你就别砸了；要是不想花钱，那么，做纯生活玩家，就是花的时间多</t>
  </si>
  <si>
    <t>只要你有头脑，也可以在游戏里不花一分钱就可以玩好的，有些人就是这样，不过要花时间而已，偶尔充点也没事，游戏，娱乐而已嘛</t>
  </si>
  <si>
    <t>做鼻子打全麻对身体不好吗?</t>
  </si>
  <si>
    <t>全麻本身就比较危险，因为它要对呼吸循环都有一定的麻醉、抑制，术后还要观察几个小时。</t>
  </si>
  <si>
    <t>全麻一般是不会有什么后遗症的。</t>
  </si>
  <si>
    <t>全麻不可能绝对安全。</t>
  </si>
  <si>
    <t>皮裤保暖吗</t>
  </si>
  <si>
    <t>挡风，暖和，带点绒的更好</t>
  </si>
  <si>
    <t>皮衣挡风不挡寒，皮衣里面穿上保暖</t>
  </si>
  <si>
    <t>不是，皮裤的触感，会有一种低于体温的感觉，这么形容吧，你冬天摸一块铁，会觉得很冷，摸一团棉花就很温热，哪怕棉花松松软软的，看起来很透风。皮裤么，挡风是不错，但是我觉得并不会特别保暖。</t>
  </si>
  <si>
    <t>华南师范大学的小学教育研究生专业有分方向吗</t>
  </si>
  <si>
    <t>主要是做教师。学科教学以及课程与教学论都是主要做教师，但是前者是专业型，后者是学术性。区别是前者注重实践，后者是注重学术研究。但是实际的课程安排大部分相同，并且，一般学院会相对重视后者的培养。当然现在都没有公费的了，可能很多人为了自己的考虑，选择前者，早一年出来工作。但是，学科教学是专业型，可能想读博士就有一定影响，因为国际上是学术性才可以读博，但是我一个师姐是学科教学的，她也考博士了。</t>
  </si>
  <si>
    <t>直接去官网查看就好了</t>
  </si>
  <si>
    <t>333综合和小学教育学管理</t>
  </si>
  <si>
    <t>华南师范大学学前教育专业现设四个研究方向：学前教育基本理论研究、学前教育课程研究、学前儿童发展与教育、学前家庭教育研究。</t>
  </si>
  <si>
    <t>ems快递慢吗</t>
  </si>
  <si>
    <t>邮政是最慢的</t>
  </si>
  <si>
    <t xml:space="preserve">根据地区远近，1－4天到达。 </t>
  </si>
  <si>
    <t>EMS是所有快递当中最慢的，除非是与卖家有合作关系，2,3天能到，不然的话，将近一个月也是有的。</t>
  </si>
  <si>
    <t>鉴于你这情况你再打电话催催了，有的货到了，邮政不打电话通知的！上次我邮东西，15天了，货都到了，就是不通知你！自己等着急了过去查，才拿到的！</t>
  </si>
  <si>
    <t>过期的维生素c能吃吗</t>
  </si>
  <si>
    <t>过期的药物，最好不要服用</t>
  </si>
  <si>
    <t>不能吃，过期了成份都变质了！维生素变成毒素吃了对健康是有影响的！</t>
  </si>
  <si>
    <t>当然不可以。过期的食品都是不可以吃的，何况生素C。为自己的健康着想，不要吃过期的东西</t>
  </si>
  <si>
    <t>无论是药，还是食品，只要过期？千万不可再食用！ 维生素C过了有效期，就是失效的药品！不能再吃。 如果舍不得扔弃，也可以浇花、喂金鱼。</t>
  </si>
  <si>
    <t>汽车抬头显示器对汽车有影响吗</t>
  </si>
  <si>
    <t>对车内电子系统是没有影响的，但是停车观看多媒体时尽量时间别太长以免放点过多影响电瓶的寿命。</t>
  </si>
  <si>
    <t>加装抬头显示，对车不会有什么影响的</t>
  </si>
  <si>
    <t>很多的影响，比如说artsure来说，一个hud抬头显示器高配的可以监控你轮胎压力情况，用油损耗情况，配备的obd能够检测你车子的故障情况</t>
  </si>
  <si>
    <t>HUD只是读取车系统的数据然后投影到挡风玻璃上，不会有不良影响</t>
  </si>
  <si>
    <t>汽车抬头显示器主要是利用光的反射，在前挡风玻璃上显示汽车的一些参数，如速度，里程等，使用汽车抬头显示器时在高速行驶时,特别是夜间高速行车时,可以避免驾驶员低头观看仪表显示或观看音响显示,在前方遇有紧急情况就有可能因来不及采取有效措施而造成事故，进而提高驾驶的安全性。</t>
  </si>
  <si>
    <t>加装抬头显示不会对车辆有什么影响，但是一般没有必要去折腾，抬头显示原理非常简单，就是通过连接OBD接口读取行车电脑数据，然后显示到大屏而已。</t>
  </si>
  <si>
    <t>没必要装</t>
  </si>
  <si>
    <t>游泳能塑形吗</t>
  </si>
  <si>
    <t>能，游泳是全身运动所以能很好的燃烧脂肪，并且经过一段时间的游泳运动，身体的肌肉轮廓会变得粗壮，很好看，特别是肩部和3角肌部分，每天一次就好。</t>
  </si>
  <si>
    <t>可以，游泳和打羽毛球对身材最好！</t>
  </si>
  <si>
    <t>可以的，因为游泳消耗的能量很大</t>
  </si>
  <si>
    <t>游泳是一项综合肌肉群锻炼的运动,不会像举亚林那样的空气阻力训练而显的肌肉很大,硬.如果你长期有计划的进行规律的训练锻炼出的肌肉是柔软而看上去长线条的肌肉</t>
  </si>
  <si>
    <t>前海人寿上市了吗</t>
  </si>
  <si>
    <t>没有，前海人寿并不是上市公司</t>
  </si>
  <si>
    <t>中国人寿，全球500强排名54，大陆、香港、美国三地上市公司，一直是国内保险业老大。</t>
  </si>
  <si>
    <t>tct有必要出炎症等级吗</t>
  </si>
  <si>
    <t>有炎症不能做TCT的，以免出现严重的假象，结果不准的。建议积极治疗炎症，停药五天后再做TCT检查，排除宫颈的癌前病变。</t>
  </si>
  <si>
    <t>有必要的，很多女性HPV有问题，但是没有病变，检查TCT就是阴性。</t>
  </si>
  <si>
    <t>算卦真的准吗</t>
  </si>
  <si>
    <t>易经算命是中国五千年流传下来的魁宝文化，是任何人都无可置疑的。</t>
  </si>
  <si>
    <t>有真才实学是准的</t>
  </si>
  <si>
    <t>都是骗人的</t>
  </si>
  <si>
    <t>信则有，不信则无，我始终相信命运是掌握在自己的手中，不过我挺相信运气的，因为好多事情解释不清~</t>
  </si>
  <si>
    <t>做b超男女准吗</t>
  </si>
  <si>
    <t>别提了所有看性别里B超最不准了，开始我同学一胎是个男孩子，二胎怀孕5个月的时候去检查说是女孩就找的熟人查的，结果一直就当女孩子养，说当时是男孩就流掉，生下来是个男宝宝一家人都愁死了。</t>
  </si>
  <si>
    <t>已经怀孕了，且已经有四个月以上,应该能检查出来的.</t>
  </si>
  <si>
    <t>我有两个孩子,小的四个月了.说实话,我都是六个月左右做的B超.但是,我周围的朋友都是四五个月去做的.怎么说呢,最主要的和婴儿的胎位有很大的关系.我的两个孩子当初都是脸朝外,就好看男女,我姐怀孕时,婴儿整个身子都朝里,就没法看,所以,最主要的还是你找的B超师</t>
  </si>
  <si>
    <t>6个月是最准确的</t>
  </si>
  <si>
    <t>怀孕20周左右的B超检查很容易就能看出胎儿性别，当然前提是，给你做B超的医师能看到关键部位。在这个时期，男孩和女孩的差别已经很明显了。随着你孕期的进展，这种差别会变得更加容易辨识。如果你的宝宝周围包裹着足够的羊水，而且他的脚也没有别在两条腿中间，那么孕晚期的B超通常能鉴别出胎儿的性别。 但是，在较早的孕周，要通过B超胎儿性别鉴定，就没有那么容易了。</t>
  </si>
  <si>
    <t>春运火车票是一次放完吗</t>
  </si>
  <si>
    <t>是的，除了T和Z开头的部分车次会预留1节车厢的卧铺票，其他都是提前30天一次性放完。</t>
  </si>
  <si>
    <t>应该不会，但大部分票会提前售票，有几趟车或许会晚些才能购买。</t>
  </si>
  <si>
    <t>火车票是一次性放票的</t>
  </si>
  <si>
    <t>节假日火车票一趟车票放票是一次性放完</t>
  </si>
  <si>
    <t>应该不是一次放完的</t>
  </si>
  <si>
    <t>不会的，中间还有临客那，不过春运期间的火车票的话是比较难预订的，如果需要的话建议到火车站窗口在尝试下。</t>
  </si>
  <si>
    <t>念佛经真的可以治病吗</t>
  </si>
  <si>
    <t>念佛确实可以治病，而且是治比较难以用中西医治好的病。</t>
  </si>
  <si>
    <t>不可以的，生病的话，需要去医院，听从医生的医嘱，这样病才会好。念佛经只是让你内心得到一种慰藉，是可以让你精神上得到一点支持，但是不能治病。</t>
  </si>
  <si>
    <t>不能，有些因为情绪生的病可以调理下，治病不可能。</t>
  </si>
  <si>
    <t>心态会对一个人的健康有着不可忽略的作用，但有病还是去医院比较靠谱</t>
  </si>
  <si>
    <t>念佛可以治病，但不能放弃医院吃药治疗。</t>
  </si>
  <si>
    <t>西南航空职业技术学院 很坑吗</t>
  </si>
  <si>
    <t>四川西南航空职业学院是经批准成立的全日制航空高职院校，是全国唯一一家专门培养航空人才的民办高职学院。</t>
  </si>
  <si>
    <t>毕业证是半脱产的基本没什么用 总之很坑</t>
  </si>
  <si>
    <t>练太极能治好癫痫吗</t>
  </si>
  <si>
    <t>太极属于国粹，调理身体机能非常强，对于脑梗患者和癫痫患者而言，自身技能失调，信号传导异常是病后恢复大敌，而经常练太极，可以有效改善身体机能，促进信号传导问题</t>
  </si>
  <si>
    <t>太极拳可以帮助脑梗死患者康复，对于癫痫患者没有什么好的效果。</t>
  </si>
  <si>
    <t>癫痫是精神上的一种疾病，两个之间并没有什么必要联系。但是经常锻炼，对疾病还是有好处的!</t>
  </si>
  <si>
    <t>长崎能住人吗</t>
  </si>
  <si>
    <t>核污染的危害，事实是被严重夸大了，原子弹爆炸造成核污染，使人类无法居住，只限于地面核爆炸和超低空核爆炸的情况，但是实际攻击城市时，地面核爆炸将使原子弹的破坏范围大大下降，因此，广岛和长崎的原子弹爆炸高度都在数百米，甚至上千米，这样，原子弹的杀伤范围可以大大扩大，而对地面的污染就很小，更多的是污染大气，通过风的吹动，大气的稀释作用，危害已经基本可以忽略了</t>
  </si>
  <si>
    <t>海星有大脑吗</t>
  </si>
  <si>
    <t>海星是软体动物所以没有大脑，他们是靠身体内的神经中枢来感觉周围的环境的</t>
  </si>
  <si>
    <t>海星属软体动物，是较为原始的低等动物。与其同级别的很多软体动物都没有脑袋。</t>
  </si>
  <si>
    <t>海星有脑袋。</t>
  </si>
  <si>
    <t>海星是棘皮动物下的一个纲的动物的名称，下分海燕和海盘车两科，一般海星有五条腕从身体中间伸出，海星的骨骼不能动，靠它的水管系统移动，在它胳膊上的水管系统上有很多凸出的小管足，用来吸水和抓食物，海星是没有脑袋的海洋生物。</t>
  </si>
  <si>
    <t>海星因为生活在海底,又有再生功能所以对环境要求不严格,导致长期不进化,所以就没有大脑,或者说进化的方向不同</t>
  </si>
  <si>
    <t>海星、墨鱼那类软体动物，除非进化出主要骨骼，不然是不会进化出脑部的</t>
  </si>
  <si>
    <t>北京助力车要上牌吗</t>
  </si>
  <si>
    <t>看车的发动机，小于100的全部不用上牌的，</t>
  </si>
  <si>
    <t>国家规定是需要上牌的，任何车辆都需要上牌</t>
  </si>
  <si>
    <t>汽油机助力自行车不需要驾驶证。但是需要上非机动车牌照。</t>
  </si>
  <si>
    <t>行李箱24寸可以带上飞机吗</t>
  </si>
  <si>
    <t>乘坐飞机时24寸的拉杆箱不能带上飞机，体积超了。</t>
  </si>
  <si>
    <t>带不了，尺寸太大只能托运，能直接带上飞机标准是20英寸。</t>
  </si>
  <si>
    <t>不能，24英寸的行李箱需要托运，根据中国民航局的规定，随身行李体积不能超过20x40x55cm，每件不超过7kg</t>
  </si>
  <si>
    <t>20寸以内的行李箱可以随身带</t>
  </si>
  <si>
    <t>正常人能吃六味地黄丸吗</t>
  </si>
  <si>
    <t>既是正常人，就不需要吃药</t>
  </si>
  <si>
    <t>肾阳虚的人不宜服用六味地黄丸。</t>
  </si>
  <si>
    <t>不建议吃的，一般是调理肾阴虚用的，如果您有什么不适的话，建议先检查再用药</t>
  </si>
  <si>
    <t>肾阳虚的人不能服用六味地黄丸。</t>
  </si>
  <si>
    <t>不是承重墙能挂热水器吗</t>
  </si>
  <si>
    <t>可以不挂在承重墙上</t>
  </si>
  <si>
    <t>一般而言，为了安全，都是安在承重墙上，因为热水器自身有一定的重量再加上通水后，水的重量和热水器自身的重量就增加了几倍，如果不安在承重墙上安装的拉涨螺丝就很容易松脱，做成热水器整体掉下来。</t>
  </si>
  <si>
    <t>要看墙的厚度</t>
  </si>
  <si>
    <t>可以，不管什么热水器都行。</t>
  </si>
  <si>
    <t>与是不是承重墙没有关系的，关键是要看墙体是用什么材料砌筑的。如果是红砖砌筑的单墙，是可以安装热水器的；如果是轻质砖砌筑的，或者是用空心砖砌筑的墙体，可以用对穿螺丝来固定热水器的架子，然后把热水器安装上去即可。</t>
  </si>
  <si>
    <t>不是承重墙，也有可能挂，先问下开发商，问问墙是空心还是实心，实心的基本上就没问题，空心的话就得打穿墙螺丝或者做架子吊在棚顶了</t>
  </si>
  <si>
    <t>安卓手机root好不好</t>
  </si>
  <si>
    <t>ROOT了官方不保修，就这一点，对手机倒是没什么影响，ROOT后可以删除一些手机的自带软件。</t>
  </si>
  <si>
    <t>安卓手机的ROOT：即为获取最高的权限，就跟电脑获取超级管理员一样的!因为厂家怕你不懂手机系统就设置了这样一个权限。你的手机没ROOT之前，你是以一个使用者的身份在用这个手机。你只能被动的使用里面的一些功能，或者在不影响系统全局的情况下安装一些新的程序。而ROOT之后呢?你就变成了一个开发者的身份。就是说你可以深入的编辑这部手机了。手机的系统你可以更改。手机的内存你可以自主分配。原来自带的软件你也可以删除卸载。甚至说如今安卓系统的“刷机”说简单点你的手机ROOT了之后你就可以深入的弄手机系统了，但是安卓手机ROOT 。</t>
  </si>
  <si>
    <t>当然不好，容易导致系统崩盘。</t>
  </si>
  <si>
    <t>真丝贵吗</t>
  </si>
  <si>
    <t>【真假真丝面料鉴别】　　1、品号：品号由5位阿拉伯数字组成，这5位数字从左向右的第一位数，全真丝织物(包括桑蚕丝、绢丝)为“1”。　　2、价格：全真丝织物的价格大约是化纤、仿真丝绸缎的一倍左右。　　3、外观：真丝面料的外观光泽幽雅柔和，像珍珠的光泽；手感柔软光滑，富有弹性，容易起皱；仿真丝外观的色泽不如真丝柔和，比较刺目，手感挺括，易出折痕，且不易恢复原状。　　4、真丝纤维遇火会缓慢燃烧，缩成一团，燃烧时发出烧毛发的臭味，没有明火，燃烧后会形成易碎的黑褐色微粒；仿真丝面料遇火会有火苗，燃烧后边缘会有硬质胶块产生。</t>
  </si>
  <si>
    <t>春蚕到死丝方尽，知道真丝的贵了吧</t>
  </si>
  <si>
    <t>不贵，穿起来还是不错的。</t>
  </si>
  <si>
    <t>还有一般掺莱卡或者弹力纤维的比较贵一些，一来制作成本高了，二来在印染方面，掺了其它成份印染技术要求也高了。但是要注意的是，如果真丝含量在60%以下，这个真丝衣服已经没有真丝的舒适度了，如果40%以上是涤纶，那价值也不高。</t>
  </si>
  <si>
    <t>真丝裙子肯定，如果确实为真丝面料的真丝连衣裙，至少700~800以上。</t>
  </si>
  <si>
    <t>女人喜欢被舔咪咪吗</t>
  </si>
  <si>
    <t>不喜欢，你提这个问题我都想吐</t>
  </si>
  <si>
    <t>有护士证的护士好找工作吗</t>
  </si>
  <si>
    <t>今天护考成绩又出来了。护士是一个职业，公立医院，私立医院都可以进。 有证的护士只是多了几百块钱。</t>
  </si>
  <si>
    <t>看你的实力，还有要看单位的实际情况，总的来说：护士有了执业证之后会比较容易找工作。</t>
  </si>
  <si>
    <t>有人，有钱，好找</t>
  </si>
  <si>
    <t>好找的</t>
  </si>
  <si>
    <t>那要看你去什么医院，要待遇好，工作强度低，工作环境好的医院不找关系，估计很难，医院现在挑实习生要求高得很</t>
  </si>
  <si>
    <t>不难，只要你有能力。</t>
  </si>
  <si>
    <t>不难，有证的很容易的</t>
  </si>
  <si>
    <t>2014支持4g吗</t>
  </si>
  <si>
    <t>W2014支持使用电信4G卡, 但仍只支持电信3G网络.</t>
  </si>
  <si>
    <t>三星w2014是双卡双模的，卡1支持电信3g，卡2支持移动联通2g，但不能支持4g，就算插入4g卡也只能支持2g或者3g的网络。</t>
  </si>
  <si>
    <t>不支持电信4G网络</t>
  </si>
  <si>
    <t>根据您的疑问，三星W2014是一款电信3G双卡手机，卡槽1支持电信2G/3G网络，插入电信卡可以实现上网、通讯的功能；卡槽2仅支持移动/联通2G网络，支持通话和收发短信/彩信功能。此款机器升级到KEUBNH1版本后可以使用G网SIM卡上网。手机不支持4G网络。</t>
  </si>
  <si>
    <t>支持联通2G ; 移动2G ; 电信3G/2GW2014 不支持4G网络.</t>
  </si>
  <si>
    <t>玻尿酸副作用吗</t>
  </si>
  <si>
    <t>玻尿酸一般都是用在护肤品上，如果皮肤没有损伤，一般是不会有副作用的。</t>
  </si>
  <si>
    <t>玻尿酸是人体真皮组织之一，所以对自身不会出现排斥等毒副作用；它也不是蛋白质，因此引起过敏反应的机会就减少许多。不过任何东西都不是百分百完美的，它也有些许不足之处。如注射后可能会产生暂时性的轻微发红、肿胀、瘙痒现象，不过这些也是所有手术的基本症状，通常在几天后消失。</t>
  </si>
  <si>
    <t>有的.</t>
  </si>
  <si>
    <t>你打正品就没有副作用。假的吸收不了</t>
  </si>
  <si>
    <t>玻尿酸的副作用几乎是没有的，玻尿酸可以达到你想要的美容效果，但任何东西都不是百分百完美的，它也有些许不足之处，就是不能够在体内长久存在。用玻尿酸原液擦脸对于玻尿酸的吸收是很微弱的</t>
  </si>
  <si>
    <t>轮胎有内胎吗</t>
  </si>
  <si>
    <t>大型车辆的就有，中小型车就基本没有了</t>
  </si>
  <si>
    <t>有内胎胎又叫防爆胎</t>
  </si>
  <si>
    <t>有内胎轮胎主要是斜交胎和载重型的子午线钢丝胎。</t>
  </si>
  <si>
    <t>现在的新车一般都没有内胎，补的话，有火补，还有补丁，大车一般是火补</t>
  </si>
  <si>
    <t>真空轮胎是没有内胎的，一般用于小型车辆，真空轮胎的抗压能力相对弱，货车和大客车依旧需要有内胎的轮胎。</t>
  </si>
  <si>
    <t>目前乘用车轮胎（轿车、SUV等）基本使用的都是无内胎轮胎。</t>
  </si>
  <si>
    <t>洗面奶天天用好吗</t>
  </si>
  <si>
    <t>可以天天使用</t>
  </si>
  <si>
    <t>看个人肤质</t>
  </si>
  <si>
    <t xml:space="preserve">一般洗面奶都可以天天用，但是含有磨砂成分的洗面奶，即使是标明可天天用，也尽量不要每天使用。 </t>
  </si>
  <si>
    <t>如果你的洗面奶是弱酸性的可以天天洗。</t>
  </si>
  <si>
    <t>洗面奶不仅不会使毛孔变大，还有一些洗面奶有收缩毛孔的功效。毛孔为什么会变大？先要找出让你毛孔粗大的原因，对号入座，给自己一个精确的拯救方案！</t>
  </si>
  <si>
    <t>洗面奶做为正常的洁面产品是可以每天使用的。</t>
  </si>
  <si>
    <t>普通洗面奶可以天天用，但去角质类的则不能了</t>
  </si>
  <si>
    <t>洗面奶是每天早晚都要用的,一般的清水是洗不干净的,而且洗面奶是不会伤害皮肤的(但是必须是大厂家的产品,小作坊的东西可想而知了,没有保障),洗面奶能够洗净脸部污垢的同时，保持肌肤的天然保水屏障，抗氧化，抑制黑色素生成，抑制更年期之皮肤变薄及胶原蛋白的丧失。但是我们的皮肤毛孔里面会随着时间的推移,里面会积累一些污垢,这时候用一般的洗面奶或是清水就洗不干净了,所以就要用磨砂膏和深层的面膜,面膜的功效</t>
  </si>
  <si>
    <t>海捣网的奶粉是真的吗</t>
  </si>
  <si>
    <t>我买过几次对比了一下跟香港买的， 细节上一模一样，试了下口感也一样 几个朋友也买过都没什么问题，应该是真的</t>
  </si>
  <si>
    <t>不保险,我就买了一回假的最好找一个可靠的代购保险直接邮寄回来，我就是朋友推荐的她侄女直接从国外邮给我</t>
  </si>
  <si>
    <t>被坑了，爱他美的奶粉孩子吃了竟然上火非常严重，嘴角起了好大的泡</t>
  </si>
  <si>
    <t>不要买海捣网的东西。奶粉爆罐结团还不予处理，售后态度恶劣，垃圾。</t>
  </si>
  <si>
    <t>固态硬盘和普通硬盘能一起用</t>
  </si>
  <si>
    <t>固态硬盘和普通机械硬盘可以一起使用，通常用法是将系统安装在固态硬盘中，而将数据保存在机械硬盘，这样可以加快电脑的运行速度，同时又能存储大量的数据。</t>
  </si>
  <si>
    <t>固态用来做系统盘和软件，机械盘做存储，分区的时候固态注意4K对齐就可以了。如果你固态硬盘特别小的话比如16G、24G之类的可以做成缓存。</t>
  </si>
  <si>
    <t>一般是可以的。固态硬盘和普通硬盘本质是没区别，只是速度上有区别而已。</t>
  </si>
  <si>
    <t>电脑机箱中是否有双硬盘位置，也就是说，机箱中能否同时安装双硬盘</t>
  </si>
  <si>
    <t>好。而且这是最佳安装方法。</t>
  </si>
  <si>
    <t>皮衣可以熨吗</t>
  </si>
  <si>
    <t>先把熨斗温档调在中档上，再把皮衣上铺上一条毛巾之类的棉布就可以熨烫了。</t>
  </si>
  <si>
    <t>当然可以啊，我们自己开皮衣厂的 就是自己找工人烫得，在上面跌个布，再烫，不能直接接触皮烫得可以烫，不过要垫一块布在上边才可以汤</t>
  </si>
  <si>
    <t>不可以熨烫的一、皮衣因皮革的分类不同在使用与保养过程中应特别注意，磨面皮与本染光面皮不可上油、不可。喷漆，所有皮衣都不可用鞋油擦拭上光。二、 皮革服装应注意防潮，否则一旦受潮发霉，皮衣就会失去光泽，影响牢度。皮衣如沾上雨水，应立即用毛巾或干净的布吸干水分，并放置在阴凉通风处晾干，切勿曝晒、烘烤，否则皮衣就会变硬或收缩。＃＃可以，需要蒸汽烫，先把熨斗温档调在中档上，。再把皮衣上铺上一条湿毛巾之类的棉布就可以熨烫了。不过建议去干洗店让人帮烫单纯烫一下不干洗很便宜的＃＃千万不可以，除非你想穿翻毛皮衣。</t>
  </si>
  <si>
    <t>可以，需要蒸汽烫，先把熨斗温档调在中档上</t>
  </si>
  <si>
    <t>谁说不能？我自己开皮衣厂的，皮衣出厂时都要经过熨烫的。看你的是什么皮衣，如果是休闲款的水洗或者植鞣这种绵羊皮的，本身就是皱的风格，平面的衣服，如果自己要熨烫就像之前一位网友说的，找一块布垫上再熨，切记千万不可直接在皮表面熨烫，不然后果就是皮面变硬然后破损，我有客户就这样到干洗店里洗了一下，结果那种店里这个经验也没有，直接烫了，导致客户只能发回换一张皮。 上面有客户说将衣服洗一遍，千万不要信，皮衣，不是专业的水洗设备就不要水洗。不然造成的后果可能是返厂或者衣服没型。皮衣如果脏了，平时注意用干净的棉布沾湿了擦一下，讲究一点喷一些如碧丽珠或者皮革护理膏这样的专业皮油</t>
  </si>
  <si>
    <t>会议论文ei第二年能检索吗</t>
  </si>
  <si>
    <t>1、德国斯普林格出版社（SPRINGER）：100%EI收录 2、美国机械工程学会出版社（ASME）：100%EI收录 3、美国土木工程学会出版社（ASCE）：100%EI收录 4、美国电子电气工程计算机学会出版社（IEEE CS）：99%EI收录 5、美国电子电气工程出版社（IEEE）：90%EI收录6、英国工程技术出版社（IET）：90%EI收录 7、法国Atlantis Press：70%</t>
  </si>
  <si>
    <t>第一：看你所投会议合作的出版社，如果是IEEE，TTP，CRC和WIT，问题不大，如果是其它不知名的出版社，就要谨慎 第二：看会议举办了几次，如果是第一次的会议，还是看出版社，如果举办了多次的会议，你去EI数据库查查这个会议往届录用论文的检索情况，如果每次都EI检索了，问题也不大。</t>
  </si>
  <si>
    <t>作者个人需要购买帐号才可以查询，最方便的办法是去高校图书馆（这个图书馆需购买了EI数据库）代为查询，这个也需要支付一定的费用，具体问图书馆工作人员。</t>
  </si>
  <si>
    <t>手机不可拆卸电池好吗</t>
  </si>
  <si>
    <t>不可拆卸电池的好处：1 使用中：绝大多数这种手机，都不能拆开后盖，那不容易引起后盖脱落；2 生产中：不需要设置方面易拆卸的空间，可以节约手机内部空间，使手机变得更轻薄，后盖材料可以更坚硬。3 不会轻易引起电池和触电接触不良导致的突然关机情况可拆卸电池的好处：1 万一原装电池玩坏了，如果暂不打算换手机的话，那可以买块新的电池继续用；2 如果出差旅行，不能充电，充电宝也没电了，那可以直接换块电池继续用（这种情况现在很少见了，但也存在）。3 手机如果出问题了，怎么也关不了的时候，可以直接扣电池，比如我刷机或者有app出问题了的时候。</t>
  </si>
  <si>
    <t>手机不能换电池的好处如下：1、让机身更紧凑，手机设计更精美.2、出于商业目的，也更容易保修.3、不会有因为电池触点松动引起重启.手机不能更换电池的的弊端：1、电池寿命到期后，隐性成本高.2、边充电边用手机，存在安全隐患.3、不能换电池远没有可以换电池方便</t>
  </si>
  <si>
    <t>各有好处，个人认为可拆的比较好，电池损耗后更换比较方便，但是可拆卸电池的手机一般没有NFC，不可拆卸电池的手机一般后盖的紧贴度好非常多，外观也不易显旧</t>
  </si>
  <si>
    <t>为了减少手机因为和电池接触不良而引起的故障，手机好多手机电池不可拆卸，这样一来就低了手机的制造成本，也增强手机和电池之间的连接性。</t>
  </si>
  <si>
    <t>12月去张家界好吗</t>
  </si>
  <si>
    <t>那里的植被茂密，冬季也是一片绿色，可以说风景也非常不错。但是12月去的话，需要密切关注天气情况，如果遇上下雪结冰，山上的环保车不开，这样你穿梭于各个景点非常不方便，可以打电话问张家界的旅游局或者门票站。</t>
  </si>
  <si>
    <t>张家界主要是去看自然景观的，最佳的旅游季节是3月份到5月份、9月份到11月份，最好还是提前一个月去吧</t>
  </si>
  <si>
    <t>钢琴调律师有没有证重要吗</t>
  </si>
  <si>
    <t>并没有你说的这个所谓钢琴调律师职资格证书，因此也就无所谓认证之说。</t>
  </si>
  <si>
    <t>12306晚上可以买票吗</t>
  </si>
  <si>
    <t>12306晚上11点之后是不能购票的</t>
  </si>
  <si>
    <t>不可以，网络售票的时候是早上7点到晚上11点</t>
  </si>
  <si>
    <t>23:00以后就不行了。12306网站维护时间是从23：00到早上7：00</t>
  </si>
  <si>
    <t>晚上11点以后到第二天七点以前是不能买票的，其他时间都可以买</t>
  </si>
  <si>
    <t>永恒之塔要点卡吗2015</t>
  </si>
  <si>
    <t>完全免费，其实就是换汤不换药，充钱可以变成会员，各种优待，抽奖极品神石什么的</t>
  </si>
  <si>
    <t>永恒之塔母线已经实行全区全服免费</t>
  </si>
  <si>
    <t>早不要点卡几个月啦</t>
  </si>
  <si>
    <t>免费了已经 现在是道具收费 而且还开通了会员功能</t>
  </si>
  <si>
    <t>已经全民免费了，单向的道具收费，开通了会员功能新地图新副本各职业还加了新技能可以愉快的体验</t>
  </si>
  <si>
    <t>洛奇英雄传还能玩吗</t>
  </si>
  <si>
    <t>不能玩</t>
  </si>
  <si>
    <t>不花钱 就没法玩</t>
  </si>
  <si>
    <t>可以啊~~别太着急和要求太多~慢慢玩就行~</t>
  </si>
  <si>
    <t>现在还是有人玩的，不过没有开服的时候多，游戏剧情还在与韩服同步更新中（延迟大概3个月)。</t>
  </si>
  <si>
    <t>使命召唤 好玩吗</t>
  </si>
  <si>
    <t>每部均保持着流畅爽快的手感，其他游戏即使画面优秀但使命召唤的手感却是无可替代的，难以言表但独一无二。</t>
  </si>
  <si>
    <t>挺好玩的，打日本人很爽</t>
  </si>
  <si>
    <t>很好玩,就是时间长点,玩的时候累眼睛,</t>
  </si>
  <si>
    <t>你看是什么系列的，使命召唤出了几种不同的系列，有二战的，现代战争，黑色行动，高级战争。二战的：使命召唤1、2、3、5现代战争的：使命召唤4、6、8，还有一部使命召唤10幽灵姑且也算现代战争吧。</t>
  </si>
  <si>
    <t>查找我的iphone定位准吗</t>
  </si>
  <si>
    <t>非常准.</t>
  </si>
  <si>
    <t>有一定的误差</t>
  </si>
  <si>
    <t>定位只是能定位到一个大概的范围而已，并不能精准</t>
  </si>
  <si>
    <t>精度很高~</t>
  </si>
  <si>
    <t>粉嫩公主酒酿蛋经期可以服用吗</t>
  </si>
  <si>
    <t>酒酿蛋是民间秘方，天然安全健康，在月经期间喝能调经滋阴补肾</t>
  </si>
  <si>
    <t>酒酿蛋是比较湿热的食物，尽量在经期少吃</t>
  </si>
  <si>
    <t>可以吃，我吃的粉嫩公主里面有姜汁红糖，对女人的痛经还有内分失调都很好的。我吃了两个月，这次痛经明显好了很多，而且颜色也变鲜红了</t>
  </si>
  <si>
    <t>进入银行检查四六级真伪吗</t>
  </si>
  <si>
    <t>一般是不会的 要比较在意你的毕业证书和学位证书</t>
  </si>
  <si>
    <t>拿你提交的四六级成绩单在学信网上可以查。</t>
  </si>
  <si>
    <t>一般不会，我朋友在银行工作都没查，而且换了几个银行了，这个只是形式，不过如果是要求英语的，可能会查。 一般超过百分之80的公司不会查，真查的，可能不想用你，或者别的原因</t>
  </si>
  <si>
    <t>工业酒精能喝吗</t>
  </si>
  <si>
    <t>能喝，就是喝了的话眼睛有点瞎</t>
  </si>
  <si>
    <t>你不要尝试哦。真的会死人的</t>
  </si>
  <si>
    <t>工业酒精主要是甲醇，甲醇对人体有低毒，误饮4毫升以上就会出现中毒症状，超过10毫升即可因对视神经的永久破坏而导致失明，30毫升已能导致死亡。（以上内容引自百度百科）</t>
  </si>
  <si>
    <t>工业酒精里大部分都含有甲醛。甲醛的毒性很强。10毫升就导致人失明。30毫升就会致死。有些黑心商家用工业酒精掺水当酒卖结果很多人都中毒甚至死亡。</t>
  </si>
  <si>
    <t>action 可数吗</t>
  </si>
  <si>
    <t>可数时意思是：活动；不可数：作用.</t>
  </si>
  <si>
    <t>action不可数。</t>
  </si>
  <si>
    <t>action是可数名词，复数形式是：actions 表示功能、作用。</t>
  </si>
  <si>
    <t>是不可数名词，动词形式：act</t>
  </si>
  <si>
    <t>不可数时翻译为：动作, 作用, 战斗, 行动, 举动, 行为 可数时翻译为：(戏剧或书中)的情节, (某一地区、领域或团体中)最能产生效果、最有趣、最有刺激性的活动。 所以在take action中action为不可数。</t>
  </si>
  <si>
    <t>生日送玫瑰花合适吗</t>
  </si>
  <si>
    <t>生日最看重你的心意了，那么送玫瑰的朵数是有各自含义的。请你根据自己的实际情况来选择吧？</t>
  </si>
  <si>
    <t>玫瑰花语：爱情、爱与美、容光焕发，何不合适自己判断</t>
  </si>
  <si>
    <t>送个漂亮的手机套子都胜过玫瑰花，除非你有继续发展下去的想法。朋友送礼以实用为上。</t>
  </si>
  <si>
    <t>看他喜不喜欢了，买点喜欢就可以</t>
  </si>
  <si>
    <t>悉尼华人多吗</t>
  </si>
  <si>
    <t>澳洲华人主要集中在悉尼墨尔本两大城市。</t>
  </si>
  <si>
    <t>据不完全统计，目前，澳大利亚华人人口几乎达到100万人，已经成为澳大利亚讲英语以外的第一大非英语少数民族社区。上一次人口普查数据显示，悉尼、墨尔本和珀斯是移民最聚集的三大首府城市。</t>
  </si>
  <si>
    <t>是挺多的</t>
  </si>
  <si>
    <t>云猴全球购有假货吗</t>
  </si>
  <si>
    <t>反正我是被他坑惨了</t>
  </si>
  <si>
    <t>云猴的前身是步步高，步步高是实体超市出身的。貌似没有假货基因。</t>
  </si>
  <si>
    <t>我买了德运奶粉，澳洲直发，是真的，不过付款时输入暗号:云猴加油，还省10块钱呢</t>
  </si>
  <si>
    <t>云猴全球购是平台品牌誉，并且是国家海关监管。</t>
  </si>
  <si>
    <t>出汗能解酒吗</t>
  </si>
  <si>
    <t>喝酒过程中出汗说明自身乙醇脱氢酶、乙醛脱氢酶（解酒酶）的分泌比较快，酒精被代谢成水和二氧化碳排出，解酒自然快。</t>
  </si>
  <si>
    <t>不起作用</t>
  </si>
  <si>
    <t>惩戒apez还能玩吗</t>
  </si>
  <si>
    <t>惩戒apez最核心的装备都被削弱了还玩个卵</t>
  </si>
  <si>
    <t>能玩，不过玩的人没上版本的人多了。毕竟符文阔剑被削弱了。</t>
  </si>
  <si>
    <t>打不了了</t>
  </si>
  <si>
    <t>店铺售后评价可以改吗</t>
  </si>
  <si>
    <t>评分提交后，不能修改</t>
  </si>
  <si>
    <t>售后评价，如果是给了好评，那么就是永远无法修改的。如果是给了中差评，在给出评价后的30天内，可以修改成好评，当然也是可以删除的，但是删除后，就无法恢复了。</t>
  </si>
  <si>
    <t>好评是改不了也删除不了</t>
  </si>
  <si>
    <t>中差评在给出评价后的30天内，可以修改成好评一次</t>
  </si>
  <si>
    <t>好评不可以修改，中差评可以修改，不可以删除</t>
  </si>
  <si>
    <t>不能，售后评价是新出来的 你只有用新的评价去覆盖</t>
  </si>
  <si>
    <t>只有中差评可以改，好评是改不了的。售后评价可以在我的淘宝那里，找到评价管理，或者在手机淘宝那里，找到中间的8个格子，然后向右滑动，就可以看到我的评价，在我的评价里面进行中差评在给出评价后的30天内可以有一次修改或者删除的机会的。</t>
  </si>
  <si>
    <t>查理士王小猎犬好养吗</t>
  </si>
  <si>
    <t>查理士王小猎犬具有喜欢运动、勇敢的特点，同时又是文雅、可爱的动物。快乐，友好，不会因为神经质或胆怯而具有攻击性。有感情，适合小朋友，与其他犬种友好。</t>
  </si>
  <si>
    <t>高三劝退能参加高考吗</t>
  </si>
  <si>
    <t>可以的，参加会考合格就可以拿毕业证；有学籍就可以高考</t>
  </si>
  <si>
    <t>应该可以。估计得以社会人的身份报考。还有给你提个醒，最近高考改革，考试形式会发生很大变化，不知道你考了会考没有？</t>
  </si>
  <si>
    <t>这个可能不行了，但是如果可以你可以找学校协商！</t>
  </si>
  <si>
    <t>建议你同学校进行协商，学校应该还没这么狠，高考报名的话需要通过学校</t>
  </si>
  <si>
    <t>可以继续参加高考1、高三下学期如果只是因为犯一些小的错误，被处分，是不影响参加高考的。2、这个考生可以放心，安心考试就可以了，但如果处分比较严重，被记录进挡案，报考一些军校、警察学校时，可能会因为处分而不录取你。报考其他普通大学，不受影响。</t>
  </si>
  <si>
    <t>一元购车是真的吗?</t>
  </si>
  <si>
    <t>1元购车是指首付只要1元，就可以完成购车款，保险费，车购税，只要一元就可以将车开回家。与0首付相差无几</t>
  </si>
  <si>
    <t>真的有人就抢到车了</t>
  </si>
  <si>
    <t>真的是一元提车回家，但接下来要做好分期付款的心里打算，一般可以分期两年左右，但也是一比不少的开支。</t>
  </si>
  <si>
    <t>这事有听说过，是真的。</t>
  </si>
  <si>
    <t>亚索需要减cd吗</t>
  </si>
  <si>
    <t>没必要.</t>
  </si>
  <si>
    <t>亚索主Q，也可以EQ二连，它们的CD时间又不长，所以冷却缩短对亚索没用</t>
  </si>
  <si>
    <t>亚索的E可以减Q的CD。</t>
  </si>
  <si>
    <t>拔火罐能治痘痘吗</t>
  </si>
  <si>
    <t>一般是可以的，长痘是因为体内有毒素，但是也有去不了的。</t>
  </si>
  <si>
    <t>拔罐不能冶疗痘痘的。祛除痘痘其实很简单，不要乱用药物，这样会适得其反，生活方式该善了，慢慢就会下去的，要有耐</t>
  </si>
  <si>
    <t>单纯疱疹病毒2/1igm阳性试管婴儿还可以继续吗</t>
  </si>
  <si>
    <t>可以的，不过建议做三代试管婴儿</t>
  </si>
  <si>
    <t>如果怀孕期间染上生殖器疱疹，不会遗传给婴儿，可以生。如果在备孕期间患上了生殖器疱疹，就治疗好了在生吧</t>
  </si>
  <si>
    <t>你好，图片提示ijg抗体阳性，表明之前感染过产生保护性抗体不要紧的</t>
  </si>
  <si>
    <t>恐怕不行，IGM阳的话应该是不能要孩子的，可能会传染给孩子。</t>
  </si>
  <si>
    <t>你好，这是抗体检查，对诊断是没有意义的，血液中是没有病毒的。只要没有症状就不能下疱疹的诊断，也不需要治疗的。如果你老公没有症状，是不需要治疗的。你可以怀孕的。祝你健康！</t>
  </si>
  <si>
    <t>派克钢笔写硬笔书法好吗</t>
  </si>
  <si>
    <t>笔尖过硬的钢笔不适合练习硬笔书法。</t>
  </si>
  <si>
    <t>土狼狗和狼狗有区别吗</t>
  </si>
  <si>
    <t>狼犬并不是野狼与家犬交配而产生的后代，而是属于家犬的一种。狼犬仅仅只是外形像野狼或带有少量野狼血统，与混血狼有直接区别。</t>
  </si>
  <si>
    <t>爷爷奶奶是不是直系亲属</t>
  </si>
  <si>
    <t>是的，属于三代直系血亲</t>
  </si>
  <si>
    <t xml:space="preserve">直系亲属，即相互之间有一脉相承的血缘关系的上下各代亲属，如父母与子女、外祖父与外孙子女等。 </t>
  </si>
  <si>
    <t>奶奶是直系亲属。直系亲属是指出己或者己出的亲属，不论辈数。如父母、祖父母、曾祖父母、子女、孙子女、曾孙子女，依此类推，都属于直系亲属。也包括外祖父母、外孙子女等</t>
  </si>
  <si>
    <t>直系亲属，即相互之间有一脉相承的血缘关系的上下各代亲属，如父母与子女、外祖父与外孙子女等。一般分为直系血亲和直系姻亲。</t>
  </si>
  <si>
    <t>当然算了</t>
  </si>
  <si>
    <t>(算！孙媳妇也是直系亲属。)直系亲属是指配偶、父母（公公婆婆、岳父母）、子女及其配偶、祖父母、外祖父母、孙子女（外孙子女）及其配偶、曾祖父母、曾外祖父母。 配偶的姐妹及其子女不属于直系亲属，应属于姻亲。</t>
  </si>
  <si>
    <t>直系血亲的直接血缘关系，是指出生关系。包括生出自己的长辈（父母，祖父母，外祖父母以及更上的长辈）和自己生出来的晚辈（子女，孙子女，外孙子女以及更下的直接晚辈）。</t>
  </si>
  <si>
    <t>不算直系亲属的的</t>
  </si>
  <si>
    <t>黑莓q10好吗</t>
  </si>
  <si>
    <t>Q10和Z10代表的是黑莓os10版本 而且支持衍生安卓软件 可玩度比较高。</t>
  </si>
  <si>
    <t>新车要做四轮定位吗</t>
  </si>
  <si>
    <t>新车出厂的时候已经做过4轮定位。和4轮动平衡。一般都不需要。</t>
  </si>
  <si>
    <t>不需要，首保只要换机油机滤就行了。四轮定位仅仅是一种维修手段，通常情况下，如果车子没有什么问题是不需要做四轮定位的，也就是说，只有车子真的出问题了才需要做四轮定位，所以四轮定位不需要像做保养一样定期做，而应该视情况而定。</t>
  </si>
  <si>
    <t>一般情况不用，只要做个动平衡就可以了</t>
  </si>
  <si>
    <t>新车是不需要做定位的，除非设计问题，楼上的半年做一次定位你是傻的，信不信3分钟搞好定位，</t>
  </si>
  <si>
    <t>爱茉莉口红好吗</t>
  </si>
  <si>
    <t>爱茉莉的产品都还不错,口红质量上是没有问题的,只是得看你自己适合使用什么样的,因为每款口红它的颜色质感和持久度都不同,所以还得自己尝试下.</t>
  </si>
  <si>
    <t>微信可以把自己从对方列表删除吗</t>
  </si>
  <si>
    <t>把自己删除</t>
  </si>
  <si>
    <t>不能，要是他或者你通过附近的查找好友然后认识的那就删不下去！因为他那边始终会有最近的联系人！哪里始终有你！</t>
  </si>
  <si>
    <t>　微信和QQ不同，是不能将自己在对方好友列表中删除的，只能单向删除对方，如果不想和对方聊天或收到任何对方的信息，可以将对方加入黑名单。</t>
  </si>
  <si>
    <t>你删除对方，对方没有删除你的话，对方列表还有你，但是你们互相看不到对方的朋友圈，他如果想和你聊天就需要你的验证，就会知道你删除了他；如果你想知道对方是否删了你，你可以偷偷加回他，如果不需要验证，他就没有删你，而且他不会知道，</t>
  </si>
  <si>
    <t>微信暂时未开发出这个功能，不能把自己从对方的通讯录中删除（QQ已经有这个功能了）微信只能把对方加到黑名单中或者删除对方，这样对方就不能给你发信息了，必须要向你发送验证消息添加你为好友，才能向你发送消息</t>
  </si>
  <si>
    <t>微信是没有QQ上的那种把自己从对方好友列表中删除的功能、只能在直接列表中删除。对方就发不了信息给你了！你也可以把对方加人黑名单。相当于屏蔽了。且你看不到对方的朋友圈，对方也看不到你的朋友圈</t>
  </si>
  <si>
    <t>生过一个白血病孩子还能再生吗</t>
  </si>
  <si>
    <t>不是那样绝对的</t>
  </si>
  <si>
    <t>不是说不能生，只要你有生育能力就一定能生</t>
  </si>
  <si>
    <t>香蕉浏览器报销多吗</t>
  </si>
  <si>
    <t>感觉还是挺不错的，只要有使用这个浏览器购买商品都可以报销，有次我购买之后报销返现大概有商品价格的30%左右。</t>
  </si>
  <si>
    <t>最多能够报销80%吧</t>
  </si>
  <si>
    <t>你说的香蕉浏览器，利息在20~30%左右，在所有的理财中，也算是比较高的</t>
  </si>
  <si>
    <t>开发商五证不全定金是否能要回</t>
  </si>
  <si>
    <t xml:space="preserve">开发商在五证不全的情况下卖房是违法的,属于欺诈,可以要求双倍退还定金 </t>
  </si>
  <si>
    <t>能退</t>
  </si>
  <si>
    <t>可以欺诈为由要回</t>
  </si>
  <si>
    <t>开发商五证不全时，签订的销售房屋合同是无效的。无效合同开发商就不能主张订金。如果开发商坚持不退，可以起诉到法院，请求法院判决合同无效，退还订金。</t>
  </si>
  <si>
    <t>可以。1，五证： 第一个是《国有土地使用证》（国土局），第二个是《建设用地规划许可证》（规划局）， 第三个是《建设工程规划许可证》（规划局）， 第四个是《建设工程施工证》（建设局）， 第五个是《商品房预售许可证》（房管局）。2，预售证是五证里最后一个办理的证件，是房管局负责审批办理的，你可以直接电话咨询当地房管局的工作人员，如果预售证已经办理出来了，说明该小区的五证齐全</t>
  </si>
  <si>
    <t>松子孕妇能吃吗</t>
  </si>
  <si>
    <t>能，怀孕期间多吃点松子对孕妇和胎儿都有好处</t>
  </si>
  <si>
    <t>有毒，尽量不吃</t>
  </si>
  <si>
    <t>没有问题，可以很好的补充不饱和脂肪酸，促进胎儿发育。</t>
  </si>
  <si>
    <t>南京京科医院好么</t>
  </si>
  <si>
    <t>就是在中央路那边的，看病还是可以的</t>
  </si>
  <si>
    <t>南京京科医院不好，骗人</t>
  </si>
  <si>
    <t>三重溢流好吗</t>
  </si>
  <si>
    <t>三重溢流优点是占用空间少，缸体制做相对简单，只要开一个孔（主流是6cm的）就行了。缺点是溢流管体清洗不方便，管体与缸底玻璃的接驳处是弱点，一但脱落主缸水会全部漏光。我的建议是如果养淡水鱼，用三重溢流，如果养海水，还是直角更好</t>
  </si>
  <si>
    <t>火龙果吃多了会胖吗</t>
  </si>
  <si>
    <t>不会的，而且还会促进排便</t>
  </si>
  <si>
    <t>吃火龙果引起上胖，是没有科学依据的，但是不要吃的太多，以免造成上火。</t>
  </si>
  <si>
    <t>火龙果含有较高的糖分、水溶性膳食纤维和植物蛋白，是一种营养价值较高的水果。但火龙果属凉性水果，且果肉的葡萄糖不甜，但其糖分却比一般水果的要高一些。因此肥胖人群，糖尿病人群不能过量食用。</t>
  </si>
  <si>
    <t>火龙果吃了不会发胖。实际上，吃火龙果不仅不会发胖，还能减肥。</t>
  </si>
  <si>
    <t>不会，减肥的</t>
  </si>
  <si>
    <t>火龙果还含有美白皮肤的维生素C以及具有减肥作用、降低血糖和润肠作用、预防大肠癌的丰富的水溶性膳食纤维。听说还有很多其他对皮肤不错的作用，所以说吃火龙果是绝对不会长胖的，而且还很好吃哦！</t>
  </si>
  <si>
    <t>不会。火龙果功效：1.防止血管硬化2.排毒护胃3.美白减肥4.预防贫血会发胖的水果：西瓜、熟香蕉、海枣、葡萄干、葡萄和水果罐，所有含果糖多的水果。都是容易发胖的。＃＃不会</t>
  </si>
  <si>
    <t>什刹海溜冰场开了吗2016</t>
  </si>
  <si>
    <t>正开着，每天都有不少人</t>
  </si>
  <si>
    <t>根据天气情况，中间关了几天，这几天又开了</t>
  </si>
  <si>
    <t>开了！前天去的！挺好玩的！</t>
  </si>
  <si>
    <t>春节去过，开了，玩的人挺多的。</t>
  </si>
  <si>
    <t>开了，门票平时是5块，节假日是10块，里面有各种滑冰工具，价格不等，不便宜。</t>
  </si>
  <si>
    <t>已经关了，什刹海旅游官网微博发布信息2月6号就已经关闭了。</t>
  </si>
  <si>
    <t>克林擦有害吗</t>
  </si>
  <si>
    <t>没有毒性的,这种产品最早是国外进口的,虽然现在国内一些公司也在生产此类产品,但质量上还是差了一些.请放心使用.</t>
  </si>
  <si>
    <t>爱看4g真的不收流量费吗</t>
  </si>
  <si>
    <t>不是，天下哪来免费的午餐。</t>
  </si>
  <si>
    <t>爱看4G定向流量包的话那是省内流量，需要使用4G行货手机，4G卡，如果您是3G手机，3G卡，3G网络，搭配4G套餐，若在3G网络下使用4G套餐中赠送的定向流量包，是需要另收流量费的，具体可以查询电信10000知道4G爱看定向流量包。</t>
  </si>
  <si>
    <t>不启动数据接不上互联网，只要是通讯公司说的不要流量就是不收钱</t>
  </si>
  <si>
    <t>不要流量都是假的，。关键是多少的问题</t>
  </si>
  <si>
    <t>里程表调了能查出来吗</t>
  </si>
  <si>
    <t>改过里程表能查出来：（1）按照车辆的出厂日期做粗略的判断。（2）看车况。（3）车辆内饰是最直观的证据。（4）座椅经过长时间的坐压，弹性下降，老化明显，真皮会被磨得发亮、发硬。（5）查维修保养记录。</t>
  </si>
  <si>
    <t>到4S查的话，电脑能记录多少公里出过什么故障，这个记录是无法改的，比如发动机灯在几公里时亮过。</t>
  </si>
  <si>
    <t>车辆里程表被调了之后是不能检测出来的</t>
  </si>
  <si>
    <t>一、针对普通的私家车而言，车主一般会选择在4S店维修保养，购买这类型二手车时可前往同品牌的4S店查找该车最后一次维修保养信息，看看当时的保养里程等信息和交易时的车况信息有无明显不符。二、如果车辆此前没有在4S店做保养，我们就把车直接开到4S店进行全面检测，验证车辆的真实状况，在专业人士的检测之下让调试过里程表的二手车无从藏匿，就不怕被对方忽悠。三、可以通过看出厂日期，如果遇到使用年限较长但里程数特别低的车型，这辆车可能就存在问题。另外，如发现轮胎花纹扁平，边缘已无棱角，说明车已经跑了不少路。如果4个轮胎新旧不一，可能是因事故或者磨损严重换过胎。四、通过观察内饰方面了解该车是否隐瞒真实里程数也是很重要的方面。座椅经过长时间的坐压，弹性下降，表面会发亮、发硬；如果该车的踏板、地垫、方向盘等都显得很新，这些车有可能更换过这些部件。</t>
  </si>
  <si>
    <t>负重深蹲影响长高吗</t>
  </si>
  <si>
    <t>肯定影响身体长高。而且还会造成腿部肥胖的问题</t>
  </si>
  <si>
    <t>不会影响身高</t>
  </si>
  <si>
    <t>负重深蹲会影响长高，</t>
  </si>
  <si>
    <t>不管怎么样负重深蹲都会影响身高</t>
  </si>
  <si>
    <t>负重多少也不会影响身高的，你能长多高，就是多高。除了遗传，跟任何东西都没关系！</t>
  </si>
  <si>
    <t>至于深蹲是否影响长高，说法虽然有说有影响，有说不影响的，但还是看运动量衡量和负重...</t>
  </si>
  <si>
    <t>见死不救是不是恶的体现</t>
  </si>
  <si>
    <t>无论有没有能力，见死不救都不是恶，只有侵犯别人正当权利才是恶。见死不救既没有侵犯也没有保障他人利益，既不是善也不是恶。</t>
  </si>
  <si>
    <t>不一定，要看“见”的那个人的能力范围。</t>
  </si>
  <si>
    <t>她的行为是见死不救，如果说她是真的信佛的，那么她行为就有报应，因为在佛门看来，见死不救是最大的罪过，任何事都会有果因，种善得善，种恶得恶，而且无论是谁都不能逃过因果，她已经种下恶因，它日必有恶果。</t>
  </si>
  <si>
    <t>孕晚期吃巧克力好吗</t>
  </si>
  <si>
    <t>怀孕后期到了临产前，孕妇可适当吃些巧克力，补充身体热量，能有助于生产。</t>
  </si>
  <si>
    <t>只要别吃得太多让胃难受就行。</t>
  </si>
  <si>
    <t>只要不是高血糖，肥胖症，就可以适量的吃。</t>
  </si>
  <si>
    <t>张敬轩红吗</t>
  </si>
  <si>
    <t>在香港比较红。在内地不红</t>
  </si>
  <si>
    <t>红不红看什么地方了，在香港已经算不错了，在陈奕迅之下而已，内地这边就是广东不错了，毕竟近几年都是粤语歌，很少国语歌，这也是我作为歌迷觉得郁闷的地方。</t>
  </si>
  <si>
    <t>光猫就是路由器吗</t>
  </si>
  <si>
    <t>不是。光猫是光纤宽带使用的解调器。路由器是路由器，本身需要通过连接光猫或者普通的猫才能访问互联网。</t>
  </si>
  <si>
    <t>光猫是与运营商机房端设备连接把光信号转换为电信号的设备。路由器是把一个ip地址转换为多个内网ip的设备。</t>
  </si>
  <si>
    <t>光猫跟路由器没有直接关系。既然用光猫，必然是光纤接入，如果没有这个光猫，光信号无法转换成数字信号，也就是说无法上网。只用光猫的话，上网需要先拨号才行。如果用路由器的话，这一步可以省略。如果你是无线路由器的话，笔记本、手机、ipad等还可以无线上网。</t>
  </si>
  <si>
    <t>典当行合法吗</t>
  </si>
  <si>
    <t>不合法，典当行架设分支机构须在商务厅备案</t>
  </si>
  <si>
    <t>合法吧。不合法也不敢这样开</t>
  </si>
  <si>
    <t>典当行受法侓保护</t>
  </si>
  <si>
    <t>地铁能带自行车吗</t>
  </si>
  <si>
    <t>上海地铁不能带自行车。根据《上海市轨道交通乘客守则》第九条：凡进站、乘车的，禁止下列行为：其中的第（十）项为：携带自行车（含折叠式自行车）</t>
  </si>
  <si>
    <t>如果是叠的就可以</t>
  </si>
  <si>
    <t>不行，有规定。公共汽车都不行</t>
  </si>
  <si>
    <t>乘地铁带自行车在里面是被禁止的。</t>
  </si>
  <si>
    <t>移门可以做2.8米高吗</t>
  </si>
  <si>
    <t>不知道你说的2.7米是高度还是宽度，按照现在商品房的高度来说的话，一般房间的高度都是在2.8米左右，如果是柜子做到顶的话，也就是2.8米的高度，因为衣柜板材最长是2.4米，所以柜子超过2.4米高度都是分上下柜设计，同时从承重力方面考虑的话，最好是将2.7米分上下去设计。</t>
  </si>
  <si>
    <t>可以安装</t>
  </si>
  <si>
    <t>运营助理有前途吗</t>
  </si>
  <si>
    <t>想进入这个行业只要努力没有问题的，网站运营门槛不高更多的是在工作中不断的学习与经验积累！</t>
  </si>
  <si>
    <t>做商业广场的运营助理要比做商业广场的客服人员、行政人员、楼层管理人员都要好，发展空间大，升职空间大。做商场的运营助理是要有管理商场全局的概念、操作流程和技巧，能学到很多东西包括商场计划、商场策略规划等等。做的好将来可以升职到运营部门主管、商场运营主任，很多商场的高管副总都是从这个岗位上来的。</t>
  </si>
  <si>
    <t>每个职位都有前途的，都有上升空间的，只要你认真做好就可以了</t>
  </si>
  <si>
    <t>做好了都有前途，做不好都是跑龙套的。</t>
  </si>
  <si>
    <t>做的好的话，有前途。</t>
  </si>
  <si>
    <t>不可售面积是否交土地使用税</t>
  </si>
  <si>
    <t>土地使用税以实际占用的土地面积为计税依据，依照规定税额计算征收，所以不是按照土地上的建筑物计算。</t>
  </si>
  <si>
    <t>只要看土地使用证就可以了嘛，或者租赁证</t>
  </si>
  <si>
    <t>盐酸多西环素影响怀孕吗</t>
  </si>
  <si>
    <t>不需要。影响不大</t>
  </si>
  <si>
    <t>一般准备要小孩的情况下建议尽量不要用药，很多药物会对怀孕后胎儿有影响，建议你停药一个月后做个孕前检查再决定吧。</t>
  </si>
  <si>
    <t>盐酸多西环素不影响怀孕，可以要的。</t>
  </si>
  <si>
    <t>这个是不能吃的。如果是不小心的话应该是没有问题的，建议下次去医院检查的时候特意给医生说一下，看看没有问题不。</t>
  </si>
  <si>
    <t>worktile收费吗</t>
  </si>
  <si>
    <t>我问过盯盯工作开发团队，人数上限是200。不超过200都可以进去。超过限制不收费，就是没法再往里加人了。盯盯一直没收费项。</t>
  </si>
  <si>
    <t>梅花可以泡茶吗</t>
  </si>
  <si>
    <t>可以，但是新鲜的最好不要泡茶</t>
  </si>
  <si>
    <t>可以沏茶，梳理肝气。</t>
  </si>
  <si>
    <t>梅花泡水喝挺好。</t>
  </si>
  <si>
    <t>微信认证是300一年么?</t>
  </si>
  <si>
    <t>微信公众平台申请微信认证，需一次性支付300元/次审核服务费用。认证的有效期：微信认证成功后，该公众帐号名称、认证标识、及认证信息将会被保留一年（自认证成功之日起计算，一年内有效）。</t>
  </si>
  <si>
    <t>是的，300元一年。服务运营方需要缴纳300元/次的微信认证费用，认证成功后将自动免费获得微信公众平台新开放的所有技术接口。</t>
  </si>
  <si>
    <t>微信认证一次，认证成功后叫年审，年审是每年一次，300元/次</t>
  </si>
  <si>
    <t>微信首先对面向企业、商家的“服务号”收取300元认证年费。</t>
  </si>
  <si>
    <t>一年300元,每一年审一次！</t>
  </si>
  <si>
    <t>女人安全期能怀孕吗</t>
  </si>
  <si>
    <t>安全期并非绝对安全，有时候女性排卵会提前，或者延后，此时安全期的判断就会变得无效。判断安全期只能减少怀孕的几率，不能作为避孕方法。</t>
  </si>
  <si>
    <t>不会、只要性交不射进去是绝对不会怀孕的</t>
  </si>
  <si>
    <t>怀孕几率在5%左右，如果是内射则几率在10%左右</t>
  </si>
  <si>
    <t>应该是不会怀孕的'除非你算错日子了</t>
  </si>
  <si>
    <t>只要有内射，就有怀孕的可能，如果不适合怀孕，建议采取避孕措施，戴套是最好的选择。</t>
  </si>
  <si>
    <t>会的，不过几率不大，但仍有可能发生意外</t>
  </si>
  <si>
    <t>澳门有移动信号吗</t>
  </si>
  <si>
    <t>有 只要基站覆盖的地方都有 移动的话基本全国都覆盖了</t>
  </si>
  <si>
    <t>移动在澳门有网络覆盖。</t>
  </si>
  <si>
    <t>当然有的，但是必须提前，开通港澳台漫游才行</t>
  </si>
  <si>
    <t>有信号，以前需要去营业厅开通国际漫游，现在不知用不用了</t>
  </si>
  <si>
    <t>拱北刚过关的地方有信号 再进去就没有信号了 中港码头附近也有点信号</t>
  </si>
  <si>
    <t>有，关闸口岸附近、白鸽巢至大三巴一带、澳门内港至妈阁沿岸（近珠海湾仔）一带、黑沙海滩、路环市区十月初五马路、黑沙水库等，这几个地点应该是收到中国讯号的。但讯号的强弱则要视乎地点。一般在高处和近岸的地方都可以收到中国讯号的。黑沙环、祐汉、筷子基这几个位於北区的地方，因为近关闸，所以也会有可能收到较弱的讯号而近莲花口岸那边，金都酒店那边、威尼斯人、银河一带，或者也能收到中国讯号。</t>
  </si>
  <si>
    <t>阿里巴巴火拼有效果吗</t>
  </si>
  <si>
    <t>说的是11.11号就要来临了，阿里巴巴里面商铺很多都会打折，以吸引找个所谓的光棍节去购买他们产品。就这么简单。</t>
  </si>
  <si>
    <t>不一定，这个要根据自己的产品决定</t>
  </si>
  <si>
    <t>内幕太多，不建议#没大意思！有时处理库存还差不多，赔本亏老命</t>
  </si>
  <si>
    <t>苹果5s像素比安卓1300像素好吗</t>
  </si>
  <si>
    <t>苹果5s800万的像素，与大多数安卓手机相比，算不上很高，但是苹果5s的成像效果要好于大多数安卓手机</t>
  </si>
  <si>
    <t>iphone5s的像素800万，比小米1300万像素还要清晰。1，手机像素800 万，成像效果好于安卓2000万像素的手机。2，iPhone没有一味地堆配置，而是在软件方面加了很多优化，不管是抓拍（对焦速度快)、自拍等日常应用都足够了。3，成像品质不止跟像素有关，更多的跟镜头构造、防抖、计算方法优化有关，苹果手机每个像素点的大小都远远超过一般安卓手机，所以成像效果更好。</t>
  </si>
  <si>
    <t>镇魔曲是藏地传奇吗</t>
  </si>
  <si>
    <t>充钱vip，要不就战场打军阶</t>
  </si>
  <si>
    <t>斑秃丸有效果吗</t>
  </si>
  <si>
    <t>斑秃丸只适合一部分斑秃患者，刘先生认为：斑秃丸主治肝肾不足，血虚风盛所致的油风，症见毛发成片脱落、或至全部脱落，多伴有头晕失眠；对于其他原因引起的斑秃是没有多大效果的</t>
  </si>
  <si>
    <t>因为斑秃跟平常的脱发不一样，具有不稳定性。所以在斑秃不稳定的情况下建议尝试食疗。多吃铁质、碘质、维生素E、植物蛋白等含量丰富的食品</t>
  </si>
  <si>
    <t>成都增高医院可信吗</t>
  </si>
  <si>
    <t>最好说说自己的岁数，身高，还有自己的影像学检查结果，如果确实有必要的，可以考虑增高手术，但其适应症必须严格。</t>
  </si>
  <si>
    <t>成都有一个普济增高医院是有国家审批通过的，不少人去的</t>
  </si>
  <si>
    <t>这种医院铁定了是私立骗钱的医院，长高了说是效果好，没长高说你自己有问题。身高要看你的骨龄！先去正规大医院骨科差骨龄。如果骨骺已经闭合只能通过外科手术强行拉长骨头，后边问题比较多。如果骨骺没有闭合说明还可以长，听医生的建议补充钙质和促进骨骼生长的物质如蛋黄肽可以尽量长高。现在私立医院好多以长个子，治疗近视、等名号使用淘汰老旧甚至非医疗技术骗钱。要到正规大医院才保险。</t>
  </si>
  <si>
    <t>国家级正规的医院都有专门科室</t>
  </si>
  <si>
    <t>京东支持7天无理由退货吗</t>
  </si>
  <si>
    <t>京东商城里面购物后可以7天内无理由退货。</t>
  </si>
  <si>
    <t>一些产品支持（比如定制类的就不支持了 你最好问下商家问清楚）</t>
  </si>
  <si>
    <t>基本上都支持7天无理由退货的啊。</t>
  </si>
  <si>
    <t>七天之内已经拆开包装的产品，如有质量问题，可以退货。七天之内，你买的东西如果没有拆开包装的话，京东可以无理由退货。</t>
  </si>
  <si>
    <t>京东完全是耍赖的，正常符合条件的就装无赖，总之不给退换。</t>
  </si>
  <si>
    <t>京东支持七天无理由换退货，是在不影响第二次销售或在未拆开包装及使用的情况下，部分商品不支持。</t>
  </si>
  <si>
    <t>不一定，有的是京东自营商品，这可以，还有第三方的店铺不一定，你得跟商家咨询。</t>
  </si>
  <si>
    <t>和已婚女人发生一次性关系就会有第二次吗</t>
  </si>
  <si>
    <t>那就要看你怎么想了，真的。但是如果以后不见面了，断绝来往，估计就不会有下一次了。如果如果你拖泥带水的还一直联系，到最后受伤的也许会是你自己</t>
  </si>
  <si>
    <t>肯定会</t>
  </si>
  <si>
    <t>不一定。看感觉</t>
  </si>
  <si>
    <t>这个要看你男朋友跟那个女的是什么关系了。如果是极好的异性朋友。那么只能说明，他们可能放生过关系。现在这社会。谁在乎这个。所以可以忽略。但是如果你男朋友还想跟她有关系。那么你最好退出吧！</t>
  </si>
  <si>
    <t>没有。已婚女人很爱自己的老公</t>
  </si>
  <si>
    <t>不一定 但是从女人的角度想，她可能只是一时冲动，不是真的想和男的上床！所以没有第二次很正常</t>
  </si>
  <si>
    <t>薄床垫可以用床笠吗</t>
  </si>
  <si>
    <t>当然能，这和薄厚没有关系。</t>
  </si>
  <si>
    <t>我是做酒店床品的，一般120*190的床垫床笠式四件套的话，床笠是需要定做的，一般标准配置的床笠是120*200+25,是用在2米床的，1.9米需要定做，如果是床单式四件套可以选择1.2米床标配的尺寸，床单：200*230，被套190*230，枕套58*88，</t>
  </si>
  <si>
    <t>接地网格多大有规范要求吗</t>
  </si>
  <si>
    <t>防雷接地网格的最小间距是多少的问题，与防雷等级有关。一类防雷：网格双向间距8~10米。二类防雷：网格双向间距15~20米。三类防雷：网格双向间距25~30米。</t>
  </si>
  <si>
    <t>防雷接地网格的最小间距是多少的问题，与防雷等级有关。一类防雷：网格双向间距8~10米。二类防雷：网格双向间距15~20米。三类防雷：网格双向间距25~30米。防雷接地分为两个概念，一是防雷，防止因雷击而造成损害；二是静电接地，防止静电产生危害。＃＃5-10都可以</t>
  </si>
  <si>
    <t>利用建筑物基础钢筋作防雷自然接地体时，其接地网网格尺寸应为多大合适，规范未作具体规定。当然，网格尺寸愈小，则局部区域电位分布更为均匀，更有利于安全。兼顾到经济性问题，有关资料建议接地网格不大于20m*20m即可。具体可视工程不同情况（重要性、功能等）而进行设计。</t>
  </si>
  <si>
    <t>如是保护接地，用万用表红色端接火线，黑线端，接地线，能达220V证明接地良好，如果是防雷接地，需要有相关的资质证的单位来做。接地电阻不大于4欧</t>
  </si>
  <si>
    <t>三高人群能喝咖啡吗</t>
  </si>
  <si>
    <t>最好不要喝咖啡，多吃营养齐全的粗粮，如一五九素食全餐。营养均衡。</t>
  </si>
  <si>
    <t>咖啡会导致血脂、胆固醇水平升高，三高症患者不宜饮。</t>
  </si>
  <si>
    <t>不建议喝，咖啡因会兴奋神经，睡眠不好，导致三高雪上加霜</t>
  </si>
  <si>
    <t>老人三高不易喝咖啡，喝咖啡有很多的负面影响。</t>
  </si>
  <si>
    <t>刷钻可靠吗</t>
  </si>
  <si>
    <t>不怎么靠谱，有的是刷出来了 过过就掉了。</t>
  </si>
  <si>
    <t>不一定，看人品，有的时候运气好几年都掉不了，运气不好七八个月就掉了，关键刷永久钻的话，照认识的人不会怕被骗啊，如果认识的人都不会，就找人气比较好的，一般都比较可信，刷永久钻其实挺划算的，毕竟比一个月一个月的充划算。</t>
  </si>
  <si>
    <t>可以刷，刷过~</t>
  </si>
  <si>
    <t>坚决不能信。不能把钱打到他账户。</t>
  </si>
  <si>
    <t>不可信。一般都是通过刷钻骗取钱财</t>
  </si>
  <si>
    <t>有真的，也有假的，看你的运气咯</t>
  </si>
  <si>
    <t>氟哌酸是不是诺氟沙星</t>
  </si>
  <si>
    <t>诺氟沙星就是我们常说的氟哌酸，属于喹诺酮类药物，对格兰阴性杆菌具有较强活性，肠杆菌科的大部分细菌，包括枸椽酸杆菌属、阴沟肠杆菌、产气肠杆菌等肠杆菌属、大肠埃希菌等均有敏感的抗菌活性</t>
  </si>
  <si>
    <t>一样的药，一般是胶囊</t>
  </si>
  <si>
    <t>好象是一个药品吧</t>
  </si>
  <si>
    <t>诺氟沙星胶囊和氟哌酸是一种药。一般是胶囊,胶囊不伤胃,这涉及到药品剂型的分类,氟哌酸是以前的老名字,现在不叫那个了,都用通用名,就是诺氟沙星!</t>
  </si>
  <si>
    <t>杰士p-37f好不好</t>
  </si>
  <si>
    <t>很不错，手表质量和售后都跟靠谱。</t>
  </si>
  <si>
    <t>辨别高仿 表的优劣主要有四个特点，制模不是按原表的比例做出来的，基本上和原表的比例是1.1:1，外6上要宽 于原表。在多功能机械手表上普通高 仿表由于安装国产简单机芯，所以不会实现跑秒等复杂功 能，这点 很容易区分，在外表抛光上普通仿表都可以做到，但在些细微部分就会稍打折扣了， 最重要的在手表机 芯上，非专业人士如果认真观察机芯都可以看出国产普通机芯颜色暗淡，真正鉴别机芯产地和型2号需要到 专业维修地点。</t>
  </si>
  <si>
    <t>兰芝隔离孕妇能用吗</t>
  </si>
  <si>
    <t>建议孕妇现在最好什么化妆品也别用，为了宝宝的健康着想，想要用，就等宝宝生下来以后再用</t>
  </si>
  <si>
    <t>兰芝隔离霜不适合怀孕用，里面有一些成份不适合孕妇，有孕妇专用的隔离霜，比如亲润，用过挺自然，很温和。</t>
  </si>
  <si>
    <t>这些不是孕妇护肤品就不要用了，建议换些专用的吧，像亲润的就可以。</t>
  </si>
  <si>
    <t>最好什么都别用，自然最美最健康，任何化妆护肤 都是化学物品，含有重金属</t>
  </si>
  <si>
    <t>孕期最好不要化妆的。</t>
  </si>
  <si>
    <t>ipad air2支持otg吗</t>
  </si>
  <si>
    <t>ipad air2自身不支持OTG</t>
  </si>
  <si>
    <t>ipad air不支持otg功能，无法连接U盘。</t>
  </si>
  <si>
    <t>iOS是闭源系统不支持外接TF卡</t>
  </si>
  <si>
    <t>支持是支持，但没有安卓实用，所以不提供，因为otg 本质上是要挂接外部的 usb 设备，但设备众多，你就要内置驱动。</t>
  </si>
  <si>
    <t>ipad air2自身不支持OTG，如果要使用，需要越狱加相机套件。</t>
  </si>
  <si>
    <t>男女之间真的存在纯洁的友谊吗</t>
  </si>
  <si>
    <t>有，但必须建立在这两个人之间不来电的基础上才行。</t>
  </si>
  <si>
    <t xml:space="preserve">坦白讲，男女之间如果没有彼此互相喜欢，也是不会建立友谊的，因为只有对对方有好感你才会把他当成好朋友，如果讨厌一个人你怎么可能和他做朋友呢，所以说，男女之间没有纯粹的友谊，如果你们的好感点到为止，只保持在那个朋友的层面上，那么这就是所说的友谊；反之，如果你们超过了这个层面，好感增加了很多，那就是所谓的爱情。 </t>
  </si>
  <si>
    <t>会的，这个还是挺相信的，只是等都成家了联系也许就不那么频繁了，但是还是有事就会帮忙的</t>
  </si>
  <si>
    <t>男女之间有纯粹的友谊。</t>
  </si>
  <si>
    <t>在你没结婚之前有百分之百的肯定有，结婚以后就不太可能有了。</t>
  </si>
  <si>
    <t>存在的，＃＃不存在，异性相吸，不能排除性别带来的差异。</t>
  </si>
  <si>
    <t>这个问题很复杂</t>
  </si>
  <si>
    <t>男女之间不存在纯友谊</t>
  </si>
  <si>
    <t>ios8.4.1越狱出了吗</t>
  </si>
  <si>
    <t>有啊，要看是什么机型了</t>
  </si>
  <si>
    <t>不能＃＃可以</t>
  </si>
  <si>
    <t>基本上不可能了，有能力的都冲着9.2或者9.3去了，8.4.1应该没人管了。</t>
  </si>
  <si>
    <t>可以越狱了。</t>
  </si>
  <si>
    <t>还不行，8.4可以，9/9.0.1/9.0.2都可以了，就8.4.1不行。</t>
  </si>
  <si>
    <t>5s可以换外壳吗</t>
  </si>
  <si>
    <t>可以的！但是价钱要不少钱</t>
  </si>
  <si>
    <t>iPhone5s的外壳可以更换，不会有影响的。</t>
  </si>
  <si>
    <t>iPhone5可以换iPhone5S的外壳，但本质还是iPhone5，即便是iPhone5改的5S妖机和黑机也一样。</t>
  </si>
  <si>
    <t>苹果5S的外壳是可以换的</t>
  </si>
  <si>
    <t>是通用的,两款手机的屏虽然有一点差别,但外型尺寸是一样的,共用手机壳。</t>
  </si>
  <si>
    <t>宋小宝红吗</t>
  </si>
  <si>
    <t>或许他是有喜剧天赋的。表演的节目也很接地气。慢慢的认识他的人就多了。他就红了吧。</t>
  </si>
  <si>
    <t>一个黑猴子能演小品，你说能不火吗</t>
  </si>
  <si>
    <t>美拍直播挣钱吗</t>
  </si>
  <si>
    <t>可以，看内容</t>
  </si>
  <si>
    <t>不能，赚不了</t>
  </si>
  <si>
    <t>听说赚得很快</t>
  </si>
  <si>
    <t>可以挣钱，能收到礼物</t>
  </si>
  <si>
    <t>能，粉丝送的道具可以换成钱，好像是在支付宝里。</t>
  </si>
  <si>
    <t>黑龙江买断职工死后给丧葬费吗</t>
  </si>
  <si>
    <t>由于每个城市的政策不一样，建议您拨打当地社保局电话12333查询</t>
  </si>
  <si>
    <t>企业的抚恤金是20个月，丧葬费是2个月。</t>
  </si>
  <si>
    <t>在职职工的丧葬费由本人单位支付，社保机构只支付退休人员的死亡丧葬费</t>
  </si>
  <si>
    <t>经省政府同意从2010年7月1日起，提高职工及离退休人员死亡后丧葬补助费和企业退休人员因病或非因工死亡后次一性抚恤金</t>
  </si>
  <si>
    <t>土地证可以分割吗</t>
  </si>
  <si>
    <t>可以分 ，不知道你说的是哪种情况。如果是开发商因为出售商品房而给住房分小土地证，需要商品房预售许可证，竣工验收报告；如果是为了分家，先把房产证分开，就可以分土地证了</t>
  </si>
  <si>
    <t>你办理的是抵押吧，抵押只需要办理登记即可。在土地价值范围内你可以办理多个抵押。土地证没有所谓的分割。拿原件给他们看，几个银行要的只是复印件。</t>
  </si>
  <si>
    <t>当然可以分割，举个最简单的例子，房地产开发项目都是先发一本总证，但最后到每家每户手里的其实都是分割证</t>
  </si>
  <si>
    <t>成人用宝宝乳液可以吗</t>
  </si>
  <si>
    <t>其实儿童霜，成年人是可以用的，没什么坏处，但也没什么好处。</t>
  </si>
  <si>
    <t>可以，而且不论是年轻人还是老人都可以。</t>
  </si>
  <si>
    <t>双飞人可以喝吗</t>
  </si>
  <si>
    <t>可以呀，内服外用都可以。小时候感冒晕车都被喂这个，但是真的很不好喝。</t>
  </si>
  <si>
    <t>如果你是买到正品港货的双飞人，是可以喝的；如果是买到江西出产的那个双飞人，就不能喝了。像我在佳迅旅客服务买到的双飞人是正品港货，喝过不少了。</t>
  </si>
  <si>
    <t>可以，法国双飞人药水并具驱风救急、消暑提神功能，对屙呕肚痛、舟车晕浪、牙痛头痛、蚊叮虫咬、汤火灼伤及消化不良均有效，内服外用效果优良。</t>
  </si>
  <si>
    <t>别喝太多行了</t>
  </si>
  <si>
    <t>双飞人药水分为法国原产和江西生产的大陆品种，法国原产的可以内服也可以外用，大陆产的不能内服，只能外用，请认清产地后准确使用！</t>
  </si>
  <si>
    <t>磁卡放在一起会消磁吗</t>
  </si>
  <si>
    <t>会的，要尽量避免和有磁性，有辐射物体接触</t>
  </si>
  <si>
    <t>磁卡与磁卡放一起理论上是有问题的，因为两个卡都有磁条，都有磁场，容易消磁。但在实践中，两张卡会经常放到一个钱夹里，却没有什么。前几年卡容易消磁，现在技术都过关了，不容易轻易就消磁的。如果是芯片卡就更没问题了，所以答案是没问题，但最好放远点。消磁：当磁化后的材料，受到了外来的能量的影响，比如加热、冲击，其中的各磁畴 的磁距方向会变得不一致，磁性就会减弱或消失，此过程称为消磁。还有一种常用的方法是：把留有磁性的材料置于交流磁场中，渐渐减弱交流磁场强度直至消失，此材料就被消磁了。比如CRT</t>
  </si>
  <si>
    <t>可能会造成消磁</t>
  </si>
  <si>
    <t>取决于你卡的类型，信用卡一类的磁条卡，相互放在一起的话是不会产生消磁的，IC类型的卡，不建议与磁条卡一同放在一起，打折卡类，本身没有任何电子元件。既不会被消磁也不会产生辐射</t>
  </si>
  <si>
    <t>联通4g流量用的快不快</t>
  </si>
  <si>
    <t>只是4G网络的网速快 ，使用都是一样的，您也可以官网上核实自己的上网使用去向</t>
  </si>
  <si>
    <t>浏览同样的视频、网页等内容，3G和4G所消耗的流量实际是一样的，但是因为4G有了一定的速度基础，所以在相同时间内可能会促使用户浏览并分享更多的内容，以致于加速流量的消耗</t>
  </si>
  <si>
    <t>4g说的是网速 不是流量。只是说他的速度快了 你每分钟走的流量也就多了</t>
  </si>
  <si>
    <t>用wifi.可以去买一个小度wifi或者360wifi。便携式路由器免费上网的。</t>
  </si>
  <si>
    <t>买车有年龄限制吗</t>
  </si>
  <si>
    <t>买车没年龄限制，驾驶员有年龄限制。</t>
  </si>
  <si>
    <t>买车有年龄限制的，必须要18岁以上的人才可以买车的呢。</t>
  </si>
  <si>
    <t>全款买车没有年龄限制。贷款买车有年龄限制，年龄在18岁以上，且年龄+贷款期限小于65周岁。</t>
  </si>
  <si>
    <t>早上只吃水果好吗</t>
  </si>
  <si>
    <t>吃个苹果很好的，我几乎每天都得吃一个,早上.</t>
  </si>
  <si>
    <t>饭前空腹吃水果，也是不科学的。这是因为苹果、橘子、葡萄、桃子、梨等水果中含有大量的有机酸（如苹果酸、柠檬酸、酒石酸等），会刺激胃壁的粘膜，对胃部健康非常不利。尤其是儿童，饭前空腹吃水果，还会影响正餐的质量，长时间形成习惯，就会由于缺乏营养素而引起营养不良。因此，吃水果的时间最好在饭后2小时或在餐前1小时左右。吃水果最好不要饭前空腹以及饭后立即食用。鱼虾和水果最好分开食用，至少应在吃过鱼虾2小时后再吃水果。</t>
  </si>
  <si>
    <t>早上吃水果是很好的,有利于吸收;不过最好不要空腹.还有,不要在晚上吃水果,这时肠胃吸收最差</t>
  </si>
  <si>
    <t>不好，反而容易得胃病</t>
  </si>
  <si>
    <t>不吃早饭光吃水果很不好，容易得胃病</t>
  </si>
  <si>
    <t>肯定不好了</t>
  </si>
  <si>
    <t>机场大巴可以预定吗</t>
  </si>
  <si>
    <t>当然可以，只要购买飞机票都可以乘坐机场大巴。</t>
  </si>
  <si>
    <t>不需要提前预约的</t>
  </si>
  <si>
    <t>机场大巴一般10分钟左右一班 不需提前预订</t>
  </si>
  <si>
    <t>一般乘机场大巴95%不免票，只有少数机场大巴乘飞机免票！如果免票，网上订的机票，需要在候机楼，值机换票后，乘坐机场大巴才免票！机场大巴只要你付钱即可坐</t>
  </si>
  <si>
    <t>机场大巴都是按机场航班次数、起飞落地时间安排的。正常是可以满足客流需要，都是上车临时购票，常常是不满员就发车。一般不需提前订票。</t>
  </si>
  <si>
    <t>林氏木业可以加盟吗</t>
  </si>
  <si>
    <t>可以，他家有现货，不用自己存货的，而且是99%现货。</t>
  </si>
  <si>
    <t>考注会可以带计算器吗</t>
  </si>
  <si>
    <t>根据《注册会计师全国统一考试应考人员考场守则》，进入考场时，应考人员可以携带蓝色或黑色钢笔、圆珠笔、铅笔、直尺、不具有文字储存及显示、录放功能的计算器等，不得携带手机等通讯设备和电子设备、书籍、纸张、饮品以及其他与考试无关的物品进入考场座位。</t>
  </si>
  <si>
    <t>被禁止的计算器是指带存储功能的计算器，只能进行运算的不会被没收。</t>
  </si>
  <si>
    <t>在改革之前，是可以带计算器的，但不允许带智能的计算器。 改革之后，机考的机器系统里配给了相应的注会公式和计算器，所以是不能自己带计算器的。</t>
  </si>
  <si>
    <t>可以，我参加过两次，可以携带计算器。考试时候电脑上也自带计算器，但是用着比较慢。还是自己带一个好。打印准考证时候，上面也有可以带计算器。</t>
  </si>
  <si>
    <t>日本av吃屎是真的吗</t>
  </si>
  <si>
    <t>是真的。日本人还吃美国人拉的屎。</t>
  </si>
  <si>
    <t>个人认为是假的，借助的拍摄技巧。</t>
  </si>
  <si>
    <t>dnf生死轮盘玩命气功可以带吗</t>
  </si>
  <si>
    <t>不能，攻击时是黄字伤害，只取最高值，BUFF也是一样</t>
  </si>
  <si>
    <t>武神，武极都可以</t>
  </si>
  <si>
    <t>宝宝查微量元素要空腹吗</t>
  </si>
  <si>
    <t>检查微量元素不必空腹。</t>
  </si>
  <si>
    <t>这种情况是不需要空腹的，是在手指头上验血的，缺什么及时补充即可</t>
  </si>
  <si>
    <t>患了红斑狼疮后生了孩子又怀了第二胎又想生能行吗</t>
  </si>
  <si>
    <t>可以生二胎</t>
  </si>
  <si>
    <t>红斑狼疮有家族聚集倾向,但不属于遗传病</t>
  </si>
  <si>
    <t>离婚是在户口所在地吗</t>
  </si>
  <si>
    <t>民政局办理离婚手续后，再到户口所改迁户口登记手续！</t>
  </si>
  <si>
    <t>是的一定要去户口所在地</t>
  </si>
  <si>
    <t>如果是协议离婚，在原婚姻登记机关办理</t>
  </si>
  <si>
    <t>离婚必须在户口所在地</t>
  </si>
  <si>
    <t>协议离婚去户口所在地的民政局婚姻登记处办理；诉讼离婚去被告所在地基层法院起诉。</t>
  </si>
  <si>
    <t>mmm印度倒闭了吗</t>
  </si>
  <si>
    <t>是的，今年六月，所以不要相信天上掉馅饼的事情</t>
  </si>
  <si>
    <t>2013年MMM平台登陆印度，但随及被印度政府查封并逮捕</t>
  </si>
  <si>
    <t>小牛电动车加盟吗</t>
  </si>
  <si>
    <t>没有加盟吧 有合作的维修保养店</t>
  </si>
  <si>
    <t>兼职翻译靠谱吗</t>
  </si>
  <si>
    <t>笔译很多兼职工作都是网络形式往来，是否靠谱需要查证其Q/Q、邮箱、联系电话等在网上是否有不良记录；翻译公司门槛很低，鱼龙混杂，多数是正规的，也有骗子不给稿费或找各种理由拒支付稿费的，需谨慎；</t>
  </si>
  <si>
    <t>热带鱼白点病会传染吗</t>
  </si>
  <si>
    <t>不会传染到人，鱼白点病主要病原体是一种叫小瓜虫的原生动物，它们只能感染鱼</t>
  </si>
  <si>
    <t>如果还是在鱼缸里会传染的！最好隔离到别的鱼缸或者盆里！</t>
  </si>
  <si>
    <t>当然不会</t>
  </si>
  <si>
    <t>公务卡pos机打的小票需要订到会计凭证里吗</t>
  </si>
  <si>
    <t>最好是一致的，预防被查！</t>
  </si>
  <si>
    <t>这和机器没关系，这看你们单位是否能报销？还是凭发票报销。</t>
  </si>
  <si>
    <t>乙肝携带者可以去日本留学吗</t>
  </si>
  <si>
    <t>日本对乙肝是有限制的，规定不准入境</t>
  </si>
  <si>
    <t>很有可能的，去的时候没检查出来，到了以后还是要给外国留学生做体检的</t>
  </si>
  <si>
    <t>出国之前都会被要求做检查，有传染病的病人是通不过的</t>
  </si>
  <si>
    <t>这个应该是可以的,如果肝功能正常,西方国家一般对这个控制的不是很严格的,但是应该注意的是,这个病的患者不能过度的疲劳,如果你从事的工作不是很累,应该是可以的.</t>
  </si>
  <si>
    <t>宝宝流鼻涕可以打预防针吗</t>
  </si>
  <si>
    <t>不可以的，宝宝如果流鼻涕，感冒生病什么的都不能打预防针。</t>
  </si>
  <si>
    <t>宝宝流鼻涕是有点小感冒，如果你没有打针吃药，是可以打预防针的，说是感冒不能大是怕与你服用的药物有相冲的，不过不放心的话，可以先治疗确认好了之后再打，反正打针可以往后推迟的</t>
  </si>
  <si>
    <t>预防针本身往往就是微量病毒，注入后通过人体自身的免疫系统对抗，产生抗体。生病的时候体质本来就弱，免疫系统不能很好的对抗注射的病毒，反而可能会真的得病，最好好了再去打。</t>
  </si>
  <si>
    <t>不能，宝宝生病免疫力正处在薄弱时期，疫苗是一种活菌，这个时候给宝宝打疫苗，会加重病情</t>
  </si>
  <si>
    <t>你好宝宝有一点流鼻涕最好不要打预防针了啊，因为注射预防针之后可能会加重病情</t>
  </si>
  <si>
    <t>只要是不发烧，是可以打疫苗的。</t>
  </si>
  <si>
    <t>老公吃激素药,停了一个月我发现怀孕了,对孩子有影响吗</t>
  </si>
  <si>
    <t>有影响的</t>
  </si>
  <si>
    <t>怕胎儿会畸形</t>
  </si>
  <si>
    <t>你老公服用激素类药物，会影响他的精子的质量，如果在此期间怀孕，肯定会对胎儿有一定的影响。建议你从优生角度考虑，近期最好别怀孕。</t>
  </si>
  <si>
    <t>只要没有用药，现在没有出血， 胎心不错，没有影响的。</t>
  </si>
  <si>
    <t>只要是健康正常的就好</t>
  </si>
  <si>
    <t>圆通速递国庆放假吗</t>
  </si>
  <si>
    <t>国庆节2017圆通快递肯定是不会放假的。</t>
  </si>
  <si>
    <t>圆通速递国庆不放假，不过各网点营业时间可能会有所差异，快递速度会有所延误。</t>
  </si>
  <si>
    <t>不放假，物流正常运输，快递正常派送</t>
  </si>
  <si>
    <t>圆通速递国庆不放假，不过各网点营业时间可能会有变化，快递会有所延误。</t>
  </si>
  <si>
    <t>圆通快递国庆节不放假</t>
  </si>
  <si>
    <t>肠胃不好能吃蜂蜜吗</t>
  </si>
  <si>
    <t>分个人身体情况而定</t>
  </si>
  <si>
    <t>可以吃的，对胃有好处。《纲目》：和营卫、润脏腑，通三焦，调脾胃。蜂蜜是一种营养丰富的食品。蜂蜜中的果糖和葡萄糖容易被人体吸收。1公斤成熟的蜂蜜发热量为3，280大卡。蜂蜜对某些慢性病还有一定的疗效。常服蜂蜜对于心脏病、高血压、肺病、眼病、肝脏病、痢疾、便秘、贫血、神经系统疾病、胃和十二指肠溃疡病等 都有良好的辅助医疗作用。蜂蜜含有其他多种人体不可或缺的微量元素，所以还是天然的美容保健品，备受青睐。</t>
  </si>
  <si>
    <t>可以吃的。蜂蜜是调节肠胃的，效果比较好。</t>
  </si>
  <si>
    <t>小米路由可以自己换硬盘吗</t>
  </si>
  <si>
    <t>这需要看路由器的参数支不支持大容量硬盘，支持的话，当然没问题。</t>
  </si>
  <si>
    <t>小米路由器不能换大的硬盘，因为都是有分版本的。</t>
  </si>
  <si>
    <t>狗可以上公交吗</t>
  </si>
  <si>
    <t>一般都有明文规定车上不许带狗</t>
  </si>
  <si>
    <t>根据目前的规定来看，只有导盲犬和助听犬这类辅助残疾人工作的狗可以上公交车。</t>
  </si>
  <si>
    <t>按照乘车守则，狗狗是不能上公交车的。</t>
  </si>
  <si>
    <t>不可以！！</t>
  </si>
  <si>
    <t>如果司机师傅用意的话，应该就可以。不同意的话就没办法了。</t>
  </si>
  <si>
    <t>理论上是有规定不可以带宠物上公交车的</t>
  </si>
  <si>
    <t>黄体酮可以在药店买吗</t>
  </si>
  <si>
    <t>黄体酮的话，一般药店是买不到的。只能买到小剂量用于紧急避孕的。\x0d意见建议：但是对于剂量比较大的用于调经的剂量，药店是不卖的，需要去医院，在医生检查后根据病情才能开出来具体的剂量大小</t>
  </si>
  <si>
    <t>黄体酮胶囊是一种激素类补充剂，同时也是处方药，没有医生开的处方患者是不能自行购买得到的。</t>
  </si>
  <si>
    <t>黄体酮一般药店有可能买不到的。</t>
  </si>
  <si>
    <t>可以的，你这个药物药店一般都有，并不是处方药。建议你最好正规医院进行开具。不要自行用药。</t>
  </si>
  <si>
    <t>2016深圳房价会降吗</t>
  </si>
  <si>
    <t>房地产市场15年刚刚经历反弹，新的产能还没有交付，对供需结构没有影响，预计17年上半年房价依然延续升势。</t>
  </si>
  <si>
    <t>看区域。关内基本上不太会涨了，尤其是南山，到了高位。大鹏和光明、坪山，均价不到4万，应该会小涨。</t>
  </si>
  <si>
    <t>深圳房价会在下半年开始逐渐下跌，或变相降价，此前的一轮暴涨跟美元加息，人民币贬值，股市低迷以及央行降息政策有关，总而言之中国一些资本家被惯坏了，他们之前赚钱太容易，现在经济放缓后他们纷纷把目光投向暴利的房产，从而大肆炒作，导致房价暴涨，这跟黄牛党无本质区别。</t>
  </si>
  <si>
    <t>不会的。有方案参考</t>
  </si>
  <si>
    <t>深圳楼市新政后房价有所下降</t>
  </si>
  <si>
    <t>桃花债是耽美小说吗</t>
  </si>
  <si>
    <t>桃花债就是耽美小说</t>
  </si>
  <si>
    <t>是耽美小说</t>
  </si>
  <si>
    <t>是的是的。</t>
  </si>
  <si>
    <t>没错，大风就是写耽美的</t>
  </si>
  <si>
    <t>私处脱毛好不好</t>
  </si>
  <si>
    <t>可以根据情况设计脱成什么样的，都脱了也没关系，对健康没有影响，可以避免生长寄生虫</t>
  </si>
  <si>
    <t>阴部脱毛都脱了不好、阴毛是保护阴部的最好保护屏障！</t>
  </si>
  <si>
    <t>女性脱毛不好，这有刺激性，所以建议使用剪除阴毛，不要使用脱毛膏去除阴毛，以免影响皮肤。</t>
  </si>
  <si>
    <t>好 省的带进去了</t>
  </si>
  <si>
    <t>你好，具体要看自己。有些人浓密，就需要脱毛，以免毛过多，会影响健康。</t>
  </si>
  <si>
    <t>男方可以报生育险吗</t>
  </si>
  <si>
    <t>1.同时具备以下条件的参保男职工，可申请享受一次性生育补贴： ⑴符合国家计划生育政策规定和法定生育条件; ⑵配偶生育或因病理原因流产时，用人单位参加生育保险并已为男职工正常连续缴纳生育保险费(不含补缴、欠缴和中断缴费)满10个月以上; ⑶配偶未列入生育保险范围，且生育第一胎。2.符合上述条件的男职工，可申请享受的一次性生育补贴标准为：流产的200元;顺产的1200元;难产或多胞胎生育的2000元。3.配偶生育或因病理原因流产后，男职工持本人及配偶的居民身份证、《结婚证》、计生部门出具的《生育状况证明》或《第一胎生育证》、新生儿《出生医学证明》、出院记录、费用明细清单(以上材料均需原件及复印件)和本人就医证卡、原始发票、配偶户籍所在地街道(镇)出具的无工作单位且无固定收入来源证明，到本人单位社保关系所在地的市、区社保经办机构办理一次性生育补贴申领手续。社保经办机构审核后，打印《男职工一次性生育补贴结付表》，男职工签字确认后领取补贴金额。4、《生育状况证明》或《第一胎生育证》到计划生育委员会开具。不需要失业时间证明书，要求配偶户籍所在地街道(镇)出具的无工作单位且无固定收入来源证明。</t>
  </si>
  <si>
    <t>可以的，夫妻双方任意一方有就可以申请社保报销</t>
  </si>
  <si>
    <t>如果是女方有生育保险，且符合生育保险报销规定，所有的生育保险待遇应在女方享受；如果是男有生育保险，且符合生育保险报销规定，女又无工作的，可以男方按规定报销生育医疗费用</t>
  </si>
  <si>
    <t>男职工是无法报销生育险的。男方可以申请护理津贴，是生育保险的另一项补贴，男方参保半年，在孩子出生后，可以享受10天的护理津贴，缴费基数除以30乘以10天，用于护理假期间工资补贴。</t>
  </si>
  <si>
    <t>手机百度地图要流量吗</t>
  </si>
  <si>
    <t>非常大 。。。。。。。。。。。。。。。。。。。</t>
  </si>
  <si>
    <t>手机百度地图消耗流量不大的。如果查一个地点，500K-1M就够用了。如果使用百度地图的导航功能，一分钟也就1-2M。也可以下载百度地图离线包（百度地图官网下载），可以免流量进行导航的。</t>
  </si>
  <si>
    <t>当然要流量啊，查询地图没有不花费流量的。</t>
  </si>
  <si>
    <t>百度手机地图需要流量的情况：1，搜索路线，需要开启GPS定位，需要消耗流量；2，使用地图导航，需要开启GPS定位，需要消耗流量；百度手机地图不需要流量的情况：使用离线地图功能，不需要GPS定位，不需要流量，可以关闭流量开关节省流量。所以是否需要流量，看需要使用什么功能。</t>
  </si>
  <si>
    <t>护士能不能娶</t>
  </si>
  <si>
    <t>真的千万不能娶中国的女护士做老婆</t>
  </si>
  <si>
    <t>护士怎么了，人品是很好的，医护水平也是很好的，家里有个小病小灾的自己就可以处理。</t>
  </si>
  <si>
    <t>日本大麦若叶有效果吗</t>
  </si>
  <si>
    <t>我在喝，喝了一周，之前有些便秘，但现在感觉挺好的。</t>
  </si>
  <si>
    <t>在日本这东西基本上只是老年人在喝，还有一些中年的上班族，因为经常在外面吃便当而没有足够的蔬菜营养，所以喝这个东西来补充，一来到中国就被吹神了，没什么用，如果你是年轻女孩的话建议喝胶原蛋白什么的。</t>
  </si>
  <si>
    <t>大麦若叶是直接采集干燥、杀茵，微粉末加工成100%纯粉末。大麦若叶就称为青汁，付有抹茶风味。在大自然中培育成大麦若叶含有丰富抗物质、维它命、蛋白质，没有添加物，纯正大若叶粉末100%青汁。</t>
  </si>
  <si>
    <t>对中国人来说，多此一举。味道像是抹茶。</t>
  </si>
  <si>
    <t>大麦若叶？ 就是大麦的嫩麦苗撒 · 能有啥神奇的</t>
  </si>
  <si>
    <t>没什么用就是大麦苗的嫩叶粉一种饮料而已炒起来的。</t>
  </si>
  <si>
    <t>吃虾能喝红酒吗</t>
  </si>
  <si>
    <t>最好不这样搭配，红酒搭配有三忌，掌握技巧后才能使酒与菜肴、水果的风格互相映衬，达到美味的极致。一忌海鲜。红葡萄酒配红肉符合烹调学自身的规则，葡萄酒中的单宁与红肉中的蛋白质相结合，便于消化。但红葡萄酒与某些海鲜（比如多弗尔油鳎鱼片）相搭配时，高含量的单宁会严重破坏海鲜的口味，与蟹同食可令肠胃不适，葡萄酒自身甚至也会带上令人讨厌的金属味。相比之下，味道浓重的牛羊肉类菜肴宜配红葡萄酒。</t>
  </si>
  <si>
    <t>可以，但是口感不是很好</t>
  </si>
  <si>
    <t>尽量不要，尤其是吃新鲜的虾时，红酒中的单宁口感较重，会破坏虾肉的鲜甜感。</t>
  </si>
  <si>
    <t>糖尿病可以吃水蜜桃吗</t>
  </si>
  <si>
    <t>糖尿病能吃水蜜桃。</t>
  </si>
  <si>
    <t>糖尿病人可以吃桃子。</t>
  </si>
  <si>
    <t>糖尿病患者不能吃桃，因为水果中包含果糖和葡萄糖及蔗糖。这些糖都属于简单糖，食后血糖会迅速上升。</t>
  </si>
  <si>
    <t>造梦西游3沙僧和悟空哪个好</t>
  </si>
  <si>
    <t>沙僧好,我练过,悟空前好后不好,沙僧后好前不好.</t>
  </si>
  <si>
    <t>我认为悟空好，沙僧血薄。</t>
  </si>
  <si>
    <t>推荐悟空</t>
  </si>
  <si>
    <t>沙僧好因为沙僧很贱，悟空的火魔斩在造梦3里威力变小，而且悟空在彩虹楼会表现得超垃圾</t>
  </si>
  <si>
    <t>沙僧好</t>
  </si>
  <si>
    <t>沙僧</t>
  </si>
  <si>
    <t>荣威950是国产吗</t>
  </si>
  <si>
    <t>荣威950是国产车，荣威是上汽下面一个自主品牌，车子技术是来自于收购英国罗孚汽车的生产线和技术之后推出的。</t>
  </si>
  <si>
    <t>国产</t>
  </si>
  <si>
    <t>这款汽车，它的发动机技术是属于国产的，不是属于合资，也不是进口的，可以参考一下。</t>
  </si>
  <si>
    <t>去巴厘岛免签吗</t>
  </si>
  <si>
    <t>巴厘岛对中国游客开启免签，在飞往巴厘岛的飞机内，会分发出入境管理局、海关提交的出入境卡、申报单，在到达巴厘岛之前要填写完整。</t>
  </si>
  <si>
    <t>雅加达、巴厘岛、棉兰、泗水、巴淡岛，这五个机场可免签入境，最长30天居留。</t>
  </si>
  <si>
    <t>现在巴厘岛对中国游客已经实施免签政策啦</t>
  </si>
  <si>
    <t>雅加达、巴厘岛、棉兰、泗水、巴淡岛，这五个机场可免签入境，</t>
  </si>
  <si>
    <t>沃尔沃xc60保养贵吗</t>
  </si>
  <si>
    <t>沃尔沃的车保养都不便宜。</t>
  </si>
  <si>
    <t>您好，这样的豪华车型维修和保养费用都是很高的，一般的小保养费用要在1000元左右的。</t>
  </si>
  <si>
    <t>昨个保养 首次1w公里 2250，问售后 第二次便宜2000左右第三次3000 ，第四次4w的时候直升上w。操！贵死了</t>
  </si>
  <si>
    <t>做个参考：XC60 2.0T T5 机油机滤 689 空滤 245 汽滤 422以上包括工时费，机油为金美孚全合成机油，4S的话可能要高些，具体可以咨询＃＃常规保养1100元左右！好马备好鞍，好车自然保养费用也贵一些。希望对您有所帮助！</t>
  </si>
  <si>
    <t>奥迪一般5000公里就要保养,沃尔沃一般是10000公里保养,沃尔沃保养不算贵。</t>
  </si>
  <si>
    <t>梅毒是否传染</t>
  </si>
  <si>
    <t>不会的。梅毒的传播途径有三条血液、性接触、母婴传播。</t>
  </si>
  <si>
    <t>梅毒患者是唯一的传染源。性接触传染占95%。</t>
  </si>
  <si>
    <t>梅毒共有四个时期分别为一期梅毒、二期梅毒、三期梅毒以及潜伏期梅毒。临床表示，每个时期的梅毒都会具有一定的传染性。</t>
  </si>
  <si>
    <t>梅毒是常见的传染疾病之一，在与梅毒患者没有任何安全防护措施下，进行性接触或其它密切接触，都会感染到梅毒。</t>
  </si>
  <si>
    <t>梅毒主要是苍白螺旋体导致的传染病，是经过性交发生传染的，是一种性传播的疾病。</t>
  </si>
  <si>
    <t>美图秀秀能制作logo吗</t>
  </si>
  <si>
    <t>你说的是水印吗，不太同意楼上的观点，水印也可以用美图做啊，看你是想做哪种的了，如果是这种的，在追问里告诉我，我再告诉你具体的方法，如果不是，最好附上你想做的那种图片</t>
  </si>
  <si>
    <t>美图秀秀应该不能，要用其他的软件。</t>
  </si>
  <si>
    <t xml:space="preserve">文字logo在图片上直接输入文字后，字体设成白色调透明度就可以了 </t>
  </si>
  <si>
    <t>打开美图秀秀，用涂鸦笔画一个点，然后打字就可以了。</t>
  </si>
  <si>
    <t>fresh莲花面霜好用吗</t>
  </si>
  <si>
    <t>好用，清爽不油腻。</t>
  </si>
  <si>
    <t>莲花面霜要更轻薄一些更适合油皮。</t>
  </si>
  <si>
    <t>现代牧业还能喝吗</t>
  </si>
  <si>
    <t>大多都多多少少有问题吧，没爆出来之前还不是喝了。没关系的，高三娃儿们每天都喝，相信你自己的抵抗力。</t>
  </si>
  <si>
    <t>不可以的。那个不好。</t>
  </si>
  <si>
    <t>还没下架的 是可以喝的</t>
  </si>
  <si>
    <t>能啊</t>
  </si>
  <si>
    <t>别看，中国现在良心产品不多！连药都没了良心，何来能不能？</t>
  </si>
  <si>
    <t>狼蛛键盘好吗</t>
  </si>
  <si>
    <t>还不错，不过要注意，它并不是一款常见的，主流的入门键盘，网上评价也很少，所以不是很建议购买，尤其在题主完全没有机械键盘经验的情况下</t>
  </si>
  <si>
    <t>我用过一段时间感觉还可以，有些鼠标有点飘</t>
  </si>
  <si>
    <t>之前返修很高低端的机械键盘便宜质量不好轴不行</t>
  </si>
  <si>
    <t>它并不是一款常见的，主流的入门键盘，网上评价也很少，所以不是很建议购买，尤其在题主完全没有机械键盘经验的情况下</t>
  </si>
  <si>
    <t>姚明拿过总冠军吗</t>
  </si>
  <si>
    <t>拿过一个CBA总冠军戒指</t>
  </si>
  <si>
    <t>姚明在火箭职业生涯10年，没有得过一次总冠军</t>
  </si>
  <si>
    <t>拿过，00-01赛季常规赛MVP，联赛总MVP CBA冠军就得过一次</t>
  </si>
  <si>
    <t>服务器的内存台式机能用吗</t>
  </si>
  <si>
    <t>服务器上的内存一般是和台式机的内存不一样的。即使都是服务器上的内存也都有可能不一样的，内存的频率，DDR2 DDR3等等之类的。</t>
  </si>
  <si>
    <t>基本上不能用的</t>
  </si>
  <si>
    <t>服务器内存要求较高，都有一个ECC校验模块，而普通台式机主板大部分不支持ECC校验。所以会造成不兼容，至于DDRxxx的接口都一样。</t>
  </si>
  <si>
    <t>通用的，但你的内存条的规格要符合服务器或台式机的要求。内存条有DDR1，DDR2，DDR3，它们之间是不通用的。</t>
  </si>
  <si>
    <t>一般不可以的</t>
  </si>
  <si>
    <t>服务器内存不能装在台式电脑上的</t>
  </si>
  <si>
    <t>不能,台式机内存条分3种,DDR1 ,DDR2,DDR3,服务器内存条不和台式机内存条通用。</t>
  </si>
  <si>
    <t>质量工程师证书有用吗</t>
  </si>
  <si>
    <t>关键看单位是否重视。大国企和外资企业还是很重视质量的，质量工程师是有用的。现在申请政府质量奖和国家推行的首席质量官都是必须有质量工程师的。普通中小企业有些是不太重视的，不过，从长远来看，质量工程师应该是有前景的。</t>
  </si>
  <si>
    <t>重要的是能力，就算这个证书考试得一百分，没实际操作能力有什么用呢？所以现在的企业根本不看这个证书。</t>
  </si>
  <si>
    <t>lol武器大师好吗</t>
  </si>
  <si>
    <t>被削了 没以前好用了,而且非常需要补刀技术的</t>
  </si>
  <si>
    <t>您好，我是玩武器大师出身的。下面我就说说他的优缺点。武器大师六级之前就是垃圾中的垃圾，建议不要去过份抢人头，能萎缩就萎缩，还要有好的补刀技术。六级之后，出了忍者足具，你就可以风骚地抢人头了。科技刀加羊刀使武器大师的QW技能伤害输出变高，还有BT的闪避，基本每一场都能拿二三十个人头。当然要玩好还是要靠玩家的技术。</t>
  </si>
  <si>
    <t>前期相对现在强势的瑞文，血手，猴子等等还是比较弱势的，不过你只要忍到6J你的FARM效率就飞起了。记住你前期没装备的时候是比较弱势的，当你神装的时候基本无敌。</t>
  </si>
  <si>
    <t>淘宝专柜小样是真的吗</t>
  </si>
  <si>
    <t>正规购买途径，一般和专柜的人员熟悉之后，就可以多要一些小样，加上作为卖家，他们每次购买的多，所以赠品小样也多了；假货，现在有很多工厂生产假货。正装正品是假的很容易被发现，小样每包一点点，是假的也不容易发现。所以购买的时候要判断清楚</t>
  </si>
  <si>
    <t>几乎全部都是假的，很少有真的……</t>
  </si>
  <si>
    <t>1、首先太便宜的一定不要买；2、其次，大牌最好不要买，如果想要网购的话，建议买比较平价的牌子或者是中小样，不过据说现在大牌的中小样也有仿冒的了；3、还有，不要只看信用度，还要看看给中评和差评的买家都是怎么评价的，究竟是质量的原因还是其它，关乎面子问题，实在不能掉以轻心。</t>
  </si>
  <si>
    <t>不一定商家信誉高的就一定是正品。</t>
  </si>
  <si>
    <t>小样一般为厂家赠送给顾客试用的，并非用来购买的，所以花低价的钱来购买小样，虽然便宜，但是货应该是正品的，只要大瓶装的商品是正品那小样也会是正品</t>
  </si>
  <si>
    <t>360有硬件检测吗</t>
  </si>
  <si>
    <t>360硬件大师就有这个功能，它其实就是以前的鲁大师（原名：Z武器）是新一代的系统工具。</t>
  </si>
  <si>
    <t>有：360安全卫士--功能大全--360硬件大师</t>
  </si>
  <si>
    <t>那个叫硬件检测，是7.5beta版本的才有，其实就是原来的鲁大师，不过被360收购了。</t>
  </si>
  <si>
    <t>宝宝3岁散光300度一定要配镜吗</t>
  </si>
  <si>
    <t>非常建议戴眼镜矫治，那么高的散，很有可能导致孩子弱视，如果不加以戴镜治疗，会耽误孩子的</t>
  </si>
  <si>
    <t>只能是配戴眼镜予以矫正。</t>
  </si>
  <si>
    <t>最好及时配镜并作弱视治疗</t>
  </si>
  <si>
    <t>散光较高，应该戴镜矫正</t>
  </si>
  <si>
    <t>先孩子需要散瞳验光，确定一下孩子在睫状肌麻痹下的度数是多少？一旦确定度数，如果存在300度散光需要及时纠正，孩子还在发育过程，如果这么高的散光不戴镜纠正，很容易导致弱视。</t>
  </si>
  <si>
    <t>iphone6支持lte-a吗</t>
  </si>
  <si>
    <t>iphone6也支持LTE-A</t>
  </si>
  <si>
    <t>iPhone 6/6 Plus 支持Volte，AT&amp;T，T－Mobile和Verizon都有Volte了。但不支持LTE－A。</t>
  </si>
  <si>
    <t>首先要清楚你的机器是什么版本的。</t>
  </si>
  <si>
    <t>电脑控温冰箱好不好</t>
  </si>
  <si>
    <t>电脑温控：优点是可精确控温，操作直观，外观时尚；缺点是故障率相对机械的略高，价格也较高。</t>
  </si>
  <si>
    <t>孕囊不规则会不会胎停</t>
  </si>
  <si>
    <t>孕囊不规则不能说明胎儿就不好。目前这个情况需要自己来确定。目前一般怀孕的孕囊多多少少会不规则。</t>
  </si>
  <si>
    <t>肯定会，因为你的孕酮不会马上下降到很低，所以孕囊会继续大</t>
  </si>
  <si>
    <t>白猫洗洁精是中性的吗</t>
  </si>
  <si>
    <t>理论上应该是，实际就需要测一下了，化工市场有卖PH值试纸的很便宜2-3块一包用很多次，测一下，时间最重要</t>
  </si>
  <si>
    <t>是中性的.它有去油去污的性能,是里面有活性剂.</t>
  </si>
  <si>
    <t>是中性的，不含氯离子</t>
  </si>
  <si>
    <t>angelababy 漂亮吗</t>
  </si>
  <si>
    <t>很漂亮</t>
  </si>
  <si>
    <t>好看啊，我觉得她为人挺真实的不做作</t>
  </si>
  <si>
    <t>无论哪个角度，我都没看出他好看，嘴吧好大，我觉得就那样，不是很丑，但偏丑！</t>
  </si>
  <si>
    <t>比这些没意义的，杨颖和冰冰都有各自的优点和缺点，只能说现在杨颖粉比较多</t>
  </si>
  <si>
    <t>西洋参治阳痿吗</t>
  </si>
  <si>
    <t>吃那玩意不管用的 要用涂抹的 还有注意锻炼和饮食</t>
  </si>
  <si>
    <t>可以的，我 一直都在吃</t>
  </si>
  <si>
    <t>lbe好用吗</t>
  </si>
  <si>
    <t>好用，绝对。。。</t>
  </si>
  <si>
    <t>最新版本的都行吧，不要是beta版本的就行</t>
  </si>
  <si>
    <t>没啥用！</t>
  </si>
  <si>
    <t>三星手机9198掉色吗</t>
  </si>
  <si>
    <t>三星G9198手机的外壳在平常使用情况下会有自然磨损、染色、退色、刮痕等情况发生，在不影响手机使用性能的情况下建议您正常使用，如果已经影响您的正常使用，由于网络中无法对手机进行具体的检查，确定最终需要更换的具体配件。</t>
  </si>
  <si>
    <t>手机的外壳在平常使用情况下会有自然磨损、染色、退色、刮痕等情况发生</t>
  </si>
  <si>
    <t>不可能存在绝对不掉漆的！你买个手机套，很便宜的，几块钱。然后给手机套上！就可避免外壳磨损掉漆！</t>
  </si>
  <si>
    <t>教师资格证报名已经通过认证可以注销吗</t>
  </si>
  <si>
    <t>登录网页取消报名，如果报名成功，不能取消，只要不去提交资料审核就是了。</t>
  </si>
  <si>
    <t>过期的食物能吃吗</t>
  </si>
  <si>
    <t>过期的食物中存在 蛋白质分解变性，产生有害物质和亚硝酸盐代谢产生致癌物质的风险，因此，最好不吃。</t>
  </si>
  <si>
    <t>而过了保质期，并不意味着就坏了，只是厂家不再担保。有时候，食品过期可能只是外观不那么诱人，或者口感没有那么好了这样的食品，也还是能吃的。</t>
  </si>
  <si>
    <t>当然不可以，因为有些过期食品会致癌</t>
  </si>
  <si>
    <t>这个问题得分什么食物，不过大多食物过期后食用都会出现一些不良现象。吃多了过期食品毒素排不出去，就会引发疾病，多半是食物中毒。</t>
  </si>
  <si>
    <t>看情况，有些过期几天没变质就没有问题，但是过期太久就不要吃了，不要觉得丢了可惜，身体出问题就不是小钱能解决的了。</t>
  </si>
  <si>
    <t>孕妇可以用牙膏洗脸吗</t>
  </si>
  <si>
    <t>没有问题的啊，牙膏刷牙都可以了。</t>
  </si>
  <si>
    <t>我觉得不可以</t>
  </si>
  <si>
    <t>天涯明月刀太白pk厉害吗</t>
  </si>
  <si>
    <t>垃圾</t>
  </si>
  <si>
    <t>太白这个门派前期是很弱，但是到了60级以后，如果你投入的钱不少的话，吊打同等级的其他门派没问题的，你的功力如果有八千的话，一套就能带走血比较脆的。总之，太白是个很吃装备心法的门派，如果你能熬到后期把装备都熬起来，那不管是pvp还是pve都是很厉害的。</t>
  </si>
  <si>
    <t>太白，这个职业输出伤害最好，而且这个职业上个赛季得了第二名。</t>
  </si>
  <si>
    <t>qq刷钻违法吗</t>
  </si>
  <si>
    <t>不犯法</t>
  </si>
  <si>
    <t>怎么会呢，都那么多年了，，也没看谁上了</t>
  </si>
  <si>
    <t>违法</t>
  </si>
  <si>
    <t>不吧但是多了会被封的</t>
  </si>
  <si>
    <t>看你的数额和造成的影响。如果只是为自己的账户刷个一两个月，那属于数额较低，不会受到法律处罚</t>
  </si>
  <si>
    <t>不算啊</t>
  </si>
  <si>
    <t>就看是用的什么方法吧。</t>
  </si>
  <si>
    <t>暖宝贴对身体有害吗</t>
  </si>
  <si>
    <t>不会的，身体总是觉得冷，用暖宝宝可以保持身体暖暖的，这样血液循环液就会比较好，不过也不要多用，老用的话，身体免疫会降低，建议多运动来保持身子暖和，这样才健康哦！</t>
  </si>
  <si>
    <t>一般人用暖宝宝是不会有什么不良反应的，暖宝宝能给身体提供热量，敷在肩膀、腰、膝盖等地方，还能缓解关节受凉老化，但是有以下注意事项：</t>
  </si>
  <si>
    <t>我没有用过。不过我觉得既然国家允许有这种产品，而且又有一定的市场，应该是没有太大的害处。但是，不能因为没有害处就经常使用，毕竟它也有一定的使用范围和注意事项，偶尔临时用一两次还是可以的，毕竟它不能代替取暖设施</t>
  </si>
  <si>
    <t>没有害的，里面主要成分是碳</t>
  </si>
  <si>
    <t>原理基本上就是高中时学过的化学反应产热，里面的东西也不是什么特殊的化学物质，且不是跟皮肤直接接触的，危害不大。</t>
  </si>
  <si>
    <t>换轮胎是4个一起换吗</t>
  </si>
  <si>
    <t>条件允许的情况下，我们建议四个一起换，您可保持原始的操控平衡性，我们建议轮胎行驶每5,000到8,000公里调位一次。即使无任何偏磨的迹象，适当次数的轮胎调位，因此保证了所有轮胎的性能保持一致。当您的所有轮胎都同时达到使用寿命，可以更换一套新轮胎，而不必被迫换一对轮胎。</t>
  </si>
  <si>
    <t>不用一起换，正常情况都是一对一对的。或者做个对调，然后做个4轮平衡就可以了，这个得具体看磨损程度，如果说4个轮子都磨损的很严重了，那么4个轮子都必须换是应该的，在轮胎的环状凹槽里有一个横凸起，将闭环分成一个快闭合的“C”如果说，轮胎已经快到了那个横隔，那么这个轮胎就差不多改换了</t>
  </si>
  <si>
    <t>汽车轮胎更换时并不是一定要换4个轮胎，如果轮胎使用的公里数和时间都不长，花纹磨损比较轻微接近新轮胎的，可以更换坏掉的那个轮胎即可，而如果轮胎使用长久后老化、花纹磨损严重的情况下，建议更换前、后一对或四轮轮胎。如果只是更换单个轮胎，可能因为新旧轮胎的差异导致跑偏、新轮胎异常磨损等情况。</t>
  </si>
  <si>
    <t>这是需要看轮胎的实际使用情况的，如果条件允许最好是四条一起更换，加上适当的轮胎换位有助于轮胎的磨损率保持一致，因此保证了所有轮胎的性能保持一致。当您的所有轮胎都同时达到使用寿命，可以更换一套新轮胎，而不必被迫换一对轮胎。如果部分轮胎还可以使用，在换胎时需注意以下几点：在只更换一条轮胎的情况下，新胎必须与同一轴上的另一条花纹沟槽深度接近，否则有可能会造成车辆跑偏等问题。在只更换2两条轮胎的情况下建议新胎安装在后轮。同一车轴上应装配同一规格、结构、厂家、花纹的轮胎。</t>
  </si>
  <si>
    <t>四个一起吧，两万公里前后轮胎对调，四万到六万公里全部更换。</t>
  </si>
  <si>
    <t>感冒中西药能一起吃吗</t>
  </si>
  <si>
    <t>一部分可以，一部分不可以</t>
  </si>
  <si>
    <t>广州中医药大学附属中山医院主任中药师 梅全喜 这样治感冒，可能好得快，但对肝肾及消化系统的损害也是加倍的。</t>
  </si>
  <si>
    <t>感冒的中成药和西药当然可以一起服用的感冒是由于病毒感染所致，应该注意休息，选择抗病毒的药物饮食宜清淡易消化为主。</t>
  </si>
  <si>
    <t>可以一起服，但中药和西药最好别是同一功效就行</t>
  </si>
  <si>
    <t>感冒药是不建议和中药在一起服用的，尤其的滋补性的中药，会影响感冒的治疗，建议你期间多喝一些温开水的</t>
  </si>
  <si>
    <t>可以的，感冒吃点维生素C银翘片，感冒通，清开灵口服液或清开灵胶囊，</t>
  </si>
  <si>
    <t>工商管理专业好找工作吗</t>
  </si>
  <si>
    <t>工商管理并不很好找工作，这个专业比较普及，基本上是个高校就有这个专业，所以比较滥，人多了工作自然就不好找。</t>
  </si>
  <si>
    <t>不太好找，如今是流行技术人员，学技术才是王道。</t>
  </si>
  <si>
    <t>现实中这个专业的本科毕业生工作并不好找</t>
  </si>
  <si>
    <t>其实工商管理找工作一般的，男的做销售的多，女的做办公室的多。就业比较好的方向是进外企，做管理培训生，前途很好，进去很难，待遇很高</t>
  </si>
  <si>
    <t>洗牙能去牙垢吗</t>
  </si>
  <si>
    <t>可以，洁牙，俗称洗牙，专业术语龈上洁治术，是指用洁治器械去除牙龈上牙石、菌斑和色渍，并磨光牙面，以延迟菌斑和牙石再沉积。</t>
  </si>
  <si>
    <t>洗牙能清楚时间比较长一点的坚硬的牙垢</t>
  </si>
  <si>
    <t xml:space="preserve">牙石一旦形成，只能去医院请牙医（牙周科）帮助去除。这就是“洁牙”。 </t>
  </si>
  <si>
    <t>基本上可以这么说，当然水平有好有坏啦，平时用牙膏很难刷出效果的哈，加上我们这边有喝茶的习惯，加上平时如果抽烟什么的行为更加容易导致牙齿发 黄发黑，如果是长期这样的话牙齿绝对会有牙垢的哈，所以 洗牙可以帮你洗掉这些牙石的东西啦</t>
  </si>
  <si>
    <t>进入电梯请先检查是否挂有( )标志.</t>
  </si>
  <si>
    <t>安全检验标志</t>
  </si>
  <si>
    <t>玄奘成佛了吗</t>
  </si>
  <si>
    <t>玄奘没有成佛，只是成为高僧。</t>
  </si>
  <si>
    <t>玄奘法师往生兜率内院弥勒菩萨那里了。</t>
  </si>
  <si>
    <t>玄奘法师生平信仰弥勒菩萨，曾作《弥勒慈尊礼赞文》，并译有《瑜珈师地论》等弥勒论典，开创了我国的唯识宗。玄奘法师早发弘愿，誓生兜率。现在应该在兜率亲近弥勒菩萨，尚未成佛。</t>
  </si>
  <si>
    <t>没有成佛</t>
  </si>
  <si>
    <t>《西游记》里说是佛</t>
  </si>
  <si>
    <t>玄奘的境界到底有多高，我们普通人是不知道的，他自己也没有说，但肯定不是佛。</t>
  </si>
  <si>
    <t>酿葡萄酒可以不放糖吗</t>
  </si>
  <si>
    <t>理论上是可以的，酒厂都是不加糖，得到适宜酒精度数的含糖量极低的干红。但是，家庭自酿，很难买到专门的酿酒葡萄，也不具备酒厂的设备和工艺处理的条件，最为重要的是，很难在不加糖的情况下，酿出酸涩度口感均衡的酒，所以，为了平衡口感的需要，一般要额外加一些糖。</t>
  </si>
  <si>
    <t>不可以，不放糖容易发酵失败。</t>
  </si>
  <si>
    <t>不行。不放糖不会发酵。只能是烂葡萄</t>
  </si>
  <si>
    <t>可以不放，一定要密封好，等喝的时候放糖也是可以的。</t>
  </si>
  <si>
    <t>自酿葡萄酒最好不加糖，之所以加糖因为葡萄的质量不好，含糖量不够，加糖也是不得已而为之的事</t>
  </si>
  <si>
    <t>可以不放糖，葡萄本身就含糖，经发酵后转换成酒精和二氧化碳。</t>
  </si>
  <si>
    <t>应该不行吧</t>
  </si>
  <si>
    <t>一般面粉可以做蛋糕吗</t>
  </si>
  <si>
    <t>可以的，普通面粉里面加点玉米淀粉即可</t>
  </si>
  <si>
    <t>一般市场卖的是普通面粉,不大合适用.</t>
  </si>
  <si>
    <t>可以 但是要+泡打粉 要不做出来的蛋糕 不会发起来</t>
  </si>
  <si>
    <t>一般面粉可以做蛋糕。</t>
  </si>
  <si>
    <t>可以。一般的蛋糕用面粉还是可以做出来的</t>
  </si>
  <si>
    <t>六级词汇包含四级词汇吗</t>
  </si>
  <si>
    <t>英语六级的词汇用书包括四级的词汇.</t>
  </si>
  <si>
    <t>是的，六级就是在四级基础上的扩充</t>
  </si>
  <si>
    <t>四六级词汇的重合率是很高的，是否百分之百包含不确定，但如果不是全包含也一定有90%+。</t>
  </si>
  <si>
    <t>六级词汇中不包括四级词汇，而是“默认”为你已经背过四级词汇了，超出四级的那两千是到达六级词汇的部分</t>
  </si>
  <si>
    <t>婴儿能倒立吗</t>
  </si>
  <si>
    <t>最好不要倒立，没有科学依据的。小孩子的骨骼与关节发育还不完善，倒立可能会造成伤害。</t>
  </si>
  <si>
    <t>1、婴儿倒立有什么好处和禁忌有助于人的智力和反应能力的提高。人的智力高低和反应能力的快慢,是由大脑来决定支配的,而倒立能增加大脑血液供应和条件下的支配传感能力。日本的某些小学为了提高学生的智力,每天让学生保持5分钟的持续倒立,倒立后学生们普遍感觉眼明、心爽、脑清。正因为如此,医学家高度评价倒立运动:倒立5分钟,相对与睡眠2小时。其他国家如印度、瑞典、美国也积极倡导人们每天进行倒立运动。2、婴儿倒立的禁忌第一次做的时候头会发痛,最好在毯子或柔软的布垫上做。精神要集中,全部意识要集中在头顶上正中“百会穴”。头和手要始终固定在同一个位置上。转动身体时要收下颌,这样才能保持平衡。饭后2小时内或喝水过多时不宜做。每天做一套完整动作。做完后不要马上休息,最好稍事活动后再休息。请勿随意郁动头部,否则容易扭伤颈椎。这姿势最好在瑜伽导师的指导下进行。完成“头倒立式”后,婴儿休息姿势。</t>
  </si>
  <si>
    <t>1岁以下的小孩是可以倒立的,对孩子没有影响的,这点您不必过于担心,一般半岁以上的小孩子就可以倒立了。</t>
  </si>
  <si>
    <t>个人认为小孩还没有发育完全，倒立可能不利于小孩的健康成长哦。</t>
  </si>
  <si>
    <t>gta5能健身吗</t>
  </si>
  <si>
    <t>可以啊，不过外表不会显现出来，不像SA，但可以提高能力值</t>
  </si>
  <si>
    <t>健身房没有，在海边沙滩那里倒有一处有健身器材的地方，都是一群肌肉男，不过是不能用的</t>
  </si>
  <si>
    <t>不可以，体力是通过跑步，游泳练出来的。</t>
  </si>
  <si>
    <t>不能，线上线下的力量属性是不会改变人物外观的，但是你可以在线下替换人物模型，可以达到这样的效果，我见过一个州长的mod。＃＃不能，健身只能加力量值。人物外形不会变</t>
  </si>
  <si>
    <t>life可数吗</t>
  </si>
  <si>
    <t>life 表示 “一生/生命” 是可数名词</t>
  </si>
  <si>
    <t>life作为生活是不可数名词;作为性命,生命义讲时是可数名词</t>
  </si>
  <si>
    <t>表示生命不可数，如，How did life begin?生命是怎样开始的？表示一生，终生既可作可数名词也可做不可数名词，如，She devoted her whole life to serving the people.她一生致力于为人民服务。表示生活方式时作可数名词，如，She had a very hard life.她过着很艰苦的生活。表示生物，活物时作不可数名词，如，Is there life on Mars?火星上有生物吗？</t>
  </si>
  <si>
    <t>life作为生活是不可数名词;作为性命,生命义讲时是可数名词。</t>
  </si>
  <si>
    <t>生活怎么能数，肯定是不可数</t>
  </si>
  <si>
    <t>多个人的生活就是可数的（多个人指各人，强调个人的生活），但多数人的生活却是不可数的（多数人当做整体，指整体的生活）</t>
  </si>
  <si>
    <t>生化妊娠需要坐月子吗</t>
  </si>
  <si>
    <t>不需要，她就好比是我们的例假推迟而已对女性的身体健康没有什么损坏</t>
  </si>
  <si>
    <t>一般不需要</t>
  </si>
  <si>
    <t>一般是不会影响到正常的生活和工作的</t>
  </si>
  <si>
    <t>一般不需要像坐月子那样</t>
  </si>
  <si>
    <t>山东万商昭合是真的吗</t>
  </si>
  <si>
    <t>可以在全国企业信用信息公示系统查询是否有该公司的登记信息。目前尚未听过属于非法集资，新闻上也未见报到，无法给出确定答案，提供集资特点、犯罪手段供参考。</t>
  </si>
  <si>
    <t>非常合法，我到工商和派出所调查过。</t>
  </si>
  <si>
    <t>这是诈骗.</t>
  </si>
  <si>
    <t>蚂蚁花呗要手续费吗</t>
  </si>
  <si>
    <t>不用的，下个月记得还款就行。</t>
  </si>
  <si>
    <t>这个是会收一点点的了</t>
  </si>
  <si>
    <t>不需要手续费的，分期只需要利息就可以了</t>
  </si>
  <si>
    <t>只要是卖家开通了蚂蚁花呗，买家下单选择了蚂蚁花呗支付，收货后，卖家交易金额会扣除1%手续费</t>
  </si>
  <si>
    <t>而且不收取一分钱的手续费用，以后也不会收取</t>
  </si>
  <si>
    <t>此功能无服务费，不收费。</t>
  </si>
  <si>
    <t>信用卡一样，百分之一的手续费，比如买家用蚂蚁花呗支付你100元，那么支付宝就会自动扣除你1元的手续费，和信用卡支付一个道理。</t>
  </si>
  <si>
    <t>每个店手续费都不一样的，</t>
  </si>
  <si>
    <t>般在网络上提取的话就是百分之15</t>
  </si>
  <si>
    <t>脚皮肤发干脱皮可以泡盐水吗</t>
  </si>
  <si>
    <t>可以，不过不能放太多盐， 可以杀菌，也可以放白醋</t>
  </si>
  <si>
    <t>可以用足浴盐泡脚，泡完后再用你买的足霜，要长期坚持使用。</t>
  </si>
  <si>
    <t>没伤口的话，可以试试，不过这个的效果只是暂时的，不能根治</t>
  </si>
  <si>
    <t>可以的，消毒，但不要泡太久，泡久了皮也软了，不好</t>
  </si>
  <si>
    <t>血吸虫病可以治愈吗</t>
  </si>
  <si>
    <t>血吸虫病是治疗不好的</t>
  </si>
  <si>
    <t>就凭你说的这个现象，也不能肯定是感染上了血吸虫病的呀，必须经过相关的检查和化验才可以最后确定的，有寄生虫病和吃了很多螺蛳并不能就可以肯定是感染了血吸虫病的。对于你的这个情况，到医院去经过血液的化验和其他方面的检查后，应该是可以治愈的。</t>
  </si>
  <si>
    <t>可以哎。服用 吡喹酮，这药是特效药。</t>
  </si>
  <si>
    <t>房产证要换不动产证吗</t>
  </si>
  <si>
    <t>不需要。房产证与不动产证，同时有效，具有同等的法律效力。不动产登记机构按照“不变不换”的原则，权利不变动，簿证就不更换，在依法办理变更登记、转移登记等登记时，逐步更换为新的不动产登记簿证。</t>
  </si>
  <si>
    <t>不动产登记机构坚持“不变不换”原则，权利不变动，簿证不更换，依法办理变更、转移等登记工作时，逐步更换为新的不动产登记簿证。故房产证没有必要换新。</t>
  </si>
  <si>
    <t>无论是在整合过程中，还是在机构整合之后，对于产权人来说，只要没有产权变动，就可以不换证。即便是将来新证全国普及了，人们仍可拿着以前老的房产证办理手续。</t>
  </si>
  <si>
    <t>输血能改变dna吗</t>
  </si>
  <si>
    <t xml:space="preserve">DNA是唯一性的！不可能受到外界因素的影响而改变的！ </t>
  </si>
  <si>
    <t>但是如果做了脊椎骨髓移植手术！就会影响到DNA了！不过这类手术的案例微乎其微！</t>
  </si>
  <si>
    <t>我们每个人都有48对基因，这个是永远都不会改变的，而且每个人的基因都不相同，（父母的除外）所以输血不会改变你的基因。输血会导致基因突变——这个是有可能的。因为输血可以认为是一次器官移植。</t>
  </si>
  <si>
    <t>别人的血在你的体内存在一段时间后血细胞会死亡，被你新产生的血代替，所以DNA一般不会改变。</t>
  </si>
  <si>
    <t>要是骨髓移植，再生的血细胞的DNA会改变得，身体其他细胞不会改变</t>
  </si>
  <si>
    <t>血型都是一样的，由A,B,O,AB血型组成。欧洲人也一样，当然可以了。只不过，输血要遵循同型血相输的原则。A型血只可以输给A，AB型血。B型血只可以输给B，AB型血。AB型血只可以输给AB型血。O型血可以输给AB,B,A,O型血。</t>
  </si>
  <si>
    <t>银行卡有年费么</t>
  </si>
  <si>
    <t>都需要交年费的</t>
  </si>
  <si>
    <t>是要扣的</t>
  </si>
  <si>
    <t>一般的银行卡，都是需要交纳年费的。不过用银行卡划卡消费了一定次数和数额后，会取消年费来激励持卡消费。</t>
  </si>
  <si>
    <t>2015年6月1日个人用户可以办理取消银行卡年费业务。</t>
  </si>
  <si>
    <t>现在国家规定，每个人可以在每家银行拥有一张免年费免小额账户管理费的银行卡。</t>
  </si>
  <si>
    <t>现在都可以申请一张双免账户，免小额账号管理费和年份的，一个行可以申请一个</t>
  </si>
  <si>
    <t>不收取借记卡年费</t>
  </si>
  <si>
    <t>当然1、中国工商银行：办卡费5元，年费10元/年，低于300元收小额账户管理费3元/季度，同城跨行取款2元/笔。2、中国农业银行：办卡费5元，年费10元/年，低于300元收小额账户管理费3元/季度，同城跨行取款2元/笔。3、中国建设银行：办卡费5元，年费10元/年，低于500元收小额账户管理费3元/季度，且这类账户不给利息，同城跨行取款4元/笔+取款额的1% 。4 、中国银行：办卡费5元，年费10元/年，不收小额账户管理费，同城跨行取款4元/笔。5 、交通银行：办卡费5元，年费10元/年，低于500元收小额账户管理费3元/季度，同城跨行取款2元/笔。</t>
  </si>
  <si>
    <t>要，每年10元</t>
  </si>
  <si>
    <t>养羊好养吗</t>
  </si>
  <si>
    <t>掌握一定的技术是好样的。能赚钱。</t>
  </si>
  <si>
    <t>要说好养，也很好养，给点草吃就能长。如果不会养，就是说没有多少技术的，建议开始不要养太多，一二十只就足够了，这样基本一些问题都能遇到，学会了经验再多养。一个更重要的建议就是不要到外地去买羊来喂，不亏本也没钱赚，白挨累。</t>
  </si>
  <si>
    <t>荣誉勋章战士配置高吗</t>
  </si>
  <si>
    <t>荣誉勋章战士 高</t>
  </si>
  <si>
    <t>起码跟能玩战地3的配置高。差不多就行。</t>
  </si>
  <si>
    <t>不行 你那个显卡是低端入门级</t>
  </si>
  <si>
    <t>米氮平有依赖性吗</t>
  </si>
  <si>
    <t>药物不会导致这种结果吧。一般是嗜睡、乏力、口干、食欲亢进之类。</t>
  </si>
  <si>
    <t>是药三分毒，不管有没有依赖性都不好。</t>
  </si>
  <si>
    <t xml:space="preserve"> 米氮平片不需要长期用药，容易有耐药性和药物依赖性。</t>
  </si>
  <si>
    <t>男方长期吃高血压药能生育吗</t>
  </si>
  <si>
    <t>降压药物对男性精子是没有影响的，所以不影响生育指导意见：完全可以正常要孩子，不必过于担心</t>
  </si>
  <si>
    <t>男性长期服用药物可能会影响精子的质量的，建议男性服药物期间不适合怀孕，如想怀孕的话，最好在医生的指导下调理用药的</t>
  </si>
  <si>
    <t>中国间谍厉害吗</t>
  </si>
  <si>
    <t>当然有呀！不过我国叫国家安全人员和情报员，像国家安全部、总参信息情报处、国防部情报信息处等机构都是从事这类行业的！</t>
  </si>
  <si>
    <t>没有,中国不爱搞这个.</t>
  </si>
  <si>
    <t>火影忍者ol防沉迷有冷却时间吗?</t>
  </si>
  <si>
    <t>防沉迷的限制是三小时，你三小时之后必须下线。然后冷却期是五小时，五小时以后防沉迷会重置，然后又是玩三小时，如此循环</t>
  </si>
  <si>
    <t>离婚要孩子吗</t>
  </si>
  <si>
    <t>先协商，如果不成功，就起诉，一般都是以最大利益对儿童判决的</t>
  </si>
  <si>
    <t>万家乐的油烟机好吗</t>
  </si>
  <si>
    <t>一般。具体怎样也没有用过，不过你可以参考下怎么选购。抽油烟机一般要选择负压大的。因为抽油烟机的负压越大，吸烟能力越强。如您所述，目前市场上的抽油烟机分为平板式、半深型、深型和柜式等类型，它们因结构的不同产生的“负压区”也不同，大多数深型抽油烟机的负压区域约为0.14立方米，其排烟效率为60％左右，柜式抽油烟机的负压区域约为0.32立方米，排烟效率大于95％。但由于柜式油烟机采用了三面封闭的形式，所以在外观上没有吊挂式显得豪华</t>
  </si>
  <si>
    <t>还可以，吸烟还可以</t>
  </si>
  <si>
    <t>我家买了个万家乐的抽油烟机刚用就没什么吸力，根本和没装一样，联系全国售后多次，根本没有师傅联系上门，现在还要每天忍受很大油烟味！只想说，大家千万不要再买万家乐抽油烟机，质量太差，服务太差！</t>
  </si>
  <si>
    <t>还可以，不错有什么问题可以找售后</t>
  </si>
  <si>
    <t>福睿斯手动挡好开吗</t>
  </si>
  <si>
    <t>本人是手动舒适性的，离合比较适中，档位特别清晰，挂档很容易的，提车也就一个礼拜不到，很容易就上手了，感觉福睿斯这款车还是非常适合初学者的，老司机更不用说了，特别说明一下，我不知道是我技术好还是福睿斯设计出色，感觉这款车真的没有那么容易熄火，这是福睿斯的优势。</t>
  </si>
  <si>
    <t>挺不错的一款车，配置相当丰富不说，而且外观也很好看，操控性也好，性价比也高</t>
  </si>
  <si>
    <t>孕妇能喝胖大海</t>
  </si>
  <si>
    <t>孕妇在在孕早期，不宜喝胖大海，超过3个月以后就可以喝了。</t>
  </si>
  <si>
    <t>胖大海孕妇可以喝，但不能长期喝。</t>
  </si>
  <si>
    <t>最好不要服用！不要滥用胖大海</t>
  </si>
  <si>
    <t>可以的,但是菊花茶是凉性的,所以别喝太多了.祝你和BB平安</t>
  </si>
  <si>
    <t>md5被破解了吗</t>
  </si>
  <si>
    <t>可以破解，有md5解密的网站，但一般都是用暴力破解。</t>
  </si>
  <si>
    <t>理论上是不能破解的，因为md5采用的是不可逆算法。</t>
  </si>
  <si>
    <t>MD5加密原理是散列算法，散列算法也称哈希算法。计算机专业学的数据结构就有哈希表这一知识点。比如10除以3余数为一，4除以3余数也为一，但余数为一的就不知道这个数是哪个了。所以md5不能解密。</t>
  </si>
  <si>
    <t>md5是用来获取信息摘要的，主要用途是防篡改。王的工作是做到篡改信息，并保持md5不变。已知A，可以构造信息AB,AC，使得md5(AB)=md5(AC)</t>
  </si>
  <si>
    <t>没有被破解。目前来说，MD5破解最常用的就是在海量的MD5表找出对应的密码。</t>
  </si>
  <si>
    <t>羊毛大衣能不能水洗</t>
  </si>
  <si>
    <t>羊毛大衣一般宜干洗.</t>
  </si>
  <si>
    <t>羊毛大衣一般宜干洗，高档全毛料或毛与其他纤维混纺的衣物，建议干洗</t>
  </si>
  <si>
    <t>羊毛织物可以水洗。</t>
  </si>
  <si>
    <t>羊毛织物建议尽量干洗。</t>
  </si>
  <si>
    <t>你的衣服可以水洗不用担心。</t>
  </si>
  <si>
    <t>不能水洗。你觉得干洗不干净而非要水洗只是心理作用而已，其实干洗更能出去顽固污渍。前提是你找的这家干洗店品质有保证。</t>
  </si>
  <si>
    <t>hpv16阳性伴cin1治愈后还会感染复发吗</t>
  </si>
  <si>
    <t>感染HPV病毒治愈后，并不能保证以后不再感染。需要做的就是注意性生活不能太勤或者不卫生。还有就是饮食上还是要注意多吃水果蔬菜，少吃辛辣的东西。多加锻炼身体增强体质。</t>
  </si>
  <si>
    <t>深圳春节人多吗</t>
  </si>
  <si>
    <t xml:space="preserve">深圳的外地人是最多了，过年都回去了，很凄凉。 </t>
  </si>
  <si>
    <t>感冒咳嗽能不能吃虾</t>
  </si>
  <si>
    <t>凡感冒期间，无论风寒感冒或是风热感冒，忌吃一切滋补、油腻、酸涩食物</t>
  </si>
  <si>
    <t>少吃，尽量吃清淡一点</t>
  </si>
  <si>
    <t>感冒咳嗽不可以吃虾的</t>
  </si>
  <si>
    <t>你好，虾属于发物，感冒一般同时都嗓子发炎，按中医的角度，其实也是有火的表现，应吃一些清淡的饮食，再有也怕和药物起反应，毕竟每个人的体质也不一样，通常感冒会伴有咳嗽，而鱼虾和蛋类是腥的食物，会生痰</t>
  </si>
  <si>
    <t>你可以放心的这个是高蛋白食物，可以增强营养，对于治愈这个感冒有很好的效果的。如你不会对虾的蛋白过敏，感冒症状不重我认为是可以吃的，有发热恶寒感冒症状较重者就能吃，因异性蛋白易引起过敏与延缓病情快痊愈。</t>
  </si>
  <si>
    <t>口腔癌能治吗</t>
  </si>
  <si>
    <t>已经可以了</t>
  </si>
  <si>
    <t>早期好治，如果晚期就不好治，如果癌细胞已经扩散了就更不好治了</t>
  </si>
  <si>
    <t>口腔癌可以治愈。就像其他部位的癌症一样，治疗起来要综合序列治疗。早期的癌症是完全可以治愈的，但是晚期的往往效果不是很理想的。</t>
  </si>
  <si>
    <t>你好，病人有患了口腔癌中期的病情了，通常像这种病情还是应该能进行手术治疗了，并且术后还应该要进行放疗的好\x0d只是因为放疗的副作用也较大，对身体上会有些伤害的，那还可在放疗期间同时结合上中医来进行对症治疗也是会有非常好的效果的</t>
  </si>
  <si>
    <t>爱字体需要root吗</t>
  </si>
  <si>
    <t>这个是需要的。</t>
  </si>
  <si>
    <t>新版医保卡能取钱吗</t>
  </si>
  <si>
    <t>带有银联功能的新医保卡，即银联社保卡是可以取钱的，前提是持卡人预先用该卡在相应发卡银行存过钱，存款账户内的钱可以取出，医保账户内的钱不能取出（只能用来支付医保费用）。</t>
  </si>
  <si>
    <t>社保卡里的钱取不出来。</t>
  </si>
  <si>
    <t>不能取现的</t>
  </si>
  <si>
    <t>不能，只能用于药店买药和医院看病，而且卡里的钱用完之后才能付现金。</t>
  </si>
  <si>
    <t>床不能对着门吗</t>
  </si>
  <si>
    <t>不要正对回家的主大门、厨房门、洗手间门，如果家中还有其它卧室门的话，也不要正对。原因如下：①正对主大门，回家开门时就能看见自己的卧室，在风水上有露财之说；②正对厨房门，做饭时的油类通过空气的流通，全跑到卧室中，容易让卧室内的家具被单沾上油迹，对身体健康也是非常不好；③正对洗手间门，洗手间是供我们处理个人卫生的地方，正对卧室也容易通过空气的传播，把里面的秽气传到卧室；还有洗手间也是比较湿的地方，正对卧室门容易让卧室里的床单产生湿气，还有可能让家具腐蚀、变形；④如果正对其它卧室门的话，进出也不太方便，双方卧室里的情况都能被对方看的很清楚，这样不太好，有点泄漏隐私而已。二、卧室床摆放不要选择太硬或太软的床、不要正对着窗户、不要正对横梁、不要背对卧室门、不要正对妆镜、床应该与地面保持40—60厘米左右的距离。理由如下：⑴太硬或太软的床，睡着对人的身体健康不太好，太硬的床容易对人体的骨产生压力；太软的床也容易让人体的骨发生弯曲；⑵床头正对窗户，凉风正对着人的头部吹，容易感冒的同时，也容易让人的头部受凉产生刺激，让神经不能更好的休息；⑶床头正对横梁，会对人产生一种压重感，横梁本 生就带一点重量，会让疲劳的人误以为会掉下来之感；⑷床头背对卧室门，会让我们对卧室外面的事不清楚，如果一人或其它的什么，到卧室来会吓一大跳；⑸闲头正对妆镜，晚上如果有需要下床的，看着镜中的自己也会吓着，容易产生心理问题；⑹床应该与地面保持40—60厘米左右的距离，目的是为了保持干爽状态，避免地上的湿气沾染到床上的被单，对人的身体健康有影响。希望可以帮到您，望采纳。</t>
  </si>
  <si>
    <t>卧室是人们辛辛苦苦工作一天回到家休息的地方.更何况人有三分之一左右的时间是在床上睡过的.所以睡的好不好会直接影响到我们第二天的体能与精神状况. 从风水上来说.门是气口.也是风口.卧室的床如果正对着门.你想想.那就是对着风口.风必然会吹到睡在床上的人.如果风力过大.就会得病. 如果卧室中的床摆放在门和其他风口的位置的话.那么就无法在睡眠这段时间补充到应有的能量.绝对会影响到人的身心健康.而无法以饱满的精神状态去完成下一天的工作.去面对来临的拼搏.这样就会影响你的工作与事业.所以营造一个好的风水.对身心健康以及休息环境.以保证你在睡眠过程中保存能量.补充能量. 好的风水卧室布局是把床摆放在卧室的核心部位.床与房门对冲.是犯大忌的.床不宜露.不能对着门与风口. 我们也可以从现实中的角度想想.如果房门对着床.人的私密性将毫无保障.不但会引起情绪紧张.难以放松.还会提心吊胆. 当然如果卧室面积有限.而无法避免.避免的办法也就是两者的中间加上屏风或者挡板即可.这样就能避开房门与床对冲了.</t>
  </si>
  <si>
    <t>放床的时候，最好不要让床对着门。</t>
  </si>
  <si>
    <t xml:space="preserve">就是不雅观，没有其他的。一进房间第一眼就看见床 床是个人比较隐私的地方 </t>
  </si>
  <si>
    <t>床还是不要对着门比较好.不光是迷信的,还是有一点道理</t>
  </si>
  <si>
    <t>床对着门对主人不利，原因有三： 其一：床对着门可以使外面的人对床上的情景一览无余，不利于保护个人隐私且不雅观； 其二：从风水上讲床对着门也不好，一般床对着门，阴气会比较重的。不利于主人身体健康； 其三：床对着门使主人睡觉时容易进风着凉感冒。因此，大家在摆放床的时候，最好不要让床对着门。</t>
  </si>
  <si>
    <t>第一，风水上，床正对门，有害主人身体健康，任何风水书上都这么说，第二，床正对门，你自己也会觉得不自在，不信你试试</t>
  </si>
  <si>
    <t>元旦邮局放假吗</t>
  </si>
  <si>
    <t>不放假，但是一般上班的时间比平时晚，下午下班的时间相比以往也会早些</t>
  </si>
  <si>
    <t>不放假，银行机构每天都有工作人员上班的。</t>
  </si>
  <si>
    <t>邮政总局，一年365天 24 小时 工作，不休息。</t>
  </si>
  <si>
    <t>邮局和医院公安性质是一样的，假期是有三天，但是都是轮休，绝对有人上班的。</t>
  </si>
  <si>
    <t>有抗体还用打乙肝疫苗</t>
  </si>
  <si>
    <t>不用了。已经有了。</t>
  </si>
  <si>
    <t>不需要。乙肝疫苗接种后，乙肝表面抗体滴度越高，则抗体持续存在的时间越长，保护能力也相应较长。</t>
  </si>
  <si>
    <t>如果乙肝疫苗三次都注射完了，有了抗体就不用了。</t>
  </si>
  <si>
    <t>这要看具体情况，一般来说，乙肝都是分三次注射的，抗体存在不是永久的，如果乙肝抗体的潜在期快到了，为了健康，可以到医院或当地防疫站继续接种乙肝疫苗。</t>
  </si>
  <si>
    <t>有抗体但是不是很强的情况下，注射了疫苗属于加强免疫，肯定是有用的</t>
  </si>
  <si>
    <t>打乙肝疫苗不会因为有抗体而杀死疫苗，有可能增加抗体滴度，以后不要打乙肝疫苗了。</t>
  </si>
  <si>
    <t>抗体的滴度＜10，要注射一支乙肝疫苗加强针，如果乙肝抗体的滴度＞10，不用注射乙肝疫苗加强针.</t>
  </si>
  <si>
    <t>红茶通便吗</t>
  </si>
  <si>
    <t>喝红茶可以通便。</t>
  </si>
  <si>
    <t>不会，长期饮用红茶会变得虚冷胃也不再如以前强健 经常腹泻，更有甚者 有时肾会冷痛。</t>
  </si>
  <si>
    <t>新股申购是否冻结资金</t>
  </si>
  <si>
    <t>2016年新股申购进行了改革，现在申购新股不需要冻结资金，中签后再交款。</t>
  </si>
  <si>
    <t>现在申购新股，不需要冻结资金了，只要有新股申购额度就可以</t>
  </si>
  <si>
    <t>资金要冻结4天</t>
  </si>
  <si>
    <t>2016申购新股不冻结资金.</t>
  </si>
  <si>
    <t>京东闪购是正品吗</t>
  </si>
  <si>
    <t>京东闪购有正品保证，您可以放心购买。</t>
  </si>
  <si>
    <t>有些是真货，品牌，有些是假货</t>
  </si>
  <si>
    <t>京东闪购是京东名品特卖，限时抢购。</t>
  </si>
  <si>
    <t>不一定，闪购商品只要写着“京东自营”的一般来说都是正品，因为是京东自己的商品，闪购也有一部分商品是第三方店铺的，就像淘宝一样，就不能保证是正品了。</t>
  </si>
  <si>
    <t>是正品的，如出现假货可联系客服进行投诉。</t>
  </si>
  <si>
    <t>　京东闪购，成立于2014年1月8日，有自己的独立二级域名，京东在首页导航栏上给出了显著的入口。</t>
  </si>
  <si>
    <t>汽车玻璃可以抛光吗</t>
  </si>
  <si>
    <t>可以抛光</t>
  </si>
  <si>
    <t>挡风玻璃可以进行抛光的，做如果你没有专业的设备是无法休复了的，我这边有专门加工玻璃的，当然可以进行抛光</t>
  </si>
  <si>
    <t>汽车玻璃能抛光的</t>
  </si>
  <si>
    <t>前挡风玻璃不可以抛光.侧窗和后档适当抛光可以.</t>
  </si>
  <si>
    <t>蓝莓怕冻吗</t>
  </si>
  <si>
    <t>蓝莓很抗寒的，除非南方的兔眼蓝莓不抗寒，其余绝大数品种抗寒的。</t>
  </si>
  <si>
    <t>超人回来了小爱下车了吗</t>
  </si>
  <si>
    <t>不是她，是严智蕴和严泰雄父女要下车了。秋小爱是因为她爸爸要参加比赛，要中断2周的节目而已。</t>
  </si>
  <si>
    <t>机器人期刊是ei吗</t>
  </si>
  <si>
    <t>机器人方面就只有《机器人》是核心期刊，EI收录</t>
  </si>
  <si>
    <t>不是，该刊12年被EI终止收录。</t>
  </si>
  <si>
    <t>海珠湖公园 需要门票吗?</t>
  </si>
  <si>
    <t>你好。海珠湖是免费的，不要门票</t>
  </si>
  <si>
    <t>海珠湖于2011年10月1日免费对市民开放</t>
  </si>
  <si>
    <t>不用门票,但是人比较多。</t>
  </si>
  <si>
    <t>海珠湖不需要门票的</t>
  </si>
  <si>
    <t>门票预约</t>
  </si>
  <si>
    <t>门票免费，但要提前预约，</t>
  </si>
  <si>
    <t>吊顶能装吸顶灯吗</t>
  </si>
  <si>
    <t>是具体情况而定，若阳台安装的是木质吊顶或者石膏板，自攻螺丝能拧住的，可以先安装吊顶，再安装阳台吸顶灯；注意在阳台吊顶以前，先把电线布置好，吊顶时把电线拉出来，然后等到油漆工做好以后就可以安装吸顶灯了。</t>
  </si>
  <si>
    <t>直接装上去，没有任何任何问题的。都是做好了油漆电工再来装灯，硅酸板上面加层木工板绝对没有任何问题</t>
  </si>
  <si>
    <t>1.硅酸钙板的强度比一般石膏板要坚硬的多，承受力不是问题，完全可以满足你吊吸顶灯的要求。2.安装灯具必须要等到乳胶漆全部施工完毕后才行，要是先装灯，后刷漆就会把灯弄脏，而且漆工施工起来很麻烦，容易有漏空区域刷不到漆。3.一般不会影响到接缝的，装灯工人在施工时候会先找木板位置，不会影响接缝的。4石膏线不用打钉子，使用石膏粘粉粘上去的，很结实的，没有必要再打钉子了。</t>
  </si>
  <si>
    <t>根据国家规范规定，3公斤以上的灯具、设备必须有自己独立的吊杆，不允许固定在吊顶板或吊顶龙骨上。你的吸顶灯15KG左右，普通轻钢龙骨纸面石膏板吊顶根本无法承受这样的灯具，你应该把灯具用钢筋做吊杆穿过纸面石膏板后直接固定到结构顶板上去，否则灯具无法固定牢固、更不可靠。</t>
  </si>
  <si>
    <t>量不重的吸顶灯可以直接固定在吊顶上，但不是固定在吊顶的石膏板上，是固定在石膏板后面的木龙骨上，后面的木龙骨要确保是承受得住的，太重的灯就要在吊顶封板之前在原建筑顶上打上膨胀螺栓，或者用角钢架子，或者用链条吊这个吊灯，不能打在木龙骨上。</t>
  </si>
  <si>
    <t>可以，一样美观</t>
  </si>
  <si>
    <t>胆囊息肉4mm严重吗</t>
  </si>
  <si>
    <t>你的息肉比较小可根据以上原则调节饮食、改变生活习惯延缓息肉的发展，有炎症时消炎治疗，密切注意息肉的发展情况，一旦增长明显、症状加重建议手术为安。</t>
  </si>
  <si>
    <t>胆囊息肉大小不足10mm，不算太严重的情形，不需要手术，但是平时要注意定期复查，防止息肉有增大趋势</t>
  </si>
  <si>
    <t>不算严重的，可以直接服用中药息肉净。</t>
  </si>
  <si>
    <t>0.4厘米的胆囊息肉不是很大，不需要手术，但是越早消除越好，吃息福欣3-5个月就可以消除胆囊息肉，并且不会复发。</t>
  </si>
  <si>
    <t>哺乳期能吃蛇吗</t>
  </si>
  <si>
    <t>哺乳期，蛇可以吃的。蛇肉营养丰富，含有人体必需的多种氨基酸，哺乳期可以吃，但不宜多吃。望采纳！</t>
  </si>
  <si>
    <t>最好别吃,因为蛇吃青蛙身上也有杀不死的寄生虫和病菌,它们生活在野外,也吃过一些有毒的虫子.所以为了健康,不要贪图美味</t>
  </si>
  <si>
    <t>蛇肉虽然营养丰富，有助于孕妇增强抵抗力，但蛇肉有寄生虫多，食用了含有寄生虫的蛇肉有可能导致孕妇流产。哺乳期可以适量吃。</t>
  </si>
  <si>
    <t>哺乳期女性能喝蛇汤肉类和内脏当中的血红素铁的吸收利用率较高，对补充铁最为有益。一般来说，肉类的颜色越红，其中所含血红素铁就越多。</t>
  </si>
  <si>
    <t>如果排除寄生虫的考虑，哺乳期的孕妇是可以吃蛇肉的，蛇肉吃了营养还是很丰富的，还很鲜甜呢，母乳喂养的话最重要是饮食要均衡，多喝催奶的汤水。蛇肉营养比较好。吃的时候大可以像吃鱼一样，去掉蛇身上的鳞，蛇皮的口感很不错。如果考虑到寄生虫，我们除了选择不吃，还可以避免寄生虫的问题，可以购买专业养蛇场的蛇，可以避免寄生虫；为了更加保险，需要用高压锅彻底的压熟，多压一段时间，然蛇肉脱离蛇骨，在高压锅的高压高温下，即使有寄生虫会被杀死。但整个烹饪过程，不能让哺乳期的妈妈插手，避免在烹饪之前感染寄生虫。</t>
  </si>
  <si>
    <t>吃雪莲果能减肥吗</t>
  </si>
  <si>
    <t>雪莲果确有减肥功效。</t>
  </si>
  <si>
    <t>单吃一样东西是不可能达到减肥的效果。</t>
  </si>
  <si>
    <t>雪莲果没有减肥的功效</t>
  </si>
  <si>
    <t>还好吧，雪莲果对减肥还是有帮助的，比其他水果的热量都低一些。</t>
  </si>
  <si>
    <t>光纤一定要光猫才可以用吗</t>
  </si>
  <si>
    <t>光纤到户必须要运营商配备的光猫，普通ADSL的猫无法使用，光纤直接看线，光纤里面是玻璃纤维的！光纤到楼入户就不需要用猫，用路由器就可以了。</t>
  </si>
  <si>
    <t>是的，必须使用光猫进行调制解调</t>
  </si>
  <si>
    <t>光纤到户必须要运营商配备的光猫，普通ADSL的猫无法使用。</t>
  </si>
  <si>
    <t>光纤到户必须要运营商配备的光猫，普通ADSL的猫是永不了的，是不是光纤直接看他用的线，光纤里面是玻璃纤维的！光纤到楼的就不需要用猫了！还有貌似铁通的光猫只是押押金，不用可以退的吧！</t>
  </si>
  <si>
    <t>那当然，猫是调制解码器，没有它怎么把光信号变成电脑识别的电信号呢。</t>
  </si>
  <si>
    <t>因为进入用户的是光钎线，不是电话线，普通的猫无法接的上，必须用光猫！</t>
  </si>
  <si>
    <t>阁楼归顶楼使用吗</t>
  </si>
  <si>
    <t>不会给你证明的，因为合同会写顶棚和外墙属于全体业主所有</t>
  </si>
  <si>
    <t>陈慧琳是人工受孕吗</t>
  </si>
  <si>
    <t>变压器油导电吗</t>
  </si>
  <si>
    <t>合格、正常的变压器油是不会导电的</t>
  </si>
  <si>
    <t>不导电，燃点很高，而且一般不会是燃烧而是爆炸。</t>
  </si>
  <si>
    <t>属于绝缘体</t>
  </si>
  <si>
    <t>变压器油也是润滑油，完全不导电的润滑油严格说只有变压器油，其余的润滑油因有各种介质，击穿电压比较低，但也都不算导电体。</t>
  </si>
  <si>
    <t>基本上油都是不导电的，但会影响通电性能。</t>
  </si>
  <si>
    <t>贝莱德金融是真的吗</t>
  </si>
  <si>
    <t>假的，现在跑路了</t>
  </si>
  <si>
    <t>20美金倍数1%，已曝光，工商总局已备案，投资需谨慎。</t>
  </si>
  <si>
    <t>是的，是骗子的，朋友也是在这里被骗的。</t>
  </si>
  <si>
    <t>长期不感冒好吗</t>
  </si>
  <si>
    <t>当然好，说明你的身体很健康，没有听说得病好的，不要胡思乱想。</t>
  </si>
  <si>
    <t>长时间不生病对身体不好，这样你的免疫力会下降，有医生建议一年要得一两次小感冒，不要吃药，让自身的免疫系统抵抗它，刺激了免疫力这样你的身体会变的更强，生大病时会好的更快</t>
  </si>
  <si>
    <t>长期不生病不好，偶尔要感冒一次，这样才能让身体产生抗体，不过老感冒也不好，最好一年感冒一次。</t>
  </si>
  <si>
    <t>肯定好， 证明你的抵抗力强。</t>
  </si>
  <si>
    <t>不好，感冒生病是为身体排毒的！</t>
  </si>
  <si>
    <t>这个当然是不好的现像</t>
  </si>
  <si>
    <t>途观4500可以首保吗</t>
  </si>
  <si>
    <t>途观是提车后半年或5000公里进行首次保养。</t>
  </si>
  <si>
    <t>闯关东好看吗</t>
  </si>
  <si>
    <t>都不错，都是精品，你可以看看</t>
  </si>
  <si>
    <t>不错，看了Ｎ变了！ 闯关东讲述的是清朝后期的故事 故事讲述的是由李幼斌出演的朱开山带领一家由山东老家举家南迁的故事，由开始的元宝镇种地，到开起山东菜馆。再到开山河煤矿，故事情节感人至深，最后，为和日本帝国主义抗争，朱家二少爷朱传武（由朱亚文饰）英勇牺牲，一家再次南迁</t>
  </si>
  <si>
    <t>第一部好看</t>
  </si>
  <si>
    <t>痛风会腰疼吗</t>
  </si>
  <si>
    <t>除了关节炎之外，还有其它的疾病也能引起腰腿痛，所以有腰腿痛的人千万不要忽视治疗与预防，最近根据临床研究表明痛风也可以引发腰腿痛这种病，痛风是由于尿酸代谢不正常而引起的腰腿痛。</t>
  </si>
  <si>
    <t>不一定是</t>
  </si>
  <si>
    <t>能，是尿酸过高形成结晶，危害到肾。</t>
  </si>
  <si>
    <t>一般不会，痛风多引起小关节疼痛＃＃风的进一步发展还会影响到其他内脏器官，比较常见的是肾脏，因人体每天的尿酸有三分之二是由肾脏排泄，尿酸含量增高，就会加重肾脏的负担，</t>
  </si>
  <si>
    <t>腰酸腰痛是痛风的症状之一，而痛风就是因为尿酸过高而导致的代谢性疾病，因为你的尿酸水平过高，使得尿酸在腰部沉积、结晶，所以在做事的时候就会引起疼痛，可使用雨林控股旗下的阿里树萃取片改善痛风。</t>
  </si>
  <si>
    <t>章子怡人品很差的吗</t>
  </si>
  <si>
    <t>作为普通人,应该还可以,但是作为众人注目的艺人,甚至有的时候代表中国人,那么她还差很多!总之有些场合真的替中国人丢脸!</t>
  </si>
  <si>
    <t>微信有手势锁吗</t>
  </si>
  <si>
    <t>微信没有这个功能的</t>
  </si>
  <si>
    <t>这个没有的 有语音登录的</t>
  </si>
  <si>
    <t>打开手机，进入微信，输入账号和密码登陆微信,进入微信后，最下方有四个选项：微信/通讯录/发现/我，选择——我，进入.在这里，有一些微信帐号的个人设置，选择——钱包，进入钱包后，微信的一些理财功能及一些支付功能都在这里，选择右上角的选项标识，点击后会出现几个关于微信钱包的选项，选择——支付管理，支付管理中，也可以修改支付密码哦。当然，我们的主要目的是设置手势密码，选择——手势密码，设置手势密码也是要先输入支付密码确认是本人同意设置的，输入支付密码，输入完支付密码后，就可以设置手势密码了，先输入一次，再进行二次确认，这样，微信手势密码的设置就完成了。</t>
  </si>
  <si>
    <t>论文截止日期包括当天吗</t>
  </si>
  <si>
    <t>截止日期包括当天，比如活动截止日期：2017.2.14，那么14号这天结束才算是真的结束了，14号当天还是活动日期范围</t>
  </si>
  <si>
    <t>包括当天的，不过一般会议截稿日期会随时变动</t>
  </si>
  <si>
    <t>要看这个具体的截止日期前的定语。如果在截止日期前的定语表述为“以上”、“以下”、“以内”、“届满”等意，则包括本数（当日）。如果在截止日期前的定语为“不满”、“以外”等，则不包括本数（当日）。</t>
  </si>
  <si>
    <t>截止日期如无特别说明，一般应该包括当天的。</t>
  </si>
  <si>
    <t>qq消息能群发吗</t>
  </si>
  <si>
    <t>企业QQ是无法群发消息的，营销QQ可以群发消息。</t>
  </si>
  <si>
    <t>还真没有听说过，如果没有的话，我想，经过你这么一提的话，腾讯公司应该会开发的吧。</t>
  </si>
  <si>
    <t>进入手机QQ 长按需要群发的消息，选择转发 选择需要群发的联系人，点击确定即可完成群发</t>
  </si>
  <si>
    <t>这个只能在电脑上群发的</t>
  </si>
  <si>
    <t>群发不来哦</t>
  </si>
  <si>
    <t>狂犬病一定会发作吗</t>
  </si>
  <si>
    <t>对的</t>
  </si>
  <si>
    <t>最长6年，不发作就是不可能得了！ 10几年的传闻都假的，专家们都否定了</t>
  </si>
  <si>
    <t>mac上能玩dota2吗</t>
  </si>
  <si>
    <t>MAC版的dota2国服并没有下载的途径，需要您从steam上面下载。</t>
  </si>
  <si>
    <t>你的MacBook Pro没问题的，是可以玩的。</t>
  </si>
  <si>
    <t>只要你的苹果电脑的配置性能足够，那么在MAX系统下还是可以正常运行DOTA2的，不过需要一些软件和设置。</t>
  </si>
  <si>
    <t>qx50好不好</t>
  </si>
  <si>
    <t>严格说来，应该有好几点吧。首先是外观，那叫一个风骚加靓丽，尤其是选的暮色红的主打色，作为典型的有着suv外观的跨界车，路上的回头率非常高。 第二就是内饰了，虽然红棕色的好多人说有点老气，但是用料那叫真真豪华，比较了同级别的Q5,GLK300,觉得还是QX50棒！ 第三个就是性价比了，当时没按全款买，办理的日产金融的“5050贷款”，实际全款的话，35万就能拿下，加上购置税保险什么的，不到40就能办完了，可惜了1.5万的手续费再加1.1万元的保险了。</t>
  </si>
  <si>
    <t>个人更推荐XC60.1 外形：既然是想选城市SUV就选个更像SUV的。QX50外形过于纠结。2 动力方面：沃尔沃虽然全系增压，但是实际驾驶中动力表现并不如QX50。底盘和悬挂系统在公路驾驶中也不如QX50 3 综合： 男选沃 女选英</t>
  </si>
  <si>
    <t>英菲尼迪qx50好</t>
  </si>
  <si>
    <t>带防辐射眼镜有用吗</t>
  </si>
  <si>
    <t>会有作用，镜片能反射掉些光线。我有过类似情况的时候就戴上普通的太阳镜也能感觉好些。</t>
  </si>
  <si>
    <t>应该没什么坏处，建议到正规商场去配</t>
  </si>
  <si>
    <t>防辐射这个概念被商家炒作的尽人皆知，其实电脑的辐射非常小，对人体和眼睛危害很小，大家可在百度百科中搜索“辐射”来详细了解电脑辐射。防辐射眼镜对眼睛保护作用有限，最明显的标志就是用电脑后眼睛还是会酸涩、发热甚至疼痛流泪。</t>
  </si>
  <si>
    <t xml:space="preserve">◆所谓的防辐射眼镜片： 就是在眼镜的镜片加工过程中首先在材料里渗和一些化合物介质可起到一定的滤波作用，加上在镜片上镀上相关的防辐射膜层。 ◆其主要原理是： 由于电脑的辐射是来自于电磁波等。这些波是有一定波长和振幅的， 防辐射膜是以光的波动性和干涉现象为基础的。二个振幅相同，波长相同的波叠加，那么波的振幅增强；如果二个波原由相同，波程相差，如果这二个波叠加，那么互相抵消了。防辐射膜就是利用了这个原理，在镜片的表面镀上多层防辐射膜，使得膜层前后表面产生的不同波长的电磁波互相干扰，从而抵消了辐射，达到防辐射和减少辐射的效果。 </t>
  </si>
  <si>
    <t>没有配戴任何防辐射眼镜看电脑，就感觉到显示器特别刺眼，略有跳动。如果配戴了"保护神牌"防辐射眼镜后明显感觉视觉清晰、自然。</t>
  </si>
  <si>
    <t>新轩逸有车身稳定系统吗</t>
  </si>
  <si>
    <t>中配以上全部有了</t>
  </si>
  <si>
    <t>舒适版原车不带ESP功能的，其他的都带ESP功能</t>
  </si>
  <si>
    <t>1.6自动豪华以上都有</t>
  </si>
  <si>
    <t>经典版的和新款低配的没有，新款的高配才有</t>
  </si>
  <si>
    <t>现款没有。不过，2016年一季度将要上市的新轩逸不排除会增设</t>
  </si>
  <si>
    <t>没有车身稳定系统，只有ABS、EBD、刹车辅助。</t>
  </si>
  <si>
    <t>龙牡壮骨颗粒含铅吗</t>
  </si>
  <si>
    <t>我上百度百科查了下，有人上传龙牡壮骨颗粒的重金属检验报告图片，结果没有查出有铅的。应该没有问题的，毕竟老产品卖了很多年的。</t>
  </si>
  <si>
    <t>龙牡壮骨颗粒不含铅，很安全的。</t>
  </si>
  <si>
    <t>曾委托国家检验检疫部门对龙牡壮骨颗粒重金属含量做过测定，经湖北出入境检验检疫局未检出重金属铅的含量。所以，龙牡壮骨颗粒是非常安全可靠的。</t>
  </si>
  <si>
    <t>天梭表在日本买便宜吗</t>
  </si>
  <si>
    <t>只能便宜17%到25%，但是保修复杂，天梭分全球联保和全国联保的。1万以下的是全国联保，而且国内不去专柜购买，能便宜%30以上，我是做手表的，知道天梭的进价。但是不懂行的怕买到假货。</t>
  </si>
  <si>
    <t>日本绝对是比韩国便宜的。日本比香港还便宜一些</t>
  </si>
  <si>
    <t>日本会有便宜的天梭</t>
  </si>
  <si>
    <t>电脑能不能破解wifi</t>
  </si>
  <si>
    <t>真正的破解大多都是在电脑上的。手机上的一般都是wifi分享，不是真正意义的破解，如wifi万能钥匙。电脑可以用虚拟机+cdlinux平台进行破解</t>
  </si>
  <si>
    <t>推荐电脑破解wifi利器cdlinux0.9.6，能破解wap2，成功率90%以上。</t>
  </si>
  <si>
    <t>电脑破解wifi是通过暴力破解</t>
  </si>
  <si>
    <t>也有可能以失败告终</t>
  </si>
  <si>
    <t>客厅瓷砖还是地板</t>
  </si>
  <si>
    <t>1、首先考虑居室的对外性，若常有朋友或亲友串门，则宜用瓷砖，因木地板在耐水耐磨及强度上都不及瓷砖。2、根据家中装修风格选择客厅地面铺设材料。3、根据光照度选择客厅地面铺设材料。</t>
  </si>
  <si>
    <t>地砖比较好。</t>
  </si>
  <si>
    <t xml:space="preserve">如果是地面潮湿就装瓷砖吧，如果地面还算好就装地板吧，瓷砖比地板硬，有光泽，瓷砖也有辐射，地板打扫也容易。 </t>
  </si>
  <si>
    <t>你要长久用的话地砖划算，这是长久眼光。要是注重舒适度的话来地板。便宜还舒服，我指的是同等条件下地砖地板的比较。</t>
  </si>
  <si>
    <t>对于视觉感官上：地板的色泽度、柔软度极佳，给人的亲和度非常不错（这也是当你问亲戚朋友的时候常推荐使用地板的原因之一）。而地砖则给人以比较生硬的感觉。</t>
  </si>
  <si>
    <t>草刺猬是神兽吗</t>
  </si>
  <si>
    <t>一天吃两个鸡蛋好吗</t>
  </si>
  <si>
    <t xml:space="preserve">鸡蛋是高蛋白食品，如果食用过多，可导致代谢产物增多，同时也增加肾脏的负担，一般来说，孩子和老人每天一个，青少年及成人每天两个比较适宜。 </t>
  </si>
  <si>
    <t>吃两个最好 人的身体一天最多只能吸收两个鸡蛋的营养鸡蛋只煮了六七分熟的能吃 对身体没什么影响</t>
  </si>
  <si>
    <t>认为每天一个鸡蛋为宜</t>
  </si>
  <si>
    <t>可以。以前在网上查过这方面。只要不大于两个以上的人体都可以吸收</t>
  </si>
  <si>
    <t>从营养学的观点看，为了保证平衡膳食、满足机体需要，又不致营养过剩，在一般情况下，老年人每天吃1～2个比较好。对于青年和中年人，从事脑力劳动或轻体力劳动的，每天吃2个鸡蛋也比较合适；从事重体力劳动，消耗营养多的每天可吃2～3个鸡蛋；少年和儿童，由于长身体，代谢快，每天也可吃2～3个。孕妇、产妇、乳母身体虚弱者以及实行大手术后恢复期的病人，由于需要多增加优良蛋白质，每天可吃3～4个鸡蛋，但不宜再多。</t>
  </si>
  <si>
    <t>属羊的冬天出生的命不好吗</t>
  </si>
  <si>
    <t>很差,真的很差。</t>
  </si>
  <si>
    <t>命运在自己手里，不在天。</t>
  </si>
  <si>
    <t>一百天b超是女孩会照错吗</t>
  </si>
  <si>
    <t>B超有时也会出错的,不能全信,生男生女都是天意</t>
  </si>
  <si>
    <t>当然有可能，这种例子不胜枚举。</t>
  </si>
  <si>
    <t>正确的</t>
  </si>
  <si>
    <t>9数字吉利吗</t>
  </si>
  <si>
    <t>客家话"九"与"久"同音，故客家人把"九"，视为"吉祥"的象征，有"崇九"风俗。</t>
  </si>
  <si>
    <t>9是吉利的数字，表示长久，9也是个位数字中最大的一个，九五之尊，九九归一之说</t>
  </si>
  <si>
    <t>六六大顺、发的同音、长久，所以是吉祥数。</t>
  </si>
  <si>
    <t>这世间哪里有什么吉祥的数字，所谓吉祥数字不过是人们自己寻求安慰罢了。</t>
  </si>
  <si>
    <t>德升好做吗?</t>
  </si>
  <si>
    <t>难不难做，只要努力坚持有信心一定就可以做好德升这个项目，前景巨大。</t>
  </si>
  <si>
    <t>华为麦芒4支持移动4g吗</t>
  </si>
  <si>
    <t>华为麦芒4系列有两款机型：1、华为麦芒4（高配版/全网通）手机，网络模式：移动TD-LTE，联通TD-LTE，联通FDD-LTE，电信TD-LTE，电信FDD-LTE，移动3G（TD-SCDMA），联通3G（WCDMA），电信3G（CDMA2000），联通2G/移动2G（GSM）。支持移动、联通、电信三大运营商的4G、3G、2G网络。2、华为麦芒4（标准版/电信4G）手机，网络模式：电信TD-LTE，电信FDD-LTE，电信3G（CDMA2000），联通2G/移动2G（GSM）。支持电信4G、3G、2G网络，和移动、联通2G网络。</t>
  </si>
  <si>
    <t>麦芒4全网通版主卡支持电信 /移动/联通 4G/3G/2G，副卡支持移动2G，联通2G。</t>
  </si>
  <si>
    <t>华为麦芒4有两款，全网通的可以用移动4G、电信4G、联通4G以及3G卡。电信版只能用电信4G和联通2G/移动2G（GSM）</t>
  </si>
  <si>
    <t>智齿要拔掉吗</t>
  </si>
  <si>
    <t>当然拔掉. 掉的话说明生理年龄到了</t>
  </si>
  <si>
    <t>倒不是一定要拔了，不过只有一种情况医生不会建议你拔，就是能长出来并且咬合正常的智齿。</t>
  </si>
  <si>
    <t>如果正位只是牙龈覆盖的而且上下对合良好的话可以不用拔除的，不是每一个智齿都需要拔除的，反复发作的智齿冠周炎或者阻生，又或者导致前面的牙烂掉才需要拔除的。</t>
  </si>
  <si>
    <t>可保留的智齿：1、智齿生长的位置和方向正常。2、智齿没有出现蛀牙，智齿冠周软组织没有发炎和疼痛史。3、有对咬牙。必须拔掉的智齿：1、蛀牙：如果智齿出现比较深的蛀牙，特别是需要根管治疗的，一律建议拔掉。2、侵犯邻牙：如果生长空间不足，智齿会使劲儿顶住相邻牙齿继续生长，可能导致两颗牙齿都保不住。3、空间不足：如果智齿生长空间不足，在智齿生长过程中，会出现比较严重的牙龈肿胀、牙齿疼痛等症状。4、不易清洁：如果智齿长得歪七扭八，清洁起来会比较困难，很容易出现蛀牙。5、没有对咬牙：不是每个人的四颗智齿都会顺利生长出来，如果一颗智齿的对面没有与之相抗衡的另一颗智齿，可能影响人的咬合关系。6、阻生齿：这种类型的智齿，通常埋在齿槽骨的里面，当你感觉到痛时，就要拔掉它。</t>
  </si>
  <si>
    <t>拔除建议</t>
  </si>
  <si>
    <t>主要看智齿生长的位置正不正，生长位置不正的话就要拔掉。位置正的话可以不拔</t>
  </si>
  <si>
    <t>简单来说，智齿如果长的好，就不需要拔</t>
  </si>
  <si>
    <t>不一定，位置正常，有对应牙，不发炎就不用拔。反之酌情拔除。</t>
  </si>
  <si>
    <t>蹦极爽吗</t>
  </si>
  <si>
    <t>老爽了</t>
  </si>
  <si>
    <t>蹦极从医学角度来讲，蹦极时身体的突然失重带来的强烈刺激或者说惊吓，使人体突然处于高度应激状态</t>
  </si>
  <si>
    <t>蹦极，两只脚被分别绑着，加之脚踝感观比较差，跳下时，无任何束缚感。感受地球吸引力最真切的一种方式。被弹回来后再回落时，失重感又再度袭来，全身有如数万支羽毛一齐搔痒。以致，最后回到地面时，仍是惊魂未定。但还是可以总结出一个字：爽！#  肾上腺飙高</t>
  </si>
  <si>
    <t>蹦极绳的承重非常大，一般可以吊1000公斤，所以你也完全放心。只要没有高血压，低血压。骨折就可以大胆尝试。</t>
  </si>
  <si>
    <t>这个不好说。</t>
  </si>
  <si>
    <t>侠客风云传 需要联网吗</t>
  </si>
  <si>
    <t>激活的时候要联网,,激活后就不需要了,,可以离线玩,</t>
  </si>
  <si>
    <t>狄仁杰会武功?</t>
  </si>
  <si>
    <t>从历史上来看，狄仁杰很可能是会武功的。他是将门出身，官宦人家。</t>
  </si>
  <si>
    <t>历史上的狄仁杰不会武功。</t>
  </si>
  <si>
    <t>这个历史上狄仁杰是会武功的</t>
  </si>
  <si>
    <t>当然会</t>
  </si>
  <si>
    <t>不会啊！那是电影杜撰的，历史上他是文臣。</t>
  </si>
  <si>
    <t>明若晓溪台湾播出了吗</t>
  </si>
  <si>
    <t>还没有的，9月2号台湾八大综合才会播出。</t>
  </si>
  <si>
    <t>台湾八大综合台</t>
  </si>
  <si>
    <t>拳皇98东丈好不好</t>
  </si>
  <si>
    <t>东丈感觉操控起来不如八神给力奥</t>
  </si>
  <si>
    <t>挺好的＃＃拳皇98终极之战ol东丈不错哦，输出比较厉害</t>
  </si>
  <si>
    <t>你好，个人认为微信游戏拳皇98东丈是不值得培养的哦，前期升级慢且性能不实用</t>
  </si>
  <si>
    <t>小儿毛细支气管炎严重吗</t>
  </si>
  <si>
    <t>容易出现并发症如心功能下降，心肌炎等情况，导致孩子出现严重并发症</t>
  </si>
  <si>
    <t>猴头菇孕妇可以吃吗</t>
  </si>
  <si>
    <t>可以吃。准妈妈在孕期可以吃猴头菇，有助于饮食的多样化，而且猴头菇所含有的营养成分也为孕妇营养助力。</t>
  </si>
  <si>
    <t>猴头菇是一种高蛋白、低脂肪、富含矿物质和维生素的一种优良食品，孕妇可以吃猴头菇。</t>
  </si>
  <si>
    <t>可以吃，没关系的</t>
  </si>
  <si>
    <t>能吃。猴头菇是一种高蛋白、低脂肪、富含矿物质和维生素的优良食品</t>
  </si>
  <si>
    <t>孕妇吃猴头菇对身体有好处。</t>
  </si>
  <si>
    <t>可以适量吃，不要吃的太多。</t>
  </si>
  <si>
    <t>武僧一龙真的很厉害吗</t>
  </si>
  <si>
    <t>朋友发过他一场和一美国巨胖据说是保镖的比赛给我看，技术是散打的，水平大概是市级运动员，还是比较业余那种，估计他是属于河南台彩蛋型的噱头人物，用来炒概念的。</t>
  </si>
  <si>
    <t>武僧一龙是在武林风当中的业余选手里面算是比较厉害的，因为毕竟他赢过了不少比赛。但是如果说作为专业选手的话，一龙需要学习的地方还有很多。</t>
  </si>
  <si>
    <t>一龙就是一个武术娱乐人物，甚至连明星都不是，是央视等媒体的炒作而已。</t>
  </si>
  <si>
    <t>少林武僧，名不虚传，还是很有实力的高手</t>
  </si>
  <si>
    <t>被自己家猫抓过咬过会得狂犬病吗</t>
  </si>
  <si>
    <t>这个你不用担心啦！ 我领养猫之后 因为给他做体检 去过宠物医院 也问过 ，医生说 一搬的猫 要是从小养的话是不会有狂犬病的 除非 你养的是流浪的猫 。</t>
  </si>
  <si>
    <t>即使感染了狂犬病的动物也要发病时才能传染，所以你当时是不会被它们传染的。</t>
  </si>
  <si>
    <t xml:space="preserve"> 被狗、猫咬伤是否发病首先决定咬人的狗、猫是否带狂犬病毒，其次咬伤程度和部位。 一般定期打过预防针的正常狗狗、猫猫没有什么问题，如果是疯狗、病猫就得重视了。如果咬你的狗、猫是健康的，并且你的皮肤没有被爪破 （狂犬病毒传染的主要宿主，狂犬病一般通过动物的唾液传播，而猫、狗都会用舌头添自己的爪子，有一定几率把狂犬病毒带到爪子上，所以抓伤后也会有可能感染到狂犬病） 或被咬破，那就不必担心。</t>
  </si>
  <si>
    <t>狗咬猫应该是不会的狂犬病的，因为动物在彼此之间会有免疫能力（动物的免疫能力很强），所以得狂犬病的几率不大——但过后被猫抓伤了，最好也去打一下疫苗，因为一般被猫爪伤后会得“猫抓热”的。</t>
  </si>
  <si>
    <t>被咬或被抓后如果你不打疫苗，狂犬病的潜浮期是很长的，最多达十年，现在没事不代表过几年没事</t>
  </si>
  <si>
    <t>只要没流血就没什么大碍，但如果流血了而猫本身没狂犬病的话也没问题</t>
  </si>
  <si>
    <t>ps4游戏圣诞打折吗</t>
  </si>
  <si>
    <t>一般情况下会有优惠，而且圣诞节这种西方重要节日优惠力度一般不会太小.</t>
  </si>
  <si>
    <t>喝自来水好吗</t>
  </si>
  <si>
    <t>　不好。自来水水中可能含有一些致病微生物如细菌、病毒、寄生虫或虫卵等，此外还可能含有一些对人体有害的化学成份。城市的自来水消毒基本采用的都是余氯消毒，虽然在一定程度上对水中的细菌和病毒去除作用，但长期饮用含有余氯的水对人体也有不同程度的危害。</t>
  </si>
  <si>
    <t>可以的，自来水一般达标，只要不是私人打水的就可以。</t>
  </si>
  <si>
    <t>来水需要沉淀并加热沸腾后才可以喝。纯净水当然稍微好些。自来水之所以白东西多，是加了净化的东西，对身体当然有害。</t>
  </si>
  <si>
    <t>自来水能各项都能达标的话，还是自来水好的，也方便。</t>
  </si>
  <si>
    <t>你好！这个问题很多人人问，自来水本来是好水，但现在的工业污染使水里面的有害物对人体的危害很大，二氧化氯消毒会产生致癌物，不能为了一点有益元素顾此失彼</t>
  </si>
  <si>
    <t>cia 有用吗</t>
  </si>
  <si>
    <t>要是有时间准备考试的话，多一本证也没坏处</t>
  </si>
  <si>
    <t>有用的，CIA资格证的认知度日益提高了，很多行业比如金融，证劵，保险等行业对CIA的证件都很重视.</t>
  </si>
  <si>
    <t>内审师在国企可能有用，公务员就没有用了，它是国际认证的，一般公务员都考中国认证的，你懂不？</t>
  </si>
  <si>
    <t>CIA：虽然是国际证书，但通过率太高，含金量自然下降，基本是装门面的，实际没有什么用</t>
  </si>
  <si>
    <t>单单想用cia进银行，不建议你去考，因为每年银行的校园招聘并不会因为你有cia证书而加分。但如果你有关系或者你已经进银行了，并且你的定向就是内审，那考下还是有用的。</t>
  </si>
  <si>
    <t>sci第四作者有用吗</t>
  </si>
  <si>
    <t>一般是加前三个作者的分数</t>
  </si>
  <si>
    <t>第四作者的文章应该是参与过本科阶段创新性实验的成果。能代表你在本科参与过一些实验工作。各学校保研名额的确定大部分还是要看本科成绩的，在保研上这个文章用处并不大。＃＃面试的时候肯定有用处，但是你要对文章的内容和实验有一个比较充分的了解，能够面对专家教授的提问。</t>
  </si>
  <si>
    <t>首先你要看论文中第一作者或者通信作者的单位是不是你的学校，如果是的话，在保研中一般可以加分，但是第四作者能不能加分要看你们学校的规定了。如果不是，就不能加分，比如你跟在别的学校的老师的论文后面，你们学校一般是不会承认的。另外我想你的意思是对于保研或者考研复试的时候会不会有帮助，会不会让老师觉得你有科研经验。我觉得这就看你确实做了什么事情没有，我是搞科研的，所以我比较清楚，除非针对很大的课题写的论文，要不然第三作者之后就是友情参与了，在很多检索之中都只会出现前三个作者。如果你确实做了工作，你又能说的清楚，这是会有帮助的。如果没做什么，我想你的老师都带研究生了，肯定知道这里头的深浅，想浑水摸鱼比较难。供你参考</t>
  </si>
  <si>
    <t>手表可以分期付款吗</t>
  </si>
  <si>
    <t>一般的商场、商店、手表专卖店是不会分期付款的，如果真要想手表分期付款，只有到京东商场网购，京东网大部份商品都可以分期购买。</t>
  </si>
  <si>
    <t>可以京东白条，是京东推出的一种“先消费，后付款”的全新支付方式。</t>
  </si>
  <si>
    <t>练深蹲大腿会粗吗</t>
  </si>
  <si>
    <t>深蹲肯定能紧致腿部，粗如果指的是肌肉纤维，那肯定会粗，如果是脂肪肯定会减少。徒手的话，一组20个左右，3-4组或力竭为止，负重的话，一组15个左右，3-4组后，任有余力可以12个一组至力竭为止</t>
  </si>
  <si>
    <t>深蹲对于腿部的锻炼效果是因人而异的</t>
  </si>
  <si>
    <t>不会！瘦腿</t>
  </si>
  <si>
    <t>这个主要看重量的，大重量刺激会粗腿，小重量多次数不会</t>
  </si>
  <si>
    <t>要分负重和不负重，负重深蹲肯定是会使大腿肌肉变发达的，具体参考举重、速滑、篮球等运动员。不负重的话是不会产生这样的效果的，只会减脂让腿部肌肉更结实，也会翘臀，不知道你是男性还是女性，建议深蹲同时还要锻炼小腿肌肉，简单的做法就是站立姿势脚跟离地前脚掌支撑，每组15个，一次4组，每天三次，女性的话不带负重，男性要带点负重。另外，用登山器械练腿部肌肉效果很好。</t>
  </si>
  <si>
    <t>listen music 要不要加to</t>
  </si>
  <si>
    <t>listen to music，listen music也没错！但是一般不这么说</t>
  </si>
  <si>
    <t>有姓雨的吗</t>
  </si>
  <si>
    <t>有“雨姓”连“柴米油盐酱醋茶”的姓都有呢（下面一段是转的）虽然百家姓中没有，但这个姓氏确实存在。</t>
  </si>
  <si>
    <t>雨姓人口较少，但是南北皆有。</t>
  </si>
  <si>
    <t>百家姓中没有，但这个姓氏确实存在</t>
  </si>
  <si>
    <t>可能有，雨字姓应该是有的。</t>
  </si>
  <si>
    <t>大闸蟹能做香辣蟹吗</t>
  </si>
  <si>
    <t>蟹是你的，你随便整啊</t>
  </si>
  <si>
    <t>dvd能播放flv格式吗</t>
  </si>
  <si>
    <t>FLV文件属于FLASH视频文件范畴，这种视频格式不被DVD影碟机支持，需用电脑软件转格式。</t>
  </si>
  <si>
    <t xml:space="preserve">肯定不能！ </t>
  </si>
  <si>
    <t>大多数DVD机是不能播放FLV文件格式的，可以用“格式工厂”把FLV文件格式转换成其它格式就可以了。</t>
  </si>
  <si>
    <t>汽车导航DVD机播放能力有限，所以不是全格式支持。必须参照说明书的指点，播对应格式。一般车用导航DVD机支持的视频格式有AVI，WMV，RMVB,VOB等。还有DVD，VCD和CD光盘内容。可以使用视频转换软件将FLV格式视频转换成WMV格式就可以在车载DVD上播放了，可以用格式工厂来转换，</t>
  </si>
  <si>
    <t>FLV 是一种视频格式，应该不能播放的。除非你的车载DVD是最新的，且功能非常强大。</t>
  </si>
  <si>
    <t>FLV是不行的</t>
  </si>
  <si>
    <t>宝宝可以吃黑芝麻吗</t>
  </si>
  <si>
    <t>孩子可以吃黑芝麻之类的粮食，而且对健康有好处。</t>
  </si>
  <si>
    <t>可以吃，对宝宝的大脑发育起了很大的作用，因为芝麻有很多的营养。</t>
  </si>
  <si>
    <t>可以的，不能吃多了。</t>
  </si>
  <si>
    <t>是可以给宝宝吃些黑芝麻，黑芝麻中含有丰富的钙</t>
  </si>
  <si>
    <t>10个月大的宝宝不能吃黑芝麻。这时的宝宝牙齿还没长全，不能咀嚼，芝麻粒会整个地咽下去，也吸收不了。再说，芝麻油性大，对宝宝的肠胃不好。</t>
  </si>
  <si>
    <t>遗嘱需要公证后才有效吗</t>
  </si>
  <si>
    <t>遗嘱不公证也有效，但公证的效力最大</t>
  </si>
  <si>
    <t>遗嘱的有效形式包括公证遗嘱、自书遗嘱、代书遗嘱、口头遗嘱和录音遗嘱５种。其中，以代书、口头或者录音的方式立遗嘱，还必须有２个以上的见证人(与受嘱人无关人员)在场见证，否则所立遗嘱无效。故立的遗嘱只要符合上述条件和规定，就具有法律效力。</t>
  </si>
  <si>
    <t>只要是立遗嘱的人自己真实的想法，并签字盖章都视为有效。</t>
  </si>
  <si>
    <t>不一定需要公证.《继承法》第十六条第二款规定“公民可以立遗嘱将个人财产指定由法定继承人以外的一人或数人继承。规定了遗嘱继承可以是法定继承人以外的其他人，由谁继承，由被继承人生前所立遗嘱决定，如果被继承人生前其法定继承人不履行赡养义务，而法定继承人以外的其他人却尽了赡养义务，使被继承人在生活上得以照顾，在精神上得以慰藉，被继承人生前立下遗嘱，指定尽了赡养义务人（法定继承以外的）继承其遗产，是合法的，是受法律保护的。立遗嘱人应在自己意识清晰的时候，有两个没有利害关系的见证人在场见证的情况下，在没有任何外来压力的情况下，清楚表白自己的真实意志，如有必要，最好进行遗嘱公证。</t>
  </si>
  <si>
    <t>不是！理论上来讲遗嘱只要是他本人写的都是有效的，但是如果家庭成员对该遗嘱有异议，则需要证明遗嘱的真实性，也就是说你的家人如果不认可这个遗嘱，一口咬定这个遗嘱是假的，那么就需要走法律程序，如果是公证过的，则直接可以由公证处证明。公证无非就是个权威的第三方证明单位而已！</t>
  </si>
  <si>
    <t xml:space="preserve">公证并不是遗嘱生效的必要要件。只要遗嘱符合法定形式，是立遗嘱人的真实意思表示并且给缺乏劳动能力又没有生活来源的继承人保留必要的遗产份额就属于合法有效的遗嘱形式。 </t>
  </si>
  <si>
    <t>a1能开a2吗</t>
  </si>
  <si>
    <t>A1不可以开A2。</t>
  </si>
  <si>
    <t>菌群置换术管用吗</t>
  </si>
  <si>
    <t>没多大痛苦，主要是杀菌，然后做细菌培养，不属于手术的，治愈后如果不排查感染源，也还是会反复的。喝中药七白莲参汤治也可以，治霉菌但不伤害体内正常的菌群环境。</t>
  </si>
  <si>
    <t>不要做手术。一般的炎症，消炎就好了。</t>
  </si>
  <si>
    <t>菌群置换处女不能做,而且霉菌性阴道炎不能根治,其实阴道炎和感冒一样,只要抵抗力的,有致病菌感染,就会得病,治疗霉菌性阴道炎,关键不是想怎么根治,而是想想怎么预防.</t>
  </si>
  <si>
    <t>弱视考驾照</t>
  </si>
  <si>
    <t>弱视没事，矫正视力能够达到要求就是可以的。</t>
  </si>
  <si>
    <t>2016驾照新规中表明：单眼视力障碍的人士，好眼裸视或者矫正视力达到对数视力表5.0（1.0）以上，且水平视野达150度者可以申请小型汽车、小型自动挡汽车、低速载货汽车、三轮汽车、残疾人专用小型自动挡载客汽车等准驾车型的机动车驾驶证。</t>
  </si>
  <si>
    <t>能考的</t>
  </si>
  <si>
    <t>可以在家里开服装店吗</t>
  </si>
  <si>
    <t>可以，比如深圳就很多这样的，因为一般在办公室上班没时间逛街，周末照顾家人和小孩没有时间逛的人很多，但衣服必须买，很多人到家里购物，有的甚至晚上从福田开车到南山买，我在家里试过几个月的。问题是家里人会受到打搅！这点要注意。宣传的好生意很好，我有时候一天卖几十件</t>
  </si>
  <si>
    <t>关键是能否有口碑效应而且家里进出顾客是否方便?</t>
  </si>
  <si>
    <t>看你家的位置，然后先做朋友和小区熟人生意，把知名度打上去</t>
  </si>
  <si>
    <t>家里放招财金蟾好不</t>
  </si>
  <si>
    <t>家庭内摆放金蟾，有吸财，吐财，聚财的作用，是经商最好的也是最能旺财运的吉祥物。 一般将金蟾摆放在办公桌、收银台、商铺最佳，这样可以令生意兴隆，财源滚滚而来。</t>
  </si>
  <si>
    <t>金蟾可以摆放在家庭或公司的玄关处，也可以直接摆放在收款台处，还可以放在书桌、办公桌、客厅、卧室等位置。</t>
  </si>
  <si>
    <t>当然可以的，金蟾放可以放在在财神的前面。</t>
  </si>
  <si>
    <t>人可以换血吗</t>
  </si>
  <si>
    <t>不可以.现在医学还做不到.</t>
  </si>
  <si>
    <t>可以啊，要真正的换掉就只能换造血干细胞了。</t>
  </si>
  <si>
    <t>自己身体有问题须要换还是要换，到是换血对身体没多大好处，会使自身造血功能退化。</t>
  </si>
  <si>
    <t>姜汤可以晚上喝吗</t>
  </si>
  <si>
    <t>早上吃姜，胜过吃参汤；晚上吃姜，等于吃砒霜早上吃姜有益，晚上吃姜有害</t>
  </si>
  <si>
    <t>要是感冒了，喝姜汤驱寒气到是可以，但是其他的情况就最好别喝了！</t>
  </si>
  <si>
    <t>通常情况下，白天吃姜有益，晚上不宜吃姜。不宜不是完全不能吃。</t>
  </si>
  <si>
    <t>姜，其味辛辣，性温。</t>
  </si>
  <si>
    <t>生姜味辛性温，含有挥发油、姜辣素、树脂及淀粉等。姜能增强和加速血液循环,刺激胃液分泌，兴奋肠胃，促进消化，还有抗菌作用。早上吃一点姜，对健康有利. 但晚上吃，因为姜本来属热,会让人上火，劳命伤身，所以不宜吃。</t>
  </si>
  <si>
    <t>姜是热性的,晚上可以喝.可能夜里会热的.</t>
  </si>
  <si>
    <t>晚上不能吃姜。</t>
  </si>
  <si>
    <t>福睿斯噪音大吗</t>
  </si>
  <si>
    <t xml:space="preserve"> 你好，因为是新车还在磨合期里面发动机里的零件还没有达到最佳的状态，所以声音会有点大。一般过了磨合期后声音都会小点的，希望可以帮到你，祝您用车愉快【汽车问题，问汽车大师。4S店专业技师，10分钟解决。】</t>
  </si>
  <si>
    <t>噪音大的原因如下；1、积碳会造成汽油燃烧不充分，使发动机会出现抖动的问题。2.变速箱负荷运转会破坏变速箱油的质量和摩擦特性，加大摩擦与磨损，变速箱噪音随之而来，同时，油泥亦会在变速箱内部产生，导致变速箱出现顿挫、脱档、冲击、打滑、异响、延迟、高温、漏油。3、润滑下降导致出现机械磨损。</t>
  </si>
  <si>
    <t>学摄影烧钱吗</t>
  </si>
  <si>
    <t>现在数码时代了，不怎么花钱。</t>
  </si>
  <si>
    <t>烧钱，因为买专业的摄影器材很贵的。而且各种器材的专业领域不同，有的拍人像有的拍风景等等。</t>
  </si>
  <si>
    <t>买设备，交学费，练外拍。哪一个不烧钱！</t>
  </si>
  <si>
    <t>烧钱是有点的，摄影设备好点的老贵。</t>
  </si>
  <si>
    <t>电子商务专业能报考一建吗</t>
  </si>
  <si>
    <t>考一建必须要先考前二建，二建都可以报，一建必须要四年工作经验，你能找到单位可以开假证明就可以</t>
  </si>
  <si>
    <t>电子商务专业不能报考一级建造师</t>
  </si>
  <si>
    <t>可以，一般报名的话是在省的人事考试网上报名，然后按照网上的程序一步一步来就可以了单位的证明是很简单，找个有认识人的，有相关业务的单位给你盖个章就可以了，很简单报名开始的时候，到省人事考试网之后就有一条消息说开始报名了，点进去，会有一个页面让你输入你的身份证号和姓名，并选择是否是初次报考人员，你根据自己的情况输入进入；之后，有一个资格审核表，你按照自己的情况填写，完成之后过一段时间会有一个打印这个表的通知，到可以打印的时候你就将这个表打印下来，这个表中有一个地方是需要让你的范围盖章的地方，也就是证明你的共组经验的，盖完章；之后，等着资格审核的通知，出通知后，你就拿着自己的身份证、毕业证学位证和盖了章的资格审核表去指定的地方资格审核审核通过之后，就可以在网上缴费啦交完费之后，再过一段时间会出来打印准考证的通知，你就在把准考证打印下来，剩下的就是等着考试啦！</t>
  </si>
  <si>
    <t>理论上不可以但是你可以先通过挂靠单位报二级然后等年限到了,,就可以报考一级了。</t>
  </si>
  <si>
    <t xml:space="preserve">  专业不行</t>
  </si>
  <si>
    <t>可以进行报考</t>
  </si>
  <si>
    <t>不能考</t>
  </si>
  <si>
    <t>新房要交契税吗</t>
  </si>
  <si>
    <t>购房必须缴纳契税，二手房和商品房都一样。</t>
  </si>
  <si>
    <t>契税是必须交的,而且是买方交,无论你买什么房子都得交.</t>
  </si>
  <si>
    <t>要交的，不管是新房还是二手房，只要你买商品房都要交税。</t>
  </si>
  <si>
    <t>国家规定要交的</t>
  </si>
  <si>
    <t>除了契税，还需要缴纳其他的税费</t>
  </si>
  <si>
    <t>小米血压计准不准</t>
  </si>
  <si>
    <t>还可以啊。比较准确</t>
  </si>
  <si>
    <t>挺好用的，我给爷爷买了一个，挺方便的，我还测过一次，爷爷的血压用这个血压计，测得的血压跟医院的一样。挺好的。</t>
  </si>
  <si>
    <t>不准确，上次爆了</t>
  </si>
  <si>
    <t>血压计都最好需要一年去校准一次，比较准的。</t>
  </si>
  <si>
    <t>如果机器是好的，那就应该比较准。另外严格遵守测量规范才能使准确度提高，使用方法正确与否很大程度上影响测量结果。另外有一点点误差是允许的，不超标即可。</t>
  </si>
  <si>
    <t>只要姿势正确还是很准的。如果姿势不正确会有点偏差。</t>
  </si>
  <si>
    <t>小米血压计：需要有小米手机，其他手机不通用。需要手机安装app，数据可在app远程查看。不支持屏显，要在手机上打开app查看测试结果。</t>
  </si>
  <si>
    <t>上海城隍庙小吃贵吗</t>
  </si>
  <si>
    <t>不贵，吃的很多，不存在宰人现象，有家小笼特别出名，每天排长队买，就连本地人也每天都吃不腻。还有餐厅，说克林顿也去吃过呢。还有西洋镜，还有豫园，值得一去。去了城隍庙还可以去外滩看看，比较近</t>
  </si>
  <si>
    <t>城隍庙里面有小吃，几十块钱就好了</t>
  </si>
  <si>
    <t>特色小吃很多很多！南翔小笼，鸭血粉丝汤，蟹黄包，三丝春卷等很多。但是价格很贵</t>
  </si>
  <si>
    <t>火车有站台票吗</t>
  </si>
  <si>
    <t>没有了，从铁路部门推出实名制购买火车票乘车以后，火车站就停售站台票了。</t>
  </si>
  <si>
    <t>大部分车站取消了站台票</t>
  </si>
  <si>
    <t>现在火车站台票全部取消了</t>
  </si>
  <si>
    <t>据我所知，以前卖，现在不卖了，如果去接小孩的话， 可以试下一下三种方法，行不行也不能确定，但是有人试过是可以的：第一，可到军人、母孕候车室，向“红帽子”寻找帮助，合理收费。第二，可到军人、母孕候车室，找车站工作人员寻求帮助，这是免费的。第三，有特殊情况的，可到客运值班室，找值班人员说明情况，他们会想办法解决。</t>
  </si>
  <si>
    <t>有的站没有，有的站有，站长决定。</t>
  </si>
  <si>
    <t>没有了</t>
  </si>
  <si>
    <t>江山美人志好看吗</t>
  </si>
  <si>
    <t>好看，一点都不枯燥。</t>
  </si>
  <si>
    <t>非常不好看,看了会后悔的那种.</t>
  </si>
  <si>
    <t>好看好看</t>
  </si>
  <si>
    <t>蛮好看的</t>
  </si>
  <si>
    <t>视力表都是一样的吗</t>
  </si>
  <si>
    <t>视力表是不一样的！“山”字随即排列！而且还有一种视力表是“C”的！所以不一样！</t>
  </si>
  <si>
    <t>视力表是一样的，但是它的大小跟距离是有一个比例的。</t>
  </si>
  <si>
    <t>不一样的</t>
  </si>
  <si>
    <t>视力表是测验视力的标准图表，种类很多。我国现在最常用的为国际标准视力表。国际通用的为Snellen氏和Landolt氏表。前者为中华眼科学会所推荐，现在我国通用。</t>
  </si>
  <si>
    <t>一样,</t>
  </si>
  <si>
    <t>如果是国家体检的标准视力表，应该是一样的。</t>
  </si>
  <si>
    <t>不一样的 视力表每一行的e符号是不同的。</t>
  </si>
  <si>
    <t>只是有些采用贴在墙上的，有些是在玻璃上并且使用背景灯，区别在于现场光亮度和视力表的反光度有些不同罢了。</t>
  </si>
  <si>
    <t>广东韶能集团是国企吗</t>
  </si>
  <si>
    <t>现在能叫国企的少了，很多都是私人的了</t>
  </si>
  <si>
    <t>国企，还不错的。在韶关算是几大公司之一了</t>
  </si>
  <si>
    <t>manifests可以删吗</t>
  </si>
  <si>
    <t>不可以删的</t>
  </si>
  <si>
    <t>你删掉也没事。</t>
  </si>
  <si>
    <t>8月30日上班吗</t>
  </si>
  <si>
    <t>教育局8月30日星期六不上班，休息的。周日也休息的。</t>
  </si>
  <si>
    <t>29、30正常休假，31正常上班</t>
  </si>
  <si>
    <t>联想g470是双显卡吗</t>
  </si>
  <si>
    <t>双显卡的并且支持切换。</t>
  </si>
  <si>
    <t>双显卡的，但它的独立显示也不怎么强</t>
  </si>
  <si>
    <t>这个系列的本是不支持双显卡是，就是只有一个独立显卡</t>
  </si>
  <si>
    <t>胃病能吃花生吗</t>
  </si>
  <si>
    <t>吃生花生可以养胃</t>
  </si>
  <si>
    <t>花生可以养胃的，治胃病应该在平时的时候注意饮食或是冷暖天气也会造成胃不舒服的一天吃10-15颗花生就好，但要吃生的</t>
  </si>
  <si>
    <t>能养胃.</t>
  </si>
  <si>
    <t>可以的，花生果实含有蛋白质、脂肪、糖类、维生素A、维生素B6、维生素E、维生素K，以及矿物质钙、磷、铁等营养成分，含有8种人体所需的氨基酸及不饱和脂肪酸，含卵磷脂、胆碱、胡萝卜素、粗纤维等物质。</t>
  </si>
  <si>
    <t>建议每天早上吃4-5颗的红衣花生，生花生有养胃的效果，我就是这么做的，效果很明显。</t>
  </si>
  <si>
    <t>从保健意义上来讲，花生有一定的养胃作用，可一旦得了胃病，在治疗胃病方面，花生的作用并不大，仅能够中和过多胃酸起到一定养胃作用。也有人认为吃生花生不但不养胃，吃得过多反而伤胃。</t>
  </si>
  <si>
    <t>女性会高潮吗</t>
  </si>
  <si>
    <t>有， 目前较一致的看法是将女性性高潮分为三类，即阴蒂型性高潮，阴道型性高潮和阴蒂阴道混合型性高潮。阴蒂型性高潮单纯通过手淫就可以达到，在性交过程中直接或间接刺激阴蒂也可以获得。阴道型性高潮主要通过阴茎对阴道的插入和抽动，造成对阴道内某些敏感部位以及子宫的刺激而出现的性高潮，混合型性高潮兼有以上两种高潮形式。而不是明显地以哪一种为主。阴道型的性高潮也称为完全的性高潮，与男性的性高潮形式相似，性高潮过后有疲劳感和满足感，似乎不再需要进一步的性行为，性高潮的变化曲线如同陡峭的山峰大起大落，而阴蒂形式的性高潮感觉起来更为热烈，短暂，刺激，性高潮的变化曲线如汹涌的潮水，一浪连着一浪，而混合型的性高潮介于两者之间。 女性达到性高潮时，在乳房明显增大和出现红晕的基础上，肌肉出现不自主的抽动，包括阴道会有6次左右的间隔0.8秒的收缩。肛门括约肌也同时收缩。有时还会出现呼吸加快，血压升高，心跳加快和出汗等生理变化。有些人可以有声带肌肉的痉挛表现?类似呻吟的声音，俗称叫床。</t>
  </si>
  <si>
    <t>天宏一卡通能充值问道吗</t>
  </si>
  <si>
    <t>天宏一卡通是可以充值光宇币的哈！</t>
  </si>
  <si>
    <t>可以的 。换GYB在换元宝。</t>
  </si>
  <si>
    <t>不可以充的 只有 跟我换光宇一卡通</t>
  </si>
  <si>
    <t>噬神者是后宫吗</t>
  </si>
  <si>
    <t>噬神者是动作 / 科幻 / 战争 / 热血 / 奇幻动漫，不是后宫动漫。</t>
  </si>
  <si>
    <t>必须算啊，女主，巫女，骑士，女神……多少个了都。</t>
  </si>
  <si>
    <t>锦鲤能撑死吗</t>
  </si>
  <si>
    <t>我养过鱼，发现鱼好像有多少就吃多少，很有可能会被撑死。差不多了你就别喂了。至于那两条不吃食的，或许有些不舒服，你也可以单独喂</t>
  </si>
  <si>
    <t>不会的。你多放一点没有关系。但是不要太多会污染水质的。金鱼会撑死，因为它很笨。锦鲤吃饱了就不吃了。我们家的就是。如果不小心喂多了，它们吃饱了就剩下了。它们相对来讲比较聪明。</t>
  </si>
  <si>
    <t>大锦鲤不会，小的就有可能，锦鲤是没有胃的，气温低的时候消化系统不好，喂多了容易造成逆鳞，或者肛门发红的情况，要是长期这样鱼儿还容易得病，春夏喂食在15到20分钟之间吃完为宜，冬季要减少喂的食量和次数，10度以下就不要喂了，因为锦鲤是冬眠的</t>
  </si>
  <si>
    <t>有可能，喂食不宜太多。</t>
  </si>
  <si>
    <t>不会，饵料：专用锦鲤饲料，1公斤锦鲤每天要吃30克的鱼粮，分3-4次喂食。注意不要有吃剩的料沉底腐烂从而影响水质导致鱼病加速发生</t>
  </si>
  <si>
    <t>锦鲤不会撑死。</t>
  </si>
  <si>
    <t>饿不死，会撑死，锦鲤不知道饥饱，你喂多少，它就吃多少，养鱼就是养水呢</t>
  </si>
  <si>
    <t>萝卜能放冰箱吗</t>
  </si>
  <si>
    <t>白萝卜是可以放到冰箱里面的</t>
  </si>
  <si>
    <t>可以放到冰箱里</t>
  </si>
  <si>
    <t>短时间没问题但长时间会导致脱水后果就是萝卜空心了不好吃至于毒，那是没有的</t>
  </si>
  <si>
    <t>可以放进冰箱。方法：胡萝卜等的适宜存放温度为0℃左右。放进冰箱时套个保鲜袋，或者直接放进保鲜盒储存，更有效地达到保鲜效果。此外，要切记一点，蔬菜存入冰箱之前，不要清洗。当然，也不要放置时间过长。</t>
  </si>
  <si>
    <t>能放的，放1-3天吧，3天后会干水开始。最好不放，在室内放3天也没事的。也会干水, 就看环境气候了。南方，北方不同，秋天，夏天不同。 食物不是用来放的，买够1-2天用没了市场买就是，新鲜身体好。</t>
  </si>
  <si>
    <t>用保鲜膜包上，放冰箱2、3天没有问题，也可以用纸贴上那个切开的面放外面（不要放塑料袋）可以1、2天没有问题的，萝卜还是比较耐储存的。</t>
  </si>
  <si>
    <t>反甲叠加吗</t>
  </si>
  <si>
    <t>当然不可以，唯一被动都不可以叠加，唯一被动的意思就是只可以存在一个</t>
  </si>
  <si>
    <t>反甲可以叠加 但是反甲出多了耶只加护甲 效果只有一个</t>
  </si>
  <si>
    <t>同名的 唯一被动不能叠加 但是护甲可以叠加</t>
  </si>
  <si>
    <t>lol英雄联盟里面的反伤甲（荆棘之甲）+100护甲 被动是唯一的+100护甲可以叠加，但是被动却不能叠加，因为是唯一被动</t>
  </si>
  <si>
    <t>英雄联盟里面凡是带了唯一被动的都不能叠加。</t>
  </si>
  <si>
    <t>护甲可以 反伤效果只有一个</t>
  </si>
  <si>
    <t>分期乐毕业了还能用吗</t>
  </si>
  <si>
    <t>本平台是正规的贷款平台，主要针对在校大学生和部分白领进行受理贷款业务的，可放心使用的，毕业也可以使用的，可以资料改成现在的资料，申请就可以的。</t>
  </si>
  <si>
    <t>可以的，分期乐针对大学生和白领，我能帮你继续变现</t>
  </si>
  <si>
    <t>应该不可以了吧 ，你可以使用金豆分期，他可以</t>
  </si>
  <si>
    <t>不能，那个是需要你的学校信息的</t>
  </si>
  <si>
    <t>不可以用了，因为此分期平台是针对在校大学生开展的业务，毕业生或者是毕业季的学生都不能使用了，你可以去网上找些针对毕业的学生贷款的平台。也有很多，无担保无抵押的</t>
  </si>
  <si>
    <t>不行了，现在的90%左右的分期平台，基本都是针对在校大学生开放的，哥们，选择其他的成人类的平台吧。</t>
  </si>
  <si>
    <t>好像不行的，分期乐只能大学生分期的。</t>
  </si>
  <si>
    <t>纽约很乱吗</t>
  </si>
  <si>
    <t>挺乱的，去玩那几天帝国大厦出事了，经常有枪战</t>
  </si>
  <si>
    <t>不乱，比起中国很多大城市。事实上在美国的城市犯罪率排名它也排的很后，纽约警局NYPD是世界上最高效的警察部门之一。只是在布鲁克林和皇后区黑人和移民等低收入者较多，过去一度有些鱼龙混杂，但现在布鲁克林也是很漂亮治安良好的城区了，曼哈顿就更不用说了，治安很好。</t>
  </si>
  <si>
    <t>纽约，有的地方比较乱，尤其像贫民区，在哈林区晚上一般不要以人出门，那里很乱 那是黑人区 曼哈顿一般没事的</t>
  </si>
  <si>
    <t>不会的，真的危险的话怎么每年世界各国的精英人才还会蜂拥而向纽约呢？相比美国其他小城市和小城镇，纽约的某些街区和地下铁在夜晚较为恐怖，但相应的纽约警力极其雄厚，因而在大街区和白天你的安全是有充分保证的。</t>
  </si>
  <si>
    <t>任何大都市都有自己光辉的一面，也有自己阴暗的一面，特别是对于纽约这样一个不同种族不同肤色不同信仰的人们聚集的地方，冲突时有发生，某些地区治安是不怎么的。</t>
  </si>
  <si>
    <t>这个看自己这么看了， 美国小镇还是比较安逸安全的。 大城市也是警力保障比较大的。 学校一般都很安全。 如果想要出国，可以在跟爸爸妈妈商量商量。</t>
  </si>
  <si>
    <t>三星手机真的不好吗</t>
  </si>
  <si>
    <t>三星手机功能少 ， 三星手机质量差 ， 三星手机是垃圾产品 。</t>
  </si>
  <si>
    <t>三星好，比苹果好用</t>
  </si>
  <si>
    <t>主要还是看用的人！现在手机大部分质量都差不多，嗯，除了苹果，那玩意就相当于当年的诺基亚，超抗造！</t>
  </si>
  <si>
    <t>顶楼可以买吗</t>
  </si>
  <si>
    <t>房子顶楼可以买。</t>
  </si>
  <si>
    <t>看个人的需求，顶楼有各种缺陷，的确会让人很纠结，但是它又有价格及其他的优势，所以具体得看个人的经济条件及需求。</t>
  </si>
  <si>
    <t>一般人都喜欢高楼，顶楼那就最好了，因为楼越高越贵，自然就越好，越多人买，很多人就还喜欢顶楼呢。</t>
  </si>
  <si>
    <t>当然是可以买的,而且肯定会有人买,顶楼"好不好"的问题,那只是个人的感觉而已,只要愿意接受就可以.</t>
  </si>
  <si>
    <t>宝宝湿疹和奶粉有关系吗</t>
  </si>
  <si>
    <t>有一定的关系，但不一定就是，这点你可以去医院检查一下湿疹的原因，如果是，那最好就不好吃这个奶粉了，去买那种水解配方奶粉，防过敏的。</t>
  </si>
  <si>
    <t>可能有的，因为有些宝宝，会出现奶粉过敏的现象，奶粉过敏就包括湿疹。</t>
  </si>
  <si>
    <t xml:space="preserve"> 如果宝宝对牛奶蛋白或者是蛋白质过敏的话 对于蛋白质含量高的奶粉 宝宝接受起来比较慢 就可能会过敏有湿疹的 遇到这样子的情况 您可以尽量冲稀一些尝试的</t>
  </si>
  <si>
    <t>神武破耐式好吗</t>
  </si>
  <si>
    <t>看是什么门派了，法系就魔音，不是就破耐。</t>
  </si>
  <si>
    <t>济青高速好走吗</t>
  </si>
  <si>
    <t>有个南线，还有老济青。南线好走些。</t>
  </si>
  <si>
    <t>济青高速北线目前是山东省最繁忙的高速公路，交通压力大，济南至淄博路段时常出现拥堵，有时压车两三个小时，目前已不能满足需要。</t>
  </si>
  <si>
    <t>济青高速北线正在施工，去黄岛的话建议你绕行济青高速南线</t>
  </si>
  <si>
    <t>公安局过年放假吗</t>
  </si>
  <si>
    <t>一般公安局放假日期与国家法定假日一样.</t>
  </si>
  <si>
    <t>公安局2017年春节放假时间安排：1月27日（除夕）至2月2日（正月初六）共放假7天</t>
  </si>
  <si>
    <t>放假是按照国家规定放假，不过会有安排值班人员。</t>
  </si>
  <si>
    <t>公安局过年是有值班的，但是办理证件的窗口是不上班办理业务的。</t>
  </si>
  <si>
    <t>latex难学吗</t>
  </si>
  <si>
    <t>如果就是用一个模板，然后把内容填进去，是不难的，可能几天或者一天就够了。如果要熟悉大部分功能，就很难了，内容太多。</t>
  </si>
  <si>
    <t>latex难学难用，Word强大易用。一般文本处理处理的话，当然是WORD，你看现在用户的分布就知道了。</t>
  </si>
  <si>
    <t>死侍会在中国上映吗</t>
  </si>
  <si>
    <t>不会、因为里边的台词尺度太大了，没有过广电的审核。</t>
  </si>
  <si>
    <t>漫威超级英雄电影《死侍》因为其“强烈的暴力和语言，以及性内容和裸体镜头”没有过审，并将无缘内地影院。</t>
  </si>
  <si>
    <t>《死侍》国内不会上映，因为是R级影片，没有引进。</t>
  </si>
  <si>
    <t>很遗憾，《死侍》在美国被分为R级影片，广电也早就“封杀”了此片。所以这部电影在大陆是不</t>
  </si>
  <si>
    <t>我有百度云，手机直接看</t>
  </si>
  <si>
    <t>不能，广电不准它上映！</t>
  </si>
  <si>
    <t>吃黄精赞育胶囊能要孩子吗</t>
  </si>
  <si>
    <t>临床上虽未发现因药物引起的妊娠期异常,新生儿体格发育和智力发育均属正常,但由于药物还是有一定的未知毒副作用，建议停药两到三个月，使身体各机能得以新陈代谢，然后再选择要小孩，必要时应咨询专业医生。</t>
  </si>
  <si>
    <t>我用过，现在宝宝一岁多了，同正常怀上的宝宝没有区别，感觉到还聪明些！</t>
  </si>
  <si>
    <t>这个影响不大的</t>
  </si>
  <si>
    <t>可以准备生育，但是最好针对了解下导致精子质量下降的原因，去除病因治疗的同时积极生精治疗效果最好。</t>
  </si>
  <si>
    <t>信用卡分期还款有利息吗</t>
  </si>
  <si>
    <t>分期的期数越多，你要付出的钱也就越多。</t>
  </si>
  <si>
    <t>信用卡消费分期表面不收利息，但收取手续费（可以视为支付利息）</t>
  </si>
  <si>
    <t>你的借贷关系是和银行产生的，当然是银行收取的。提前还款规定：可以提前清偿，但已收取的手续费将不予退还。</t>
  </si>
  <si>
    <t>月利息0.6-0.7%的样子，但是实际上年化利率是0.6*12=7.2%还远远不止，因为你每个月都还一部分，但是每个月的利息都是按你全部欠款的利息算的，实际利率是超过10%的</t>
  </si>
  <si>
    <t>信用卡分期还款免息，这是银行惯用的宣传。可是，一旦你办理信用卡分期还款就会发现要收取手续费。温馨提醒：信用卡分期还款免息≠免手续费，而且手续费折算成实际年利率还很高。</t>
  </si>
  <si>
    <t>分期收利息，但要收取手续费</t>
  </si>
  <si>
    <t>看你分多少期</t>
  </si>
  <si>
    <t>溶解是化学变化吗</t>
  </si>
  <si>
    <t>看是什么物质溶解在什么溶剂中了。如二氧化氮、钠、三氧化硫等溶解与水时就发生了化学变化。</t>
  </si>
  <si>
    <t>溶解根据不同的情况,既可以是物理变化也可以是化学变化.</t>
  </si>
  <si>
    <t>单纯按初中化学的理解只能是物理变化，但依据高中化学，需要考虑是否有新的化学键的产生进行判断。</t>
  </si>
  <si>
    <t>溶解大部分是物理变化，</t>
  </si>
  <si>
    <t>溶解是物理过程。</t>
  </si>
  <si>
    <t>溶解大部分是物理变化，有少量能和水反应的物质是化学变化。</t>
  </si>
  <si>
    <t>广义上说，超过两种以上物质混合而成为一个分子状态的均匀相的过程称为溶解。而狭义的溶解指的是一种液体对于固体/液体/或气体产生化学反应使其成为分子状态的均匀相的过程称为溶解。所以蔗糖溶解在水中，是物理变化。锌溶解在盐酸中，是化学变化。</t>
  </si>
  <si>
    <t xml:space="preserve">溶解有物理变化，有化学变化 </t>
  </si>
  <si>
    <t>拔指甲后用双氧水消毒后在用百多邦可以吗</t>
  </si>
  <si>
    <t>能 毕竟外伤</t>
  </si>
  <si>
    <t>百多邦是可以的</t>
  </si>
  <si>
    <t>鸡蛋和芝麻能一起吃吗</t>
  </si>
  <si>
    <t>芝麻和鸡蛋可以一起吃。</t>
  </si>
  <si>
    <t>可以一起吃。鸡蛋富含的蛋白质高，芝麻糊也是比较有营养的食物。这两个食物放在一起的话是不会相克的，而且搭配在一起营养价值高，所以你可以放心吃。</t>
  </si>
  <si>
    <t>黑芝麻糊可以和鸡蛋一起当早餐吃的</t>
  </si>
  <si>
    <t>一台电脑可以装两个硬盘吗</t>
  </si>
  <si>
    <t>可以安装两块硬盘，但是只能用其中一个硬盘上的系统，不能同时用。</t>
  </si>
  <si>
    <t>一台电脑可以装2个硬盘</t>
  </si>
  <si>
    <t>电脑上硬盘接口一般有IDE接口和SATA接口。一个IDE接口可以接2块硬盘，1个SATA接口可以接1块硬盘。</t>
  </si>
  <si>
    <t>台式电脑能装两个硬盘。</t>
  </si>
  <si>
    <t>台式机电脑当然可以装两个硬盘，而且非常简单。</t>
  </si>
  <si>
    <t>可以装。照着以前硬盘连接样子连上就行了</t>
  </si>
  <si>
    <t>空调辅热要开吗</t>
  </si>
  <si>
    <t>制热运行时，电辅热功能默认开启。一般来说制热时开启电辅热效果更好。如果空调制热达到一定效果可关闭电辅热以达到省电的目的。</t>
  </si>
  <si>
    <t xml:space="preserve">电辅热会在制热的时候一起打开的，一般空调制热效果都不是很好，用电辅热会达到一个比较好的效果，但是电辅热的能耗很高，能效比很差，如果不是很冷，或者只用压缩机制热就能达到效果，建议你还是用遥控器把电辅热给关了， </t>
  </si>
  <si>
    <t>有的空调电辅是自动开启或关闭的，有的空调是需要手动开启的，虽然手动开启了，但也不一定工作，还需要满足电辅的工作条件。一般是制热状态下，室内环境温度低于18度，室内管温低于45度，管温无损坏，内风机工作等条件。如果满足条件电辅工作，制热效果会更好。</t>
  </si>
  <si>
    <t>松江西林禅寺要门票吗</t>
  </si>
  <si>
    <t>平时都需要买票的，均价为6元，买票的时候寺院还送香的。</t>
  </si>
  <si>
    <t>门票平常6元，初一十五是4元。开放时间每天（上午4：30下午4：30）</t>
  </si>
  <si>
    <t>门票平常6元，初一十五是4元</t>
  </si>
  <si>
    <t>怀孕早期会腰疼吗</t>
  </si>
  <si>
    <t>每个人情况不一样，但是就算疼，也是正常的，不要担心</t>
  </si>
  <si>
    <t>会的，有的人还有感冒的症状呢。</t>
  </si>
  <si>
    <t>怀孕初期是不会有腰疼的问题的</t>
  </si>
  <si>
    <t>怀孕早期不会腰痛。</t>
  </si>
  <si>
    <t>婚外恋有好结局吗</t>
  </si>
  <si>
    <t>一无所有</t>
  </si>
  <si>
    <t>有真正的爱但婚外恋的幸福是在毁灭两个家庭的基础上的，就算在一起也不会幸福的</t>
  </si>
  <si>
    <t>孕妇能吃杏脯吗</t>
  </si>
  <si>
    <t>一般怀孕期间孕妇是可以吃杏脯的，不过要适量吃，因为杏脯含糖量过高，含大量甜味剂、防腐剂和色素等添加剂。</t>
  </si>
  <si>
    <t>孕妇可以放心食用杏脯，对宝宝影响不大。</t>
  </si>
  <si>
    <t>一般人群均可食用，产妇、幼儿、糖尿病患者不宜吃杏或杏制品。</t>
  </si>
  <si>
    <t>准妈妈们如果吃太多的杏，还会长疮生疖呢！所以说，准妈妈们还是要忌口为宜</t>
  </si>
  <si>
    <t>可以的，妊娠期不要吃的一些食物如螃蟹、甲鱼、鳖甲(即甲鱼壳)、海带、米仁、马齿觅、杏子及杏仁杏子、黑木耳、山楂等</t>
  </si>
  <si>
    <t>孕妇是不能吃杏干，杏仁，杏脯的</t>
  </si>
  <si>
    <t>一直感冒不好是不是得什么大病</t>
  </si>
  <si>
    <t>感冒与其它疾病连不到一起，感冒是受冷所致，症状是鼻窦炎、咽喉炎、发烧、头疼等，感冒如果治疗正确很快会好的。人的鼻腔和咽喉处每时每刻都有致病菌存在，在身体受冷的时候，身体就不能抵抗这些致病菌在体内的繁殖，这些致病菌就会快速繁殖到发病，首先造成上呼吸道感染，就是流鼻涕咳嗽等症状，如果治疗不当，会下行感染成气管炎肺炎的，这就是人人都很容易得的感冒。</t>
  </si>
  <si>
    <t>经常感冒是因为你的身体虚，身体里缺少一些维生素，多吃些营养品，身体好了，自然也就不会得病了。</t>
  </si>
  <si>
    <t>是否有受凉?晕的时候看东西转不转?有无恶心?单纯症状上感冒或休息不好都有可能</t>
  </si>
  <si>
    <t>月经提前是宫寒吗</t>
  </si>
  <si>
    <t>月经提前推后不是宫寒一起的，气血亏虚才会引起月经提前或者推后哦。</t>
  </si>
  <si>
    <t>腾讯周年挖宝活动是真的吗</t>
  </si>
  <si>
    <t>这是假的，目前官方并没有此活动</t>
  </si>
  <si>
    <t>绝对是诈骗，切勿上当</t>
  </si>
  <si>
    <t>当然是骗人的，中奖就中奖还要打什么钱。</t>
  </si>
  <si>
    <t>金光布袋戏好看吗</t>
  </si>
  <si>
    <t>金光还是很不错的啊，个人认为剧情很吸引人，智斗戏烧脑有意思，武戏也是挺真实有打击感的，而且塑造人物真的很棒。虽说剧组比较穷但是最近偶啊布景啊道具啊都算可以了，特效也比以前好了。</t>
  </si>
  <si>
    <t>剧情好看智斗武斗十分刺激热血，塑造的人物感情比较丰富，而且黄大侠的配音也越来越好越来越成熟，感情丰富赚了我不少眼泪</t>
  </si>
  <si>
    <t>金光的决战时刻到墨世佛劫间的剧情还行，前期主要凸显烧脑剧情，也就是所谓的智者布局对决，比较紧凑，当时黄立纲和三弦操刀拓展了金光原有的格局，中期有其他编剧加入，使得剧集和人物凸显各自的风采。</t>
  </si>
  <si>
    <t>revit能结构计算吗</t>
  </si>
  <si>
    <t>能，revit中的结构计算功能非常有限。</t>
  </si>
  <si>
    <t>可以的，使用revit 自身的明细表进行算量，当然得到的量是净量，与实际国内的计算规则不一样。可以导入广联达进行算量。可以导入itwo进行算量，可以直接采用新点和斯维尔联合推出的比目云5d算量软件，直接在Revit平台上建模算量，方便快捷。</t>
  </si>
  <si>
    <t>这些API接口主要用于把计算软件中的分析模型导入到Revit中，同时可以把Revit中的模型导入到结构分析软件中去进行重力、侧向力和抗震等计算分析。在结构分析设计过程中，不可避免的会根据计算结果有模型和图元尺寸的修改，当然，这些修改也都可以通过接口文件更新到Revit Structure中。</t>
  </si>
  <si>
    <t>江苏省中医院星期天上班吗</t>
  </si>
  <si>
    <t>正常上班</t>
  </si>
  <si>
    <t>周日休息</t>
  </si>
  <si>
    <t>只要是医院服务行业，都要上班的。</t>
  </si>
  <si>
    <t>无门诊，有急诊。</t>
  </si>
  <si>
    <t>lol ctrl+6 可以改建吗</t>
  </si>
  <si>
    <t>英雄联盟ctrl加6的图标能更改＃＃能，在Q=Esc里改</t>
  </si>
  <si>
    <t>默认就是ctrl+6，想改可以按esc改键位那一栏往下拉找一下#设置菜单热键修改那里。</t>
  </si>
  <si>
    <t>可以改键。</t>
  </si>
  <si>
    <t>新车需要领取环保标志吗</t>
  </si>
  <si>
    <t>现在环保标志已经取消了。不需要再领了，挡风玻璃上，只要贴了年审标志以及交强险标志就可以了。</t>
  </si>
  <si>
    <t>汽车都要按规定贴上环保标志的，一来万一被查没贴要罚款，二来现在城区都规定要有绿标的汽车才能进入。</t>
  </si>
  <si>
    <t>若是新车，车主可直接携带行驶证原件、机动车登记原件到就近的机动车环保检验机构免费申领。＃＃在车管所办完相关手续上牌后，就可免费在车管所领取环保检验合格标志-绿色环保标志</t>
  </si>
  <si>
    <t>需要领。提车三个月，九十天之内到当地车管所领取就可以。带着行车本就行</t>
  </si>
  <si>
    <t>新车不需要领环保标志，已经取消了</t>
  </si>
  <si>
    <t>现在不用领环保标了，已经取消了</t>
  </si>
  <si>
    <t>宝宝湿疹能晒太阳吗</t>
  </si>
  <si>
    <t>可以晒太阳， 湿疹是一种变态反应性疾病(即过敏)，它的发生除接触致敏物质，例如奶、鱼、虾、肉、蛋等中蛋白质外，还与宝宝的皮肤娇嫩、皮肤角质层薄</t>
  </si>
  <si>
    <t>可以晒太阳、宝宝湿疹严重就给抹点湿疹膏、以后就注意饮食和卫生、紫外线是最好的杀菌武器</t>
  </si>
  <si>
    <t>不能， 有影响的， 会加重症状</t>
  </si>
  <si>
    <t>不能的，尽量少碰水，避免阳光照射。</t>
  </si>
  <si>
    <t>湿疹是过敏引起的。尽量避免太阳下直晒。这样有可能加重病情。</t>
  </si>
  <si>
    <t>黑客改成绩靠谱么</t>
  </si>
  <si>
    <t>根本就不靠谱的</t>
  </si>
  <si>
    <t>当然。我就能帮你搞定</t>
  </si>
  <si>
    <t>小心被无良者欺骗。</t>
  </si>
  <si>
    <t>狮虎兽能生育吗</t>
  </si>
  <si>
    <t>有的，在上两期的南方周末有专门的文章曾介绍过，不过成功几率极低。</t>
  </si>
  <si>
    <t>黄海军告诉记者，狮虎兽是异常珍稀的动物，它们的父母分别是狮子和老虎。狮虎兽头像狮子，身子像虎，体形要比狮子和虎大，性情也更为暴躁。不过，它们实在非常娇贵，生命比较脆弱，通常只有几年的寿命。更为可怜的是，从目前的研究情况看，它们尚不具备繁衍后代的能力。</t>
  </si>
  <si>
    <t>不能繁殖后代，因为狮子和老虎是两个物种，而物种间有生殖隔离，所谓的生殖隔离便是不能产生可育后代，故作为狮子和老虎的杂交后代狮虎兽不可育。</t>
  </si>
  <si>
    <t>大部分不能，个别情况可以。因为狮虎兽是狮子和老虎交配所生，本身来自父体和母体的染色体数目不匹配，很难通过交配繁殖。</t>
  </si>
  <si>
    <t>现在貌似就是雄性狮虎兽没有繁殖能力，而雌性狮虎兽能够生育。</t>
  </si>
  <si>
    <t>按照生物书上的说法是存在“生殖隔离”（不能交配或能交配但后代无生育能力）。所以说即使是生下了狮虎兽也是没有生育能力的，这个原因是和马和驴的后代骡子不能生育的原因是一样的。</t>
  </si>
  <si>
    <t>狮虎兽是异常珍稀的动物，它们的父母分别是狮子和老虎。狮虎兽头像狮子，身子像虎，体形要比狮子和虎大，性情也更为暴躁。不过，它们实在非常娇贵，生命比较脆弱，通常只有几年的寿命。更为可怜的是，从目前的研究情况看，它们尚不具备繁衍后代的能力。</t>
  </si>
  <si>
    <t>10岁的男孩和10岁的女孩那个处女膜会破吗</t>
  </si>
  <si>
    <t>看运气，看时间</t>
  </si>
  <si>
    <t>您好，处女膜离阴道口只有2-3cm距离，如果阴茎全进入的话应该考虑处女膜已经破裂，应该洁身自爱，10岁女孩禁止性生活。</t>
  </si>
  <si>
    <t>happy together好看吗</t>
  </si>
  <si>
    <t>这个因人而异吧，个人觉得比较搞笑的有：080228期、20121108期、20141106期 、20150319期等</t>
  </si>
  <si>
    <t>飞机上有没有厕所</t>
  </si>
  <si>
    <t>飞机上是有厕所的，当然这里指的是航空公司的飞机，但是不建议使用飞机上的厕所，因为很浪费水资源~</t>
  </si>
  <si>
    <t>必须有</t>
  </si>
  <si>
    <t>有，不同的飞机不一样，一般情况下：如果飞机有头等舱商务舱，在前面（前登机门附近）有一个，客舱后部有两个。如果是全经济舱或是小飞机，只有飞机后部有1个或2个卫生间。</t>
  </si>
  <si>
    <t>飞机上有厕所。</t>
  </si>
  <si>
    <t>机型不一样，厕所数量也不一样。一般是2-6个。面积很小，大概只有一平米。没有空姐专用厕所，但是头等舱有专门的厕所</t>
  </si>
  <si>
    <t>windows7支持ie11吗</t>
  </si>
  <si>
    <t>可以的朋友，微软官方已经有了该系统的IE11下载，我给你个链接，自己根据系统的版本下载吧。</t>
  </si>
  <si>
    <t>WIN7 64位旗舰版是支持IE10和IE11浏览器。</t>
  </si>
  <si>
    <t>可以的啊，没问题</t>
  </si>
  <si>
    <t>自然数包括小数吗</t>
  </si>
  <si>
    <t>以前老教材里定义『自然数:指正整数(即一切大于零的整数，不包括零)』; 后来教材改版，新教材规定：『自然数:指零和一切正整数』，因此小数是不属于自然数的。</t>
  </si>
  <si>
    <t>不包括 是来表示物体个数的 如0，1 等 是整数</t>
  </si>
  <si>
    <t>自然数包括0和正整数。小数和分数不是自然数</t>
  </si>
  <si>
    <t>不包括。顾名思义就是自然界存在的数，只有1棵树，2只鸟，1块饼干。没有0.3块饼干。你可以说有0.3克饼干，而这个0.3是人为规定的，所以不算自然数。</t>
  </si>
  <si>
    <t>不属于，自然数是0和正整数</t>
  </si>
  <si>
    <t>纹身会致癌吗</t>
  </si>
  <si>
    <t>根据目前的科研结果，还没有任何证据显示纹身会导致患癌症的风险比正常人高，因此不用担心纹身致癌。</t>
  </si>
  <si>
    <t>不会，如果担心就去洗了</t>
  </si>
  <si>
    <t>朋友只要你是去正规的纹身店就没有问题</t>
  </si>
  <si>
    <t>可能会增加得皮肤癌的几率。</t>
  </si>
  <si>
    <t>没有具体实验表明。</t>
  </si>
  <si>
    <t>小天才电话手表能打电话吗</t>
  </si>
  <si>
    <t>先打开您手机上的微信扫描出厂配送的二维码进行下载APP，注册绑定后就进入APP——点击右上角的四方框田字键——联系人——然后添加联系人——确定就OK了呢。（最重要的是您使用的手表卡里面需要开通流量话费才可以同步联系到手表哦，因为在APP里面添加的联系是靠网络进行同步联系人到手表的呢）如果联系人同步到手表的话，那么您这边就滑动手表界面，找到该联系人，按下屏幕上的绿色通话键就可以拨打电话了哦</t>
  </si>
  <si>
    <t>既然是号称电话的话,当然有打电话的功能，产品上面或网络上都有介绍使用功能。</t>
  </si>
  <si>
    <t>不可以，这个表没有数字拨盘，只有app设定好的电话才可以</t>
  </si>
  <si>
    <t>小天才电话手表使用的是标准NANO卡（iPhone5、6使用的小卡），目前支持联通、移动两种SIM卡</t>
  </si>
  <si>
    <t>香烟不能快递吗</t>
  </si>
  <si>
    <t>我于07年11月问过广州申通，他明确表示烟属于违禁品，一条都不能邮，否则查到没收。</t>
  </si>
  <si>
    <t>香烟可以快递，但是限制两条以内。</t>
  </si>
  <si>
    <t>可以的，我这边快递上门</t>
  </si>
  <si>
    <t>申通、圆通、韵达、包括邮政EMS、E邮宝等等这些普通快递，都是可以发烟的，但是数量有限制。</t>
  </si>
  <si>
    <t>对的，香烟是可以邮寄少量的（两条以内），大量的就不可以邮寄。</t>
  </si>
  <si>
    <t>米粉健康吗</t>
  </si>
  <si>
    <t>磨成了米粉，就没有什么营养了，主要就是碳水化合物了，也就是糖，吃下去吸收快，吃了易胖；糖尿病病人吃了会使餐后血糖迅速升高，不利血糖控制。</t>
  </si>
  <si>
    <t>无线路由器要连接猫吗</t>
  </si>
  <si>
    <t>无线路由器是否需要和猫连接使用：不一定，需要和网络环境情况。</t>
  </si>
  <si>
    <t>不一定，有路由器就不需要猫了，猫是单机联网的时候需要装的。</t>
  </si>
  <si>
    <t xml:space="preserve"> 光纤入户的话需要光猫，要搞清楚是不是光纤入户，一般超过8M的专线才用光纤入户。而且光猫不比普通的猫，价格都是几千几万的，一般都是企业级用户才用。</t>
  </si>
  <si>
    <t>需要和猫连接</t>
  </si>
  <si>
    <t>保罗厉害吗</t>
  </si>
  <si>
    <t>很强. 就是三分还不够准 有待提升</t>
  </si>
  <si>
    <t>猪头肉有毒吗</t>
  </si>
  <si>
    <t>没有毒，猪头肉是一种抗癌食品。猪头肉中的亚油酸是一种抗癌物质基础，有利于防癌抗癌。肥肉中的不饱和脂肪酸，具有降低胆固醇、抗血小板凝集等作用。</t>
  </si>
  <si>
    <t>食用猪头肉的最大危害来源于它可能是病死猪。我们平时听的比较多的猪类疾病是猪瘟。这种病是一种多发性传染疾病，一旦饲养场中有一只猪感染了，很快整个饲养场中的猪都会相继被传染，造成重大损失。一些无良的饲养场主为了挽回部分损失会将病死猪贱卖，使得病死猪流入市场。吃了这样的猪肉对人体的伤害是极大的。所以平时我们购买时要擦亮眼睛，千万别因为贪小便宜让自己身体受到伤害。好的猪头肉本身也含有高铜，食用过多对人的智商和健康都会有负面影响的。猪头肉属于高脂肪高胆固醇的食物，糖尿病、高血压、高血脂患者食用也会对加重病情。</t>
  </si>
  <si>
    <t>不是的，说有毒是指用松香拔毛的猪头肉</t>
  </si>
  <si>
    <t>电脑可以装两个系统吗</t>
  </si>
  <si>
    <t>这个当然是可以的。</t>
  </si>
  <si>
    <t>可以。一个装C盘。一个装D盘。系统的安装比较麻烦。比如要装xp和windows7两个系统。首先装xp。再装windows7.要安照微软系统出现的时间先后顺序安装。否则可能出现无法引导。你要逆向操作也行。装完后找个多系统引导修复软件修复一下</t>
  </si>
  <si>
    <t>先装好一个系统之后再下载一个系统安装就可以了,注意,要下载安装版的,GHOST的不行,在安装时选择装到D盘就可以了,没别的要求,也没啥要注意的</t>
  </si>
  <si>
    <t>理论上只要空间够，一台电脑可以安装任意多个操作系统。</t>
  </si>
  <si>
    <t>可以装两个系统，先装旧版，再装新版（按系统发布时间计算），对部分有系统要求的软件可以安装在对应的系统中，便于使用和工作</t>
  </si>
  <si>
    <t>跑跑卡丁车可以用手柄玩吗</t>
  </si>
  <si>
    <t>可以！</t>
  </si>
  <si>
    <t>当然可以了！</t>
  </si>
  <si>
    <t>可以的，要下载一个小软件，设定键盘对应手柄的按键。</t>
  </si>
  <si>
    <t>能，可以用一个软件叫joytokey</t>
  </si>
  <si>
    <t xml:space="preserve">可以哦 </t>
  </si>
  <si>
    <t>如果是在电脑上玩的那种是不能用手柄玩的，因为手柄功能再强大也不可能代替键盘，而且跑跑对技术的要求很高，尤其是竞速赛</t>
  </si>
  <si>
    <t>能，跑跑卡丁车支持游戏手柄</t>
  </si>
  <si>
    <t>肾癌早期能治愈吗</t>
  </si>
  <si>
    <t>肾癌早期如果没有出现肿瘤扩散转移，临床治愈率较高</t>
  </si>
  <si>
    <t>可能。早期小肾癌，未发生转移，甚至都没表现出恶性的浸润、转移征象就被早期发现并手术切除，复发率很低。</t>
  </si>
  <si>
    <t>肾癌早期在进行手术后，通过一些列的调整是可以治愈的，患者经过在生活中的各种护理方法，再加上药物的治疗，每天的运动，很快就能康复了。</t>
  </si>
  <si>
    <t>专家说：“虽然肾癌也是一种恶性肿瘤，但是早期肾癌手术治疗的效果非常好，很多患者可以达到治愈的效果。”下面我们针对这个问题，下面我们就请专家向大家做一介绍。 如果肾癌发展到了晚期，那么治疗起来就非常困难了，患者也丧失了手术根治的机会。专家补充道：“肾癌很特殊，它对传统的放化疗或激素治疗不敏感，临床上常用的白介素-2和干扰素虽然可以使肿瘤缩小，但只有10%-20%的患者对这些药物有反应，而且副作用比较严重，患者平均生存期仅为10个月。最近几年靶向治疗药物的出现，是晚期肾癌治疗的进步。美国临床肿瘤学会(ASCO)2005年年会上发表的研究结果显示，多靶点靶向治疗药物多吉美可使晚期肾癌患者的无进展生存期总体生存时间也有显著延长(39%)。” 晚期肿瘤的治疗不断涌现的好消息固然令人振奋，但其治疗效果还是与治疗后的早期肿瘤存在比较大的差距。要想做到肿瘤的早期发现，人们健康观念进步的重要性要远远高于医学技术进步。像早期肾癌的症状就很不明显，很多患者是通过体检偶然发现的，有了症状才到医院检查发现的多半已经到了晚期，观念的差异带来的是疾病预后的巨大差异。因此专家建议40岁以上的人最好半年做一次体检，虽然不能做到百分之百发现肿瘤，但至少80%是可以早期发现的，像肾癌通过普通B超就能发现。体检最好可以通过和医生充分沟通后根据自身状况进行定制，在医院的选择上也要有一定的针对性，比如结肠癌是有一定的家族聚集性的，如果家里有这样的患者，那么在自己的体检中就最好能够包括结肠镜的定期检查，而且最好可以选在这方面疾病比较有经验的医院，这样才能做到事半功倍。 早期肾癌多数可治愈 如果能够做到早期发现，正确治疗，绝大多数肾癌是可以治愈的。虽然肾癌也是一种恶性肿瘤，但是早期肾癌手术治疗的效果非常好，很多患者可以达到治愈的效果。 如果肾癌发展到了晚期，那么治疗起来就非常困难了，患者也丧失了手术根 治的机会肾癌很特殊，它对传统的放化疗或激素治疗不敏感，临床上常用的白介素-2和干扰素虽然可以使肿瘤缩小，但只有10%-20%的患者对这些药物有反应，而且副作用比较严重，患者平均生存期仅为10个月。最近几年靶向治疗药物的出现，是晚期肾癌治疗的进步。美国临床肿瘤学会(ASCO)2005年年会上发表的研究结果显示，多靶点靶向治疗药物多吉美可使晚期肾癌患者的无进展生存期总体生存时间也有显著延长(39%)。 晚期肿瘤的治疗不断涌现的好消息固然令人振奋，但其治疗效果还是与治疗后的早期肿瘤存在比较大的差距。要想做到肿瘤的早期发现，人们健康观念进步的重要性要远远高于医学技术进步。像早期肾癌的症状就很不明显，很多患者是通过体检偶然发现的，有了症状才到医院检查发现的多半已经到了晚期，观念的差异带来的是疾病预后的巨大差异。专家建议40岁以上的人最好半年做一次体检，虽然不能做到百分之百发现肿瘤，但至少80%是可以早期发现的，像肾癌通过普通B超就能发现。体检最好可以通过和医生充分沟通后根据自身状况进行定制，在医院的选择上也要有一定的针对性，比如结肠癌是有一定的家族聚集性的，如果家里有这样的患者，那么在自己的体检中就最好能够包括结肠镜的定期检查，而且最好可以选在这方面疾病比较有经验的医院，这样才能做到事半功倍。 与肺癌、乳腺癌等常见肿瘤相比，肾癌显得有点“默默无闻”，在中国约占所有癌症的2%-3%，但在所有的泌尿系统肿瘤中，它是仅次于膀胱癌的第二大杀手，且其发病率呈上升趋势。男性发病率高于女性。在某些地区，肾癌已成为位列男性前十位的肿瘤之一。</t>
  </si>
  <si>
    <t>尿检用空腹吗</t>
  </si>
  <si>
    <t>尿检一般不需要空腹。</t>
  </si>
  <si>
    <t>验尿不需要空腹</t>
  </si>
  <si>
    <t>不需要空腹</t>
  </si>
  <si>
    <t>查血常规和尿常规这些简单的化验项目是不需要空腹的。</t>
  </si>
  <si>
    <t>苹果一体机可以装双系统吗</t>
  </si>
  <si>
    <t>可以，我刚装好。</t>
  </si>
  <si>
    <t>迪拜有乞丐吗</t>
  </si>
  <si>
    <t>在迪拜乞讨是违法的！</t>
  </si>
  <si>
    <t>法国有pelliot品牌吗</t>
  </si>
  <si>
    <t>是的，来自法国巴黎的全球顶级户外运动品牌</t>
  </si>
  <si>
    <t>pelliot ，诞生于法国巴黎，是欧洲最著名的户外品牌之一</t>
  </si>
  <si>
    <t>成龙去世乌龙是真的吗</t>
  </si>
  <si>
    <t>绝对假的</t>
  </si>
  <si>
    <t>淡定淡定~~他咋可能去世~就算去世了，估计整个中国都该知道~</t>
  </si>
  <si>
    <t>无镜头扑克感应分析仪是真的吗</t>
  </si>
  <si>
    <t>现在有好的，不用加工，安全隐蔽。</t>
  </si>
  <si>
    <t>这种设备是有的不需要任何镜头，扑克是感应扑克。</t>
  </si>
  <si>
    <t>骗人的不要信，我给骗过了</t>
  </si>
  <si>
    <t>纯属子虚乌有！</t>
  </si>
  <si>
    <t>朋友很多都是忽悠人的。纯手法才是王道。</t>
  </si>
  <si>
    <t>恶魔果实贵吗</t>
  </si>
  <si>
    <t>好贵的</t>
  </si>
  <si>
    <t>信用卡提额技术是真的吗</t>
  </si>
  <si>
    <t>信用卡你如果想提额，无非就是你要让银行知道你有消费能力，而且你给的这点额度是不够用的，简单来说就是多消费 多让银行赚到你的钱</t>
  </si>
  <si>
    <t>提额技术是有的，不过大部分都是有很强的时效性，如果银行发现口子后，会马上补上，那之前的技术就失效了。</t>
  </si>
  <si>
    <t>当然，不知道就是技术，知道了就是明面的东西。</t>
  </si>
  <si>
    <t>单眼皮好看吗</t>
  </si>
  <si>
    <t>单眼皮要配上五官也好看，单眼皮到老不怎么下垂，双眼皮老会下垂。</t>
  </si>
  <si>
    <t>要看观赏你的人是喜欢 单眼皮还是双眼皮了。要看每个人都欣赏观点了。</t>
  </si>
  <si>
    <t>江苏无锡好玩吗</t>
  </si>
  <si>
    <t>无锡好玩的地方多了!无锡是全国著名的旅游城市之一，风景区可依次划分为：太湖游览区、古运河人文游览区、吴文化游览区、江阴人文景观游览区、宜兴生态园林游览区等，在这些地方，人们能感受到太湖的绝美，古运河的伟大，吴文化的深厚底蕴以及无锡自然风光的优美、民风民俗的纯朴。</t>
  </si>
  <si>
    <t>教师节发福利吗</t>
  </si>
  <si>
    <t>中央八项规定以来，教师节不能发福利，也不能聚餐，学校只是发发短信祝贺教师</t>
  </si>
  <si>
    <t>100元或购物券</t>
  </si>
  <si>
    <t>那要看什么样的学校了，有的学校发几张大团圆甚至更多， 有的学校带领老师们借此旅游一趟，有的学校就发更多的家庭实惠装，比如购物券等。</t>
  </si>
  <si>
    <t>教师节，那可是法律确定的福利哦。</t>
  </si>
  <si>
    <t>天津爆炸有赔偿吗</t>
  </si>
  <si>
    <t>前一段时间公布的每名牺牲的消防战士家属可获得人均230万的抚恤金，算上所在单位自己的抚恤金，应该300多万人民币吧。</t>
  </si>
  <si>
    <t>天津爆炸事件牺牲消防员赔偿标准：目前确认牺牲的消防员已被追认为烈士，共计并每人获赔230万。烈士褒扬金约为94万;一次性工亡补助金约为63万;天津港集团赔偿，40万;烈士遗属特别补助金，9万左右;因公牺牲一次性抚恤金，10万;天津港职工以及社会。</t>
  </si>
  <si>
    <t>按社会意外事故死亡标准赔偿</t>
  </si>
  <si>
    <t>消防员是赔偿230万元。</t>
  </si>
  <si>
    <t>应该是按照国家灾害受难者赔偿</t>
  </si>
  <si>
    <t>网上可以买手机号吗</t>
  </si>
  <si>
    <t>可以登录对应运营商的网上营业厅办理手机号，以电信为例  首先打开中国电信网上营业厅 www.ah.189.cn  然后点击左侧的套餐靓号，点击进入后选择一个号码,然后点击立即购买下单即可，网上营业厅会通过快递方式发放手机卡的</t>
  </si>
  <si>
    <t>能，用淘宝网买</t>
  </si>
  <si>
    <t>可以的，去淘宝买，但是卡收到后要去当地营业厅进行实名验证</t>
  </si>
  <si>
    <t>可以登录移动门户网站，进入“网上营业厅 &gt; 选号入网 ”栏目，选择需要的号码。</t>
  </si>
  <si>
    <t>很多地区的运营商的网站可以选着靓号，在网站选择一般比较便宜，大多数在个人手中的号码都不是空号，需要办理过户的，否则你的权益无法保障的，移动的很多号码没有低消的，所以价格很高，联通的2G号码如果转成3G，靓号就会立马带上很高的最低消费，到网站抢号看看有没有运气，比如北京移动每天可抢两次，有AAA的号码</t>
  </si>
  <si>
    <t>可以去淘宝看看 信誉高的一般都有保证的</t>
  </si>
  <si>
    <t>瑞文电玩皮肤限定吗</t>
  </si>
  <si>
    <t>是滴，目前还是可以在商城购买</t>
  </si>
  <si>
    <t>4周年限定版，官方早就给出消息了。</t>
  </si>
  <si>
    <t>四周年限定啊，买不到了已经，不知道什么时候能买。花个大价钱买个CDKey也许可以。</t>
  </si>
  <si>
    <t>瑞文的电玩皮肤是一款限定限时上架的皮肤，这个官方是有说明的。</t>
  </si>
  <si>
    <t>光绪龙洋银元可以买到120万吗?</t>
  </si>
  <si>
    <t>稀世湖北币“大清一两”价值一年翻番“3万元，成交！”2月1日下午，徐东古玩市场晓泉斋内，一枚湖北“大清一两”高价转让。</t>
  </si>
  <si>
    <t>真品，可惜币面被擦拭划伤的严重。价格可在1000元左右吧。</t>
  </si>
  <si>
    <t>彩棉好不好</t>
  </si>
  <si>
    <t>天然彩色棉比纯棉的作用更多，比纯棉的要好</t>
  </si>
  <si>
    <t>燃油添加剂到底有没有用</t>
  </si>
  <si>
    <t>当然有用的，降低油耗，增加动力，清洗积碳</t>
  </si>
  <si>
    <t>没多大作用。</t>
  </si>
  <si>
    <t>作用不是太大，基本上可以说没什么用</t>
  </si>
  <si>
    <t>燃油添加剂也就是燃油宝之类的东西个人建议根本没必要花那冤枉钱，正常加点正规加油站的油就可以了。＃＃你好，对于新车来说，基本上就是一点作用没有。开的时间比较长的车可以添加的。</t>
  </si>
  <si>
    <t>燃油添加剂有很多品牌的，效果也不一样，有的好有的基本没效果，好的燃油添加剂确实是对发动机有好处的，能促进燃油燃烧分解，提升动力，减少积碳</t>
  </si>
  <si>
    <t>广州东到广州机场有地铁吗</t>
  </si>
  <si>
    <t>从广州东站乘坐地铁3号线北延段,经过10站, 到达机场南站</t>
  </si>
  <si>
    <t>1、从广州东站乘坐地铁3号线北延段,经过10站, 到达机场南站2、步行约240米,到达广州白云国际机场</t>
  </si>
  <si>
    <t>唯一只可以搭广州地铁三号线北延段，，，不需要转线，，直接可以到达广州东站，，搭到广州火车东站的话大概要32 - 33 分钟</t>
  </si>
  <si>
    <t>三号线北延段 一共10个站 不需要换乘大约35分钟</t>
  </si>
  <si>
    <t>坐地铁3号线，到广州东站。大约40分钟。</t>
  </si>
  <si>
    <t>ipadmini2升级ios9.1会卡吗</t>
  </si>
  <si>
    <t>不卡的，我的都已经升级了，很流畅的，还省电。</t>
  </si>
  <si>
    <t>不卡，现在IOS9.1还不能越狱，不建议升级。</t>
  </si>
  <si>
    <t>还行吧，只不过ios9.1占了2个多G的内存</t>
  </si>
  <si>
    <t>硬件有点跟不上了，还是别升级了，会卡顿的。</t>
  </si>
  <si>
    <t>还可以的，我的都已经升级了，感觉很流畅，而且省电。</t>
  </si>
  <si>
    <t>mini2的处理器芯片性能偏弱，所以是不太建议在它身上进行系统升级的，那样的话可能会出现特效方面的卡顿以及运行不流畅的状况。</t>
  </si>
  <si>
    <t>不卡的，我都已经升了。相比于iOS9来说，苹果在iOS9.1中除了修复Bug、增加系统稳定性之外，还加入了一些新功能，主要包括新增150多种表情符号(全机型)、修复多任务卡顿、Live Photo自适应(6S/6S Plus)，至于其它部分则是对系统原先Bug的修补。另外，最受用户关注度的操作界面卡顿的问题也得到了修复，流畅度有明显的提升。</t>
  </si>
  <si>
    <t>我的是ipadmini，理论上和你的性能一样，我认为如果还停留在ios8，最好别更新，等ios9.3出来再看看。如果你已经更新到ios9的版本，那还是更新了比较好，现在最新的是ios9.2</t>
  </si>
  <si>
    <t>双色球可以网购吗</t>
  </si>
  <si>
    <t>可以购买的，中奖后，中奖奖金派奖到你的支付宝账户中，1万以上要缴纳税款。</t>
  </si>
  <si>
    <t>网上基本就没有卖彩票的了，好像扫光了吧。</t>
  </si>
  <si>
    <t>可以，通过APP进行购买，不过在选择APP的时候请慎重</t>
  </si>
  <si>
    <t>去年全国所有网络彩票都被叫停了，现在如还在销售的都是非法的。</t>
  </si>
  <si>
    <t>不可以了，以前还可以再风林购买，现在已经不行了</t>
  </si>
  <si>
    <t>侠客风云传没地图吗</t>
  </si>
  <si>
    <t>按m看地图</t>
  </si>
  <si>
    <t>手机可以下载itunes吗</t>
  </si>
  <si>
    <t>不能，他是电脑和手机的一个连接软件</t>
  </si>
  <si>
    <t>iTunes是一款PC软件，只能对苹果公司的产品进行操作（Iphone、Ipad等）</t>
  </si>
  <si>
    <t>iphone必须下载itunes,这是苹果公司和硬件设备配套的软件，正常情况下只有通过这个itunes才能管理手机上的文件（添加或者删除）</t>
  </si>
  <si>
    <t>当当网可以用花呗吗</t>
  </si>
  <si>
    <t>是否可以使用花呗支付，在支付宝的收银台页面查看，如果有入口，表示可以付款，如果没有入口，代表不可以进行支付的。</t>
  </si>
  <si>
    <t>一般都不可以。</t>
  </si>
  <si>
    <t>看商家的，如果商家支持就可以付款。</t>
  </si>
  <si>
    <t>拳击打死人犯法吗</t>
  </si>
  <si>
    <t>不会怎么样的，最多赔点钱而已。因为是比赛，不是谋杀。</t>
  </si>
  <si>
    <t>不犯规的话应该不会</t>
  </si>
  <si>
    <t>在我国，拳击比赛中出现的死亡是一个法律空白。实际处理中，一般都作为意外事故处理。</t>
  </si>
  <si>
    <t>失手的话不算 若是被判定恶意那就另说了</t>
  </si>
  <si>
    <t>犯不犯法那得看情节，正常竞技中一个直拳把鼻梁击碎打入颅内死亡肯定不能犯法，如果是对方倒地了你上去补了几拳无视裁判肯定犯法</t>
  </si>
  <si>
    <t>不构成</t>
  </si>
  <si>
    <t>失手的话不算，，但是一定的赔偿还是需要的</t>
  </si>
  <si>
    <t>百利天下好吗</t>
  </si>
  <si>
    <t>感觉公司很正规,这个公司从前台啊规模啊，还是老师们，细节都挺专业,都不错.</t>
  </si>
  <si>
    <t>美本最稳妥的还是看看专做美国的公司，尤其是申请排名比较高的学校的话，像优弗的保排名，这样比较保障度比较高。</t>
  </si>
  <si>
    <t>百利做得国家比较较多。实用点的建议就是，确定申加国的话，就找专做加拿大的，确定去美利坚的话，就找专做美国的，个人不了解加国，就不妄言了。</t>
  </si>
  <si>
    <t>这个别人说了没用，必须自身去体验。</t>
  </si>
  <si>
    <t>七星辅助好不好</t>
  </si>
  <si>
    <t>还行，三星各方面做的还是比较亲民的</t>
  </si>
  <si>
    <t xml:space="preserve">七星辅助挺好用的哦 </t>
  </si>
  <si>
    <t>我用的不错啊，以前我试过逆天辅助，感觉牛</t>
  </si>
  <si>
    <t>不好用</t>
  </si>
  <si>
    <t>还不错的， SSS级别，哈哈，七星辅助官网有俩个，一个是qixing666， 另外一个是921fz，那个都可以下载到的。</t>
  </si>
  <si>
    <t>智齿会把门牙挤歪吗</t>
  </si>
  <si>
    <t>有没有60天见胎芽,70天见胎心的,宝宝出生依然很健康的情况</t>
  </si>
  <si>
    <t>要到宝宝60天以后或许3个月后才可以看到宝宝胎芽或许脉搏的.现在是什么都没有反映的.我是40天就去照B照了.“也没有任何回应和变化</t>
  </si>
  <si>
    <t>婴儿咳嗽能吃蛋黄吗</t>
  </si>
  <si>
    <t>最好不吃</t>
  </si>
  <si>
    <t>可以吃的，如果宝宝不发烧，只是单纯的感冒咳嗽，是可以正常喂蛋黄等辅食的，发烧的话就不要喂鸡蛋了，因为蛋白质在体内分解后会产生一定额外的热量，从而加剧宝宝发烧的症状，延长发热时间</t>
  </si>
  <si>
    <t>不能吃</t>
  </si>
  <si>
    <t>可以，少吃，宝贝咳嗽可以给他煮 白梨冰糖水给他喝 润肺止咳</t>
  </si>
  <si>
    <t>蝴蝶中药粉有用吗</t>
  </si>
  <si>
    <t>产品确实是假的里面有西药成分，可以去药监局化验。</t>
  </si>
  <si>
    <t>中药丰胸主要是打通淋巴，刺激穴位，调畅气血，疏通经络，促进女性荷尔蒙分泌，改善机体组织功能，来达到丰胸的目的，药物副总用最小的一种治病保养药物，经过老祖宗千百年的完善</t>
  </si>
  <si>
    <t>我就喝了好几罐，都大了一个杯，也不痛经了，身体越来越好！除非你买的是假的也说不定</t>
  </si>
  <si>
    <t>没效果</t>
  </si>
  <si>
    <t>大了，从A到B杯＃＃喝过。大了的，痛经也好了的。</t>
  </si>
  <si>
    <t>我认识一个网友她就吃过，说是没效果</t>
  </si>
  <si>
    <t>人心能换来人心吗?</t>
  </si>
  <si>
    <t>为人真心真诚，一般情况下都能换得对方的信任。当然不是绝对，保持适度的谨慎是必须的，宽容地对待他人的误解也是必须的。</t>
  </si>
  <si>
    <t xml:space="preserve">那得看你遇到的是什么样的人，有的人你越真心她越觉得你在做作 </t>
  </si>
  <si>
    <t>得看人了，有的人对他真心但是你得不到回报</t>
  </si>
  <si>
    <t>看对方出于什么目的</t>
  </si>
  <si>
    <t>这得看你想去换什么样的人心。因为人心有两种，一种是能感化的人心，一种是铁石心肠的人心。</t>
  </si>
  <si>
    <t>有的时候是能的</t>
  </si>
  <si>
    <t>这取决于什么人。君子若对君子，当然能换。君子若逢小人，换了也白换。</t>
  </si>
  <si>
    <t>怀孕能喝藕粉吗</t>
  </si>
  <si>
    <t>孕妇是可以吃藕粉的。</t>
  </si>
  <si>
    <t>现在市面上有一种老少皆宜的食品——藕粉，深受大家的喜爱。很多人买来给孕妇食用，补充孕妇所需的营养。</t>
  </si>
  <si>
    <t>藕粉含有大量的钙、磷、铁等元素，怀孕期间使用时非常有好处的，在怀孕期间补充维生素是很重的，多吃蔬菜水果对宝宝的生长能起到很好的作用。</t>
  </si>
  <si>
    <t>可以的。莲藕的营养价值很高，富含铁、钙等微量元素，植物蛋白质、维生素以及淀粉含量也很丰富，有明显的补益气血，增强人体免疫力作用，孕妇是可以吃的。</t>
  </si>
  <si>
    <t>钱刷宝安全吗</t>
  </si>
  <si>
    <t>一般不会有事的</t>
  </si>
  <si>
    <t>自己刷自己卡肯定是违规的，但没被查到也没事</t>
  </si>
  <si>
    <t>芒果能煮着吃吗</t>
  </si>
  <si>
    <t>当然可以！</t>
  </si>
  <si>
    <t>当然可以啊</t>
  </si>
  <si>
    <t xml:space="preserve">芒果一般直接吃，不要做熟。芒果可以炖奶，炖蛋。 </t>
  </si>
  <si>
    <t>可以，你可以用这些原料做水果羹，但是前提是，红枣和银耳必须先煮到入味，我的意思是，银耳软、烂、糯之后，最后再下水果，如果太早下水果的水果里的营养素将会被破坏，另外给你个建议，你在熬红枣和银耳的同时，最好+点冰糖，因为冰糖是败火的，还有就是这样煮出来的水果在口味也会比较的好喝，你可以试试，本人只是给建议而已！</t>
  </si>
  <si>
    <t>领队赚钱吗</t>
  </si>
  <si>
    <t>挣不挣钱，还得看客人能否买东西，导游能否按照规定分给领队，其实领队这个职位比较尴尬，出境前，负责带客人托运过海关，上飞机，到达目的地后，负责给客人带出海关见导游，剩下的就是跟着导游走，在团队最后，基本没活儿干了</t>
  </si>
  <si>
    <t>领队是团队负责人，导游是介绍景点解说员，导游辛苦，领队工资高。</t>
  </si>
  <si>
    <t>如果你是男的，那么领队也是个不错的选择，可以实现环球，带团基本都有3.4千一次，赌购物的团甚至可以上万，就是比较辛苦了，一年到头不在家几天</t>
  </si>
  <si>
    <t>乐派英雄联盟宝盒有毒吗</t>
  </si>
  <si>
    <t>只要从正规途径下载的，是不会有病毒的</t>
  </si>
  <si>
    <t>这个是没有病毒的，可以换皮肤，</t>
  </si>
  <si>
    <t>北京雾霾会死人吗</t>
  </si>
  <si>
    <t>有很多，但是无法计算，也不能计算。</t>
  </si>
  <si>
    <t>不好鉴定，比如一个老人快走了，正好那天是雾霾严重的天，说是因为雾霾，能说是因为雾霾造成的吗？这个不好说。</t>
  </si>
  <si>
    <t>什么程度也不会死。</t>
  </si>
  <si>
    <t xml:space="preserve">在国内也在发生，尤其发生在已经有哮喘、支气管炎等严重呼吸系统疾病的人身上。另外，雾霾天自己做好预防措施吧，尽量少外出，即使外出做好预防措施如戴口罩。而雾霾对呼吸系统的损伤最大。              </t>
  </si>
  <si>
    <t>子宫肌瘤患者能吃燕窝吗</t>
  </si>
  <si>
    <t>适量食用</t>
  </si>
  <si>
    <t>可以吃的。燕窝是天然增津液的商品，并含有多种氨基酸，对癌细胞有抑制和抗衡作用。</t>
  </si>
  <si>
    <t>是不能吃雪蛤，燕窝只要不是疯狂的过量吃，都不会导致良性肿瘤有问题，恶性肿瘤是确实不能吃。但现在燕窝假的，要买真的，不然还不如不要吃了。</t>
  </si>
  <si>
    <t>不建议的</t>
  </si>
  <si>
    <t>单反镜头是通用的吗</t>
  </si>
  <si>
    <t>品牌之间不能通用，因为卡口不一样。 同品牌内也不能通用，以佳能为例，分半画幅和全画幅两系列；卡口一样的可能通用。</t>
  </si>
  <si>
    <t>这两种镜头的区别就是佳能单反相机里面三位数跟两位数的机器这两种镜头都能用，比如700D、还有70D、能装EF-S镜头，也能用EF镜头，但是咱们的全画幅，也就是只有一位数的机器，比如6D/5D/1D系列的机器，是不能用EF-S镜头的，装都安装不上去，就算装上去了，拍摄出来的片子也有严重的黑边情况。</t>
  </si>
  <si>
    <t>不同品牌的单反相机，镜头卡口是不同的，是不能通用的。</t>
  </si>
  <si>
    <t>外企不要党员吗</t>
  </si>
  <si>
    <t>外企到国内投资的目的主要是赚钱，为了赚钱，会采取很多手段，如偷税、避税、环保不达标等等，如果企业是有共产党员且这个共产党员的党性强，能维护国家和民放的利益，那外企的这些手段不就败露了吗？这是不要共产党员的主要原因。</t>
  </si>
  <si>
    <t>纯属造谣！任何企业（包括外企）都需要真才实学的人才，不会过问你的政治身份（是否党团员）。只要某党员有真实的本事和技能，又适合企业需要，那就成了“抢手货”，外企会不要吗？</t>
  </si>
  <si>
    <t>在中国境内，外企企业也要接受中国共产党的领导。也有党的基层组织存在。</t>
  </si>
  <si>
    <t>外企重点是看能力、是否能创造业绩，对于是不是党员，应当不是很重视</t>
  </si>
  <si>
    <t>论上不存在这样的说法，可能考虑到在企业建立党支部会影响企业，其实也没什么。在党的领导下，外资企业才进的大陆，所以作为有点理智的外企应该不会限制。相反，或许会觉得党员普遍的素质多少会比一般人高点。外企注重的是实力、才能。</t>
  </si>
  <si>
    <t>高层住宅最顶层好不好</t>
  </si>
  <si>
    <t>不建议购买顶楼，顶楼时间长了还是会出现过热和漏雨的情况。</t>
  </si>
  <si>
    <t>住高层的顶楼好。</t>
  </si>
  <si>
    <t>顶楼视野开阔，让人心情舒展；通风、采光效果好，阴雨天能节省照明用电；且受外界噪音影响也小，比较安静，个人空间较多，私密性好。 但是顶楼夏热冬冷，夏天要比低层单位多耗费电资源和水资源，如果屋顶的建筑质量有问题，顶楼更是首当其冲地要受害，容易出现渗水、裂缝。还有，顶楼水压一般比较小，且万一停电，出行就会瘫痪。</t>
  </si>
  <si>
    <t>对于买房选楼层来说，真没有一个正确的正解出现。因为个人情况不同，对于楼层选择也是有不同需求的。</t>
  </si>
  <si>
    <t>奔跑吧兄弟第三季是不是换导演了</t>
  </si>
  <si>
    <t>没有换导演，奔跑吧兄弟第一、二、三季的导演都是陆皓、岑俊义</t>
  </si>
  <si>
    <t>陆皓退出了，换了陈格洲来</t>
  </si>
  <si>
    <t>奔跑吧兄弟第三季总导演是岑俊义，没换人。</t>
  </si>
  <si>
    <t>前两季是陆皓，第三季是前两季给陆皓打酱油的，叫什么去百度百科搜奔跑吧兄弟第三季。</t>
  </si>
  <si>
    <t>还是一样的导演</t>
  </si>
  <si>
    <t>问道有手游版吗</t>
  </si>
  <si>
    <t>问道有手游版，而且官方已经开放预约了，原版厂商制作的，品质信得过。我已经预约了，现在每天关注动态，坐等官方给我发信息。＃＃问道的手游版就叫做《问道》手游，是由端游原班人马亲自打造的，高度还原了问道端游的特色和玩法。</t>
  </si>
  <si>
    <t>问道端游和手游差距大，手游画面更好吧，看个人的感觉。</t>
  </si>
  <si>
    <t>问道手游没有官方的，都是代理，版权在光宇手上，不过光宇不做手游，所以代理给很多平台做，都说雷霆是官网其实不是</t>
  </si>
  <si>
    <t>问道手游一共有两个版本，分别是安卓通用版和IOS版本，两个版本分别针对现在智能手机的两大阵营，虽说数据不互通，但是各有各的特色，安卓的多渠道开放，用户群体大。IOS的高端操作模式，都是亮点。</t>
  </si>
  <si>
    <t>孕妇吃韭菜可以吗</t>
  </si>
  <si>
    <t>韭菜营养丰富，含有丰富的纤维素和硫化物，吃韭菜可以补充身体所需的矿物质，有利于孕早期胚胎的发育。所以孕妇可以吃韭菜，但不能吃太多。因为韭菜有加强子宫收缩的作用，孕妇吃太多可能会增加流产风险。另外韭菜不易消化，所以孕妇最好是少吃韭菜，最好都要结合其它食物一同食用。</t>
  </si>
  <si>
    <t>孕妇 可以吃韭菜的</t>
  </si>
  <si>
    <t>韭菜与炒鸡蛋，对孕妇有很好的营养保健作用!</t>
  </si>
  <si>
    <t>完全可以吃</t>
  </si>
  <si>
    <t>孕妇是可以吃少量韭菜的，但是不能吃太多，因为韭菜有兴奋子宫，加强子宫收缩的作用，可以结合其它食物一同食用</t>
  </si>
  <si>
    <t>你好，孕妇是可以吃的。</t>
  </si>
  <si>
    <t>怀孕发烧对胎儿有影响吗</t>
  </si>
  <si>
    <t>一般感冒发热对胎儿发育影响不大的，不过要积极治疗。</t>
  </si>
  <si>
    <t>武术真的存在吗</t>
  </si>
  <si>
    <t>存在的</t>
  </si>
  <si>
    <t>山东亿嘉客是真是假</t>
  </si>
  <si>
    <t>这个企业对于我来说是很陌生的，但我不否定他是真实存在的一家</t>
  </si>
  <si>
    <t>真实存在，而且待遇还不错，新入职员工</t>
  </si>
  <si>
    <t>念雨宝咒喝酒行吗</t>
  </si>
  <si>
    <t>挖财理财安全吗</t>
  </si>
  <si>
    <t>基本上现在这类互联网金融的平台产品其实都有风险，由于他们只是一个平台，把别人贷款挂在他们平台上，让手里有钱的人自己去认购，所以实际这些产品的风险是由真实的贷款人的信用决定的，在风险控制上比较没有保障。以平台来讲几乎不会跑路，如果人家只是做平台并没有说用他们公司会为这些产品做担保那么即使平台中有些产品最后没办法兑现那也只能投资者自己吃亏。</t>
  </si>
  <si>
    <t>还是安全的，这个是个合法软件</t>
  </si>
  <si>
    <t>2009年创立的比较安全，本人一直用，但是验证码信息一定要保管好</t>
  </si>
  <si>
    <t>v.v是谁</t>
  </si>
  <si>
    <t>雨果·维文（Hugo Weaving），1960年4月4日出生于尼日利亚伊巴丹</t>
  </si>
  <si>
    <t>他是在试验基地爆炸后一个强悍的幸存的试验品，因为全身烧伤毁容才戴的面具穿袍子，</t>
  </si>
  <si>
    <t>V是我们所有人。</t>
  </si>
  <si>
    <t>所以我认为V很有可能是戈登年轻时的男友，而戈登到底有没有死，只有V的一句话，也不能确定，</t>
  </si>
  <si>
    <t>盖伊·福克斯，（1570~1606），英国军人和著名的“火药阴谋”参与者。该阴谋的目的是在议会开幕时炸毁威斯敏斯特宫，炸死詹姆士一世国王及其内阁大臣，以报复英国对于罗马天主教徒的宗教压迫。</t>
  </si>
  <si>
    <t>来宾账户能安装东西吗</t>
  </si>
  <si>
    <t>这个是可以的，只是一些针对修改系统的一些内容会没有权限，但是使用和下载东西和新建文件夹是没有任何问题</t>
  </si>
  <si>
    <t>不可以的，来宾账户权限不够。一般只有访问权限，没有修改权限，你既然要下载，也就是修改了计算机的内容，自然就不行了。</t>
  </si>
  <si>
    <t>一中各表 大陆同意吗</t>
  </si>
  <si>
    <t>当然没接受过啊，一中各表不就是两个中国的另一种说法吗，大陆怎么会同意</t>
  </si>
  <si>
    <t>一中各表，大陆是不接受的</t>
  </si>
  <si>
    <t>内地政府是承认的，一个中国各种表达法，但前提是坚持一个中国</t>
  </si>
  <si>
    <t>一中各表这是台湾的看法，1999年中华人民共和国明确反对这一表述，被九二共识所取代</t>
  </si>
  <si>
    <t>2008年马英九执政时，两岸关系刚从法理“台独”引发的战争边缘上缓过劲来，大陆方面为顾全大局，只要台湾坚持“九二共识”，对“九二共识”后面捎带的“其他论述”也就暂且睁只眼闭只眼。但这不表示大陆默认或接受“一中各表”</t>
  </si>
  <si>
    <t>眼镜框断了能修吗</t>
  </si>
  <si>
    <t>不能修。</t>
  </si>
  <si>
    <t>可以修。</t>
  </si>
  <si>
    <t>用电焊焊上。</t>
  </si>
  <si>
    <t>可以,只要把断的换过一个</t>
  </si>
  <si>
    <t>断了一般修不了。</t>
  </si>
  <si>
    <t>修了不好看，而且修补过后的地方会比另一面大一点容易影响视野；还是换新的吧。</t>
  </si>
  <si>
    <t>是眼镜腿上的环 还是庄头上环裂了 不是纯钛的眼镜架 可以找配件点焊 但有高温烧伤 去配眼镜的眼镜店修理</t>
  </si>
  <si>
    <t>小壁虎有毒吗</t>
  </si>
  <si>
    <t>自古以来，民间流传壁虎之尿甚毒，入眼则瞎，入耳则聋，滴到人身上就会引起溃烂，吃了壁虎爬过的东西便会中毒死亡。</t>
  </si>
  <si>
    <t>壁虎对人体确有害。</t>
  </si>
  <si>
    <t>没有。壁虎如果有毒，你的墙上有毒。</t>
  </si>
  <si>
    <t>自古以来，民间流传壁虎之尿甚毒，入眼则瞎，入耳则聋，滴到人身上就会引起溃烂，吃了壁虎爬过的东西便会中毒死亡。因此，古时将其列入「五毒」之一 。</t>
  </si>
  <si>
    <t>壁虎没有毒。</t>
  </si>
  <si>
    <t>苹果5s好用吗?</t>
  </si>
  <si>
    <t>这款机子整体上来看还是很不错的，而且比苹果5在外观和性能方面都提升了不少，处理器提升至A7（64位处理器），也令iPhone5S一举成为全球首款拥有64位处理器的智能机，并且加入了指纹识别等功能，同时，苹果5S在待机时间已经提升至250个小时，令人非常满意。在价格方面，苹果5S港版灰色的最新报价是5150元，手机报价每天都会有变动的，你可以多关注一下手机每天报价，过段时间价格会有下降的。</t>
  </si>
  <si>
    <t>经过本人在网上的调查，发现，很多人都说5S的待机很不理想，这么跟你说吧，苹果手机根本不值那么多钱，仅仅是广告吹的好而已。你看看5S那个狗屁配置：双核处理器、4寸屏幕、800万像素、 1136x640像素、1560毫安的电池。就是一大堆的低端玩儿扔儿，组成的一部极其低端的手机。这么垃圾的玩儿扔儿居然还卖3000多？真佩服苹果的吹牛逼能力。可以把这么垃圾的配置卖到3000多，吹的太好了。要是把这个狗屁玩儿扔儿高价丢给酷派，酷派还不得破产啊，酷派也不会吹呀，一台也卖不出去。酷派5S谁买？跟苹果5s一模一样，谁买？</t>
  </si>
  <si>
    <t>好用啊，反正我用着挺顺手挺喜欢的。</t>
  </si>
  <si>
    <t>iPhone5s比较好用，性能给力</t>
  </si>
  <si>
    <t>好用的吧，但是没有手感好轻啊</t>
  </si>
  <si>
    <t>艾比基尼是传销吗</t>
  </si>
  <si>
    <t>是传销</t>
  </si>
  <si>
    <t>肯定不是 我在穿艾芘基妮</t>
  </si>
  <si>
    <t>主要看公司是采用什么样的方式运作的,</t>
  </si>
  <si>
    <t>直销，多层次的</t>
  </si>
  <si>
    <t>1.单纯凭上述描述无法确定其是否属于传销范畴。2.依据《禁止传销条例》第七条之规定，下列行为，属于传销行为。</t>
  </si>
  <si>
    <t>艾比基尼就是传销的一种，最明显的就是发展下线，全部推广给自己的亲戚朋友；</t>
  </si>
  <si>
    <t>衬衫能改短吗</t>
  </si>
  <si>
    <t>休闲衬衫可以改短,相对于自己改，让专业的裁缝改更加精确，美观。</t>
  </si>
  <si>
    <t>看你要改短多少 现在的衣服改剪短后还要需要缝制还要用蒸气烫下 一般男士衬衣不需改短的。如果确实要改的话找会做衣服的人来改 或者到专门改衣服的店去改 收费也不会很贵。</t>
  </si>
  <si>
    <t>当然能改了 我是学服装滴 而且改衣服这种事情对 裁缝店来说就是小菜哇 你告诉裁缝店你需要剪掉多少 然后锁个边就可以啦</t>
  </si>
  <si>
    <t>我个人认为如果便宜的话就去普通裁缝铺吧 那里也还好 如果不放心的话可以去专业一点的地方 我想你最好还是考虑好一下再去改 因为我个人认为那种长的衬衫比短的还好看 改了就回不来了</t>
  </si>
  <si>
    <t>快播被判了吗</t>
  </si>
  <si>
    <t>被判刑10年。罪名是传播淫秽信息</t>
  </si>
  <si>
    <t>王欣定性潜逃抓仅罪名至少判处10年</t>
  </si>
  <si>
    <t>银联卡可以在香港取钱吗</t>
  </si>
  <si>
    <t>可以使用ATM机提现，可以选择是RMB还是港币户口，如果只有RMB的拿出来再去兑换店换成港币，支持银联的ATM机会有在机子上有标志的。</t>
  </si>
  <si>
    <t>可以, 但是要收手续费。</t>
  </si>
  <si>
    <t>可以，只要在有标注银联的ATM就可以取现</t>
  </si>
  <si>
    <t>银联卡在香港能取钱。</t>
  </si>
  <si>
    <t>可以的。直接到有银联标志的自动柜员机就可以了。汇丰和恒生都有很多。每次取款回收一定金额的手续费。</t>
  </si>
  <si>
    <t>阿胶糕好吃吗</t>
  </si>
  <si>
    <t>我觉得很好吃</t>
  </si>
  <si>
    <t>做成阿胶糕、固元膏都很好吃的。</t>
  </si>
  <si>
    <t>好吃</t>
  </si>
  <si>
    <t>第一次吃有点接受不了，那种味道。</t>
  </si>
  <si>
    <t>银行礼拜天开门吗</t>
  </si>
  <si>
    <t>上班。一般网点营业时间时8：00(或9：00)-17：30(或16：30)</t>
  </si>
  <si>
    <t>除了国家法定假日。周末银行都是上班的</t>
  </si>
  <si>
    <t>上班，但是上下班时间要缩减</t>
  </si>
  <si>
    <t>猪脚的胆固醇高吗</t>
  </si>
  <si>
    <t>不高</t>
  </si>
  <si>
    <t>猪蹄属于高脂肪、高胆固醇食物，心血管患者应该尽量避免吃。</t>
  </si>
  <si>
    <t>不高,胶汁多 经常吃美容.</t>
  </si>
  <si>
    <t>猪蹄属于高脂肪、高胆固醇食物</t>
  </si>
  <si>
    <t>是的，肉类中的胆固醇含量都很高。</t>
  </si>
  <si>
    <t>高血压病能喝茶吗?</t>
  </si>
  <si>
    <t>因为茶中含有兴奋的东西,，容易升高血压</t>
  </si>
  <si>
    <t>茶叶中含有茶多酚具有增强血管弹性的作用,能降低血液中胆固醇,甘油三酯及低密度脂蛋白,还能降低胆固醇与磷脂的比例,从而达到了预防及治疗动脉硬化的目的.因此,高血压病人可以喝茶.</t>
  </si>
  <si>
    <t>可以少量饮用。不过不可以在精神疲劳和熬夜后饮用，这样会加重病情。可以选择一些对降血压有帮助的茶来饮用，比如山楂茶，绿茶和菊花茶同时饮用。这些都是对降血压有帮助的。</t>
  </si>
  <si>
    <t>高血压病人可以喝茶</t>
  </si>
  <si>
    <t>华为mate7 支持mhl吗</t>
  </si>
  <si>
    <t>华为mate7支持mhl。</t>
  </si>
  <si>
    <t>这肯定支持华为手机特别好的你知不知道这个型号美腿系列的，棒死了。</t>
  </si>
  <si>
    <t>MATE7不支持MHL(HDMI)。</t>
  </si>
  <si>
    <t>华为Mate7只有MicroUSB接口，没有一HDMI接口，但是华为Mate7支持MHL功能同样可以连接显示器或者电视。</t>
  </si>
  <si>
    <t>华为MATE7-TL10移动联通版(Jazz-TL10)这款手机不支持MHL(HDMI)</t>
  </si>
  <si>
    <t>地暖用清洗吗</t>
  </si>
  <si>
    <t>地暖管别说使用五十年，即使一百年也没问题。但管内要走水这种介质。水里面含有钙、镁离子等物质，容易结垢。另一类是微生物，随着水温升高，絮状物增多并附在管壁上，形成生活粘泥。而且地暖盘管形状复杂，管路较长，一定时期就会形成管垢，甚至造成管路栓塞，进而影响散热效果，因此地暖管道需要清洗。</t>
  </si>
  <si>
    <t>地暖的清洗一般指的是水地暖，清洗的时间在供暖前、供暖中或供暖后皆可。</t>
  </si>
  <si>
    <t>地暖清洗有必要。</t>
  </si>
  <si>
    <t>地暖需用清洗地暖的。清洗主要是指对地暖管进行清洗，地暖管中由于长期有水流通过，水中存在大量的微生物，在一定的条件下这些微生物会产生大量的生物黏泥附着在地暖管内壁，时间久了就会对地暖的采暖效果产生影响。地热管需要定期清洗。</t>
  </si>
  <si>
    <t>现在地暖清洗的方法一般是三种：　1、化学药剂浸泡：优势——清洗彻底，可充分溶解附着在管壁上的粘泥，优质食品级原料制剂不会对地热管造成腐蚀;不足——绝大多数采用成本低廉的强酸制剂，容易对管路及相关构件造成腐蚀。　　2、射弹式清洗：优势——清洗较彻底，利用清洗弹与管壁间摩擦力清除附着在管壁上的粘泥，不损伤地热管道;不足——需拆卸地热管，地下管路有接头不宜施工，容易使清洗弹卡在管路内;同时，对原分水器、阀门等相关的部位易造成二次损坏。　　3、脉冲波物理清洗：优势——不需药剂、不拆卸地热管，清洗较彻底，由于其独特的清洗原理可同时清洗地热分水器主管路及阀门，避免长期结垢导致阀门堵塞;不足——施工受空间限制，某些家庭地热分水器安置于隐蔽处，且分水器两端靠墙壁距离过近时不易施工。</t>
  </si>
  <si>
    <t>拉卡拉替你还延期几天没事吧?</t>
  </si>
  <si>
    <t>拉卡拉不可以延期还款的，帐单到期未按时还清的，会产生滞纳金和利息的。＃＃可以</t>
  </si>
  <si>
    <t>暴饮暴食会导致胃癌吗</t>
  </si>
  <si>
    <t>日本科学家指出，吃得太饱会造成抑制细胞癌化因子的活动能力降低，增加患癌几率。</t>
  </si>
  <si>
    <t>很容易，如果有经常胃痛和腹泻，则要注意是否有幽门罗杆菌生成</t>
  </si>
  <si>
    <t>交替性暴食暴饿早期会形成胃溃疡，久了会形成胃癌。</t>
  </si>
  <si>
    <t>开心消消乐360帐号不能和qq帐号合并吗</t>
  </si>
  <si>
    <t>它们是不同运营商，所以不可以用同一帐号登录。相对来说360版本的玩家多，建议选择360版本的。</t>
  </si>
  <si>
    <t>不同的渠道的。官方设置的，所以自然就不能合在一起。</t>
  </si>
  <si>
    <t>有没有不用花钱的网页游戏</t>
  </si>
  <si>
    <t>网页游戏很多都不需要花钱，游戏内是否花钱主要看玩家个人意愿和发展，不花钱就需要投入更多的一些时间精力进行游戏。</t>
  </si>
  <si>
    <t>页游其实就是休闲的玩，完全可以免费玩，花钱也要理智。</t>
  </si>
  <si>
    <t>好多都是不花钱的啊</t>
  </si>
  <si>
    <t>好玩的网页游戏有很多，我介绍几款比较流行的给您：《神曲》《武易》《动漫英雄传》《真龙三国》，这只是大部分玩家喜欢的也要看您自己是否会喜欢，类型都是综合类的因为也不知道您喜欢什么类型，如果您喜欢可以查看下游戏介绍或者去试玩下这些游戏的。</t>
  </si>
  <si>
    <t>都可以不花钱</t>
  </si>
  <si>
    <t>陈芝麻能吃吗</t>
  </si>
  <si>
    <t>保存的好的话就可以，要是生虫子了就不要再吃了。</t>
  </si>
  <si>
    <t>食物之类的，几年了，最好还是不要吃的，</t>
  </si>
  <si>
    <t>如果变质不可以吃</t>
  </si>
  <si>
    <t>芝麻就是保存的再好，已经保存二十年了，时间太长了，就算没霉变，其营养也会大打折扣，有霉变，当然就更不能吃了。为了以防万一，吃了它对人体有啥伤害，建议，还是扔了吧。</t>
  </si>
  <si>
    <t>只要没坏都可以吃，但是一定要干净、</t>
  </si>
  <si>
    <t>豆类，人们长吃不过那么几种如黄豆 绿豆 红小豆 米葁豆 等，只要不发霉，三年之内都可吃。</t>
  </si>
  <si>
    <t>不能吃的，</t>
  </si>
  <si>
    <t>曲速飞行能实现么</t>
  </si>
  <si>
    <t>曲速引擎无法实现，因为区速引擎是需要负能量提供的，而我们现在获取负能量的方式比如说：因为正能量总是和负能量在一起，所以可以在在负能量刚进来的时候把它密封在一个盒子里，但是关盒子的能量又会产生一个正能量，这样子正能量又和负能量混合在一起了。</t>
  </si>
  <si>
    <t>N年前人类很确定不能在天上飞。N年前人类很肯定无法进入宇宙 N年前人类很肯定无法登上月球 现如今 哪个是人类做不到的？就算做不到也只是时间问题而已。人类可以发明出曲速 但需要需要复出代价。每一个生命诞生 必须有一个生命结束。现在科技发达了。空气嘎屁了。星星也挂了。</t>
  </si>
  <si>
    <t>曲速引擎还是很遥远的未来才能出现的科技产品</t>
  </si>
  <si>
    <t>澳洲黄金素好吗</t>
  </si>
  <si>
    <t>这是一款比较全面的孕期营养补充剂，不仅含有丰富的维生素和矿物质，每粒还含有150毫克的omega-3必需脂肪酸，</t>
  </si>
  <si>
    <t>印泥可以加水吗</t>
  </si>
  <si>
    <t>不需要加水的，加水了不好的。</t>
  </si>
  <si>
    <t>不用加水的，印泥是油，用用会好的，加水就坏了</t>
  </si>
  <si>
    <t>需要看印泥的成分。如果是书画用的印泥，可能是朱砂加上胶和水研磨调制的，可以少量加水研调。如果是那种油性的印泥，可以用蓖麻油等油类进行调制。</t>
  </si>
  <si>
    <t>不能加水，要加油。最好是蓖麻油，其他食用油也行。别加太多，慢慢试。海绵的那种不是印泥，而是油墨，如果干了，可以加煤油。</t>
  </si>
  <si>
    <t>印台干了是不可以加水的。</t>
  </si>
  <si>
    <t>绝对不可以，你需要去买印台专用的印泥</t>
  </si>
  <si>
    <t>可以，不要加他多 一点点就好。不加的话效果不如加一点税，因为不加水印章印出的字比较粗，容易连再一起。不好看，加点水字会显的细，不会连在一起的。。求菜奶</t>
  </si>
  <si>
    <t>参苓白术片和金匮肾气丸同时吃吗</t>
  </si>
  <si>
    <t>参苓白术丸和金匮肾气丸是可以一起用的。一般的情况往往是对于脾气虚、肾虚的情况有效的</t>
  </si>
  <si>
    <t>前者温补肾阳，后者益脾而除湿。因其功用不同，故临床上多不原药同服。</t>
  </si>
  <si>
    <t>最好不要，金匮肾气丸一定要有肾阳虚尿少色淡量少才用。</t>
  </si>
  <si>
    <t>能够</t>
  </si>
  <si>
    <t>傲风还更新吗</t>
  </si>
  <si>
    <t>正在修改中，“不是我不更，而是原来的砍掉了，现在换条思路重写，不看修改版等新章出来肯定是觉得莫名其妙接不上的，修改版本来就不要大家重复花钱，看下本条回复公告，改到哪里直接点进已订阅章节就能看到”，这是原话。</t>
  </si>
  <si>
    <t>亲，停更好多年了</t>
  </si>
  <si>
    <t>傲风会继续更新。</t>
  </si>
  <si>
    <t>更的，现在更新到第十一卷第十一章大乱之始【未完】</t>
  </si>
  <si>
    <t>不更新了，早就坑了</t>
  </si>
  <si>
    <t>等出书版的吧，网上不更了</t>
  </si>
  <si>
    <t>风行烈已经很久没更新，可能不更了</t>
  </si>
  <si>
    <t>一定会更的，因为他们签约了，如果违约的话烈大要赔违约费的</t>
  </si>
  <si>
    <t>巧克力囊肿 超声穿刺术容易复发吗</t>
  </si>
  <si>
    <t>一样的复发。</t>
  </si>
  <si>
    <t>穿刺完了之后很快就会又复发，像你这种情况建议采取吃西药停经的方法，看看能不能靠自身吸收掉</t>
  </si>
  <si>
    <t>淮北翰林学府能买吗</t>
  </si>
  <si>
    <t>公安专业属于法学类吗</t>
  </si>
  <si>
    <t>法学大类包括： 法学类、监所管理类、马克思主义理论类、 社会学类、民族宗教类、政治学类、公安学类等。</t>
  </si>
  <si>
    <t>当然属于，想在公安大学毕业必须经过司法考试，之后才能成为一名公安警察。</t>
  </si>
  <si>
    <t>法学和公安专业当然不一样。</t>
  </si>
  <si>
    <t>土方喜欢三叶吗</t>
  </si>
  <si>
    <t>动画里明确的土方说喜欢三叶。</t>
  </si>
  <si>
    <t>是真爱。所以才不想辜负，为了她更幸福而离开她。</t>
  </si>
  <si>
    <t>房地产销售好做么</t>
  </si>
  <si>
    <t>不好做啊。得一年，最后还得看人脉</t>
  </si>
  <si>
    <t>一般房产公司在入职后都会安排相应的培训，业绩的好坏有多种原因，比如所工作的城市房地产市场的好坏、以及你所在公司的营销推广手段等等等等。当然也有个人的原因。压力会有点大，但心态要好。个人认为做房产销售还是很锻炼人的。</t>
  </si>
  <si>
    <t>我个人认为做销售是最有前途的，可以增加自己的见识和人脉，没有天生就会当将军的士兵，凡事都是要经过磨练的</t>
  </si>
  <si>
    <t>我只想告诉你，要想做好业务，就要先把自己给推销给你的目标客户．你自己好好想想为什么和陌生人说话的勇气都没有？？？当你想通了这个问题，你就敢和陌生人说话了．至于做出业绩，那是靠经验和沟通技巧组成，并不是别人的安慰就能达成</t>
  </si>
  <si>
    <t>房产销售现在还行吧，只要你肯吃苦，就能赚点钱</t>
  </si>
  <si>
    <t>929666激活码是真的吗</t>
  </si>
  <si>
    <t>假的，我试了很多次了，</t>
  </si>
  <si>
    <t>给力啊，929666激活码免费获取</t>
  </si>
  <si>
    <t>有一些是真的收到了,有些好象收不到,不太清楚审核标准.＃＃还可以，赞一个</t>
  </si>
  <si>
    <t>装修过程剪力墙可以切掉吗</t>
  </si>
  <si>
    <t>可以拆，剪力墙是隔断强，不承重，关键是你要确定好是剪力墙</t>
  </si>
  <si>
    <t>剪力墙（框架-剪力墙）结构是由剪力墙（剪力墙与框架）组成的承受竖向和水平作用的结构；故不允许擅自拆除。</t>
  </si>
  <si>
    <t>不可以，剪力墙拆除会影响楼层的承重力的</t>
  </si>
  <si>
    <t>建筑相关专业上都知道剪力墙不能动的。</t>
  </si>
  <si>
    <t>电地暖好不好</t>
  </si>
  <si>
    <t>现在安装地暖的家庭越来越多，我首先来回答你地暖有没有辐射这个问题。地暖是在地板下面铺管道，通过热水循环流动调节温度，水本身没有辐射，集分水器是铜制品没辐射，管道的话既然国家允许生产出来，应该不会有辐射的，所以你放心使用。</t>
  </si>
  <si>
    <t>一平米一小时0.15度电,100平米一小时15度电。电地暖上面不能有覆盖,不然电缆或电热膜容易烧坏。</t>
  </si>
  <si>
    <t>港版iphone6电信能用吗</t>
  </si>
  <si>
    <t>港版iphone6不支持电信的3g，也就是cdma2000，其他基本一致。</t>
  </si>
  <si>
    <t>手机背面有相关型号</t>
  </si>
  <si>
    <t>支持电信的。港版iphone6全网通。网络制式为GSM／CDMA／WCDMA／TD－SCDMA／FDD／TDD－LTE。中国电信网络为CDMA／FDD／TDD－LTE。是可以完美兼容的</t>
  </si>
  <si>
    <t>iPhone6港版不支持CDMA制式，在国内用不了中国电信的。</t>
  </si>
  <si>
    <t>港版iphone6手机不能用电信卡。</t>
  </si>
  <si>
    <t>真有过目不忘的人吗</t>
  </si>
  <si>
    <t>唯一有记录过目不忘的人，好像是个外国人。</t>
  </si>
  <si>
    <t>有的，我们以前的老板的兄弟，几乎过目不忘，还有听说的，国外的，一本书看一遍能正着反着背下来！</t>
  </si>
  <si>
    <t>有啊！有的是与生具来的本领，有的是在成长过程中养成的一种能力！还有的就是后天经过训练！</t>
  </si>
  <si>
    <t>其实所有人都有这个能力的，只是范围领域不同，能力大小的区分</t>
  </si>
  <si>
    <t>每个人都是过目不忘的，只不过是信息的提取能力不一样，所以催眠才能把平时忽略的细节让你重新想起来</t>
  </si>
  <si>
    <t>用飞机杯一定要戴套吗</t>
  </si>
  <si>
    <t>不用的，感觉最重要，带了套，没了那种感觉，晾晾就好了，或隔几天，用酒精消消毒就好了</t>
  </si>
  <si>
    <t>最好要带套子，这样的话可以最大程度上保持卫生，如果不带套子，再加上长期使用，清洗不彻底等，很有可能会造成龟头炎，尿路感染等诸多疾病。</t>
  </si>
  <si>
    <t>这个没有硬性的规定！想带套就带套,不想带套就不要带套,如果怕不卫生就带,如果不够润滑就带,如果飞机杯太硬就带.</t>
  </si>
  <si>
    <t>京东可以网银支付吗</t>
  </si>
  <si>
    <t>有网银就可以了</t>
  </si>
  <si>
    <t>可以的！！现在很多网上商铺都是支持很多方式支付； 最快捷的还是网银和支付宝。</t>
  </si>
  <si>
    <t>可以，也可以货到付款</t>
  </si>
  <si>
    <t>屏幕分辨率高好还是低好</t>
  </si>
  <si>
    <t>分辨率越高图像就越清晰细腻，显示效果也就越好，一般来说只要调节为显示器的最佳分辨率就可以了。</t>
  </si>
  <si>
    <t>ipad air和ipad5一样吗</t>
  </si>
  <si>
    <t>ipadair大小和ipad5是一款产品。</t>
  </si>
  <si>
    <t>iPad air 跟iPad5是一样的。</t>
  </si>
  <si>
    <t>是的，官方没有iPad5这个叫法，只是国人按顺序给排了个5，air2排了个6</t>
  </si>
  <si>
    <t>新的配置更好，体验更好，进行了很多升级，苹果过时的产品不建议购买</t>
  </si>
  <si>
    <t>是的，iPad5（即iPad Air）和iPad Air2的屏幕大小一样</t>
  </si>
  <si>
    <t>ipad5就是Air，苹果平板电脑只有两个尺寸 一个7.9 一个9.7</t>
  </si>
  <si>
    <t>ipad5和ipad air是同一个ipad，只是不同的叫法。和ipad mini不是同一个ipad。</t>
  </si>
  <si>
    <t>bec考试可以直接考中级吗</t>
  </si>
  <si>
    <t>可以，BEC考试不要求每一级都考</t>
  </si>
  <si>
    <t>可以，BEC考试不要求每一级都考，初中级没考也可以直接考高级</t>
  </si>
  <si>
    <t>商务英语BEC不考初级可以直接考中级。</t>
  </si>
  <si>
    <t>可以直接考中级</t>
  </si>
  <si>
    <t>银行卡消磁了 能补卡吗 使用原来的卡号</t>
  </si>
  <si>
    <t>一般要变的。银行卡挂失后补办则分两种情况：1.重开新号 2. 沿用旧号。1. 用新号。如果弃用原来的卡号，直接办一张新卡，卡号会发生变化，当然，旧卡里的钱会转到新卡里面。这种换卡号的补办一般马上就可以办理，也就是说，跑一趟银行就可以把挂失补办都搞定。2. 用旧号。如果要求补办新卡但卡号不变，则需要等待7个工作日。补办新卡之前必须先挂失，7天后解挂，解挂后方可补办。也就是说，如果卡丢了想补办，但又想保留原有的卡号，则需要在挂失过去7个工作日之后，再跑一趟银行。</t>
  </si>
  <si>
    <t>消磁了不需要换卡，凭密码到柜台叫工作人员重新写磁就可以了。把卡在机子上刷一下就好了。</t>
  </si>
  <si>
    <t>如果消磁了，更换的新卡是另外一个新号，不是原来的号了。</t>
  </si>
  <si>
    <t>好像可以加磁的，但是办一样的卡号是不可能的了</t>
  </si>
  <si>
    <t>不可以吧 你需要重新办一个 然后在通过转账转到新卡去</t>
  </si>
  <si>
    <t>可以的，去银行换卡大概一星期左右才能下卡， 卡号和原来的这张一样。（本人换过）</t>
  </si>
  <si>
    <t>龙羊配吗</t>
  </si>
  <si>
    <t>龙：羊 男龙＋女羊：虽然配对不利于你的事业，但感情上却十分融洽。女龙＋男羊：绝不能生活在一起，因他不懂得如何赞赏你。男羊＋女龙：婚爱难以投契，你满足不了他的虚荣心，而导致烦恼产生。女羊＋男龙：你喜欢他却不能帮助他，对他的事业并无损害。</t>
  </si>
  <si>
    <t>龙+羊　　你们是彼此缺乏吸引力的一对。两个人性情迥异又互不相让，若想融洽地相处，双方必须付出艰巨的努力。　　龙先生精明果断、骁勇善战，独立自主而富于冒险精神。羊太太精通家事，多情脆弱，非常相信自己的直觉，羊太太需要频繁而持久的抚慰，龙先生虽然也许会出于行侠丈义而去帮助一位不幸的妇女，但他会发现要表示羊太太所渴望的那种同情和耐心是十分困难的。保持适可而止的态度对双方都非常重要。 羊+龙　　你们是需要经过较长时间的磨合与准备才能够真正适应婚姻生活的一对。　　羊先生温文尔雅、好奇心强，喜欢探索光怪陆离的奇妙空间。龙太太充满活力，富于野心，是魅力十足的神秘女性。羊先生迷恋龙太太迷人的风姿，龙太太则爱慕羊先生的坦率与善良。但是，羊先生的作风太过保守，常常不能满足龙太太的冒险欲望；龙太太的前卫与急噪也会使羊先生感觉困扰，似乎总是跟不上龙太太变换的节奏。</t>
  </si>
  <si>
    <t>龙羊只是一般相配，是不相冲，也是不相合的,是中等婚配。是可以的</t>
  </si>
  <si>
    <t>糖尿病人可以吃石榴吗</t>
  </si>
  <si>
    <t>可以吃，但是要注意量</t>
  </si>
  <si>
    <t>可以吃 ,</t>
  </si>
  <si>
    <t>少用可以</t>
  </si>
  <si>
    <t>糖尿病患者可以吃石榴. 含糖份不多,糖尿病患者可以吃,但也要适当的吃,不要吃太多.</t>
  </si>
  <si>
    <t>糖尿病人是可以吃石榴的</t>
  </si>
  <si>
    <t>能，且有益 石榴具降低血糖药效，有助预防糖尿病。</t>
  </si>
  <si>
    <t>成人无人售卖机赚钱吗</t>
  </si>
  <si>
    <t>日润客观</t>
  </si>
  <si>
    <t>货物的选择也至关重要。选一些销量好，价格低质量好的，回头客会多</t>
  </si>
  <si>
    <t>无论哪个行业都有赚钱和不赚钱的，点位得当悉心运营，基本没有不赚钱的，一般回本在6~12个月之间，视无人售货机店大小、规模、点位等其他因素决定</t>
  </si>
  <si>
    <t>这个要看生意好不好啦。</t>
  </si>
  <si>
    <t>长城宽带稳定吗</t>
  </si>
  <si>
    <t>千万别用长城，刚安的时候网正常，半年后网页刷新多次才能打开，游戏真心卡死。</t>
  </si>
  <si>
    <t>长宽属于共享上网。这就意味着用的人越多。就会越卡。</t>
  </si>
  <si>
    <t>不稳定，长城宽带其实就把你的楼的其中的一个100M的宽带用猫分出N条线，给一栋楼用甚至两栋楼用因此极其不稳定，公司有总电脑控制，他们想让你网速多慢就能多慢，如果他们的电脑出问题了你还可能无法上网.</t>
  </si>
  <si>
    <t>藏海花第二部完结了吗</t>
  </si>
  <si>
    <t>藏海花第二卷尚未出完</t>
  </si>
  <si>
    <t>没写完的就彻底停掉了</t>
  </si>
  <si>
    <t>假烟二维码能扫出来吗</t>
  </si>
  <si>
    <t>不能。二维码只能刷出价格二维码。也可以伪造</t>
  </si>
  <si>
    <t>真假烟的二维码都是一样的，分别不出来，如果连二维码都做不到，那假烟商吃什么</t>
  </si>
  <si>
    <t>不能；正规的才可以</t>
  </si>
  <si>
    <t>这个要看烟厂是不是利用二维码做防伪了，如果不用二维码做防伪，你就是扫描出来也没有用。</t>
  </si>
  <si>
    <t>假的扫不出来，能扫出来就是真的</t>
  </si>
  <si>
    <t>假的也能扫出来</t>
  </si>
  <si>
    <t>比尔吉沃特人多吗</t>
  </si>
  <si>
    <t>人肯定很多</t>
  </si>
  <si>
    <t>多有好多时候要排队</t>
  </si>
  <si>
    <t>那个区人都多</t>
  </si>
  <si>
    <t>俄罗斯巧克力好吗</t>
  </si>
  <si>
    <t>挺好啊，就是黑巧克力比较苦总之，俄罗斯巧克力都比较偏浓，不如西欧国家巧克力口感细腻</t>
  </si>
  <si>
    <t>如果是真的，还不错了。</t>
  </si>
  <si>
    <t>质量很好价格也实惠</t>
  </si>
  <si>
    <t>比国产的苦，因为国人更喜欢吃甜点的</t>
  </si>
  <si>
    <t>售本市的车能上外地牌么</t>
  </si>
  <si>
    <t>可以啊！只要不上高架就行。</t>
  </si>
  <si>
    <t>有的车是受地方区域保护的，有的能落有的不能落</t>
  </si>
  <si>
    <t>可以在异地上牌。</t>
  </si>
  <si>
    <t>阿姆斯特丹治安好吗</t>
  </si>
  <si>
    <t>荷兰是世界上犯罪率较高的国家之一，阿姆斯特丹、鹿特丹等大城市尤为严重。</t>
  </si>
  <si>
    <t>不怎么好，还有反恐</t>
  </si>
  <si>
    <t>兰是目前唯一毒品有条件合法化的国家，所谓有条件指的是对硬性、烈性的毒品严禁公开交易，但对软性的大麻特别放松管制，包括阿姆斯特丹、鹿特丹、海牙三大城市，合法吸食大麻的咖啡厅林立，光是阿姆斯特丹就有两百多家，一般荷兰人认为吸食大麻这类的软性毒品并没有酗酒来得严重。吸不吸食在于你自己</t>
  </si>
  <si>
    <t>阿姆斯特丹是一个人口约为82万的都市，以吸食大麻为合法而广为人知。但是，因为阿姆斯特丹有着极棒的基础设计，所以也同时入选了世界上治安最良好的国家之一。它基础设施的品质排在世界第4位。被高收入者和中产阶级所支撑的这个城市，普及了自行车的文化。因此，汽车事故减少，因交通拥堵而造成的排气也成功的减少了。并且，阿姆斯特丹的个人安全水平排在第10位。</t>
  </si>
  <si>
    <t>廖劲锋是混血得吗</t>
  </si>
  <si>
    <t>不是混血，他是贵阳的</t>
  </si>
  <si>
    <t>就是个假混血</t>
  </si>
  <si>
    <t>不是混血，就是整容的。</t>
  </si>
  <si>
    <t>他不是混血</t>
  </si>
  <si>
    <t>猪和蛇配不配</t>
  </si>
  <si>
    <t xml:space="preserve"> 属猪男生和属蛇女相配 你们是需要学会相互发掘闪光点，并且彼此珍惜的一对。否则你们的婚姻将难以走向成功，两个人都不能从家庭中获得幸福。</t>
  </si>
  <si>
    <t>生肖蛇+生肖猪=相克</t>
  </si>
  <si>
    <t>蛇会把猪咬死的</t>
  </si>
  <si>
    <t>两个人的性格既没有共同之处，又无法相互弥补。</t>
  </si>
  <si>
    <t>可笑..就算所有人说不可配..那有什么用..在一起生活的会是你们而不是别人..如果你真的因为这么可笑的理由而分开了 你会后悔的...那也就能说明你们的爱情不堪一击＃＃只要真心相爱 管命相干嘛，难道那些有病的或早亡的都是命相不好来的，那贾宝玉和宝钗命相还好那，宝玉不一样出家吗，国外没有属相一说的，结婚的该爱的不是一样爱 该离的 谁拦得了？不过 我倒是听过民间有一说 供你参考：金鸡怕玉犬，白马怕青牛 蛇虎一刀错，羊鼠一旦修。看看 没有你们的蛇猪相克吧 ，好了 对家人说 只要和喜欢的人在一起 即使是呆上一天 也快乐 ，此生足矣；和不喜欢的呆在一起一辈子又怎样， 我会幸福吗 ？ 最后祝愿你幸福。</t>
  </si>
  <si>
    <t>从周易相生相克学上来说 十二生肖中的猪和蛇相冲 但年命相和就没事了 比如你属猪的年命是土命而属蛇的年命是水命就克的厉害些了 仅供参考</t>
  </si>
  <si>
    <t>不配</t>
  </si>
  <si>
    <t>需要配合八字，不会直接有答案的，太武断，因为同一个属相的太多，就像星座一样只是盖论，具体需要双方生辰八字</t>
  </si>
  <si>
    <t>你俩真心相爱跟属相什么关系！</t>
  </si>
  <si>
    <t>美团可以用蚂蚁花呗吗</t>
  </si>
  <si>
    <t>美团可以用花呗支付的.</t>
  </si>
  <si>
    <t>可以使用的.</t>
  </si>
  <si>
    <t>不可以，只有支付宝才可以</t>
  </si>
  <si>
    <t>可以使用，但是能使用的账户不多，第三方现在被风控的非常严。</t>
  </si>
  <si>
    <t>可以用的啊，只要你的花呗有额度</t>
  </si>
  <si>
    <t>剑灵花钱吗2015</t>
  </si>
  <si>
    <t>如果玩PVE和野战的话，那就必须得花钱</t>
  </si>
  <si>
    <t>还好吧，要看你想不想花钱买装备</t>
  </si>
  <si>
    <t>剑灵这游戏，烧不烧钱看你，急着升武器装备就烧钱，不急着就慢慢攒材料没钱也是可以玩下去的</t>
  </si>
  <si>
    <t>一般的玩家不需要花钱，自己做副本做任务足够用了，还可以攒点钱买个衣服什么的，有的网络平台还可以寄售游戏币现在剑灵金币价大概一金0.6-0.7元，做一些每日任务可以挣50多金币，大概要两三个小时左右。</t>
  </si>
  <si>
    <t>前期不用，不排除你自己要花钱，后期各种升级就要花。</t>
  </si>
  <si>
    <t>喝酒长胖吗</t>
  </si>
  <si>
    <t>经常喝酒的人的确容易发胖，但酒精本身不会导致发胖。</t>
  </si>
  <si>
    <t>那要看喝的是什么酒，如果啤酒的话就容易发胖，白酒不明显。</t>
  </si>
  <si>
    <t>喝酒多了容易长胖。</t>
  </si>
  <si>
    <t>啤酒和食物同时入肚的话，胃会选择先消化啤酒，食物存起，但还是会消化，也就是说会发胖。但是啤酒营养丰富，少喝有益健康。建议喝红酒。</t>
  </si>
  <si>
    <t>喝啤酒真的容易胖，我就一例子。</t>
  </si>
  <si>
    <t>晚上喝酒容易使人肥胖，因为1克酒精可产生7卡的热量。</t>
  </si>
  <si>
    <t>泰国四面佛真的很灵验吗</t>
  </si>
  <si>
    <t>好多人说泰国曼谷市中心的那尊四面佛是极其灵验的，基本上是有求必应。</t>
  </si>
  <si>
    <t>四面佛灵验是假，只是曼谷市中心那尊四面佛聚集了无数人的磁场能量而产生了神奇的积极的磁场共振，可能会给人带来好气场和好运。</t>
  </si>
  <si>
    <t>许愿不要许的太没边，基本能成。许愿记得还愿。</t>
  </si>
  <si>
    <t>四面佛很灵验</t>
  </si>
  <si>
    <t>我去过大概4次吧，我觉得还是挺灵验的。</t>
  </si>
  <si>
    <t>网警会进qq群吗</t>
  </si>
  <si>
    <t>网警管理的是聊天室、直播以及被多次举报等，这些不在网警管理范围之内，不用担心。如果被封号可以反馈，这是个人隐私，网警没有权利管理。</t>
  </si>
  <si>
    <t>多半是假的</t>
  </si>
  <si>
    <t>惊爆游戏完结了吗</t>
  </si>
  <si>
    <t>没有完结，现在漫画还在更新，要出动漫的话估计还要登上几年，你可以下个漫画岛来看惊爆游戏的漫画～</t>
  </si>
  <si>
    <t>漫画还在连载呢，想知道结局去问作者吧</t>
  </si>
  <si>
    <t>大结局男主角通过护士手术手段解掉手里的雷达，然后让女主走人。自己则留下来继续与组织周旋。然后第二季！</t>
  </si>
  <si>
    <t>动漫结局的意思是留了个悬念，准备做第二季的意思。但是因为一些原因，第二季遥遥无期。还有就是《惊爆游戏》是疯房子公司做的，出了名的不做第二季</t>
  </si>
  <si>
    <t>完结了</t>
  </si>
  <si>
    <t>qq允许任何人加好友可以直接是好友吗</t>
  </si>
  <si>
    <t>是的，添加之后你们直接是好友关系的</t>
  </si>
  <si>
    <t>直接加好友，就是别人的好友列表中有你，你的列表中不一定有别人，这个是单向好友的，可以直接加好友</t>
  </si>
  <si>
    <t>QQ允许任何人加为好友就是别人只要加你 就可以加上了 须要验证的 得经过你的同意才可以加你为好友</t>
  </si>
  <si>
    <t>黄山门票可以二次进山吗</t>
  </si>
  <si>
    <t>黄山有二次进山政策。</t>
  </si>
  <si>
    <t>黄山门票买了进门以后，在黄山山上玩多久都可以，如果进去玩过出来了，再进去就得重新购买门票。当然，黄山门票也可以签二次进山的，就是你在购买黄山门票之后，找票房经理签字，留下姓名、身份证号，签个二次进山的单子，第二天可以再次从其他门票口进入黄山。</t>
  </si>
  <si>
    <t>如果想要二次进山，可以在售票处盖章，一般就是当天有效。黄山不建议二次进山，因为你要重复付景区交通费用和索道费用。</t>
  </si>
  <si>
    <t>您好！黄山门票可以二次进山的，你在购票时找票房经理说下，签个字，当天下山后第二天就可以再次进山了。</t>
  </si>
  <si>
    <t>是的，可以住山上呀，有便宜的标准的 只要出了剪票门就不可以再使用了，票是一次性的。玩时直接买票进去不就行了。 可以在买票时办理二</t>
  </si>
  <si>
    <t>黄山门票有二次进山政策，在当天购买门票下山时在门票房携带身份证及当日门票在房票房办理二次进山通知书，办好二次进山通知书后第二天携带通知书和身份证从慈光阁（前山）或云谷寺（后山）检票口再次进山，不过，景区交通和缆车必须重复购买。</t>
  </si>
  <si>
    <t>凤凰是朱雀吗</t>
  </si>
  <si>
    <t>凤凰是百鸟之王朱雀是百鸟之神</t>
  </si>
  <si>
    <t>朱雀，亦称“朱鸟”，形体似凤凰，古代神话中的南方之神。因其形似鸟状，位在南方，火属性，所以在游戏中经常以凤凰的形状出现。但其实朱雀和凤凰是两种不同的生物，凤凰是百鸟之王，而朱雀却是天之灵兽，比凤凰更稀有尊贵，破坏力也更强。</t>
  </si>
  <si>
    <t>朱雀，亦称“朱鸟”，形体似凤凰，古代神话中的南方之神。</t>
  </si>
  <si>
    <t>朱雀就是凤凰,凤凰就是朱雀。</t>
  </si>
  <si>
    <t>其实朱雀和凤凰是两种不同的生物，凤凰是百鸟之王，而朱雀却是天之灵兽，比凤凰更稀有尊贵，破坏力也更强。</t>
  </si>
  <si>
    <t>北京买房带户口吗</t>
  </si>
  <si>
    <t>北京买房和能不能转北京户口基本上没什么关系</t>
  </si>
  <si>
    <t>符合条件就可以。根据《北京市郊区小城镇建设试点城镇户籍管理试行办法》的规定，在北京买房办户口，有三个条件:1.必须是在试点城镇有合法固定住所和稳定生活来源的外地人员；2.得在试点城镇进行一定比例的投资；3.受聘于试点城镇企事业单位有突出贡献的具有专业职称的科技、教育、管理等人才。“并不是简单地只要买房就能办户口。”外地人士看到“买房办北京户口”的广告承诺，一定要谨慎，应先到北京市公安局的户籍管理部门咨询有关事宜，不要轻信各种承诺，以免上当受骗。</t>
  </si>
  <si>
    <t>可以，办理买房落户就可以。</t>
  </si>
  <si>
    <t>不用，身份证就可以</t>
  </si>
  <si>
    <t>同房之后想要孩子是不能起床吗</t>
  </si>
  <si>
    <t>要是想怀孕一般是需要在同房好2-3小时内不可以起床的，不然局部的精子可能会流出而影响怀孕的。</t>
  </si>
  <si>
    <t>这个起来是没关系的，不用事后保持什么姿势，次数不用太多，会影响精子数量，你们可以采用分段射精法，百度一下很简单的，可以提高受孕率。</t>
  </si>
  <si>
    <t>想要宝宝同房后要仰卧半小时后才能起床 。</t>
  </si>
  <si>
    <t>如果说你同房后已经平卧了两个小时，那么这个时间是足够的，如果有精子进入到子宫内了，那么肯定是可以导致怀孕的，如果说没有精子进入到子宫内，那么你躺的时间再长，也不可能导致怀孕的</t>
  </si>
  <si>
    <t>汪东城是不是整容了</t>
  </si>
  <si>
    <t>整了</t>
  </si>
  <si>
    <t>应该没有吧， 汪东城的妈妈好像也不会让汪东城整。</t>
  </si>
  <si>
    <t>大东没有整容，大东小时候就长的漂亮，楼主，你可以去看看东小时候的照片，很可爱的，我是个东粉。所以，对大东还是蛮了解的！</t>
  </si>
  <si>
    <t>没有，进演艺圈保养得好，他连耳洞都不穿呢。他本人一直都很帅啊。</t>
  </si>
  <si>
    <t>你可以自己对比看看，大东只是头型有所改变，而脸型什么的都没变！！！所以，网上说什么大东整容的全是假的！他们就是嫉妒大东才那么说的！你若是东东海，就请你相信大东，就算大东有一天真的整容了，那我们也要支持他，因为，就算大东整容，他肯定也是为我们东东海而整容的！！！！！</t>
  </si>
  <si>
    <t>三角牌电饭煲好不好</t>
  </si>
  <si>
    <t>不错，但外面生产的厂家有很多，最正宗的是广东银港科技生产的</t>
  </si>
  <si>
    <t>老牌子，便宜又耐用。</t>
  </si>
  <si>
    <t>确实是老牌子了，但是现在的产品质量不如以前哦！</t>
  </si>
  <si>
    <t>一般吧，三角做的产品感觉偏低端了，价格低，功能少。</t>
  </si>
  <si>
    <t>三角牌的电饭锅是老牌子了，质量不错，和半球牌是同个时期的。</t>
  </si>
  <si>
    <t>牌子好不好 用过才知道</t>
  </si>
  <si>
    <t>如果你也听说难唱吗</t>
  </si>
  <si>
    <t>我觉得要唱好歌先要把气息练好，后边的都好说。先模仿吧，气息练得平稳些，应该就问题了。</t>
  </si>
  <si>
    <t>有房贷的房子能贷款吗</t>
  </si>
  <si>
    <t>可以，办理二次抵押贷款所需证件 主要依据各地区建委的具体要求，通常仅需要申请人的房产证（房地产权证或房屋所有权证、土地使用权证或购房合同和发票）、身份证明文件（居民身份证、军官证等）。根据用款时间以及各区县办理他项权利证的时间，一般情况下，领取他项权利证当天即可放款。</t>
  </si>
  <si>
    <t>这样的房子是不能贷款的，抵押过一次就不能第二次。</t>
  </si>
  <si>
    <t>有贷款的房子也可以办理按揭房二次抵押贷款，个人按揭二次贷款业务是对房子进行重新评估后的升值贷款业务。</t>
  </si>
  <si>
    <t>借款人在房贷期内有按时足额偿还贷款本息，且个人信用记录良好，是可以再办理贷款的。</t>
  </si>
  <si>
    <t>如果你还存在着负债比的话，一般是很难再次申请贷款的，除非你把款还清楚了。如果你个人的条件比较优质的话，可能为放宽条件的。</t>
  </si>
  <si>
    <t>还在按揭中的房子目前有多间银行是可以再抵押贷款的。</t>
  </si>
  <si>
    <t>你现在按揭还完没有，如果还完了，可以贷，如果按揭还没还完当然就不可以。</t>
  </si>
  <si>
    <t>隔夜粥能吃吗</t>
  </si>
  <si>
    <t>可以吃，一般情况下，为了第二天不用起早床,一般在晚上熬好了放着不动,第二天早上热一下就可以了</t>
  </si>
  <si>
    <t>没坏就能吃。</t>
  </si>
  <si>
    <t>一般过夜的东西最好别吃，里面有致癌物质。</t>
  </si>
  <si>
    <t>可以是可以，但变质了就不可以了！！</t>
  </si>
  <si>
    <t>如果是夏天，过夜不可以喝了。如果是冬天，煮好后没有喝过，过夜可以喝，如果喝过，过夜不可以喝了。</t>
  </si>
  <si>
    <t>只是过夜了之后,小米粥就凝固了,热起来吃就没有刚做好的时候口感好了,但是营养成分是一样的,不影响营养的吸收,但是最好还是能够吃刚做好的小米粥为好。</t>
  </si>
  <si>
    <t>没有变质，加热后食用。今后尽量吃现烧再煮的粥吧</t>
  </si>
  <si>
    <t>杭州能成为一线城市吗</t>
  </si>
  <si>
    <t>已经是板上钉钉的事情了，杭州现在各种扩张，已经并了很多地区进来，现在就差面积、人口这些指数，其他经济、影响力什么的，已经差不多了，再运动会举办下。一线妥妥了</t>
  </si>
  <si>
    <t>杭州城市太小，人口也不多，还早呢</t>
  </si>
  <si>
    <t>当然是的</t>
  </si>
  <si>
    <t>ipad能升级ios8吗</t>
  </si>
  <si>
    <t>可以升级。</t>
  </si>
  <si>
    <t>ipad更新IOS8系统，方法与iPhone升级一样。</t>
  </si>
  <si>
    <t>不能了，目前只能升级iOS 9.3.4或者iOS9.3.5，因为低于iOS 9.3.4的所有固件版本都关闭验</t>
  </si>
  <si>
    <t>pad air可以升级ios8系统，但是很多人都是ios8系统不好，所以建议你别升级系统了。升级就不能降级的了。</t>
  </si>
  <si>
    <t>lolfps200多正常吗</t>
  </si>
  <si>
    <t>FPS越高越好。ping越低越好。FPS200玩联盟是不会卡的。放心玩吧</t>
  </si>
  <si>
    <t>fps是流畅性当然越高越好#fps200是神机的标志</t>
  </si>
  <si>
    <t>别担心 fps表示的是你的画面的连接速度  FPS越高是越好的  一般七八十就很不错了   你的这个很不错的</t>
  </si>
  <si>
    <t>PS跟网速没关机，FPS稳定60最好，100-200也没什么事。画面流畅就OK。</t>
  </si>
  <si>
    <t>fps表示帧数 一般电脑达到60fps 画面就不会卡顿。感觉很流畅.FPS 值越大，表示你的显卡足够胜任此游戏的画面渲染。</t>
  </si>
  <si>
    <t>游戏的FPS越高越好。</t>
  </si>
  <si>
    <t>大人打呼噜对宝宝有影响吗</t>
  </si>
  <si>
    <t>是有影响的，需要你早期到医院给予检查。</t>
  </si>
  <si>
    <t>不会有影响的，大人打呼噜是呼吸道出现疾病的正常现像。跟宝宝完全没有关系，只是怕声音太大，吵到宝宝睡不好觉。</t>
  </si>
  <si>
    <t>声音不大，是不会影响宝宝的。</t>
  </si>
  <si>
    <t>打呼噜是不会影响孩子睡觉的，只要孩子能正常的入睡就可以了.</t>
  </si>
  <si>
    <t>那要看孩子睡的好不好了，要是熟睡应该没什么，要是睡得浅，易醒就不好了。其实孩子这么小，一切属于噪声的声音对孩子的听力都是有影响的，只是我们感觉不出来，但时间长了，孩子听力会减弱的。这是我在育儿书上看到的。</t>
  </si>
  <si>
    <t>一般不会的因为那时候宝宝已经熟睡了，根本听不见打呼噜的</t>
  </si>
  <si>
    <t>家长被刑拘对孩子以后参军,考公务员有影响吗</t>
  </si>
  <si>
    <t>1、如果父母一方因故意犯罪被判处刑罚，则子女考公务员、事业单位和当兵、入党等都可能受到影响。2、即可以报名，但是政审时可能通不过（政审的要求与报考的岗位性质有关，比如公安岗位、参军、入党等政审的要求比较严格）。</t>
  </si>
  <si>
    <t>父母被拘留过是不会影响公务员考试的，政审也不会因此被刷，更不会影响以后发展。一般只有公检法以及某些特殊单位有要求，比如国安局，或者某些单位的政治部门，会要求很严格，直系亲属（配偶、父母、子女）不得有犯罪记录，否则不予录用。</t>
  </si>
  <si>
    <t>当兵肯定不行了</t>
  </si>
  <si>
    <t>有影响,会查你家族的档案</t>
  </si>
  <si>
    <t>父亲有行政拘留不会影响子女参军。</t>
  </si>
  <si>
    <t>行政拘留一般不会影响，当然如果拘留的原因是吸毒、参加邪教或政治敏感原因，可能也会影响的。＃＃现在不影响了，因为现在部队不好招人了</t>
  </si>
  <si>
    <t>手术后可以喝乌鸡汤吗</t>
  </si>
  <si>
    <t>可以的，因为术后的身体还是比较虚的，所以应该吃一些滋补的东西的。另外喝乌鸡汤可以更好的促进伤口愈合。同时多吃些鱼类、肉类、蛋类、豆类制品蛋白质丰富的食品和富含维生素的新鲜蔬菜，以加快身体的康复。</t>
  </si>
  <si>
    <t>要具体看是做的什么手术了，乌鸡汤温中健脾，补益气血。适应血气暴亏而引起的身体虚弱、食欲减退、喜暖嗜卧、动则气促，尤其是妇女痛经、崩漏不止、产后血虚等症状。乌鸡是药食同源的保健佳品，食用乌鸡可以提高生理机能、延缓衰老、强筋健骨。对防治骨质疏松、佝偻病、妇女缺铁性贫血症等有明显功效，对治疗女性体弱不孕、月经不调、习惯性流产、赤白带下及产后虚弱等症均有疗效，并可用于肺结核、冠心病、胃溃疡、神经衰弱、小儿佝偻等症的辅助治疗。</t>
  </si>
  <si>
    <t>手术之后是可以喝鸡汤的,但是最好清淡为好,不要太浓,饮食不要吃辛辣带发的食物,规律的休息时间,在午夜23点之前是需要睡觉的</t>
  </si>
  <si>
    <t>完全可以的你没看到那些住院的病人家属都是炖鸡汤给他们补身体的</t>
  </si>
  <si>
    <t>创酷变速箱是进口的吗</t>
  </si>
  <si>
    <t>是山东烟台东岳生产的</t>
  </si>
  <si>
    <t>雪佛兰创酷的手动变速箱，原产地是欧洲，现在是国内生产，自动的也是国内生产。</t>
  </si>
  <si>
    <t>6速手动一直都是进口货，通用的6速，国内貌似还没开始生产呢。</t>
  </si>
  <si>
    <t>上海通用汽车透露，创酷TRAX将搭载1.4L涡轮增压发动机，配合全新一代6速手自一体和6速手动变速箱，百公里综合油耗低至6.9L，实现了澎湃动力和高效环保之间的完美平衡。</t>
  </si>
  <si>
    <t>婴儿头垢需要去掉吗</t>
  </si>
  <si>
    <t>不要除去，长大点了洗澡自然就掉了。</t>
  </si>
  <si>
    <t>bios有必要升级吗</t>
  </si>
  <si>
    <t>如果电脑运行正常，主板没有任何问题，没有必要进行bios升级。如果主板出现故障，经检查为bios问题，才有升级的必要。</t>
  </si>
  <si>
    <t>你现在电脑如果一切运行正常，那么最好不要升级BIOS，升级主板BIOS有一定风险。</t>
  </si>
  <si>
    <t>一般情况不用更新是可以正常使用的，</t>
  </si>
  <si>
    <t>可以升级,改善主板对硬件兼容性,对新的硬件识别能力加强 有时候BIOS太新,新的驱动没跟上的话,反而需要把BIOS刷低了才能用. 还有千万注意BIOS升级如果断电会造成主板报废 所以不是专业人事尽量不要拿来冒险</t>
  </si>
  <si>
    <t>一般情况下不要升级，因为BIOS是电脑最底层的输入输出软件，一旦弄坏了不好修。</t>
  </si>
  <si>
    <t>如果使用正常，就不用升级的，因为升级bios并不会提升性能，除非出问题，并且更新 bios说了能解决所遇到的问题，才升级</t>
  </si>
  <si>
    <t>有必要更新的。</t>
  </si>
  <si>
    <t>如果使用的好好的话，那么就没有必要每一次都要追求BIOS 的最新。其实所谓的更新，就像我们所有人都有缺点一样，十全十美的人是不可能存在的。操作系统、以及机器的硬件设备等也像人一样，肯定会有各种各样的BUG（缺点），即使要更新的话，那么也是永远更新不完的。</t>
  </si>
  <si>
    <t>练习瑜伽减肥吗</t>
  </si>
  <si>
    <t>瑜伽减肥是个不错的选择，不易反弹且有助于健康，坚持一段时间后你会发现不仅瘦了身上的一些小毛病譬如腰酸腿痛颈椎疼也都会减轻或消失，而且瑜伽减肥不易产生肌肉，是身体更加协调匀称，是减肥首选方法。</t>
  </si>
  <si>
    <t>高温瑜珈具有快速减肥的功能，但高温瑜珈要求练习者在38至40摄氏度的室温下运动，通过大量的发汗达到减肥效果</t>
  </si>
  <si>
    <t>练瑜伽可以减肥，这是一个误区。瑜伽本身就是一项需要肌肉力量来进行的运动，它是达不到减肥的效果的。</t>
  </si>
  <si>
    <t>对于减肥来说，瑜伽有效果，但是还没有起到说练习瑜伽有立竿见影的减肥作用。需要长期的坚持，才会有减肥的效果出现。</t>
  </si>
  <si>
    <t>能减肥</t>
  </si>
  <si>
    <t>一天当中练瑜伽最有利于减肥的时间段：＃＃ 瑜伽减肥是一种办法，不过如果结合上其他的小办法会更好哦，＃＃高温瑜伽是可以减肥的。</t>
  </si>
  <si>
    <t>人工流产可以报销吗</t>
  </si>
  <si>
    <t>有生育保险的话，是可以报的。</t>
  </si>
  <si>
    <t>人工流产可以报销费用，但需连续缴纳医保6个月以上才能享受医疗费用报销。</t>
  </si>
  <si>
    <t>人流报销一定是有买生育保险情况下才可以报销，但有生育保险未婚女孩是不可以报销的，只有已婚妇女有生育保险的情况下才给予报销的，但要出示相关证明，具体可以去当地社保局咨询。</t>
  </si>
  <si>
    <t>两部分可报，一部分是填生育手工报销单走医保部分，200-300左右的费用。</t>
  </si>
  <si>
    <t>另一部分是持相关证件填生育表一、二办理生育津贴支付部分。</t>
  </si>
  <si>
    <t>对于因疾病不宜继续妊娠、为预防先天性畸形或遗传性疾病而需终止妊娠者情况下实施的人工流产是可以提出生育保险报销的，而对于非法律规定只是个人避孕失败意外妊娠而实施的人工流产就不能申请生育保险报销。生育保险费用报销是面对符合国家政策生育或者计划生育所产生的费用，对于因疾病不宜继续妊娠、为预防先天性畸形或遗传性疾病而需终止妊娠者是要求提供医疗机构出具有效的证明才可以到社保机构汉森却生育保险报销。</t>
  </si>
  <si>
    <t>不领结婚证 能一起买房吗</t>
  </si>
  <si>
    <t>可以，但不是夫妻，不能作为共有财产，银行会要求财产分割，会有两个房产证。</t>
  </si>
  <si>
    <t>当然可以。比如咱俩就没有办理结婚证。咱俩一起持有各自身份证，户口簿，婚姻状况证明，到售楼处签署咱俩名字购房合同，以后房产证办理的就是咱俩名字。</t>
  </si>
  <si>
    <t>可以，房产证上可以写上2个人的名字，那么该套房屋时属于两人共同财产。</t>
  </si>
  <si>
    <t>香蕉和白糖能一起吃吗</t>
  </si>
  <si>
    <t>可以一起吃，完全没问题</t>
  </si>
  <si>
    <t>香蕉和白糖可以一起吃。但是鉴于身体健康的考虑，偶尔吃一次还可以，不要长期采用这种饮食的搭配，因为在香蕉中就含有碳水化合物，而白糖进入身体会直接的升高血糖，所以长期食用，会引起血糖的升高一般来说，因为香蕉里已经含有大量的果糖这种碳水化合物了，如果再加上白糖这咱纯粹的碳水化合物的话，会使人体的热量摄入突然升高，会对人体的肝脏以及胰岛细胞造成过大的代谢压力。所以不建议香蕉和白糖一起吃的。</t>
  </si>
  <si>
    <t>能一起吃！！</t>
  </si>
  <si>
    <t>香蕉含糖分很高+糖，糖吃多了害处及多了，肥胖，缺钙，心脑血管等。</t>
  </si>
  <si>
    <t>糖和香蕉能一起吃，但是后果不堪设想。。。因为它俩都是极佳的润肠品，你要是便秘还好，要是正常能拉死你。。。话糙理不糙，见谅！</t>
  </si>
  <si>
    <t>keynote 能在windows播放吗</t>
  </si>
  <si>
    <t>Keynote在1.2版本以上就可以转换为PPT 在文档列表里，点击下方有一个向右箭头的图表，选择“发送到itunes”，就会提示你选择保存的格式，有pdf/iworks/ppt三种格式可选</t>
  </si>
  <si>
    <t>鸡蛋祛斑是真的吗</t>
  </si>
  <si>
    <t>我爸妈用醋泡鸡蛋吃了半个多月，痔疮吃好了，不过我妈妈脸上有斑的，没见斑有变化变淡啊。</t>
  </si>
  <si>
    <t>没有去成功</t>
  </si>
  <si>
    <t>不可能去斑的</t>
  </si>
  <si>
    <t>醋泡鸡蛋不能去斑</t>
  </si>
  <si>
    <t>蛋清除斑的效果不是很好</t>
  </si>
  <si>
    <t>千金归来中欧海洋真的死了吗</t>
  </si>
  <si>
    <t>《千金归来》中欧海洋真的死了。在保护女儿的过程中遭到“意外”交通事故，命在旦夕的时候还不忘将宝贝女儿托付给爱人徐坤。</t>
  </si>
  <si>
    <t>千金归来第8集精彩剧情提要：鸥海洋得知原来潘伟森早已知道，长清不是他的女儿时，愤怒的指责他。欧海洋并没有告诉长清，自己和他是父女的关系。当欧海洋出去和潘伟森见面时，遇车祸不治身亡。</t>
  </si>
  <si>
    <t>欧海洋是因为要去见潘伟森的路上遇害的。</t>
  </si>
  <si>
    <t>欧海洋还没来得及告诉长清就被潘伟森害死了。</t>
  </si>
  <si>
    <t>最小生成树唯一吗</t>
  </si>
  <si>
    <t>如果一个图的各个边的权值各不相同，那么它的最小生成树是唯一的</t>
  </si>
  <si>
    <t>摘要：最小生成树是图论的经典问题，求最小生成树以及求最小生成树的权值和得到了足够关注，而很少人去研究。对于给定的图而言，因为最小生成树的权值和是确定的，所以最小生成树不唯一当且仅当最小生成树的形状不唯一。</t>
  </si>
  <si>
    <t>如果图中所有边的权值都不同，只有一种最小生成树但是如果有2条或以上的边有相同权值，这个最小生成树就不一定唯一了不过即使不唯一，这个最小的权值和一定唯一的</t>
  </si>
  <si>
    <t>不唯一。举一个简单例子：一个正三角形状，三个顶点所在的位置，无论连接哪两条线，其都是最小生成树，所以不唯一。</t>
  </si>
  <si>
    <t>隔着裤子摩擦会得hiv吗</t>
  </si>
  <si>
    <t>有体液分泌就会有感染的危险。</t>
  </si>
  <si>
    <t>不会的，除了性交和血液才会传染。</t>
  </si>
  <si>
    <t>不会，艾滋的传播途径为，血液传播，母婴传播，正常接触是不会感染的</t>
  </si>
  <si>
    <t>联通网上可以补卡吗</t>
  </si>
  <si>
    <t>联通目前网上营业厅暂未提供补卡服务的，你可以到联通营业厅办理补卡手续</t>
  </si>
  <si>
    <t>目前联通网上营业厅是无法办理补卡业务的，如需办理补卡需要携带有效证件到归属地联通自有营业厅进行办理的</t>
  </si>
  <si>
    <t>不支持网上补卡。</t>
  </si>
  <si>
    <t>补卡只有营业厅可以受理，需要机主本人带身份证原件去号码归属地营业厅办理。</t>
  </si>
  <si>
    <t>由于补卡业务涉及机主个人权益，基于用户信息安全的考虑，目前中国联通暂不提供网上营业厅官网或手机营业厅客户端等网上自助渠道办理补卡业务，需要前往中国联通实体营业厅办理。</t>
  </si>
  <si>
    <t>丙肝会遗传吗</t>
  </si>
  <si>
    <t>丙肝是不会遗传的,但是可以通过血液传染.</t>
  </si>
  <si>
    <t>典型肝炎是由病毒引起来的一种传染性疾病，这并不是遗传病，当然是不会遗传的。</t>
  </si>
  <si>
    <t>丙肝不是遗传疾病，是严重的传染性疾病</t>
  </si>
  <si>
    <t>葡萄酒二次发酵时能打开吗</t>
  </si>
  <si>
    <t>可以随时开罐，要说影响，开罐过程容易杂菌进入，导致葡萄酒污染，别的没什么问题。</t>
  </si>
  <si>
    <t>能打开，不要密封，二次发酵其实是苹果酸-乳酸发酵，葡萄中含有较多的苹果酸，苹果酸刺激性更强，所以在葡萄酒主发酵完成后会添加乳酸菌将其中的苹果酸转化成柔和的乳酸，从而降低葡萄酒的酸度。在苹果酸转化成乳酸的过程中会伴随着二氧化碳生成，所以不能密封，如果密封的话可能会造成一定的危险二次发酵可以使新葡萄酒的酸涩、粗糙等特点消失，而变得柔软。</t>
  </si>
  <si>
    <t>银河奇异果是爱奇艺吗</t>
  </si>
  <si>
    <t>不是，爱奇艺可以搜到，在电视上的奇异果有些视频搜不到。</t>
  </si>
  <si>
    <t>我也遇到了这个问题，并询问了客服，得知已下几种情况是无法共享会员权益的：1.购买爱奇艺会员，无法使用银河奇异果。2.银河奇异果首月优惠是不增送爱奇艺权益的。哪种情况可以共享权益呢，是指正常购买银河奇异果，送相应月数爱奇艺黄金会员权益。建议这种服务购买前详询那的客服。</t>
  </si>
  <si>
    <t>奇异果和爱奇艺，都是爱奇艺的应用，都能用同一个用户名登录。</t>
  </si>
  <si>
    <t>先玉335是转基因吗</t>
  </si>
  <si>
    <t>先玉335绝不可能是转基因品种。</t>
  </si>
  <si>
    <t>对于转基因食品的安全性，目前国际上没有统一说法，争论的重点应在转基因食物是否会产生毒素、是否可通过DNA蛋白质过敏反应、是否影响抗生素耐性等方面。</t>
  </si>
  <si>
    <t>在华大规模销售的先玉335玉米种子含有启动子，实属转基因品种</t>
  </si>
  <si>
    <t>先玉335不是转基因</t>
  </si>
  <si>
    <t>先玉335仅仅是普通杂交玉米，与转基因没有任何关系。</t>
  </si>
  <si>
    <t>当然不是</t>
  </si>
  <si>
    <t>粉刷墙壁对胎儿有没有影响</t>
  </si>
  <si>
    <t>有影响的，要是必须粉刷的话，让孕妇先去亲戚家里居住几天，等墙壁干了然后屋里没有任何刺激味道了再回来住就行了。</t>
  </si>
  <si>
    <t>肯定是有的</t>
  </si>
  <si>
    <t>选择大品牌质量好的乳胶漆，通过正规渠道选择</t>
  </si>
  <si>
    <t>白鹭可以吃吗</t>
  </si>
  <si>
    <t>可以吃，但鸟类最好不要吃，保护动物从你我做起.</t>
  </si>
  <si>
    <t>白鹭每天吃我的鱼，我却不能吃它.属于有益的、有重要经济和科学研究价值的“三有”保护动物。</t>
  </si>
  <si>
    <t>白鹭是保护动物，不能吃。</t>
  </si>
  <si>
    <t>理论上是可以的，不要被抓住</t>
  </si>
  <si>
    <t>可以吃，但是建议你别吃。</t>
  </si>
  <si>
    <t>二本有用吗</t>
  </si>
  <si>
    <t>肯定啊，这主要看你学什么专业喽。每个大学的王牌专业不一样。也许同样一个专业一本的院校是师资力量和教学成果还比不上二本院校。所以没有绝对的一本院校比二本院校好的说法。所以所谓的一本比二本好的说法过时了</t>
  </si>
  <si>
    <t>选一个好的二本学校，选一个易就业的专业，一样有出路。例如昆明理工大学，在本省是重点大学，一本招生，外省是二本，总体实力并不弱，冶金专业排名全国第四，读这样的二本，就业当然没问题。</t>
  </si>
  <si>
    <t>肯定有用，如果学到了真本事更有用。有没有用不在于上几本，主要看能不能把知识学会，用好。</t>
  </si>
  <si>
    <t>健身前需要跑步吗</t>
  </si>
  <si>
    <t>是的，完全正确。这样即能保证健身时关节或肌肉不受伤，也能调动起身体力量</t>
  </si>
  <si>
    <t>健身前坚持跑五分钟，这属热身，当然跑的侧重点是带动各肌内各韧带，在实践中慢慢体会其方法。</t>
  </si>
  <si>
    <t>不用，做热身运动就行</t>
  </si>
  <si>
    <t>最好的办法是练习后跑步45分钟。尤其是腹肌练习后再跑。效果尤佳！夏天最好。</t>
  </si>
  <si>
    <t>跑步是为了让全身都活动，热起来，也就是热身，不然你直接训练，可能会受伤，我一般都是跑400米，再拉伸全身肌肉，就可以训练了，不做热身运动很容易受伤</t>
  </si>
  <si>
    <t>准备怀孕能养狗吗?</t>
  </si>
  <si>
    <t>从生理卫生上来讲，如果可以做到狗狗的良好清理和打育苗，孕妇也要注意干净，是没什么大问题的，养狗也推荐养安静的狗狗，比如金毛什么的，心理上来讲，与狗狗接触可以减缓心理压力，对未出生的胎儿其实也有好处，在国外有的孕妇还会专门给肚子里的孩子提供与动物接触的机会，除了自家的宠物，还会去水族馆和海豚相处。</t>
  </si>
  <si>
    <t>建议最好是不要去养。毕竟不卫生。而且还要经常去照顾。以后再去养吧，</t>
  </si>
  <si>
    <t>每个男人都会晨勃吗</t>
  </si>
  <si>
    <t>不是的，有些人就会没有。</t>
  </si>
  <si>
    <t>双色球网上不能买了吗</t>
  </si>
  <si>
    <t>可以的，去大的官网玩吧，这样比较好的。</t>
  </si>
  <si>
    <t>好像是，网上基本就没有卖彩票的了，好像扫光了吧。</t>
  </si>
  <si>
    <t>可以买，必赢彩开售了</t>
  </si>
  <si>
    <t>魔兽世界6.0好玩吗</t>
  </si>
  <si>
    <t>应该好玩</t>
  </si>
  <si>
    <t>网上能查通话记录吗</t>
  </si>
  <si>
    <t>可以查询到实时通话记录。需要登陆运营商网站才可以查询</t>
  </si>
  <si>
    <t>qq显示2g对方在线吗</t>
  </si>
  <si>
    <t>手机QQ的任何在线模式（2／3／4G）只要存在【后台运行】，都会在返回桌面的一定时间内变为2G在线。每天你QQ都亮灯的好友不一定在。但肯定都是2G在线。</t>
  </si>
  <si>
    <t>一般来说是不在，也就是说，对方的手机断网或关机，尤其是iPhone，特别准。</t>
  </si>
  <si>
    <t>耐克官网卖的是正品吗</t>
  </si>
  <si>
    <t>当然是正品，官网很靠谱的。</t>
  </si>
  <si>
    <t>是的 ,正品</t>
  </si>
  <si>
    <t>官网基本都是正品。但是正品不等于100%是好货。有些鞋子可能也只穿几个月就坏了的。这属于鞋子本身的质量问题。也就是一分钱一分货吧。其它的所谓挂着耐克代理商的名义卖的网站。比如优购商城啊。名鞋库啊。那才是假货的天下。100双鞋可能只有几双才是真货</t>
  </si>
  <si>
    <t>耐克logo号圆滑假标都印涩、畸形； 二）注意各部字母字母位、字母数字位； 三）注意条形码格式真标两种粗细线条； 四）尺码栏部US、UK、EUR、cm字母间隔应该致相等； 5）址栏部nikebetterworld字母间距否均匀量假标间距齐； 陆）必须UPC码且UPC码行字母、数字间距要各自</t>
  </si>
  <si>
    <t>耐克有天猫店铺，店铺名称是：NIKE官方旗舰店 这个确实是官方的</t>
  </si>
  <si>
    <t>狗可以托运吗</t>
  </si>
  <si>
    <t>狗是可以托运的，</t>
  </si>
  <si>
    <t>没有打疫苗不可以托运。</t>
  </si>
  <si>
    <t>当然能啦！</t>
  </si>
  <si>
    <t>机场托运手续：提前三个小时到机场货运处。机场货运处在机场最里面，仔细打听下就知道了，那里有个牌子写着“货运处”。填表先，完了把狗装笼子里，铁的就行了，底下要有个板防止排泄物污染机舱。然后带笼子过称去，再回到填表的屋子去根据重量交钱。交钱后会给你一张提货单，就可以了。狗狗就被带走了，你也可以去候机室准备登机了。</t>
  </si>
  <si>
    <t>当然可以了，现在有个别快递公司已经开通这种服务了，不过大多也都限制地区，因为有的地区宠物太少开展这个业务不太划算。</t>
  </si>
  <si>
    <t>不超过20公斤的宠物狗可以办理托运。</t>
  </si>
  <si>
    <t>宠物狗目前托运有火车和飞机两种途径，</t>
  </si>
  <si>
    <t>当然能啦！小狗登机流程：买机票前先向航空公司咨询，飞机是否有有氧舱，然后提出托运要求。带小狗到居住地所在区动物检疫站开具检疫合格证明，或直接去首都机场动物检疫监督站进行现场检疫。所需费用140元左右。</t>
  </si>
  <si>
    <t>可以。但狗狗一定是要有当地防疫站出具的健康证明。还要准备一个宠物专用旅行箱，然后就是在7天前预定机票并办理狗狗托运手续。</t>
  </si>
  <si>
    <t>五一农行放假吗</t>
  </si>
  <si>
    <t>不上班</t>
  </si>
  <si>
    <t>一般的农业银行都上班的，除非是非常偏僻的网点会停业，不过五一假期工作人员可能比平时少，可能会排队时间长</t>
  </si>
  <si>
    <t>应该有分行开门办的</t>
  </si>
  <si>
    <t>国家法定节日银行是会放假的，如五一黄金周和十一长假，银行也会放假。</t>
  </si>
  <si>
    <t>上班，现在银行是全年无休的，每天都开门营业</t>
  </si>
  <si>
    <t>五一都放假的，法定节假日啊</t>
  </si>
  <si>
    <t>挂科影响出国吗</t>
  </si>
  <si>
    <t>对出国没有什么影响，有影响的是关于学校的入取。</t>
  </si>
  <si>
    <t>挂科对于留学来说是很不利的。</t>
  </si>
  <si>
    <t>挂科了还能出国留学，挂科了可以申请补考，出国留学的必备条件是毕业证，不是是否挂科。</t>
  </si>
  <si>
    <t>如果是非专业课没关系，如果是专业课，那就有影响。</t>
  </si>
  <si>
    <t>天津康婷公司好做吗</t>
  </si>
  <si>
    <t>如果没有做过有很大难度</t>
  </si>
  <si>
    <t>用起来就那么回事。我开美容院，讲师，做过2年，现在不做了。</t>
  </si>
  <si>
    <t>还可以，好不好做那要看你的人际圈子大不大</t>
  </si>
  <si>
    <t>康婷不错，你百度宏芸老师具体了解</t>
  </si>
  <si>
    <t>我们洛阳很多美容院都在做，少有成功的，看上去很累。</t>
  </si>
  <si>
    <t>康婷不错的，好不好做要看个人能力，还有能不能解决 人脉问题等</t>
  </si>
  <si>
    <t>新邦物流好不好</t>
  </si>
  <si>
    <t>非常非常的差。</t>
  </si>
  <si>
    <t>新邦物流确实很差。</t>
  </si>
  <si>
    <t>爱乐仕是德国的吗</t>
  </si>
  <si>
    <t>爱乐仕是在德国注册的品牌</t>
  </si>
  <si>
    <t>不是。是中国的一个商品品牌</t>
  </si>
  <si>
    <t>骗人的，国内小厂商做的。</t>
  </si>
  <si>
    <t>不是，是中国的一个商品品牌。</t>
  </si>
  <si>
    <t>据我所知这个牌子是德国的，但所有制造都是在中国制造完成的</t>
  </si>
  <si>
    <t>司法考试复核成绩有修改的吗</t>
  </si>
  <si>
    <t>公布之后司法部会有一个分数异议期，考生须在规定的期限内（可查看现场确认地司法局的公告）向该司法局提交申请书，如果查分发现分数确有错误，则必然会做出更正。但是，查分不查1、2、3卷 只查卷四，而且只是把每题的分数再从新加一次。言外之意，司法部是不会做实质性的审查的。 因此 改分的概率是很低的。</t>
  </si>
  <si>
    <t>如果真的有问题，会改成绩的。</t>
  </si>
  <si>
    <t>但是通常情况下不会，异议只能申请总分是不是各项分数的相加，不能改变某一道题的得分。分数相加后会有几遍的复核，所以基本不会有问题。</t>
  </si>
  <si>
    <t>不可能修改的，如果司法考试都能改分，那国家也就完了，谁来维护司法公正啊。当然，你也可以申请成绩复核，但是不太会有奇迹发生</t>
  </si>
  <si>
    <t>应试人员对考试成绩有异议的，可自考试成绩公布之日起15日内，向报名地司法行政机关提出分数核查的书面申请。香港、澳门考区应试人员对考试成绩有异议的，可向原报名机构提出分数核查的书面申请。</t>
  </si>
  <si>
    <t>考试成绩快出来的一个月会有人给你发消息说可以内部操作改分数，这是骗子的行为，请不要上当。</t>
  </si>
  <si>
    <t>洗脚妹加钟可以摸吗</t>
  </si>
  <si>
    <t>专业技师不会</t>
  </si>
  <si>
    <t>可以先摸其他部位，如果不反抗可以慢慢来</t>
  </si>
  <si>
    <t>正规的就是穿的保守，年纪有点大。不正规的就是，穿的有点露，很骚，型的，可以摸必须是在间洗，你可以问她，不要直接就问，聊会天在问，我可以摸摸哒吗</t>
  </si>
  <si>
    <t>雾霾可以开空调吗</t>
  </si>
  <si>
    <t>可以，空调是室内机把房间内的空气加热或降温循环，与室外空气质量无关</t>
  </si>
  <si>
    <t>可以开空调的，最好用空气净化器</t>
  </si>
  <si>
    <t>淘宝买手机卡要身份证吗</t>
  </si>
  <si>
    <t>因为2015年后购买手机卡都是要求实名认证的，没有实名卡是不可以使用的。所以网上的卖家都会要求买家提供身份证，好让卖家去操作注册。</t>
  </si>
  <si>
    <t>word表格能旋转吗</t>
  </si>
  <si>
    <t>右键改变图片版式（改成不是嵌入型的），然后图上方会有一个绿色的点，鼠标按住那个点移动就会旋转</t>
  </si>
  <si>
    <t>选种表格 点击 绘图工具栏下的绘图/旋转或翻转/旋转90度就可以了</t>
  </si>
  <si>
    <t>把鼠标放在表格的右下角，当出现左右箭头时按住鼠标不放向下拖动，到你想要的时候放开就可以了。</t>
  </si>
  <si>
    <t>没发现Word具备这个功能</t>
  </si>
  <si>
    <t>把页面设置改成横向的</t>
  </si>
  <si>
    <t>聚美没有客服吗</t>
  </si>
  <si>
    <t>有啊，在网页右下角，使用的live800客服系统</t>
  </si>
  <si>
    <t>有的啊，打开聚美优品网站，侧边栏下边就有客服标示，点击后，进入新页面下拉到底部，可以看到在线客服四个字，点击后提示你咨询类型如下图</t>
  </si>
  <si>
    <t>在页面右侧有个小孩头，然后页面跳转后有个在线客服</t>
  </si>
  <si>
    <t>1、客服热线：4000-123-888，没有在线客服。2、右下角有一个客服在线，直接点击联系就可以了</t>
  </si>
  <si>
    <t>二尖瓣膜关闭不全 能治疗好吗</t>
  </si>
  <si>
    <t>病情较轻的二尖瓣关闭不全可以成形修复，成功率比较高，但要做好换瓣的思想准备。费用大约3.5-4万。可以等一段时间在做，手术时机看心功能情况，恶化了就做，不要等很严重在做，那样术后恢复困难。</t>
  </si>
  <si>
    <t>如果是轻度或者中度关闭不全，不需要任何治疗，其次，任何药物治疗都是无效的，第三，如果是重度关闭不全，影响心脏功能，只有一个办法，就是手术修补。</t>
  </si>
  <si>
    <t>刷机一定要有sd卡吗</t>
  </si>
  <si>
    <t>必须的。刷机过程中，刷机包临时存储到tf卡上面。所以必须安装tf卡。</t>
  </si>
  <si>
    <t>不装也可以</t>
  </si>
  <si>
    <t>刷机有两种：卡刷，线刷 前者需要把手机需要的刷机包放到SD卡里 用手机自身执行刷机。后者不需要SD卡，只要通过手机数据线将手机连接电脑就可以通过电脑刷手机了。相对而言后者其实比较简单.网上有教程，楼主去百度一下。</t>
  </si>
  <si>
    <t>卡刷需要 线刷不需要</t>
  </si>
  <si>
    <t>卡刷才需要插内存卡，卡刷是用内存卡（SD、TF之类）来刷机。</t>
  </si>
  <si>
    <t>用电脑刷是不需要的 如果用卡刷的话 当然是要用卡的.</t>
  </si>
  <si>
    <t>月经能喝罗汉果吗</t>
  </si>
  <si>
    <t>女性在月经期间可以吃罗汉果，适量吃对月经不会造成影响。</t>
  </si>
  <si>
    <t>如果月经一向正常的话可以喝。如果有月经推迟【月经延后一般主虚寒】或身体素虚，还是不喝为好。罗汉果偏于寒凉。</t>
  </si>
  <si>
    <t>最好不要喝，因为月经期间要保暖，而罗汉果味甘性凉，等月经完了再喝为妈。</t>
  </si>
  <si>
    <t>女孩子月经期不要喝它，会痛经，久了容易落下妇科毛病。</t>
  </si>
  <si>
    <t>经期时可以喝些罗汉果茶,但必须适量。</t>
  </si>
  <si>
    <t>如果月经一向正常的话可以喝。如果有月经推迟或身体素虚，还是不喝为好。罗汉果偏于寒凉</t>
  </si>
  <si>
    <t>买房要夫妻双方到场吗</t>
  </si>
  <si>
    <t>夫妻贷款买房付首付时必须都到场、并签字，之后提供相应的合格材料申请房贷</t>
  </si>
  <si>
    <t>房子是以夫妻双方的名字买的话，就需要夫妻双方的签字，如是单方的名字的话，单方去签字就可以了</t>
  </si>
  <si>
    <t>如果写一个人名字，就那个人需要到。写两个人名字，必须都要到。不能代替</t>
  </si>
  <si>
    <t>一，如果购房合同的买受人是夫妻俩人，那么必须俩人同时签字，将来房产证也会出两本，这叫共同共有房产。二，如果购房合同的买受人是夫妻其中一人，那么买受人签字就行了，不用配偶签字了。三，贷款买房的话，不管买受人是夫妻一方还是夫妻双方，都要在贷款合同上签字。</t>
  </si>
  <si>
    <t>夫妻共同买房必须夫妻两个人携带身份证、户口本和结婚证同时前往办理买房手续</t>
  </si>
  <si>
    <t>不需要，只需要其中一人带上身份证、户口本和结婚证到当地房地产交易中心查询即可</t>
  </si>
  <si>
    <t>办理过户手续时，原则上要求同时到场，因为根据《物权法》规定，夫妻共同购置的房产，到底是共同共有，还是按份共有，需要在买卖合同中体现出来，进而在房产证上载明，因此需要双方到场签字确认。但如果无法到场，也必须办理公证收取委托手续，并将相关事宜交代清楚。</t>
  </si>
  <si>
    <t>银行大堂经理能转正吗</t>
  </si>
  <si>
    <t>中行的任何岗位的职工都是有机会可以转正的。每年中行都会组织转正考试，也就是“优秀派遣员工选拔”。大专以上都可以参加考试，考试会下发考试资料，都是和公务员考试的行测相似的内容，还有就是会计专业的相关知识与相关法规等内容，但是那不是答案，也不是全部的范围。</t>
  </si>
  <si>
    <t>如果是本科学历，通过转正考试的；以及有特别贡献的员工，应该是有转正机会的。</t>
  </si>
  <si>
    <t>这个很难，现在大堂的工作在很多大城市都外包到社会上的公司了，现在的趋势是小城市也会向这个方向转。除非有关系尽早换其他岗位。</t>
  </si>
  <si>
    <t>维生素c可以和牛奶一起吃吗</t>
  </si>
  <si>
    <t>在补充维生素C的时候千万不可喝牛奶</t>
  </si>
  <si>
    <t>当然可以 一起喝是没问题的</t>
  </si>
  <si>
    <t>不好, 首先用牛奶服药就是不好的.</t>
  </si>
  <si>
    <t>牛奶是可以和维生素C一起吃的，因为牛奶和维C是不会发生有害反应的影响人体，但是如果长期过量服用维c会出现草酸尿，以致形成泌尿道结石</t>
  </si>
  <si>
    <t>牛奶不可以和维生素C同时用 牛奶中的蛋白质和维生素C相遇而疑固成块，影响消化吸收，而且还会使人腹胀、腹痛、腹泻. 牛奶不易消化,吃其它含维生素C的食物一般以喝牛奶后一小时为宜。</t>
  </si>
  <si>
    <t>可以的啊</t>
  </si>
  <si>
    <t>囊肿会痛吗</t>
  </si>
  <si>
    <t>一般情况下不痛。</t>
  </si>
  <si>
    <t>皮脂腺囊肿会疼痛。皮脂腺囊肿形成的主要为由皮脂腺排泄管阻塞，皮脂腺囊状上皮被逐渐增多的内容物膨胀而形成的潴留性囊肿。</t>
  </si>
  <si>
    <t>rose5耐磨吗</t>
  </si>
  <si>
    <t>必须是rose5</t>
  </si>
  <si>
    <t>日本龙角散效果好吗</t>
  </si>
  <si>
    <t>治疗喉咙痛的,效果不错</t>
  </si>
  <si>
    <t>养金鱼一定要氧气泵吗</t>
  </si>
  <si>
    <t>视饲养密度、饲养方式而定。</t>
  </si>
  <si>
    <t>看养的什么鱼。</t>
  </si>
  <si>
    <t>不一定的。只要你的容器够大，鱼的密度不大，勤于换水，不用氧气泵完全可以的。老北京养金鱼几百年了，以前没杨泵也好好的</t>
  </si>
  <si>
    <t>需要，氧气泵改善水质，利于金鱼生长</t>
  </si>
  <si>
    <t>看密度，密度大肯定是需要的，金鱼是高氧鱼</t>
  </si>
  <si>
    <t>氧气泵和过滤器并不是必须的，得看你养鱼缸的大小和鱼的数量等实际情况。金鱼相对来说是一种对水中溶氧量要求比较高的鱼，一般缸小，鱼多的话金鱼就会出现浮头甚至缺氧死亡的现象。这时氧气泵就是必不可少的设备了</t>
  </si>
  <si>
    <t>网站建设公司赚钱吗</t>
  </si>
  <si>
    <t>最致命的就是，利润低</t>
  </si>
  <si>
    <t>网站建设这个行业是要看服务的 这个行业做的好的很赚钱 做的不好就没钱，和其它行业一样 就像餐饮业一样的多，却还是有人赚钱有人不赚钱</t>
  </si>
  <si>
    <t>现在人很依赖网络，如果搜一个词你的网站排名在前的话，那就很有机会让客户主动联系你呀，客户就从这而来</t>
  </si>
  <si>
    <t>只要是开网络公司的，都不会赔钱的。自动建站虽然快，简单，便于操作。但是和人工建站还是有所不同的。像一些要求比较高的。自助建站根据就符合不了要求。</t>
  </si>
  <si>
    <t>赚不了钱了,现在PageAdmin网站系统呀、动易这些全是免费的</t>
  </si>
  <si>
    <t>如果制作水平很一般（改改他人的模板，会点普通没新意的静态网页）那价钱很低很低的。如果制作水平很高，那应该还是前途无量的</t>
  </si>
  <si>
    <t>这要看给谁做了。像在网上那种，在论坛里说要找人做网站的那种，就不要去做了，价格低的没法做。</t>
  </si>
  <si>
    <t>nano卡能还原成小卡吗</t>
  </si>
  <si>
    <t>可以买卡套还原，一般卡套都是成套出售的，基本上有NANO卡想还原成什么卡都可以。</t>
  </si>
  <si>
    <t>现在有三种sim卡规格，标准卡(大卡)，microSIM卡(iPhone4的卡)，Nano SIM卡(iPhone5以及后续iPhone采用)，大卡换成小卡需要剪卡，小卡转大卡就套个卡套就行</t>
  </si>
  <si>
    <t>原装的nano卡能通过卡托还原成大卡，大卡剪成小卡一般都是通过卡托再把小卡还原成大卡的。</t>
  </si>
  <si>
    <t>可以重新补一张卡，不可以还原。</t>
  </si>
  <si>
    <t>癌症能吃海参吗</t>
  </si>
  <si>
    <t>吃~是有好处的。但凡事都过犹不及啦~</t>
  </si>
  <si>
    <t>可以吃的。 海参含胆固醇极低，为一种典型的高蛋白、低脂肪、低胆固醇食物。加上其肉质细嫩，易于消化。（[坚持阳光生活胃癌 ]）讲到海参也非常适宜于老年人、儿童以及体胃癌病人食用。</t>
  </si>
  <si>
    <t>可以吃。对身体一定有好处。</t>
  </si>
  <si>
    <t>海参能提高人体免疫力，具有抗癌杀菌的作用，对恶性肿瘤的生长、转移具有显著抑制作用，这已被科学所证实。</t>
  </si>
  <si>
    <t>指甲空了要剪掉吗</t>
  </si>
  <si>
    <t>剪了会很快就长出来，我自己就是这样</t>
  </si>
  <si>
    <t>灰指甲很容易传染。</t>
  </si>
  <si>
    <t>当然可以选择剪掉，没有影响的，另外可以试试玉之甲来看好这个。</t>
  </si>
  <si>
    <t>可以剪掉</t>
  </si>
  <si>
    <t>猪皮厚是好猪肉吗</t>
  </si>
  <si>
    <t>如果是皮厚肉膘也厚，且肉膘颜色白亮，就是养殖时间长的肉猪，这种就是好猪肉；如果皮厚肉膘薄，且肉膘颜色发黄无光泽，就是淘汰的公母猪肉，这种绝对不是好猪肉。</t>
  </si>
  <si>
    <t>结业生能考公务员吗</t>
  </si>
  <si>
    <t>可以参加国家公务员和地方公务员考试。需注意：在入职前一定要拿到毕业证和学位证</t>
  </si>
  <si>
    <t>大学没有毕业，只有结业证，是不能报考公务员的，必须是正常顺利拿到毕业证才可以。</t>
  </si>
  <si>
    <t>本科结业证书不能报考要求是本科学历的公务员岗位。 如果招收大专学历的公务员岗位接受本科结业生报考，你可以按照大专学历报考，如果招收大专学历的岗位没有写本科结业生可以报考，你就不能报考。</t>
  </si>
  <si>
    <t>超b级锁钥匙能配吗</t>
  </si>
  <si>
    <t>可以配的。</t>
  </si>
  <si>
    <t>无法配到的，为了更好的防止防盗，超B级的钥匙型状较为奇怪复杂。</t>
  </si>
  <si>
    <t>可以配出来的。</t>
  </si>
  <si>
    <t>不能配呀 可以联系厂家试试【汽车有问题，问汽车大师。4S店专业技师，10分钟解决。】</t>
  </si>
  <si>
    <t>宁波艾迪儿幼儿园好吗</t>
  </si>
  <si>
    <t>不错的！</t>
  </si>
  <si>
    <t>老师很有耐心，素质很高。孩子很喜欢去上学，在园里也养成了好习惯。三餐也很满意。</t>
  </si>
  <si>
    <t>有个宁波艾迪儿幼儿园分校，反正江东的是不错的，口碑挺好，江北的分校开起来估计也挺好的</t>
  </si>
  <si>
    <t>奇酷手机是双卡双待吗</t>
  </si>
  <si>
    <t>支持的。360奇酷手机左侧分别支持micro SD和nano SD规格的SIM卡槽。此外还支持最高128GB的拓展存储空间。</t>
  </si>
  <si>
    <t>是的，奇酷手机青春版支持双卡双待</t>
  </si>
  <si>
    <t>双卡双待手机。</t>
  </si>
  <si>
    <t>是双卡双待，全网通不分主卡，两个都可以随意插电信卡。</t>
  </si>
  <si>
    <t>胰岛素贵不贵</t>
  </si>
  <si>
    <t>还好吧 ，可以接受的。不过有的还贵</t>
  </si>
  <si>
    <t>最普通的胰岛素，一瓶400单位，大约20元钱。还要包括注射器的费用，每个注射器大约0.5元。诺和灵30R胰岛素，一瓶400单位，大约70元。注射器是特制的反复使用的，大约200元。</t>
  </si>
  <si>
    <t>针对你这个问题，你可能还没打胰岛素，国产胰岛素一般40多左右一支，300个单位，丹麦诺和诺德公司产的诺和灵30R是61块一支，门冬胰岛素30是70多一支，法国礼来公司产的优泌乐25是89.9一支，优泌乐50是91.1一支，看你选什么牌子的了</t>
  </si>
  <si>
    <t>蔓越莓可以直接吃吗</t>
  </si>
  <si>
    <t>洗净后生吃即可。</t>
  </si>
  <si>
    <t>英雄无敌3死亡阴影好玩吗</t>
  </si>
  <si>
    <t>历代战记打起来很带感，挺好玩的，个人比较喜欢英雄有积累</t>
  </si>
  <si>
    <t>一岁宝宝可以吃健胃消食片吗</t>
  </si>
  <si>
    <t>可以的，我家儿子只有不太爱吃饭或消化不好，他奶奶经常给他吃健胃消食片的</t>
  </si>
  <si>
    <t>按照说明书是可以吃的</t>
  </si>
  <si>
    <t>这么小的孩子不应该吃健胃消食片，孩子的胃正在发育虽然消化功能弱但还是要依靠自己的能力，不应该依靠其它帮助，这样会对孩子发育不利。孩子吃了不好消化的食物可以顺反轻轻揉揉肚子几百下可以帮助消化。</t>
  </si>
  <si>
    <t>不能，健胃消食片是成人的健胃消食中成药，宝宝有宝宝的消食药的。要尊医嘱，千万不要乱吃。</t>
  </si>
  <si>
    <t>宝宝从摄食食物起便可以吃消食片</t>
  </si>
  <si>
    <t>trouble maker是情侣吗</t>
  </si>
  <si>
    <t>是个组合，不是情侣</t>
  </si>
  <si>
    <t>不是的，两只同属一个公司CUBE ENTERTAINMENT，是很好的兄妹关系</t>
  </si>
  <si>
    <t xml:space="preserve">不是啊 他们只是一个公司的 还分别有自己的组合 </t>
  </si>
  <si>
    <t>不是情侣哦</t>
  </si>
  <si>
    <t>不是的。Trouble Maker是由韩国CUBE Entertainment推出的限定组合，由Beast的成员张贤胜和4minute的成员金泫雅结成。他们是一个公司的，而且韩国对艺人的恋爱有很严格的限制，所以他们不是情侣。＃＃不是的，他们两个只是混声双音的组合，很高兴为您解答啊，望采纳</t>
  </si>
  <si>
    <t>去厦门要住鼓浪屿吗</t>
  </si>
  <si>
    <t>我是建议凡是来厦门的朋友尽量能够在鼓浪屿住一晚.它是很有南国风情和历史沉淀的一个岛屿，</t>
  </si>
  <si>
    <t>因渡轮来往极为方便,个人建议不必入住岛上的酒店.个人推荐中山路口的鹭江宾馆,正对鼓浪屿,风景一流.</t>
  </si>
  <si>
    <t>说句心里话，鼓浪屿的住宿还是很有特色的，浪漫，温馨和富有情调，不管是高档别墅还是私家小院都充满了小资的气息，如果时间和条件允许，在鼓浪屿上住一天还有些不过瘾</t>
  </si>
  <si>
    <t>去厦门旅游当然要在鼓浪屿上面住一晚上，因为那里的晚上真的很美，不过需要提前订好房间。</t>
  </si>
  <si>
    <t>如果不考虑价格当然在鼓浪屿好！住鼓浪屿一晚要300-500，</t>
  </si>
  <si>
    <t>苦绿豆芽有毒吗</t>
  </si>
  <si>
    <t>苦绿豆芽在加工过程中加了快速发芽的药,是有毒豆芽</t>
  </si>
  <si>
    <t>应该是没有完全避光的原因...苦是苦，但是吃了不会影响身体健康的，绿色食品...苦点也无所谓了!</t>
  </si>
  <si>
    <t>征信报告能给别人吗</t>
  </si>
  <si>
    <t>征信报告涉及到个人隐私和个人关键信息，不要随便给他人，以防止个人信息泄露并对个人造成影响。</t>
  </si>
  <si>
    <t>最好不要给别人</t>
  </si>
  <si>
    <t>你好，征信报告被别人看，没有其他信息泄露，倒是没什么问题。如果验证码、U盾等被人弄走，那就要出事了。</t>
  </si>
  <si>
    <t>不可以，征信报告上面是有个人信息的</t>
  </si>
  <si>
    <t>会泄露你的隐私</t>
  </si>
  <si>
    <t>个人征信可以给相关部门工作人员查看，而其他的无关人员最好不要给他们看。</t>
  </si>
  <si>
    <t>征信报告体现了一个人的基本信息及金融信息，如果给到别人，就会泄露这些信息。如果是给了正规的金融机构倒不用担心，给到无关的人也没什么关系，就怕给到别有用心的坏人。</t>
  </si>
  <si>
    <t>伟哥会影响生育吗</t>
  </si>
  <si>
    <t>你好，这个从优生角度考虑是有一定影响的，如果打算生育的话，最好是不要吃药的，至于影响多大，就需要看个人体质，药物耐受性等等了，如果意外怀孕打算保留的话，那么是需要定期产检的，16周唐筛，24周排畸彩超，如果都没问题的话，孩子也可以考虑保留的</t>
  </si>
  <si>
    <t>不会 但要注意适量</t>
  </si>
  <si>
    <t>不会的，但是那些外部的药物对身体伤害大</t>
  </si>
  <si>
    <t>飞机上可以托运红酒吗</t>
  </si>
  <si>
    <t>飞机上要收费托运带酒的</t>
  </si>
  <si>
    <t>乘坐飞机是可以托运葡萄酒的，但其总量不得超过两瓶，每瓶的体积不得超过1000ml</t>
  </si>
  <si>
    <t>　酒类物品不可随身携带，但可作为托运行李托运。</t>
  </si>
  <si>
    <t>可以的，如果你携带的是葡萄酒等非烈性酒，只要不超重，2箱都可以。</t>
  </si>
  <si>
    <t>根据国际民航组织9284号文件及《旅客和机组携带危险品的航空运输规范（MH/T 1030-2010）》的要求，关于酒精饮料携带标准规范如下：　　旅客不应随身携带酒精饮料乘机，但可将酒精饮料作为托运行李交运，其包装应符合民航局的有关规定。</t>
  </si>
  <si>
    <t>艾滋病可以怀孕吗</t>
  </si>
  <si>
    <t>艾滋病不可以怀孕。感染了艾滋病的妇女不适宜怀孕，母婴传播的几率是非常高的，在怀孕、分娩时会通过胎盘、阴道分泌物或产后母乳喂养将艾滋病病毒传播给胎儿或新生儿。孕妇患有艾滋病也会导致早产、低体重儿、颅面部畸形的增加，甚至造成新生儿死亡。所以，得了艾滋病的妇女最好不要怀孕。</t>
  </si>
  <si>
    <t>男人介意女人是二婚吗</t>
  </si>
  <si>
    <t>那要看那个男人是否已婚？如果未婚，那他还是多少会介意的</t>
  </si>
  <si>
    <t>如果是真爱不会介意</t>
  </si>
  <si>
    <t>一般男人会在乎的，不过得看这个男人爱你爱的深不深，</t>
  </si>
  <si>
    <t>淘米水可以浇花吗</t>
  </si>
  <si>
    <t>淘米水可以浇花</t>
  </si>
  <si>
    <t>实际上淘米水里通常混有糠麸和少量碎米粒，含有丰富的磷元素、氮元素和微量元素等花卉生长所需要的营养物质，施用淘米水浇灌对花木生长发育十分有益，这一点是肯定的。</t>
  </si>
  <si>
    <t xml:space="preserve">直接用淘米水浇花并不好。长期下来会造成盆花土壤板结，阻碍植物根系的呼吸，浇的过多还会灼伤植株的根系。楼上的朋友的植物可能就是这种情况。所以如果要用淘米水浇花必须经过 </t>
  </si>
  <si>
    <t>好 非常好 非常非常好 不过得处理下 1.淘米水里通常混有糠麸和少量碎米粒，含有丰富的磷元素、氮元素和微量元素等花卉生长所需要的营养物质，施用淘米水浇灌对花木生长发育十分有益.2.直接用淘米水浇花并不好。长期下来会造成盆花土壤板结，阻碍植物根系的呼吸，浇的过多还会灼伤植株的根系。所以如果要用淘米水浇花必须经过腐熟、发酵.3. 用发酵淘米水浇花类似于自制花肥</t>
  </si>
  <si>
    <t>直接用淘米水浇花并不好</t>
  </si>
  <si>
    <t>可以的，这样做还可以节约水资源。提倡这种做法</t>
  </si>
  <si>
    <t>打瘦脸针疼不疼</t>
  </si>
  <si>
    <t>这个不会很疼的就是跟蚂蚁夹了一下一样呢，我刚开始去郑州风信子打瘦脸针的时候也很害怕呢，后来打过之后才知道原来不疼呢。</t>
  </si>
  <si>
    <t>疼。因为肌肉注射是最疼的了，我当时本来是打算一面三针的，最后放弃一针，一面只打了两针，因为真的是太疼了，扎针的过程还好，就是肉毒注射进去了 就疼得受不了</t>
  </si>
  <si>
    <t>在注射瘦脸针剂时，针头扎入皮下无可避免会有针扎般的短暂疼痛，但这比普通打针痛感较轻且对于绝大多数爱美女性是可以轻易承受的，不会有令人难以忍受的剧烈疼痛感出现。所以打瘦脸针总的来说是不疼的。＃＃跟平时打针一样，要看LZ自己的感受了，如果平时打针就感到疼的话，那当然疼；如果平时打针不怎么觉得疼，那也没什么大不了。</t>
  </si>
  <si>
    <t>瘦脸针避免了磨骨削肉的折磨，对人体损伤极小，仅需一根极为尖细的注射针管和一名技术精湛、手法细腻的注射医生。在注射瘦脸针剂时，针头扎入皮下无可避免会有针扎般的短暂疼痛，但这比普通打针痛感较轻且对于绝大多数爱美女性是可以轻易承受的，不会有令人难以忍受的剧烈疼痛感出现。所以打瘦脸针总的来说是不疼的。</t>
  </si>
  <si>
    <t>打针都疼的，但每个人感觉到的和能忍耐的程度不同</t>
  </si>
  <si>
    <t>不是特别疼，就跟的要疫苗哪种痛度差不多医师一般会在求美者面部两侧各选几个点进行注射，创伤性非常小，术前还会为求美者进行局部麻醉。</t>
  </si>
  <si>
    <t>稍有一点点，无大碍。到正规医疗机构，疼痛很小，不用担心</t>
  </si>
  <si>
    <t>师范生要考教师资格证吗</t>
  </si>
  <si>
    <t>在实行全国统考的省市区，改革当年及以后入学的师范生需要考教师资格证，改革前已经入学的不需要考教师资格证。</t>
  </si>
  <si>
    <t>大二、大三就可以考了，但拿证要等到毕业后有毕业证</t>
  </si>
  <si>
    <t>教师资格是国家对专门从事教育教学工作人员的基本要求，是公民获得教师职位、从事教师工作的前提条件。</t>
  </si>
  <si>
    <t>需要的，教师资格证是教师上岗任职的必备资格证。</t>
  </si>
  <si>
    <t>现在大部分学校都不发教师资格证了，所以即使是师范生也需要考取教师资格证书的；</t>
  </si>
  <si>
    <t>塔罗占卜他还会回来吗</t>
  </si>
  <si>
    <t>用爱情测试，怎么可能会回来。</t>
  </si>
  <si>
    <t>爱你就会回来。</t>
  </si>
  <si>
    <t>无线能用端口映射吗</t>
  </si>
  <si>
    <t>长沙市一中雨花新华都学校周边没有开发吗?</t>
  </si>
  <si>
    <t>属于金盆岭街道</t>
  </si>
  <si>
    <t>面包机用处大吗</t>
  </si>
  <si>
    <t>面包机体积小巧，使用安全方便，近几年随着科技的发展，面包机更是走向智能时代。制作多种类面包只需您动手按几下按钮就能轻松搞定，并且自己制作的面包不仅更符合自己的口感喜好，选材也更加健康，保证不会有食品安全问题的困扰。置备一款全自动面包机，早晨的面包糕点还有酸奶的搭配，足够唤醒你清晨的起床动力，而且绝对营养划算!</t>
  </si>
  <si>
    <t>如果家人和孩子喜欢吃觉得有必要买的。</t>
  </si>
  <si>
    <t>没必要</t>
  </si>
  <si>
    <t>用起来还是挺方便的，在国美在线上看见买一个价格也不是很贵的呀~可以买来试试。</t>
  </si>
  <si>
    <t>水痘有必要打吗</t>
  </si>
  <si>
    <t>不是必须打的</t>
  </si>
  <si>
    <t>要打。水痘还是比较容易传染的</t>
  </si>
  <si>
    <t>如果没有，就不需要了</t>
  </si>
  <si>
    <t>有的，未得过水痘的成人，也要防止得水痘，不要直接接触或间接接触水痘患者和带状疱疹患者。水痘患者住的房间要用紫外线照射消毒，并要开窗通风。患者的衣服、被褥、床单，也要煮沸或紫外线照射消毒。</t>
  </si>
  <si>
    <t>必须的.水痘疫苗是一种减毒的活的病毒疫苗。接种水痘疫苗后可以起到很好的预防效果，而且水痘疫苗所产生的保护作用可以长期存在。</t>
  </si>
  <si>
    <t>不需要的，可选择打或不打。</t>
  </si>
  <si>
    <t>元旦高速塞车吗</t>
  </si>
  <si>
    <t>不会的吧！2017年元旦高速公路是照常要收费、没有免过路费的。</t>
  </si>
  <si>
    <t>是2017了吧，元旦高速不免费的</t>
  </si>
  <si>
    <t>60岁女人还有性生活吗</t>
  </si>
  <si>
    <t>男女到了更年期，随着年龄增长造成性腺功能减退最终停止，进入一个新的生理阶段，但这并不意味着两性活动的终止，中老年人坚持规律的性生活有利于加深老年夫妻的感情，防止性器官的早退，如果阴道干燥插入疼痛，是由于雌激素停止分泌的原因。可以用人体润滑剂就可以的。注意时间不能太长，也不要太过于激动，平和一点还是可以做爱的。</t>
  </si>
  <si>
    <t>国外对4246名50～93岁男女性功能调查显示，大于60岁的老年妇女和大于70岁的老年男子有3/4的人仍有性活动。</t>
  </si>
  <si>
    <t>根据身体的健康状态而论，比如60--70岁性格开放，扭秧歌，跳街舞的这些老人，均有性生活。</t>
  </si>
  <si>
    <t>有啊，武则天晚年有很多男宠，这就是证据</t>
  </si>
  <si>
    <t>一般的说来这个年龄的女性由于卵巢机能已经完全的丧失,阴道分泌物也没有了,即使有一定的性欲,一般也不可能有性高潮了.不过,年纪渐大不等于性功能完全衰退.相反,老人一样可以有重质不重量的性生活.重点在于如何保持性生活之余,又不会因性事过于频密而影响健康。</t>
  </si>
  <si>
    <t>海货隔夜能不能吃</t>
  </si>
  <si>
    <t>隔夜海鲜凉吃容易引发疾病，是由于海产品体内存在的某些细菌在高温下并没有完全杀除掉，经过冷却之后，细菌会自然再生或者重新复活，因此如果要隔夜食用这些食品，还得要有一个加热的过程。吃海鲜一定要煮熟，尽量不要吃隔夜海鲜。</t>
  </si>
  <si>
    <t>煮熟的海鲜可以隔夜吃。但要重新加热。</t>
  </si>
  <si>
    <t>鱼和海鲜等海产品，隔夜的最好不要食用。鱼和海鲜隔夜后易产生蛋白质降解物，会损伤肝、肾功能。</t>
  </si>
  <si>
    <t>首先你要确定是否变质，一般情况下选择冷冻过夜（比如放入冰箱），第二天不会变质是可以吃的。但如果没有冷冻过夜，比如夏天，就非常容易变质，隔夜就不能吃了。其次，海鲜隔夜就不新鲜了，建议最好不吃隔夜的</t>
  </si>
  <si>
    <t>吃是能吃的。不过要密封放冰箱</t>
  </si>
  <si>
    <t>当然可以吃啦，生的可以煮了吃，熟的最好要热透了吃。</t>
  </si>
  <si>
    <t>生的基本不能吃了吧，冰箱的保鲜还是有细菌繁衍的！煮熟了也不益多放！</t>
  </si>
  <si>
    <t>熟海鲜最好不要隔夜再吃，并不是全部隔夜的都不能吃，放上料腌制的海鲜必须放在冰箱里暂时保存，鱼类不能马上吃，也是放在冰箱冷冻室保存。</t>
  </si>
  <si>
    <t>可以吃，但是最好不要吃，一般的海鲜死了都不能吃的，比如螃蟹。</t>
  </si>
  <si>
    <t>不可以，鱼和海鲜隔夜后易产生蛋白质降解物，会损伤肝肾功能。</t>
  </si>
  <si>
    <t>喝完牛奶可以吃西红柿吗</t>
  </si>
  <si>
    <t>可以食用，互不影响。</t>
  </si>
  <si>
    <t>乐天网上免税店和实体店价格一样吗</t>
  </si>
  <si>
    <t>是的标的价格定价是一样的，但是网店跟实体店的活动不一样，网上做活动时比实体店稍微便宜。网上还有优惠券，折扣等。所以稍微有差距吧。</t>
  </si>
  <si>
    <t>不是一样的价位的，网上和实体店，两个有不同的优惠和折扣方式，所以价格不同的。但是现在实体店用会员卡+返点的话便宜很多。</t>
  </si>
  <si>
    <t>是的标的价格定价是一样的</t>
  </si>
  <si>
    <t>网上价格回合实体店价格持平，甚至会比实体店还要低一些的</t>
  </si>
  <si>
    <t>苹果数据线可以换吗</t>
  </si>
  <si>
    <t>一氧化氮有毒吗</t>
  </si>
  <si>
    <t>一氧化氮是无毒无色气体</t>
  </si>
  <si>
    <t>一氧化氮起着信使分子的作用.当内皮要向肌肉发出放松指令以促进血液流通时,它就会产生一些一氧化氮分子,这些分子很小,能很容易地穿过细胞膜.血管周围的平滑肌细胞接收信号后舒张,使血管扩张.常温下NO很容易氧化为二氧化氮,也能与卤素反应生成卤化亚硝酰（NOX）2NO+Cl2=2NOCl 免疫系统产生的一氧化氮分子,不仅能抗击侵入人体的微生物,而且还能够在一定程度上阻止癌细胞的繁殖,阻止肿瘤细胞扩散.</t>
  </si>
  <si>
    <t>一氧化氮有毒。</t>
  </si>
  <si>
    <t>是的，会抢占血液中的血红蛋白，导致无法呼吸到氧气，造成窒息！</t>
  </si>
  <si>
    <t>氧化氮可以与血红蛋白结合，是一种窒息性有毒气体</t>
  </si>
  <si>
    <t>一氧化氮是无色气体。少量无毒，过量有毒。</t>
  </si>
  <si>
    <t>属于化学性质。因为NO的配位能力比O2强，所以可以与血红蛋白中的Fe2+形成配位而“排挤”O2，使得生物体缺氧窒息</t>
  </si>
  <si>
    <t>一氧化氮有毒是化学性质。</t>
  </si>
  <si>
    <t>美国信基督教的人多吗</t>
  </si>
  <si>
    <t>美国比较特别，宗教势力比较强大，信教人数多，信教人数比例高。</t>
  </si>
  <si>
    <t>满地跑的那种，非常之多，美国本身是个移民国家，而且祖先那些欧洲人，大多都信教</t>
  </si>
  <si>
    <t>大部分的科学家都是基督徒，相信圣经和上帝，包括大名鼎鼎的牛顿。美国的大部分的人，包括他们所有的总统，从他们第一位总统华盛顿，到克林顿、小布什，都是基督徒。比尔。盖茨是基督徒，巴菲特是基督徒，他们都已经捐出大部分的财产。中国的孙中山、蒋介石、冯玉祥、张学良都是基督徒。98%的美国人称他们相信上帝。大部分是基督徒</t>
  </si>
  <si>
    <t>美国百分之九十都是基督徒</t>
  </si>
  <si>
    <t>吃猪脑好吗</t>
  </si>
  <si>
    <t>吃猪脑对人有好处，猪脑具有益脑髓、补虚劳、镇惊安神的功效。 对神经衰弱、眩晕、耳鸣、脑震荡后遗症有一定食疗效果。 对于头晕，头痛，目眩，风眩，脑鸣，偏正头风，神经衰弱的人食用非常有效。以酒化洗外用还可 治手足皲裂出血。猪脑特别适宜体虚之人神经衰弱、头晕、老人头眩耳鸣者食用； 适宜脑震荡后遗症、健忘者食用。</t>
  </si>
  <si>
    <t>猪脑属于胆固醇含量最高的食物之列，是猪肉胆固醇含量的30倍，对心血管健康欠佳的人群，故患有高血压、冠心病、胆囊炎的中年人应慎食。</t>
  </si>
  <si>
    <t>猪脑富含蛋白质和脂肪，另含硫胺素、核黄素、抗坏血酸和大量的胆固醇等成分。具有益脑髓、补虚劳、镇惊安神的功效。</t>
  </si>
  <si>
    <t>最好别吃啦，吃了会变懒变蠢的哦</t>
  </si>
  <si>
    <t>民间确有吃猪脑喝天麻蒸猪脑的说法。营养丰富挺香的，但应该适量，不宜过多过勤。</t>
  </si>
  <si>
    <t>猪脑含胆固醇太高，血脂高的人不能吃，血脂不高的人少吃。</t>
  </si>
  <si>
    <t>猪脑富含蛋白质和脂肪，另含硫胺素、核黄素、抗坏血酸和大量的胆固醇等成分。具有益脑髓、补虚劳、镇惊安神的功效。对神经衰弱、眩晕、耳鸣、脑震荡后遗症有一定食疗效果。</t>
  </si>
  <si>
    <t>变胖， 容易得高血压</t>
  </si>
  <si>
    <t>root 安全吗</t>
  </si>
  <si>
    <t>手机获取root权限肯定会存在安全隐患的。</t>
  </si>
  <si>
    <t>手机root之后其实并没有多大影响的，安全性也不会受什么影响</t>
  </si>
  <si>
    <t>获取ROOT权限，玩转爱机的同时也会带来安全问题，所以建议大家已获取ROOT的手机谨慎操作网上银行或快捷支付等服务；另外关于ROOT之后的保修问题也可通过清除ROOT功能解决，具有一定的安全问题。</t>
  </si>
  <si>
    <t>肯定会不安全的。</t>
  </si>
  <si>
    <t>常德有招商银行吗</t>
  </si>
  <si>
    <t>目前常德暂无行网点。</t>
  </si>
  <si>
    <t>常德目前还没有招商银行</t>
  </si>
  <si>
    <t>常德没有招商银行，最近的在长沙，办理相关业务只能到长沙来办理了。</t>
  </si>
  <si>
    <t>常德暂时没有招商银行。</t>
  </si>
  <si>
    <t>经在招商银行官网查询，截止2015年10月13日湖南省常德市没有招商银行网点（分行）。</t>
  </si>
  <si>
    <t>备孕能献血吗</t>
  </si>
  <si>
    <t>完全可以的哦</t>
  </si>
  <si>
    <t>无影响，献血对身体素质无影响，对备孕无影响。</t>
  </si>
  <si>
    <t>男性献血对精子质量是没有什么影响的，适当献血对于身体健康是有好处的意见建议：献血后一般休息1-2天就可以补充流失的血液的，可以不用担心的，不影响到怀孕和胎儿的发育的，正常备孕就可以了</t>
  </si>
  <si>
    <t>比亚迪秦好不好</t>
  </si>
  <si>
    <t>配置还好，比的上一些中高档车了。其实技术还好的，应为比亚迪干车之前干过电子设备、光学、电池等，许多手机品牌的电池都是比亚迪提供的，应为有这技术，所以才干混动。另外价格便宜。油耗非常省，毕竟混动模式下90%都是用电的，这就说明发动机不常用，毛病少。车身的电池、电器元件是包换的。</t>
  </si>
  <si>
    <t>这车开过 提速确实很快 官方说是5.9秒 但是实际的话要7秒的样子 很节油。</t>
  </si>
  <si>
    <t>感觉车子的大小比较适中，主要是配件质量要好，故障率要低</t>
  </si>
  <si>
    <t>秦的外观真的好看，很有科技感，但是小问题蛮多的，配置再高，质量不行也是没有竞争力啊，感觉比亚迪太浮夸了，单纯地追求高性能，以至于做出的品质太差了，有点中看不中用。比亚迪整体的性价比也不是特别好，感觉车不值这个价。</t>
  </si>
  <si>
    <t>好啊！配置逆天，电池终身质保！</t>
  </si>
  <si>
    <t>不好，国产电动车的技术还是不稳定。</t>
  </si>
  <si>
    <t>当然好，价格实惠，配置高，加速快，另外一点省钱。发动机很少用，所以寿命长，另外电控设备带保修的，不用担心出问题。</t>
  </si>
  <si>
    <t>评价很好啊！配置高！可以纯电动！用户都说好！</t>
  </si>
  <si>
    <t>居住证可以开房吗</t>
  </si>
  <si>
    <t>居住证可以开房，如果两人同住，必须提供两人的有效证件。</t>
  </si>
  <si>
    <t>按规定去旅店开房是要使用身份证的，按规定使用居住证是不允许的。不过有些私人的小店为赚钱没有身份证也可以的。</t>
  </si>
  <si>
    <t>不可以，开房需要身份证。</t>
  </si>
  <si>
    <t>居住证可以开房的。</t>
  </si>
  <si>
    <t>人造大理石切割有刺鼻味好不好</t>
  </si>
  <si>
    <t>完全人造 就是用石头粉末粘起来的 这种最差的了</t>
  </si>
  <si>
    <t>人造大理石本来里面含有化学物质，而且可能是塑胶的。</t>
  </si>
  <si>
    <t>cs有mac版吗</t>
  </si>
  <si>
    <t>还没出</t>
  </si>
  <si>
    <t>冬不怕风雪裤是真的吗</t>
  </si>
  <si>
    <t xml:space="preserve">没有听说过 </t>
  </si>
  <si>
    <t>体检发现梅毒trust阳性1:1)丶attp阳性需治疗吗</t>
  </si>
  <si>
    <t>TRUST是一种非梅毒螺旋体抗原血清试验，主要用于梅毒的筛选和疗效观察,,由于特异性差，假阳性比较多，所以必须结合梅毒螺旋体特异血清试验进行分析。如果TPPA或TPHA等特异性实验也阳性，TRUST滴度1:1阳性，说明既往感染过梅毒，因缘巧合，已经自愈了，这种情况基本没有传染性了，建议3个月检查一次TRUST，直到转阴为止。如果超过18个月还不转阴，建议使用长效青霉素治疗240万单位，一周一针共6针进行预防性治疗一下，防止潜伏期 梅毒导致神经损伤。如果如果TPPA或TPHA等特异性实验是阴性的，说明TRUST是生物学假阳性，不用管它，没什么事。</t>
  </si>
  <si>
    <t>脚汗多是湿气大吗</t>
  </si>
  <si>
    <t>除了脚汗外，没有其他不适，或者舌象，脉象正常，那就属于生理性脚汗</t>
  </si>
  <si>
    <t>这个湿气太重了。</t>
  </si>
  <si>
    <t>脚汗多可见生理状态也可见于病理状态，除了脚汗外，没有其他不适，或者舌象，脉象正常，那就属于生理性脚汗，不要紧张！</t>
  </si>
  <si>
    <t>三轮车被查了 我有c1证去处理扣分吗</t>
  </si>
  <si>
    <t>不会，电动三轮车不属于c1类型。</t>
  </si>
  <si>
    <t>c1驾驶证去处理三轮车出交通事故会扣分，罚款200-2000扣12分，与准驾车型不符。</t>
  </si>
  <si>
    <t>准驾不符扣12分，驾照已经被暂停使用。</t>
  </si>
  <si>
    <t>没事，人不到案，交警没法处理你的违法行为！！！但是车辆就一直扣着了</t>
  </si>
  <si>
    <t>马犬打架厉害吗</t>
  </si>
  <si>
    <t>咬死你不成问题</t>
  </si>
  <si>
    <t>看和谁打</t>
  </si>
  <si>
    <t>马犬很猛，性格属于兴奋型的，打架比一般的狗厉害那是肯定的。</t>
  </si>
  <si>
    <t>马犬灵活性高好斗。，比起德牧有过之而无不及。</t>
  </si>
  <si>
    <t>绿豆汤会导致不孕吗</t>
  </si>
  <si>
    <t>两种原因都有.最主要的是你喝了大量的绿豆汤!你可能是身体虚的人，而绿豆汤是凉性的.此外还有其它的凉茶也不能多喝，严重者会可能导致不孕，除凉茶以外海带也不能多吃．</t>
  </si>
  <si>
    <t>dnf魂链和遗迹手镯冲突吗</t>
  </si>
  <si>
    <t>不冲突，魂猎不会和一切装备冲突放心。</t>
  </si>
  <si>
    <t>不冲突，遗迹手镯是黄字伤害，与所有黄字伤害冲突，灵魂猎者是提升面板，是直接增加攻击的。</t>
  </si>
  <si>
    <t>遗迹手镯是黄字伤害，如果身上有别的黄字伤害只取最高的 ；魂链是白字附加伤害跟任何装备都不冲突。</t>
  </si>
  <si>
    <t>不冲突</t>
  </si>
  <si>
    <t>没有冲突.........</t>
  </si>
  <si>
    <t>没有。魂链和任何装备都无冲突</t>
  </si>
  <si>
    <t>按摩头部对脂溢性脱发有帮助么</t>
  </si>
  <si>
    <t>可以的，脂溢性脱发主要控油</t>
  </si>
  <si>
    <t>头部按摩，对脱发有用的。</t>
  </si>
  <si>
    <t>软件著作权申请容易吗</t>
  </si>
  <si>
    <t>比专利好申请多了，不是很严，而且政策的话3个月就能授权下来了。</t>
  </si>
  <si>
    <t>圣马可吉他好吗</t>
  </si>
  <si>
    <t>圣马可吉他 手感和音色都非常不错,弹过一阵后，音色还会有很明显的提升，很值得购买的品牌.购买乐器是买来弹和听的，</t>
  </si>
  <si>
    <t>当然好啊。国产吉他里，圣马可数一数二。</t>
  </si>
  <si>
    <t>玩过很多琴，觉得圣马可还不错，音色手感挺喜欢的。</t>
  </si>
  <si>
    <t>圣马可音色比较均衡，可驾驭的风格比较广。#挺好的，音色很棒。</t>
  </si>
  <si>
    <t>不错</t>
  </si>
  <si>
    <t>ps成绩单会被发现吗</t>
  </si>
  <si>
    <t>看你处理的真不真了。</t>
  </si>
  <si>
    <t>一般不容易发现的</t>
  </si>
  <si>
    <t>父母有处分的子女能报考公务员吗</t>
  </si>
  <si>
    <t>一般岗位都没问题，但如果你报考的岗位性质要求比较严格，比如公安岗位等，政审可能通不过，如果通过考试到了政审这一关，你可能要找些关系</t>
  </si>
  <si>
    <t>具体要看父母是犯的什么问题，严不严重。直系亲属如果被判的无期或死刑是不可以报考公务员的。 曾因犯罪受过刑事处罚的人员；曾被开除公职的人员；在中央及地方公务员招考过程中被认定有舞弊等严重违反录用纪律行为的人员；公务员被辞退未满五年的人员；试用期内的公务员；在读的非应届毕业生；现役军人；具有法律规定不得录用为公务员的其他情形的人员，不得报名。报考人员不得报考录用后即构成回避关系的招录职位。 所以只要不是太严重，是可以报考公务员的。</t>
  </si>
  <si>
    <t>父母受党纪处分对子女考公务员有影响。</t>
  </si>
  <si>
    <t>如果你父母是严整刑事案件或者是颠覆国家政治方面的 就不能考</t>
  </si>
  <si>
    <t>你是直系亲属有犯罪记录，你却满足报考公务员条件，是可以进行报考的，但是在公务员考试中的流程中的政审环节，可能会对你有一定的影响，不过具体要看招考单位。</t>
  </si>
  <si>
    <t>主要是看直系亲属犯的是什么罪，如果是死罪，那就不能报考。</t>
  </si>
  <si>
    <t>猪肥肉里有血管吗</t>
  </si>
  <si>
    <t>只是血管</t>
  </si>
  <si>
    <t>毛细血管，每个哺乳动物都有。生物课有教</t>
  </si>
  <si>
    <t>会有毛细血管</t>
  </si>
  <si>
    <t>g206是高速吗</t>
  </si>
  <si>
    <t>不是，是国道</t>
  </si>
  <si>
    <t>206国道为国家骨干公路，始于山东省烟台市垆上立交，途经江苏、安徽、江西，终于广东省汕头市大学路路口，全长2375公里。</t>
  </si>
  <si>
    <t>G206是国道，不是高速</t>
  </si>
  <si>
    <t>羊胎素胶囊有激素吗</t>
  </si>
  <si>
    <t>是从羊胎盘提取的物质，不属于激素。</t>
  </si>
  <si>
    <t>是，有很多明星都打羊胎素来保持年轻的</t>
  </si>
  <si>
    <t>地瓜土豆能一起吃吗</t>
  </si>
  <si>
    <t>当然可以一起吃。很多饭店都有这种菜。</t>
  </si>
  <si>
    <t>都属于马玲科植物，主要作用能祛湿健脾养胃、生用可以清热消肿。而且营养价值也比较高。可以在一起食用。</t>
  </si>
  <si>
    <t>当然能喽~没见过沙拉吗</t>
  </si>
  <si>
    <t>椰子油可以护发吗</t>
  </si>
  <si>
    <t>椰子油是唯一可以减少秀发蛋白质流失的油，除了让头发更健康光滑和拥有丰富自然的发色之外，对防止头皮屑、保护头皮又有极大的效果，也能帮助预防灰发和秃头的提早发生。</t>
  </si>
  <si>
    <t>每周三次使用椰子油按摩你的头皮，要确保从发根到末端都要润湿，维持大约1-2 小时后，像往常一样洗头就好。</t>
  </si>
  <si>
    <t>学位证书能补办吗</t>
  </si>
  <si>
    <t>直接拿复印件或扫描件来重新办一本同样能用，很多同学都是这样弄的。</t>
  </si>
  <si>
    <t>学位证书只有一份，遗失后不能补办原件，只能补办学位证明书，具有同等法律效力。</t>
  </si>
  <si>
    <t>毕业的时候没有拿到学位证，一般毕业两年内都可以重新申请学位证。每个学校都会给那些没有拿到学位证的同学机会。</t>
  </si>
  <si>
    <t>这个国家的教育制度里是没有”补学位“的机会的。想要学士学位，只有重上本科。</t>
  </si>
  <si>
    <t>有过丢失经验的，跑去学校结果没补到，不给补。</t>
  </si>
  <si>
    <t>好像补办不了 只能开学位证明</t>
  </si>
  <si>
    <t>没拿到学位证不是因为没办理，而是因为毕业生没有资格拿到学位证。具体规定每个学校不同，比如说没过四级，毕业时还有挂的科目等等这些都是拿不到学位证的。如果毕业时有挂科，那么毕业后可以回来补考，如果补考通过也可以拿到学位证。</t>
  </si>
  <si>
    <t>一般来说不行，不过可以跟学校商量一下，只能尽力争取了。</t>
  </si>
  <si>
    <t>学位证丢失了学校不补发的。</t>
  </si>
  <si>
    <t>毕业的时候没有拿到学位证，一般毕业两年内都可以重新申请学位证。每个学校都会给那些没有拿到学位证的同学机会。如果已经没机会拿以前就读学校的学位证的话，可以参加自考或成人高考。</t>
  </si>
  <si>
    <t>如果没有什么关系的话，肯定不会给的；如果跟校长是亲戚就可以。</t>
  </si>
  <si>
    <t>可以补办的可以补办的，其实也不算很麻烦。</t>
  </si>
  <si>
    <t>可以，但手续麻烦。</t>
  </si>
  <si>
    <t>只会开学位证明。</t>
  </si>
  <si>
    <t>净水器需要先放水吗</t>
  </si>
  <si>
    <t>要的。如果您购买的净水过滤器前面有活性碳的过滤环节，一定要先在此活性碳过滤环节先放水排出一些活性碳杂质后，再接管后面的过滤环节，要不然会堵住后面的滤芯，影响过滤效果。</t>
  </si>
  <si>
    <t>不用放水的</t>
  </si>
  <si>
    <t>不知道你的净水器是什么品牌，应按说明书的放水说明来操作。</t>
  </si>
  <si>
    <t>刚安装上去的净水器是需要清洗一下的，因为里面有保护液，如果已经使用了一段时间，则不需要。</t>
  </si>
  <si>
    <t>安装好后是需要冲洗一会的</t>
  </si>
  <si>
    <t>不需要，因为净化出来的就是干净的</t>
  </si>
  <si>
    <t>肾结石能吃海参吗</t>
  </si>
  <si>
    <t>可以吃的，但是要适量</t>
  </si>
  <si>
    <t>嗯，可以的，海参中含有大量的精氨酸，精氨酸是合成人体胶原蛋白的重要原料，对修复损伤的机体有特效。</t>
  </si>
  <si>
    <t>奔驰后期保养贵吗</t>
  </si>
  <si>
    <t>奔驰保养费用高。</t>
  </si>
  <si>
    <t>便宜多了，小保养一次一千不到。</t>
  </si>
  <si>
    <t>找对靠谱的维修厂就不贵。</t>
  </si>
  <si>
    <t>保养零配件是不贵的,主要是维修配件贵</t>
  </si>
  <si>
    <t>优购东西是正品吗</t>
  </si>
  <si>
    <t>优购因为是百丽旗下的购物网站，所以百丽集团自己生产的百丽，他她，天美意这种女鞋，和百丽作为代理商代理的 耐克，阿迪达斯，匡威等运动品牌绝对不会有假，其他就不清楚了。</t>
  </si>
  <si>
    <t>一直都是正，从未所有改变</t>
  </si>
  <si>
    <t>优购网的鞋子我有买过阿迪，鞋子质量没什么问题。</t>
  </si>
  <si>
    <t>京东都不能百分百保证</t>
  </si>
  <si>
    <t>整体没问题，是正品，都是品牌直接授权的。</t>
  </si>
  <si>
    <t>这个得看运气</t>
  </si>
  <si>
    <t>直肠癌能吃螃蟹吗</t>
  </si>
  <si>
    <t>适量吃没问题，但不宜吃蟹黄。</t>
  </si>
  <si>
    <t>你好 螃蟹是寒性食物，有个最大的不好就是可以引起旧疾复发。所以有直肠癌的病人最好还是不要吃为好 可以看看《战胜病魔的钢铁意志》</t>
  </si>
  <si>
    <t>乐视会员能看太子妃升职记全集吗</t>
  </si>
  <si>
    <t>现在不行的，都是删减过的了</t>
  </si>
  <si>
    <t>淘宝，1毛钱会员，我都看了，坐等更新</t>
  </si>
  <si>
    <t>后面部分需要VIP，前面的可以免费观看的。</t>
  </si>
  <si>
    <t>治疗神经性犬瘟抽搐是不是要先降体温</t>
  </si>
  <si>
    <t>继续用药</t>
  </si>
  <si>
    <t>民生信用卡审批看负债吗</t>
  </si>
  <si>
    <t>银行审批信用卡查询的负债率是按信用卡申请人在银行的所有欠款（包括贷款和信用卡欠款）和资产的比值，以前一天的负债率作参考。负债率是实时的，负债率高了影响审批，也影响提额，审批期间内尽量少欠款。不是像普通人理解的那样用信用卡负债金额和信用卡总计的授信额度的比值来计算负债率。</t>
  </si>
  <si>
    <t>都是要查的</t>
  </si>
  <si>
    <t>不一定，大部分银行的确在意负债率，但是个别银行不作为重要参考，关键是单位性质、个人收入、年龄（25岁到45岁之间加分多）、申请行的资产以及房车等等。</t>
  </si>
  <si>
    <t>吃牛黄解毒片能喝菊花茶吗</t>
  </si>
  <si>
    <t>不建议用。</t>
  </si>
  <si>
    <t>子宫内膜厚需要刮宫吗</t>
  </si>
  <si>
    <t>正常的情况下子宫内膜厚度在12-14MM左右就会来月经的，超过了就要进行诊断性刮宫治疗。</t>
  </si>
  <si>
    <t>如果子宫内膜很厚是必须做手术的，不然会有出血不止的情况，此手术对身体没有多大影响。</t>
  </si>
  <si>
    <t>刮宫既能止血又可以起到诊断作用，所以临床上对于子宫内膜厚的患者给予刮宫。</t>
  </si>
  <si>
    <t>子宫内膜厚病因明确的患者给予黄体酮，不用刮宫。</t>
  </si>
  <si>
    <t>子宫内膜增厚又称子宫内膜增生症，是指子宫内膜在炎症、内分泌紊乱，或某些药物的刺激下引起子宫内膜过度生长的一种疾病。一般与卵巢雌激素分泌过多而孕酮缺乏有关。。建议及时治疗，防止病情加重或者引发其他症状。一般可以通过药物治疗，使用激素如黄体酮，短期治疗效果明显，长期服用会有副作用，中成药妇炎药芄具有祛瘀止血的功效，没有副作用，严重的话需要进行手术治疗。</t>
  </si>
  <si>
    <t>球拍状胎盘能顺产吗</t>
  </si>
  <si>
    <t>顺产要综合全面在正常情况下进行选择，在医生指导下，根据结果进行选择。</t>
  </si>
  <si>
    <t>胎盘的情况不影响顺产，在产程中注意观察</t>
  </si>
  <si>
    <t>温故和知新是不是两件并列的事</t>
  </si>
  <si>
    <t>温习学过的知识,获得新的理解和体会.也指吸取历史经验,更好的认识现在。温：温习.故：旧的不是并列的两件事是顺承关系</t>
  </si>
  <si>
    <t>温故和知新是两件事，它们之间有区别，更有联系。温习旧的知识，得到新的理解和体会。也指回忆过去，能更好地认识现在。</t>
  </si>
  <si>
    <t>不是并列的两件事是顺承关系。先温故，后知新，一前一后 不是并列发生的。</t>
  </si>
  <si>
    <t>不是并列的两件事</t>
  </si>
  <si>
    <t>孕妇能吃橘子吗</t>
  </si>
  <si>
    <t>可以的，建议：（1）孕早期：此期孕妇多有“早孕反应”，食欲减退，出现呕吐等，此时胚胎发育较缓慢，故孕妇对热能、蛋白质、无机盐等营养素的需要量增加不明显，基本同孕前。</t>
  </si>
  <si>
    <t>孕妇可以吃桔子，但不能多吃。</t>
  </si>
  <si>
    <t>孕妇是可以吃橘子的</t>
  </si>
  <si>
    <t>可以！少吃</t>
  </si>
  <si>
    <t>耳膜穿孔能治好吗</t>
  </si>
  <si>
    <t>大多数的耳漏经抗生素及局都治疗後，症状都会获得改善。</t>
  </si>
  <si>
    <t>是可以修复的，到医院</t>
  </si>
  <si>
    <t>可以去医院，在医院可以做耳膜修补手术的。</t>
  </si>
  <si>
    <t xml:space="preserve"> 1、药物治疗鼓膜穿孔：一般药物疗法主要是通过抗菌、排脓、消肿以达到缩小穿孔的目的，但是单纯的药物治疗很难实现穿孔的愈合，并且难以根治鼓膜穿孔，极易复发。 2、手术治疗鼓膜穿孔：一般是将乳突、鼓窦和鼓室内病变三者与外耳道相通，虽可治愈部分鼓膜穿孔，但无法彻底清除病灶，易复发，创伤大，并发症多。【耳内窥镜下耳膜穿孔修补术】治疗鼓膜穿孔专业可靠 耳内窥镜下耳膜穿孔修补术，治疗鼓膜变孔，创伤小、恢复快，与传统修补手术相比更为高效省时、安全可靠，治疗效果显著，值得信赖与选择。首先，采用耳内窥镜精细检查耳部病变，其中保障手术安全的关键之一就在于充分暴露手术视野，利用耳显微技术，定位耳部深处、隐蔽处的病变，可有效降低治疗的难度风险，提高治疗精确率。其次，在耳内窥镜及耳显微镜的导引下，通过进行耳膜修补术，可以达到有效治疗鼓膜穿孔的目的。</t>
  </si>
  <si>
    <t>属鼠的和属牛的配吗</t>
  </si>
  <si>
    <t>子鼠和丑牛是天造地设的一对，子丑合土，所以属鼠的人和属牛的人在一起可以说是最相合的了。</t>
  </si>
  <si>
    <t>们是能够各取所需，互利互惠的一对。你们的结合令双方都很满意，两个人都没什么可抱怨的</t>
  </si>
  <si>
    <t>女属鼠和男属牛如果相爱的话，那可以说是非常美满的一对</t>
  </si>
  <si>
    <t>属牛生肖上和属鼠是最配！但五行上却是和鸡相生！而且！五行上也是克制鼠的！</t>
  </si>
  <si>
    <t>经常用吸奶器会使奶水变少吗</t>
  </si>
  <si>
    <t>应该不会的吧，很多妈妈都是背奶妈妈，都是用吸奶器吸奶保存好给宝宝方便喝，你只要饮食上面都注意一些，多喝喝汤水的就好下奶了。</t>
  </si>
  <si>
    <t>吸奶器不会把奶吸少，但是吸奶器吸到没有了一定要拿手在乳头边缘打圈状按摩，再吸还能吸出很多来，一定要吸到一点都挤不出来了才停掉，这样你的奶会越来越多的</t>
  </si>
  <si>
    <t>用吸奶器吸奶水不会越来越少，乳房只要有吸力刺激，奶水就不会断。</t>
  </si>
  <si>
    <t>常用吸奶器，把奶吸空，吸的频繁，是会使奶增多的，不会变少的。</t>
  </si>
  <si>
    <t>不会，指导意见：用吸奶器吸奶水不会越来越少，乳房只要有吸力刺激，奶水就不会断。</t>
  </si>
  <si>
    <t>看守所里有被子吗</t>
  </si>
  <si>
    <t>里面都会安排</t>
  </si>
  <si>
    <t>看守所里有旧被子都是很多犯人用过的</t>
  </si>
  <si>
    <t>看守所有被子，但是，要花钱买，大多数是那种黑心棉被子。</t>
  </si>
  <si>
    <t>看守所里冬天才有被子。</t>
  </si>
  <si>
    <t>看守所里有被子</t>
  </si>
  <si>
    <t>看守所内有被子提供。</t>
  </si>
  <si>
    <t>每天跑步能瘦吗</t>
  </si>
  <si>
    <t>这样肯定能瘦。</t>
  </si>
  <si>
    <t>光靠每天坚持跑步运动，难以在短期内达到廋身的预期效果</t>
  </si>
  <si>
    <t>肯定是可以的，坚持运动在加上合理饮食。长期坚持都是可以减肥的。</t>
  </si>
  <si>
    <t>天天跑步是不行的，前期可能会瘦点，之后就不行了，天天跑步会消耗你的肌肉，而且会加快脂肪的储备，还会影响身体老化。</t>
  </si>
  <si>
    <t>在控制饮食的同时坚持每天跑步半小时是可以减肥的</t>
  </si>
  <si>
    <t>慢跑半小时以上有减肥的效果</t>
  </si>
  <si>
    <t>cad吃显卡吗</t>
  </si>
  <si>
    <t>如果用不到3d建模，而且平时有良好的作图习惯的话，cad是不太会吃显卡的。</t>
  </si>
  <si>
    <t>安吉乐翻天水上乐园好玩吗</t>
  </si>
  <si>
    <t>滑水表演、水上摩托艇表演、碰碰船、帆板、帆船表演、水上三轮车、水上自行车、水上飞机表演、水上降落伞都很有意思。</t>
  </si>
  <si>
    <t>好玩的,欢迎来安吉旅游。</t>
  </si>
  <si>
    <t>牡丹江地震过么</t>
  </si>
  <si>
    <t>1月2日12时22分在黑龙江牡丹江市林口县(纬度度，经度129.95度)发生6.4级地震，震源深度580千米，由于震源深，当地无明显震感，没有伤亡。</t>
  </si>
  <si>
    <t>中国地震台网正式测定： 2016年 9月9日8时30分，在朝鲜（疑爆）（ 北纬41.40度，东经129.10度）发生 5.0级地震，震源深度 0 千米。</t>
  </si>
  <si>
    <t>激光祛痣疼吗</t>
  </si>
  <si>
    <t>激光去除黑痣的疼痛是一般人都可以承受的，虽然会痛但是疼痛感不强。</t>
  </si>
  <si>
    <t>出现轻微的疼痛，是很容忍受的</t>
  </si>
  <si>
    <t>不是很疼，就像是针尖一扎一扎的，间接性微刺痛，较深的痣，根深，扎刺的次数相对多，刺的深，疼痛感就强烈些。</t>
  </si>
  <si>
    <t>我上个月刚去痣了的，去了三颗，没打麻药，疼啊，想烧电焊，</t>
  </si>
  <si>
    <t>北京华夏管理学院学历承认吗</t>
  </si>
  <si>
    <t>他是一所民办非学历高等教育机构，相当于你进去接受培训，是没有学历的，也不存在说得到教育部的认可。</t>
  </si>
  <si>
    <t xml:space="preserve">民办大学，不具备发放正规文凭的资格，所颁发的毕业证书国家不予承认！ </t>
  </si>
  <si>
    <t>北京华夏管理学院属于民营性质的民办学校，他给出的学历证书应该不被教委承认的，</t>
  </si>
  <si>
    <t xml:space="preserve">因为北京华夏管理学院是民办大学非统招 所以文凭国家不承认的 </t>
  </si>
  <si>
    <t>淘宝代理靠谱吗</t>
  </si>
  <si>
    <t>这个需要自己去甄别，不是所有的商家都靠谱，尤其是那些需要缴纳费用的，基本上都是不靠谱的，很多都是打着招代理的幌子来进行诈骗，所以要想找到一个靠谱的代理商家，就要对商家的资质进行核实。</t>
  </si>
  <si>
    <t>看你代理的什么，是否正规，做代理的很多，但是骗子也有很多</t>
  </si>
  <si>
    <t>这个并不可靠的。</t>
  </si>
  <si>
    <t>酿制葡萄酒需要密封吗</t>
  </si>
  <si>
    <t>干净的口罩封口，外面的空气进不去，发酵产生的二氧化碳气体会逸出。同时，也方便开启，搅拌漂浮物进入液体中。</t>
  </si>
  <si>
    <t>　发前期(有气泡产生的阶段)不需要密封,后期(无气泡产生阶段)需要密封! 自酿葡萄酒发酵前不能密封，因为发酵产生大量的二氧化碳，密封的话随着二氧化碳的产生压力逐渐增大，最后能把密封顶开，更甚着能把容器压碎。发酵的时候最简单的办法是用双层纱布蒙在容器口上，避免发酵时有果蝇等带君昆虫进入。发酵结束后要经过分离后要密封。　　自制葡萄酒的流程：</t>
  </si>
  <si>
    <t>一定要密封。</t>
  </si>
  <si>
    <t>葡萄酒发酵需要密封，发酵过程是酵母菌发酵的过程，酵母菌在有氧状态下繁殖，无氧状态下发酵。</t>
  </si>
  <si>
    <t>葡萄酒发酵时不需要密封。葡萄酒的酵的原理：葡萄果实里的糖分，在酵母的发酵作用下，转变成酒精和二氧化碳，从而得到含有酒精的葡萄酒。</t>
  </si>
  <si>
    <t>首先要强调的一点是，完全密封保存葡萄酒</t>
  </si>
  <si>
    <t>需要密封，因为酵母菌将葡萄糖转化成酒精需要无氧呼吸，但是最好隔段时间放气，当然留少许空气给酵母菌有氧呼吸进行繁殖。</t>
  </si>
  <si>
    <t>不要密封，但也要注意不能让过度的氧气进入，因为葡萄酒的发酵是一种微氧反应。意思是说需要一定的氧气，但不能太多。葡萄酒会过度氧化。</t>
  </si>
  <si>
    <t>小孩入学需要房产证吗</t>
  </si>
  <si>
    <t>我国很多家庭居住的都是租赁房，没有房产的孩子也可以享受义务教育，没有歧视，因此不需要房产证。</t>
  </si>
  <si>
    <t>孩子上学不需要拿房产证，如果是本地户口带上户口本就可以了，外地户口的话需要居住证明。</t>
  </si>
  <si>
    <t>非深户是否可以在深圳办理退休金</t>
  </si>
  <si>
    <t>如果非深户在深圳地区累计缴纳社保满10年，到达法定退休年龄，累计缴费达到规定的最低缴费年限15年，可以选择在深圳办理退休手续，也可以选择迁移回户籍所在地社保局办理退休手续。在哪里办理退休手续，就在享受哪地区的退休待遇。如果非深户在深圳地区累计缴纳社保不满10年，到达法定退休年龄，累计缴费达到规定的最低缴费年限15年，只能迁移回户籍地社保局办理退休手续，享受户籍地退休待遇。</t>
  </si>
  <si>
    <t>非深户是可以在深圳办理退休并按深圳的标准享受社保待遇的，条件很简单，满足以下任何一个条件就可以享受深圳的退休待遇。1.退休前在深圳累计缴纳养老保险15年以上，并且最后参保地是在深圳；2.退休前在深圳累计缴纳养老保险10年以上，合并其他地方年限后满15年，并且最后参保地是在深圳；</t>
  </si>
  <si>
    <t>完全可以，在深圳交的养老金可以在深圳办理退休手续领退休金</t>
  </si>
  <si>
    <t>当然能，这没有任何异议。</t>
  </si>
  <si>
    <t>ug8.0好用吗</t>
  </si>
  <si>
    <t>功能自然要强大了一些，每个人都有一个钟爱的版本，所以不能简单说好不好用，客观说感觉8.0不错。</t>
  </si>
  <si>
    <t>没4.0好，界面复杂，有的命令改的乱，比如分割体，变换，图层和别的版本很不一样，工作效率低。</t>
  </si>
  <si>
    <t>界面很混乱，有的功能只能在菜单里用。</t>
  </si>
  <si>
    <t>挺好用的，一直在用。</t>
  </si>
  <si>
    <t>8.0的界面有回归4.0的意思，工程图变化挺大，预测8.0将是继4.0后的一个主流！</t>
  </si>
  <si>
    <t>不好用，很多实用的功能没有了，或是找不到地方了，以前用7.0现在用8.0特别扭，尽弄花哨没用的东西，改版本无非为了卖钱而已，再有这帮改软件的天天有事做，不会下岗。</t>
  </si>
  <si>
    <t>8.0的好用啊</t>
  </si>
  <si>
    <t>用避孕套也会怀孕吗</t>
  </si>
  <si>
    <t>当然有可能怀孕了。简单的办法就去药店买个孕检棒。</t>
  </si>
  <si>
    <t>不会怀孕的，可能是压力大、心情不好、熬夜、受凉、吃药等原因影响导致月经推迟了，你说的这些症状也可能是要来例假了吧</t>
  </si>
  <si>
    <t>那要看你买的避孕套质量怎么样了</t>
  </si>
  <si>
    <t>一般没事</t>
  </si>
  <si>
    <t>只要你没把避孕套干漏了就不会。</t>
  </si>
  <si>
    <t>你好！很高兴为你解答。 怀孕机率不大！正常情况下，只要是避孕套没破，精液都射在套里面了，是不会怀孕的 精子没有穿透力！除非是套子破了！ 在使用之前，好好检查一下，看看套子破没破，哪怕是有一个小洞 也不行的！</t>
  </si>
  <si>
    <t>有可能怀孕的</t>
  </si>
  <si>
    <t>正确偑戴使用，不会受孕</t>
  </si>
  <si>
    <t>粤b车牌能转让吗</t>
  </si>
  <si>
    <t>车牌不可以相互交易和转让，车牌跟人，不跟车。</t>
  </si>
  <si>
    <t>肯定没问题，通过车管所办理牌照转让手续。</t>
  </si>
  <si>
    <t>你查询的是 粤B。类型：民用车辆号牌，省份：广东，城市：深圳市，可以的，手续需到车管所办理</t>
  </si>
  <si>
    <t>深圳规定牌是随人走，因为牌不可以转卖，并不是随车转让。例如，你要换新车，如果你的车牌已有三年，就可以保留到你新车上，自动获得指标。但是，出卖二手车，买家需要有指标。</t>
  </si>
  <si>
    <t>你查询的是 粤B·，类型：民用车辆号牌。省份：广东，城市：深圳市，车牌不能随意买卖</t>
  </si>
  <si>
    <t>车牌号不能转让,最多只能在过户或者报废后自己在新车上申请使用原车牌号。　　如果要换新车，并且想继续使用原来车牌，按照公安部102号令第十八条规定，满足以下三个条件便可：　　第一，原来的车牌使用了三年以上；　　第二，提出申请继续使用原车牌的时间是在办理转移登记或者注销登记后六个月内；　　第三，涉及原机动车的道路交通安全违法行为和交通事故处理完毕。　　同时满足以上三个条件，便可自动获得指标拿到原车牌。</t>
  </si>
  <si>
    <t>汽车可以转让，车牌号不能转让，过户流程是收回原车牌号，发放新车牌号。</t>
  </si>
  <si>
    <t>q车牌号不能转让,最多只能在过户或者报废后自己在新车上申请使用原车牌号。如果要换新车，并且想继续使用原来车牌，按照公安部102号令第十八条规定，满足以下三个条件便可：第一，原来的车牌使用了三年以上；第二，提出申请继续使用原车牌的时间是在办理转移登记或者注销登记后六个月内；第三，涉及原机动车的道路交通安全违法行为和交通事故处理完毕。同时满足以上三个条件，便可自动获得指标拿到原车牌。w</t>
  </si>
  <si>
    <t>999皮炎平含激素吗</t>
  </si>
  <si>
    <t>减弱皮肤抵抗力</t>
  </si>
  <si>
    <t>湿疹需要避免接触过敏原，饮食要清淡，各种异性蛋白质吃的时候需要看看是否过敏，还海鲜类就不要吃了。</t>
  </si>
  <si>
    <t>皮炎平是有激素的</t>
  </si>
  <si>
    <t>这个当然是激素了</t>
  </si>
  <si>
    <t>有激素的。不建议长期使用</t>
  </si>
  <si>
    <t>含激素</t>
  </si>
  <si>
    <t>丰胸精油真的有用么</t>
  </si>
  <si>
    <t>嗯，最有用的是米丽芳菲精油。</t>
  </si>
  <si>
    <t>这个真的是有用的，但是你选择的话一定要先看准了。</t>
  </si>
  <si>
    <t>不可以，精油只用来辅助丰胸，丰胸需要由内养起，自然生长发育才好</t>
  </si>
  <si>
    <t>看牌子啦，连个专柜工厂公司国药局备案都没有的，不能买</t>
  </si>
  <si>
    <t>其实没有这种明确的说法，有些精油有活血的功效，有些有紧致皮肤的作用，但是丰胸的不很靠谱。</t>
  </si>
  <si>
    <t>精油不能</t>
  </si>
  <si>
    <t>pvc材料耐高温吗</t>
  </si>
  <si>
    <t>普的PVC耐温只有60度，有的人说PVC可以耐温100度，估计也是胡说，ABS的耐温都达不到100度，而ABS的价格要比PVC高出50% 虽然PVC的耐温不够高，但是可以通过添加POLYMSJ的耐温剂来提高PVC的耐温。</t>
  </si>
  <si>
    <t>pvc的耐温要看使用环境温度是多少，一般自然环境是没有任何问题的。当温度超过五六十度的时候就得看你说的是什么产品了。一般硬直或者中性制品应该问题不大。但是软质制品长期处于中高温环境中可能会有成份析出！只要不是时间很长一百度以内应可以！</t>
  </si>
  <si>
    <t>子宫内膜癌没化疗需要吃中药吗</t>
  </si>
  <si>
    <t>可以考虑找个抗癌中医开点方子吃点中药，抗癌。</t>
  </si>
  <si>
    <t>女人第一次会留基因吗</t>
  </si>
  <si>
    <t>不会有事的，精液的情况只要是没有怀孕是不会长时间留在体内的，不会遗传给下一代的。</t>
  </si>
  <si>
    <t>会的，男子射精后基因留在女子体内。</t>
  </si>
  <si>
    <t>但是，就是这种分泌物，把精子分解以后，吸收了精子的部分基因，并保存了起来。这种保存，是永久性的，且，会遗传给女性的后代。</t>
  </si>
  <si>
    <t>不是，没有科学根据的</t>
  </si>
  <si>
    <t>没有根据，无稽之谈</t>
  </si>
  <si>
    <t>广州火车站有地铁吗</t>
  </si>
  <si>
    <t>广州火车站就有地铁,走约80米到地铁。</t>
  </si>
  <si>
    <t>有的，地铁2号线途经火车站，火车站出口处可以进地铁站，火车站广场西边也有个入口</t>
  </si>
  <si>
    <t>2个火车站一出站都有地铁站，都开通N年了，名字就叫“广州火车站”（2号线），“广州东站”（1号线和3号线）。</t>
  </si>
  <si>
    <t>广州火车站附近有地铁站：广州火车地铁站，越秀公园地铁站。</t>
  </si>
  <si>
    <t>mtk6592支持4g吗</t>
  </si>
  <si>
    <t>MT6592本身只支持到3G网络;</t>
  </si>
  <si>
    <t>MT6592本身芯片不支持4G的，想要实现4G，得外挂4Gmodem芯片才可以。</t>
  </si>
  <si>
    <t>联发科 MT6592只是CPU的型号。搭载联发科 MT6592的手机，有的支持移动4G，有的支持移动3G、联通3G、电信3G，等等。看你的手机型号。</t>
  </si>
  <si>
    <t>带4G基带的MT6592就支持联通/移动4G了，不带就只支持国内的移动/联通3G/2G。</t>
  </si>
  <si>
    <t>MT6592当然支持4G了.</t>
  </si>
  <si>
    <t>算盘能开平方吗</t>
  </si>
  <si>
    <t>可以开开的尽方的数。</t>
  </si>
  <si>
    <t>用算盘进行开平方运算是可以的。算盘是与手算差不多的办法，所以手算可以做的，算盘也是可以做的。</t>
  </si>
  <si>
    <t>用算盘施行系列减法实现开平方运算。</t>
  </si>
  <si>
    <t>电脑两边有黑框是不是怪按到键盘上哪个键了</t>
  </si>
  <si>
    <t>看看你的显示器上面有没有 AUTO这个按键有的话就按一下，应该可以恢复的。</t>
  </si>
  <si>
    <t>常按CTRL 键，用鼠标滑轮调试大小,这个最适合你</t>
  </si>
  <si>
    <t>淘宝网抽奖是真的吗</t>
  </si>
  <si>
    <t>淘宝的一般都是真的，但是得靠运气，几率很小的，如果是店铺的就不一定是真的了。</t>
  </si>
  <si>
    <t>官方抽奖是真的，卖家私人抽奖水分很大</t>
  </si>
  <si>
    <t>具体看看是怎么抽奖的。</t>
  </si>
  <si>
    <t>具体的话是看什么活动了有官方的也有店铺自己做的活动，建议和发起者联系核实一下</t>
  </si>
  <si>
    <t>消费卡是真的吗</t>
  </si>
  <si>
    <t>是啊，我也办了</t>
  </si>
  <si>
    <t>是真的 我也办了 我办的是中国时尚消费卡 可以用我买到东西了 20万</t>
  </si>
  <si>
    <t>是真的 我可以帮你套现</t>
  </si>
  <si>
    <t>你要办吗？</t>
  </si>
  <si>
    <t>消费卡不是信用卡，很多所谓下卡后激活在交钱，等你激活后去购物，想买的都不能，能买的都是些劣质买高价的商品，建议不要上当受骗为妙。</t>
  </si>
  <si>
    <t>消费卡是真的，是可以直接消费的，就好像抵用券那样，消费卡有多少钱就可以消费多少钱，多出来的就用现金补</t>
  </si>
  <si>
    <t>成昆线建成后能发动车吗</t>
  </si>
  <si>
    <t>属于普铁。以客运为主，货运为辅。国铁I级电气化线路。复线建成以后，老成昆铁路就主要担当一些短途客运和货运任务了。</t>
  </si>
  <si>
    <t>不过就像前面人员回答的，现在都还没有开工。预计2020年才通车，这个现在考虑真的太早了</t>
  </si>
  <si>
    <t>你说的那个是正在修建中的成昆复线铁路吧，那个时速最多只能达到200公里/小时，只能跑动车，达不到高铁标准的。据之前说的是2020年，现在最新新闻是2022年了</t>
  </si>
  <si>
    <t>6080的电影能下载吗</t>
  </si>
  <si>
    <t>不可以，网站电影一般无法直接缓存在电脑上，除非你用播放器以种子的形式下载下来，但6080暂时还没提供这个功能</t>
  </si>
  <si>
    <t>不可下载的</t>
  </si>
  <si>
    <t>苹果4有录音功能吗</t>
  </si>
  <si>
    <t>在苹果手机上打开工具   语音备忘录按一下里面的红色按钮就可以进行录音录音结束后，再按一下完成就可以了。</t>
  </si>
  <si>
    <t>用audio recorder试下，这个需要vpn开通，之前被下架后来再次上架，现在不知道怎么样了。</t>
  </si>
  <si>
    <t>可以下载一个录音软件。</t>
  </si>
  <si>
    <t>1、点击语音备忘录。2、进行录音：轻按圆圈按钮或按下iPhone耳机上的中央按钮。3、停止录音。按方框按钮或按下iPhone耳机上的中央按钮。4、录音完成。</t>
  </si>
  <si>
    <t>苹果4有通话录音功能</t>
  </si>
  <si>
    <t>怪物猎人ol 武器强化升级保留吗</t>
  </si>
  <si>
    <t>根据你喜欢武器的不同就有不同的玩法 目前已有的武器：单手剑，双剑，大剑，太刀，大锤，狩猎笛，长枪，铳炮，轻弩，重弩 各类武器效果各异 操作要求高低也不一样 没有最好的武器 但肯定有适合你的武器 攻击的方式和攻击的地方都有不一样的效果 更别说还有很多特色的游戏玩法 真是一玩就停不下来的节奏阿</t>
  </si>
  <si>
    <t>怪物猎人OL这款游戏做的确实挺好的，打击感很强，打斗的场面也很刺激，刀光剑影的结合实时刀疤系统，让打斗变的更加逼真，而且这个游戏还有多种玩法，很耐玩。</t>
  </si>
  <si>
    <t>武器强化已经取消，现在是魂石强化系统。F7打开，使劲氪金就行了</t>
  </si>
  <si>
    <t>1.4t保养贵吗</t>
  </si>
  <si>
    <t>什么车？如果只是更换机油，比一般车多几十元</t>
  </si>
  <si>
    <t>不贵</t>
  </si>
  <si>
    <t>补牙有医保吗</t>
  </si>
  <si>
    <t>补牙和治疗是可以报销的，不过一些特殊的补牙材料不再报销范围内的。</t>
  </si>
  <si>
    <t>不可以。 美容，补牙这些都不能走医保报销的。</t>
  </si>
  <si>
    <t>补牙医保只能对当中的一部份进行医保服销，关键要看补牙过程中所涉及的项目、材料、药物是否属医保范畴，如果在医保范畸则可进行补牙医保报销。</t>
  </si>
  <si>
    <t>目前补牙已经纳入医保范围</t>
  </si>
  <si>
    <t>惠信宝推广是传销吗</t>
  </si>
  <si>
    <t>APP是存在， 但是那个活动是有点忽悠人</t>
  </si>
  <si>
    <t>乙肝疫苗第三针可以换进口吗</t>
  </si>
  <si>
    <t>乙肝疫苗第三针能换成打进口的，各种乙肝疫苗可以互相替代。</t>
  </si>
  <si>
    <t>乙肝疫苗接种最好使用同一品牌的，一般不建议更换。因为不同厂家的乙肝疫苗可能生产工艺不同，更换了也不能获得最佳免疫效果。</t>
  </si>
  <si>
    <t>最好还是原套的。</t>
  </si>
  <si>
    <t>你好,擅自用药会 引起严重的不良后果,为做到安全用药,建议在当地临床医生指导下使用.</t>
  </si>
  <si>
    <t>女人50岁还有性欲吗</t>
  </si>
  <si>
    <t>有的，好好保养，这是好事。</t>
  </si>
  <si>
    <t>网上搜到的不算数，为此我前去调查50多岁的嫂子们，她们回答归纳如下：性欲是有的，不过比起40多岁时要少了，高潮不是每个人都能体会到的，别说50岁了，就连年轻人不见的每个人都会体会到的，关键是看“老公”的前提和耐心、还有功力了。爱液有而少，不像年轻人的那么足了</t>
  </si>
  <si>
    <t>50岁还是有的，只不过那种欲望不强烈而已</t>
  </si>
  <si>
    <t>肯定有性欲＃＃这个当然是有的，只是说比平时稍微降低。</t>
  </si>
  <si>
    <t>一个身体很健康的女人即便到了50岁也照样能保持着很高的性欲状态（思想问题的除外）。</t>
  </si>
  <si>
    <t>可能没有了吧</t>
  </si>
  <si>
    <t>那就要看那个女的生理机能是否已经完全没有了, 有的女的应该会有</t>
  </si>
  <si>
    <t>很瘦的女孩多囊卵巢没有生育要求中药治疗可以吗</t>
  </si>
  <si>
    <t>目前治疗多囊卵巢有三大途径：1、激素疗法，常用的激素有达英-35、妈富隆、克罗米酚、二甲双胍等。2、中药制疗：中药治疗也是以调经和促排卵为主。3、手术治疗：将卵巢采用1/3楔形切除。</t>
  </si>
  <si>
    <t>不好治</t>
  </si>
  <si>
    <t>看中医吧</t>
  </si>
  <si>
    <t>选中药慢慢调理吧！</t>
  </si>
  <si>
    <t>好治疗的。</t>
  </si>
  <si>
    <t>书记员好吗</t>
  </si>
  <si>
    <t>因人而异。书记员这份工作总体来说稳定，轻松，但晋升机会低，收入有限。</t>
  </si>
  <si>
    <t>这要看你的书记员是什么编制，聘用制书记员和聘任制书记员是不一样的。</t>
  </si>
  <si>
    <t>书记员跟个好法官更会得到很多好处，像我以前跟庭长混时每天喝的都是1万元以上的茶叶，抽的都是60元以上的香烟。也会学到很多知识，认识很多社会上的成功人士。</t>
  </si>
  <si>
    <t>好啊!如果能做好那就更好了</t>
  </si>
  <si>
    <t>聘用的还是有编制的。工资各个地方也不一样啊。</t>
  </si>
  <si>
    <t>男科医院背部手术靠谱不</t>
  </si>
  <si>
    <t>这种手术的成功率很低的，而且并发症多数在几个月后就会出现</t>
  </si>
  <si>
    <t>excel可以做相关性分析吗</t>
  </si>
  <si>
    <t>一：在菜单栏，点击右键，弹出如下窗口二：点击“自定义快速访问工具栏”（点击其他选项也是可以的），选中加载项，我们就看到了如下的对话框，大家这时候需要在底栏找一个“转到”的选项，如图所示。三：紧接着转到“加载宏”的界面，选择“分析工具库”即可。四：简单设置之后，菜单栏“数据”下方就会新增“数据分析”这一模块</t>
  </si>
  <si>
    <t xml:space="preserve">一打开原始数据表格，制作本实例的原始数据需要满足两组或两组以上的数据，结果将给出其中任意两项的相关系数。二选择“工具”-“数据分析”-“描述统计”后，出现属性设置框，依次选择 输入区域:选择数据区域，注意需要满足至少两组数据。如果有数据标志，注意同时勾选下方“标志位于第一行‘’， 分组方式:指示输入区域中的数据是按行还是按列考虑，请根据原数据格式选择；   输出区域可以选择本表、新工作表组或是新工作簿；三点击“确定”即可看到生成的报表   </t>
  </si>
  <si>
    <t>travel可数吗</t>
  </si>
  <si>
    <t>travel 不可数名词</t>
  </si>
  <si>
    <t>喷门癌化疗有效果吗</t>
  </si>
  <si>
    <t>肿瘤没变小,但也没变大,还没有转移,这说明化疗还是起到作用的。</t>
  </si>
  <si>
    <t>口红致癌吗</t>
  </si>
  <si>
    <t>长期用口红不会导致致癌。合格的口红是安全无毒，无刺激的。由于口红是涂抹在唇部的一种美容化妆品，很可能在进饮食时摄取入口，所以口红成分须经主管部门检查</t>
  </si>
  <si>
    <t>其实再好的化妆品护肤品之类都是有副作用的，而且这些的化学成分是比较多的，而口红又是所有护肤品之中化学成分最多的，所以还是尽量少用吧</t>
  </si>
  <si>
    <t>涂口红让人看起来精神焕发，然而，经常涂口红却会给健康带来极大危害。据美国“罗达尔”新闻网近日报道，美国加州大学伯克利分校公共卫生学院测试发现，大多数口红和唇膏中含有铅、铬等重金属，若使用不当会导致慢性中毒，甚至诱发胃癌。</t>
  </si>
  <si>
    <t>要看口红含铅量是不是在安全范围内</t>
  </si>
  <si>
    <t>小鸟是否用奶来喂养幼儿</t>
  </si>
  <si>
    <t>小鸟给幼鸟喂虫或谷物</t>
  </si>
  <si>
    <t>上海欢乐谷门票是通票吗</t>
  </si>
  <si>
    <t>上海欢乐谷主题公园买门票进去后，游乐项目不要钱买票的。</t>
  </si>
  <si>
    <t>里面所有的都可以玩，</t>
  </si>
  <si>
    <t>门票里不含的就是园区内电瓶车、小火车及用餐的费用，其他都包括了。</t>
  </si>
  <si>
    <t>女神的新衣是真的买吗</t>
  </si>
  <si>
    <t>假的，明摆着是假的，一个衣服商家总才多少钱，还一套买 3000万，谁相信谁2b</t>
  </si>
  <si>
    <t>压力绑腿带可以纠正x型腿么</t>
  </si>
  <si>
    <t>绑腿的效果并不理想，力度过小没有效果，力度过大对人体有损伤，并且绑腿的力度并不持续，还是需要专业的矫形支具进行矫正</t>
  </si>
  <si>
    <t>X型腿是否适合绑腿还需要结合患者的年龄、畸形程度，最好在专门的矫形骨科专家的指导下进行矫正。X型腿的矫正方法有很多，具体来讲需要考虑以下几点：1、7岁以下患儿行夜间支具、物理康复、运动训练等保守方法进行治疗。2、7岁以上儿童，可行肌肉平衡与肌腱转移手术治疗;术后行物理康复治疗。3、成年人治疗原则，要根据患者的年龄、生活与职业要求、畸形程度、局部肌肉韧带等软组织情况施以不同的手术治疗。一般认为踝间距在7厘米以上者为手术适应证。对关节不稳定的病人，如有不同程度的瘫痪或骨关节炎者，尚须行稳定关节的手术</t>
  </si>
  <si>
    <t>烟灰消毒吗</t>
  </si>
  <si>
    <t>烟丝消毒！烟灰止血！</t>
  </si>
  <si>
    <t>没听说过这个事情，但是知道烟灰可以清洗局发染发后残留的痕迹</t>
  </si>
  <si>
    <t>不但不会消毒，而且容易感染。</t>
  </si>
  <si>
    <t>可以止血</t>
  </si>
  <si>
    <t>这个没有消毒的作用，应用烟灰处理伤口就是把无菌的物品塞在伤口上 起到止血及收敛伤口的作用。</t>
  </si>
  <si>
    <t>在没有条件的情况下可以用烟灰处理，如果有条件伤口表浅，那清洗干净，买无菌纱布贴上就可以，伤口深的话最好到医院清创。</t>
  </si>
  <si>
    <t>早上可以吃猕猴桃吗</t>
  </si>
  <si>
    <t>冬季气候干燥，易在人体内诱发燥邪，导致便秘。不妨早上吃点猕猴桃防止便秘。冬天常吃猕猴桃可以调节人体机能，增强抵抗力，补充人体需要的营养。</t>
  </si>
  <si>
    <t>可以的，早上是一天中，胃吸收能力最强的时候了</t>
  </si>
  <si>
    <t>能啊 补充维C</t>
  </si>
  <si>
    <t>猕猴桃还是不要空腹吃比较好。饭后吃猕猴桃可以帮助肠胃消化，两餐之间吃个猕猴桃便可为身体补充点能量。</t>
  </si>
  <si>
    <t>大人的肠胃无所谓，扛得住，小孩子就算了</t>
  </si>
  <si>
    <t>早晨、中午、下午应该分别吃——红枣香蕉、苹果、葡萄、猕猴桃。</t>
  </si>
  <si>
    <t>不能空腹吃，饭前饭后1-3个小时吃都比较合适。</t>
  </si>
  <si>
    <t>乳腺增生能喝绿茶吗</t>
  </si>
  <si>
    <t>网上购买手表可靠吗</t>
  </si>
  <si>
    <t>不可靠，如果想选择一款适合自己的手表，还是去专门销售手表的地方买吧。</t>
  </si>
  <si>
    <t>在网上购买手表不太推荐,因为网上的产品便宜,所以正品基本上很少,上面的基本都是高仿或者精仿的 所以想买到正品的建议到现实中的专卖店买,如果只是想买便宜的那在网上是不错的选择。</t>
  </si>
  <si>
    <t>有真有假，热门品牌假的很多，小众品牌假的很少，个别无假货。两个关键点：钱要花到位，什么一二三折的表，压根不要想；功课做到位，事实上是存在极个别假表当真表卖的，所以即使价钱对了也不能说100%排除了风险，至少做3个月的功课，当然最便捷的方式是寻求靠谱的专业人员推荐店铺。</t>
  </si>
  <si>
    <t>京东 亚马逊 当当那些大网店都是可以信赖的。</t>
  </si>
  <si>
    <t>淘宝除非是经过表友验证的店家，否则不要轻率的去买。</t>
  </si>
  <si>
    <t>现在网购已经很成熟了，大家都可以网上定</t>
  </si>
  <si>
    <t>有事找探长可信吗</t>
  </si>
  <si>
    <t>是诈骗的</t>
  </si>
  <si>
    <t>可信，我有合作过，但是要找信的过的少。</t>
  </si>
  <si>
    <t>比较靠谱，貌似他们全国都有办理人员，不靠谱他们损失最大</t>
  </si>
  <si>
    <t>探长可信的</t>
  </si>
  <si>
    <t>京东过年期间送货吗</t>
  </si>
  <si>
    <t>京东过年不放假，轮流休息，照样送货，</t>
  </si>
  <si>
    <t>看城市，看订单属性类别</t>
  </si>
  <si>
    <t>年后才开始送，具体年后啥时候开始送也要看地区，你上去提交订单时就会看到预计送达时间的了</t>
  </si>
  <si>
    <t>京东快递员在春节期间不再送货，会安排休息时间的。</t>
  </si>
  <si>
    <t>反正我们这不送，今天的订单2.1号到，自提点不开门。</t>
  </si>
  <si>
    <t>一般初三才会送，毕境大家都要休息。</t>
  </si>
  <si>
    <t>来月经时能吃当归吗</t>
  </si>
  <si>
    <t>如果是血虚引起的月经不调可吃.因为当归是有调经作用的,但如果月经正常最好是不要在月经时服用的、吃了后可能会使经量增加而引起贫血.</t>
  </si>
  <si>
    <t>建议女性在月经结束后吃当归。</t>
  </si>
  <si>
    <t>当归本身就具有调经的作用，因此对于那些本身就有月经不调的女性而言就可适当的利用当归来调理月经。但是如果说你本身的月经各方面都很正常的话，那么就不适合在经期食用当归了，在经期食用当归反而容易引起贫血。</t>
  </si>
  <si>
    <t>在月经结束后吃当归是比较好的，因为当归具有补血活血的作用，有助于缓解经期流血过多引起的贫血问题。</t>
  </si>
  <si>
    <t>不可以的，当归活血化瘀，经期期间不宜吃，容易导致血淋淋不尽，建议经期干净一周后再吃</t>
  </si>
  <si>
    <t>开空调开窗户一定浪费电么</t>
  </si>
  <si>
    <t>开窗户并开空调当然浪费电,开了窗户，空调制冷的地方就大了，需要的制冷时间也就长了，当然用电也就大了。</t>
  </si>
  <si>
    <t>如果室外温度高，这是肯定的。原因很简单。室外的热空气进入室内，需要空调用电“搬”出去，所以更耗电</t>
  </si>
  <si>
    <t>开空调是为了降低室内温度，开着窗子房间内冷空气和室外的热空气对流，房间温度降不下来，空调就不会停机（变频空调就一直在高档为运转），当然就用电多了。开空调房间密封越好制冷效果就越好。反之冬天制热也是这个原理。</t>
  </si>
  <si>
    <t>肯定浪费电啊，你把窗户一直开着，屋内制冷就会很慢，很难感受到凉快，空调就要打的很低</t>
  </si>
  <si>
    <t>旧电脑可以装win7吗</t>
  </si>
  <si>
    <t>可以装WIN7 32位的系统。如果用于玩游戏卡的话，加个内存就行了。</t>
  </si>
  <si>
    <t>可以的可以流畅运行</t>
  </si>
  <si>
    <t>主频有点低，而且硬盘有点小了，win7装上要占用10几个G的空间，不建议装win7</t>
  </si>
  <si>
    <t>装是能装，但就是可能跑的不那么流畅，我的上个台式机就是和你配置几乎都差不多，但装WIN7用了好久。我从内部版本就开始用了，一直用的RTM版，都还能跑</t>
  </si>
  <si>
    <t>主要是看硬件配置是否满足要求</t>
  </si>
  <si>
    <t>熟菱角长白点还能吃吗</t>
  </si>
  <si>
    <t>自然现象哇洗洗可以吃的没事</t>
  </si>
  <si>
    <t>自然现象!可以吃啊！</t>
  </si>
  <si>
    <t>是霜。食物霜 每事的可以吃</t>
  </si>
  <si>
    <t>交通银行积分会过期吗</t>
  </si>
  <si>
    <t>交通银行卡积分有限期一般是4年，会过期</t>
  </si>
  <si>
    <t>信用卡积分不会，永久有效。</t>
  </si>
  <si>
    <t>是的，交通信用卡积分有效期一般为两年，过期就废</t>
  </si>
  <si>
    <t>每个银行不一样！！！有的是会。有的是永久积分 交行信用卡积分不会，永久有效。</t>
  </si>
  <si>
    <t>固定有效期24个月（部分卡片为12个月，如沃尔玛卡），积分将逐月过期，过期日为每个自然月月底。</t>
  </si>
  <si>
    <t>中国现在安全吗</t>
  </si>
  <si>
    <t>不安全。可以说是内忧外患。内忧是国内过于重视经济发展，而忽视了精神文明建设</t>
  </si>
  <si>
    <t>目前中国的安全还是可以保证的</t>
  </si>
  <si>
    <t>中国相对来说是比较安全的。</t>
  </si>
  <si>
    <t>当然还可以，不然早就被打仗了</t>
  </si>
  <si>
    <t>配电柜进项税能抵扣吗</t>
  </si>
  <si>
    <t>可以，原则上所有的增值税专用发票都是可以抵扣的</t>
  </si>
  <si>
    <t>当然可以，只要获得可抵扣的增值税票。</t>
  </si>
  <si>
    <t>你单位购入的供高压的电力电缆属于《固定资产分类与代码》中代码前两位为“28”的输电线路：电缆输电线路或电缆配电线路，其进项税可以抵扣。中央空调属于以建筑物或者构筑物为载体的附属设备和配套设施，维修中央空调取得的进项税也不可以抵扣。</t>
  </si>
  <si>
    <t>抵扣进项税最主要的看是否属不动产的配套相关设施，其他的一律可抵，当然小汽车、个人消费等政策规定不能抵的除外。</t>
  </si>
  <si>
    <t>只要是17个点的增值税专用发票就可以抵扣</t>
  </si>
  <si>
    <t>招行信用卡能转账吗</t>
  </si>
  <si>
    <t>信用卡可以作为转账时转入的卡，但不能转出。即可以通过其他卡向信用卡转账还款，但不可以用信用卡转账提现。</t>
  </si>
  <si>
    <t>不可以转到任何其他行卡内</t>
  </si>
  <si>
    <t>信用卡转账有两层意思。1、付款方为信用卡，收款方为借记卡 ( 很明显是不可以的)因为信用卡转账涉及套现违规操作。支付宝，财付通等第三方平台已经明确不能转账至信用卡，但可以给信用卡还款。信用卡内的钱是可以冲到第三方账户，但第三方账户不能把钱转账到借记卡。（防止信用卡套现）2、收款方位信用卡， 付款方为借记卡，这种情况属于信用卡还款，是可以转账的。</t>
  </si>
  <si>
    <t>信用卡本身不支持转账</t>
  </si>
  <si>
    <t>使用网上银行预借现金，可将信用卡资金（限人民币）实时转入本人名下借记卡，借记卡和信用卡开户行证件须一致，收费视同信用卡预借现金。 您可电脑登录信用卡网上银行，并点击“分期理财”-“预借现金”办理网上预借现金。</t>
  </si>
  <si>
    <t>目前招行信用卡转账有两种情况：一是转账到本人同名下招行借记卡；二是通过银联自助设备，如ATM等，转账到借记卡账户，二者都是实时到账。</t>
  </si>
  <si>
    <t>信用卡转账到账时间:通过自助柜员机(含ATM及其他具有存取款功能的自助设备)向本人同行账户转账的，款项将实时到账；通过自助柜员机(含ATM及其他具有存取款功能的自助设备)向非本人同行账户转账的，本行将在受理24小时后办理资金到账，客户可在本行受理后24小时内向本行申请撤销转账</t>
  </si>
  <si>
    <t>肛裂能跑步吗</t>
  </si>
  <si>
    <t>不可以，这个部位的血液加速循环会加重病情，如果有其他并发症如混合痔肛乳头肿大什么的，就更不行。</t>
  </si>
  <si>
    <t>建议还是不要</t>
  </si>
  <si>
    <t>穿越火线枪战王者电脑能玩吗</t>
  </si>
  <si>
    <t>可以，只需在电脑上 下载安装安卓模拟器4399手游通。</t>
  </si>
  <si>
    <t>可以在电脑上玩穿越火线枪战王者.</t>
  </si>
  <si>
    <t>在电脑上可以下载安卓模拟器，在模拟器中下载该游戏后可以通过电脑登陆手游帐号娱乐。</t>
  </si>
  <si>
    <t>理论上来说用模拟器是可以的，但是在模拟器上只能玩单人模式，比如人机比如单人剧情，如果玩多人模式会被封号。</t>
  </si>
  <si>
    <t>ps3能看蓝光吗</t>
  </si>
  <si>
    <t>PS3当播放器不错价钱也可以，BD和DVD都可以看，因为薄机是双光头的</t>
  </si>
  <si>
    <t>可以呀，自己可以存MP4格式的看，也可以淘宝有专门考硬盘的，一部电影都是几十G拷个2TB电影也就600块左右。</t>
  </si>
  <si>
    <t>破解版：下载蓝光格式的电影，用播放器播放正版：必须是正版蓝光，而且有区域限制！！日本主机没法播放中文电影。说白了直接放如光盘，用自带播放器播放即可。放不了就没啥好办法了，果断放弃</t>
  </si>
  <si>
    <t>邹市明拿过金腰带吗</t>
  </si>
  <si>
    <t>2016年1月30日，邹市明击败南美洲冠军纳坦-桑塔纳获得WBO国际蝇量级特设金腰带。2016年6月12日，邹市明以100-89击败19岁的匈牙利拳手阿伊塔伊，卫冕WBO国际蝇量级拳王金腰带。</t>
  </si>
  <si>
    <t>wbo蝇量级国际特设金腰带。</t>
  </si>
  <si>
    <t>1月30日的上海东方体育中心，世锦赛、奥运会冠军邹市明以技术性击倒（TKO）战胜了纳坦·库蒂尼奥（Natan Coutinho），赢得WBO国际蝇量级特设金腰带。</t>
  </si>
  <si>
    <t>成人本科考研好考吗</t>
  </si>
  <si>
    <t>有点难的，但只要努力，会考好的。</t>
  </si>
  <si>
    <t>只要努力就一定行</t>
  </si>
  <si>
    <t>成人本科可以考研</t>
  </si>
  <si>
    <t>非常难</t>
  </si>
  <si>
    <t>经期吃避孕药</t>
  </si>
  <si>
    <t>月经期吃避孕药危害并不仅仅在于会不会避孕成功，首先月经期如有性生活的话，对男女双方的健康都有很大伤害，其次，服用避孕药也是可以影响月经的，从反应的情况下，经期延长、不规则了。需要在医师的指导下调理。</t>
  </si>
  <si>
    <t>生活护理:月经期是不会怀孕的,因此不不要吃避孕药.另外在月经期是不可以服用避孕药的,这样会引起月经不调的.</t>
  </si>
  <si>
    <t>经期是不用吃避孕药的，现在最好去医院检查一下，爱惜自己的身体</t>
  </si>
  <si>
    <t>s6小丑厉害吗</t>
  </si>
  <si>
    <t>现在这版本小丑还可以，打野位上很不错，玩克隆模式的话确实很强</t>
  </si>
  <si>
    <t>每个英雄都很厉害，看你怎么玩了</t>
  </si>
  <si>
    <t>高爆发，高机动，小丑盒子可以恐惧和打野，在游戏初期gank犀利无比，同时也能快速的清理野怪。能给敌方线上英雄造成极大压力和威慑。在游戏后期带线推进偷塔也是比较无解的，因为想要抓死一只小丑实在是太难了。顺风局无限强的角色。</t>
  </si>
  <si>
    <t>个体工商户营业执照能办淘宝企业店铺么</t>
  </si>
  <si>
    <t>可以开，不过后期可能会牵扯到保证金之类的费用。</t>
  </si>
  <si>
    <t>可以，要有组织机构代码的。没有就开不了了！</t>
  </si>
  <si>
    <t>淘宝企业店铺需要营业执照（个体户或公司）三证三章（营业执照、组织机构代码证、税务登记证、个章、公章、财务章）和对公银行账户。</t>
  </si>
  <si>
    <t>有字号名称的个体工商户可以开企业店铺.没有字号名称的个体工商户暂不支持开企业店铺.</t>
  </si>
  <si>
    <t>个体工商户有两种：【字号名称和无字号名称】个体工商户能否申请开企业店铺，需要看个体工商户的类型：有字号名称的个体工商户能在支付宝申请企业认证，故有字号名称的个体工商户可以开企业店铺；无字号名称的个体工商户暂不能在支付宝申请企业认证，所以没有字号名称的个体工商户暂不支持开企业店铺；如后续申请企业店铺标准有调整将会提前公示。</t>
  </si>
  <si>
    <t>都可以的，你选择（民办非企业单位）就可以了。</t>
  </si>
  <si>
    <t>如果是个体工商户是不能申请企业支付宝的，因开通企业支付宝需要公司的银行账号的，你个体工商户应该是开不了的。</t>
  </si>
  <si>
    <t>安利到底是不是传销</t>
  </si>
  <si>
    <t>安利我做了深入的了解，其实去安利工作没什么问题，算是大企业，没上市！他们的模式是不是传销，很难定义，国家定义是直销，合法！</t>
  </si>
  <si>
    <t>是标准的传销，是很具有代表性的传销公司，只不过合法化而已。</t>
  </si>
  <si>
    <t>安利是合法的传销,自说是直销,可销售模式和传销差不多,只不过他是合法的而已</t>
  </si>
  <si>
    <t>安利的营销模式，不同于其它产品，他们采用的是直销性质模式，并且实行会员分红政策，有人评价说安利是合法的传销，其实这种说法是不正确的，因为传销的本质是发展下线，以此挣钱，然而安利的宗旨还是靠出卖产品挣钱，所以鉴别直销和传销的区别，目前安利的直销模式被相当部分人认为是最好的营销模式，这种人人都可以做代理，的确为安利带来了巨大的利润，也为相当一部分人也带来了利润，所以说安利在成就自身品牌的时候，也成就了一些人的财富。</t>
  </si>
  <si>
    <t>安利属于合法的的直销范畴，要把直销做好最主要的是解决人脉和学习培训的问题，你的人脉不太好的话不同的运作方式有着不同的结果，</t>
  </si>
  <si>
    <t>安利，完美，无极限，是真真实实的传销，虽然说是直销，却是变相传销，如果说不是，我可以用我的人头担保</t>
  </si>
  <si>
    <t>丑小鸭之天生绝配完结了吗</t>
  </si>
  <si>
    <t>嗯</t>
  </si>
  <si>
    <t>我有已经完结的，</t>
  </si>
  <si>
    <t>不是已经完结了嘛</t>
  </si>
  <si>
    <t>对，第九集完结</t>
  </si>
  <si>
    <t>最后一集才在一起，前面都是调情hhhhhhh，天生绝配嘛，其实这个故事就是2个富二代装穷的故事，男主装穷找真爱，最后一集最后一部分倒叙了，最后那部分其实是为了引出第二部的所以放到最后面的</t>
  </si>
  <si>
    <t>韩国乐天免税店是正品吗</t>
  </si>
  <si>
    <t>韩国免税店里的商品都是正品，没有假货，这个可以放心。</t>
  </si>
  <si>
    <t>是真的，但化妆品类别浓度可能会降低，效果不如正常门市店的好。</t>
  </si>
  <si>
    <t>是正品！</t>
  </si>
  <si>
    <t>是正品。乐天这种大型免税店都是和各品牌直接签约经营所以可以放心买。</t>
  </si>
  <si>
    <t>是的，是乐天免税店自己办的中文官网</t>
  </si>
  <si>
    <t>同桌的你是真实故事吗</t>
  </si>
  <si>
    <t>好像是高晓松写的，写给初中的一个同学。有次老师出道题，全班就他俩做出来了。多年后一个偶然机会遇到这个女同学。那个女同桌上来就问他，你还记得那道题怎么做么，高晓松直接说出了答案。</t>
  </si>
  <si>
    <t xml:space="preserve">据说，1988年春天，读高三的北京男孩王阳(老狼真名)在中山公园转悠时，他看见一个穿着蓝色背带裤的长发女孩坐在木椅上静静地看书。从此，老狼为这位女孩魂不守舍， 当年高考名落孙山。次年，老狼考上清华，那女孩竟然与他成了同桌。不久，老狼以一曲自己最爱唱的《狼》俘获了林纯的芳心，大学毕业前夕，老狼向高晓松说了心事：舍不得林纯离开。高晓松就结合老狼和自己的初恋现场写下了《同桌的你》，后林纯去了美国，老狼当面为她唱起了《同桌的你》。 </t>
  </si>
  <si>
    <t xml:space="preserve">不是真实故事 </t>
  </si>
  <si>
    <t>离婚户口本必须是已婚吗</t>
  </si>
  <si>
    <t>不用 有结婚证就行了 户口不用改</t>
  </si>
  <si>
    <t>不是，实际婚姻状况是已婚就可以办理离婚。</t>
  </si>
  <si>
    <t>不会改成已婚，会改成离异</t>
  </si>
  <si>
    <t>食疗有用吗</t>
  </si>
  <si>
    <t>食疗，实际上就是有规划地搭配饮食，通过充饥的过程来调养身体，祛除疾病，达到强身健体的作用。</t>
  </si>
  <si>
    <t>卧铺可以改签硬座吗</t>
  </si>
  <si>
    <t>火车票卧铺票可以改签成硬座票</t>
  </si>
  <si>
    <t>改签是指旅客变更乘车日期、车次、席（铺）位时需办理的签证手续。旅客不能按票面指定的日期、车次乘车时，应当在票面指定的日期、车次开车前到车站售票窗口办理提前或推迟乘车签证手续，特殊情况经站长同意可在开车后2小时内办理。持动车组列车车票的旅客改乘当日其他动车组列车时不受开车后2小时内限制。团体旅客不应晚于开车前48小时。在车站售票预售期内且有运输能力的前提下，车站应予办理，收回原车票，换发新车票，并在新车票票面注明“始发改签”字样（特殊情况在开车后改签的注明“开车后改签不予退票”字样）；原车票已托运行李的，在新车票背面注明“原票已托运行李”字样并加盖站名戳。在中国铁路客户服务中心网站购票的，可以在12306网站或车站售票窗口办理改签手续。购票后没有换取纸质车票且不晚于开车前2小时的可以在12306网站办理，已经换取纸质车票或者在开车前2小时内的只能在车站到安装有银行POS机的售票窗口办理。其中，已经换取纸质车票的，只能在换票地车站或票面发站办理；使用二代居民身份证购票且持二代居民身份证办理进站检票手续但未乘车的，经车站确认后按规定办理。改签后出具纸质车票。原票使用现金购票的，新票价高于原票价的核收票价差额，新票价低于原票价的退还票价差额（均为现金）。原票使用银行卡购票（含在12306网站购票）的，新票价高于原票价、需补收票价差额的，须使用银行卡支付新票全额票款，原票款按发卡银行规定退回原购票时所使用的银行卡；新票价低于原票价的，应退票款按发卡银行规定退回原购票时所使用的银行卡。一张车票只能办理一次改签。车票改签后，旅客取消旅行的，可以按规定退票，但因特殊情况在开车后改签的车票不予退票。必要时，铁路运输企业可以临时调整改签办法，请咨询当地车站或关注车站公告。</t>
  </si>
  <si>
    <t>这要看你是什么时候的票，春运期间的话车票本来就很紧张，肯定是没有多余的卧铺的，除非你运气好，正好碰到有从卧铺下车的，不然的话可能性几乎为零。</t>
  </si>
  <si>
    <t>可以改签，在火车站有个专门退票和改签的窗口的</t>
  </si>
  <si>
    <t>新房装修半年后婴儿能入住吗</t>
  </si>
  <si>
    <t>儿童入住的话建议在半年以后入住比较适宜。</t>
  </si>
  <si>
    <t>在所有接触者中，儿童和孕妇对甲醛尤为敏感，危害也就更大，是装修和家具的主要污染物。其释放期长达3—15年，遇热遇潮就会从材料深层挥发出来，严重污染环境，已成为难以解决的世界性难题，对老人、小孩和孕妇危害最大。</t>
  </si>
  <si>
    <t>你的房子装修已经半年了，可以带孩子入住的，如果你觉得不放心，那也可以往后再推迟。</t>
  </si>
  <si>
    <t>广柑上火吗</t>
  </si>
  <si>
    <t>广柑不会</t>
  </si>
  <si>
    <t>吃甜橙是不会上火的，吃桔子才会。</t>
  </si>
  <si>
    <t>吃甜橙不会上火。凡新鲜的绿叶蔬菜、黄瓜、橙子、绿茶都有良好的清火作用.甜橙含有大量的糖和一定量的柠檬酸以及丰富的维生素C,营养价值较高,色、香、味俱佳,是鲜食用的优良果品。</t>
  </si>
  <si>
    <t>广柑消火</t>
  </si>
  <si>
    <t>美拍可以上传视频吗</t>
  </si>
  <si>
    <t>可以的，下面是相关的百度经验，请参考：</t>
  </si>
  <si>
    <t>当然可以，4：3的分辨率，5分钟超清视频都是1G以上。只要网速快，用手机上传可以达到2M/S以上。</t>
  </si>
  <si>
    <t>玫斯狗粮好不好</t>
  </si>
  <si>
    <t>玫斯的挺好的啊</t>
  </si>
  <si>
    <t>玫斯是商品粮，不怎么好。</t>
  </si>
  <si>
    <t>剑姬w能挡防御塔吗</t>
  </si>
  <si>
    <t>当然不行</t>
  </si>
  <si>
    <t>不可以，因为防御塔的伤害是真实伤害，无法躲避。就像泉水里的防御塔也一样。</t>
  </si>
  <si>
    <t>除了防御塔和泉水的伤害，其他任何伤害包括点燃虚弱都可以格挡</t>
  </si>
  <si>
    <t>剑姬的W效果写的很明确 在发动的0.75秒内 免疫一切伤害与控制 等于就是通常说的无敌！</t>
  </si>
  <si>
    <t>t121晚点吗</t>
  </si>
  <si>
    <t>这辆车经常晚点</t>
  </si>
  <si>
    <t>一般都晚点 我就没做过不晚点的车.</t>
  </si>
  <si>
    <t>经常晚点，我建议你坐T236，车不错，也快，票价还便宜5块钱。</t>
  </si>
  <si>
    <t>必然是t字头的。t特快。k普快。一般t的晚点相对少，不过差不多，无特殊情况都不晚点。</t>
  </si>
  <si>
    <t>挂号信能自己取吗</t>
  </si>
  <si>
    <t>邮政挂号信，自己拿的话，直接去邮政局，联系好了，问清楚地址即可。</t>
  </si>
  <si>
    <t>可以的 带上身份证就行</t>
  </si>
  <si>
    <t>可以，去之前最好给邮局打个电话，以防他们给你下发到各个派送点</t>
  </si>
  <si>
    <t>带上身份证就可以领取挂号信了。</t>
  </si>
  <si>
    <t>自己不能去取的。</t>
  </si>
  <si>
    <t>挂号信能自己去取信件，单需要凭挂号票去领取。</t>
  </si>
  <si>
    <t>挂号信和汇款单都是邮递员亲自送到你手中的,同时一定要你签收的.</t>
  </si>
  <si>
    <t>每天不吃晚饭会瘦吗</t>
  </si>
  <si>
    <t>会瘦的。每个人体质都不同，减肥的速度根据男女年龄代谢速度还有体重都是有关系的。</t>
  </si>
  <si>
    <t>会瘦一点</t>
  </si>
  <si>
    <t>这个不好说，减肥主要看每天的卡路里摄入量和消耗量，而不是不吃晚饭，如果每天中午吃一斤芝士，不吃晚饭也没用。</t>
  </si>
  <si>
    <t>身体长铁丝是真的吗</t>
  </si>
  <si>
    <t>身体会长出铁线是源自于一种无法解释的罕见疾病。</t>
  </si>
  <si>
    <t>你有病吧！身体长铁丝，亏你想得出来！</t>
  </si>
  <si>
    <t>是真的，这是世界闻名的一种忍术，他是能在人的身体上穿铁丝，有的能穿很多根。非常恐怖。</t>
  </si>
  <si>
    <t>是真人真事，是印度一名幼教，身体莫名的长铁丝已经有二十多年了，至今未找出病因…</t>
  </si>
  <si>
    <t>卡罗拉混动需要摇号吗</t>
  </si>
  <si>
    <t>需要摇号，卡罗拉属于增程式混合动力车，油耗虽低但没有绝对优势。如果这种车免摇号的话，对那些小排量的车来说是不公平的，因为小排量的车油耗也很低。从发展上看，增程式混合动力也是最早要淘汰的混动形式，插电式混动才是最佳过度车型，日常0油耗，长途不趴窝，动力强劲。</t>
  </si>
  <si>
    <t>油电混合的卡罗拉需要摇号。</t>
  </si>
  <si>
    <t>星巴克可以送外卖吗</t>
  </si>
  <si>
    <t>可以的，在外卖的那些APP上点单就行。</t>
  </si>
  <si>
    <t>可以直接在外卖软件上定，饿了么还有美团都有的，星巴克自己也可以送，但是这种情况只限于大订单，一般是50杯左右，或者是要浓缩自助的，提前一天电话预定，就近给送，远点的要报销往返车费。</t>
  </si>
  <si>
    <t>星巴克本身不送，但各种外卖骑士团都有相关业务。</t>
  </si>
  <si>
    <t>有第三方外卖 至于本店送不送 我不清楚每个门店是否一样 我在广州的就知道这边的提前两天预定并且十杯以上外加外卖费就可以了</t>
  </si>
  <si>
    <t>星巴克是会提供外卖服务的，但是距离不能太远</t>
  </si>
  <si>
    <t>星巴克不送外卖的，你可以叫别人帮你买了送来给你</t>
  </si>
  <si>
    <t>aom结婚了吗</t>
  </si>
  <si>
    <t>是的，在曼谷举行的婚礼</t>
  </si>
  <si>
    <t>你说的是泰版《浪漫满屋》的女主角amo吗 如果是她的话是没结婚的 因为当时拍完《浪漫满屋》后 粉丝们都希望Amo 能和mike在一起 谁知道拍完电视剧没多久 mike就公布和前女友sara有小孩了 粉丝顿时伤心不已说 你让amo怎么办啊（哈 这话纯属玩笑了）</t>
  </si>
  <si>
    <t>aom没有结婚＃＃没结婚</t>
  </si>
  <si>
    <t>没有结婚啦，也没有男朋友，</t>
  </si>
  <si>
    <t>没结，连男朋友都没有</t>
  </si>
  <si>
    <t>木有木有，她还很年轻88的说。</t>
  </si>
  <si>
    <t>米酒有酒精吗</t>
  </si>
  <si>
    <t>酒中是含有微量的酒精的.</t>
  </si>
  <si>
    <t>米酒，是用大米为原料经发酵得到的一种含有酒精的饮料。</t>
  </si>
  <si>
    <t>甜酒，是用糯米或者大米发酵出来的酒糟食品，所以含有酒精，由于糖分较多，所以酒精是微量的。</t>
  </si>
  <si>
    <t>有的，一般的甜酒里面或多或少的存在酒精成分</t>
  </si>
  <si>
    <t>不管什么酒基本构成都是乙醇（食用酒精）+水分子+1%--2%的微量元素。</t>
  </si>
  <si>
    <t>root安全吗</t>
  </si>
  <si>
    <t>怎么说呢，这就好比我们平时电脑都是使用的管理员权限一样（administrator）有的时候会出问题，有的时候会中毒，但是更多的时候是我们使用管理员权限束缚更小，访问的服务更多，使用更方便。所以很少有人使用电脑会使用用户权限。手机也是一样的，而且相对于电脑而言手机病毒还是很少的，只要平时做好保护，装个360或者安全大师，隔三差五的扫描一下，就行。而且如果你要是不使用手机支付，那就更没问题了。总之，ROOT能让你使用手机更方便，和使用更多的服务。但是安全隐患不大。</t>
  </si>
  <si>
    <t>手机获取root权限肯定会存在安全隐患的。因为手机获取root权限以后，一些获得最高权限的软件可以在后台静默下载安装一些插件，无形中产成流量费用。而且容易下载木马插件，从而给系统带来安全隐患。建议手机root之后，立即安装安全软件。比如360手机卫士、百度手机卫士等。</t>
  </si>
  <si>
    <t>肯定会不安全的。root就是获得管理员权限，之后任何软件只要不留神，获得了你的管理员权限后，你就没办法了，在刷机吧。root后手机失去保修，任何问题手机制造商没有责任。</t>
  </si>
  <si>
    <t>ROOT权限对广大安卓用户是非常重要的，因为获得ROOT权限不仅仅是为了刷机，好多应用都需要ROOT权限才能操作，久而久之，用户也就形成了安卓手机一定要ROOT的意识。而且很多用户选择通过ROOT助手来获取ROOT权限，因为ROOT助手在帮助用户获取ROOT权限之后还会给一些建议，比如：哪些程序可以给予ROOT权限；哪些程序需要谨慎；哪些可以删除；哪些建议开机自启动；哪些建议禁止等等，让安卓用户更加安心获取权限。获取ROOT权限，玩转爱机的同时也会带来安全问题，所以建议大家已获取ROOT的手机谨慎操作网上银行或快捷支付等服务；另外关于ROOT之后的保修问题也可通过清除ROOT功能解决。具有一定的安全问题。</t>
  </si>
  <si>
    <t>上古世纪拆除稻草人 归还税票吗</t>
  </si>
  <si>
    <t>等你保证金没了就拆</t>
  </si>
  <si>
    <t>退的</t>
  </si>
  <si>
    <t>拆除会返还最开始的押金，但是已经缴纳的税金不会返还</t>
  </si>
  <si>
    <t>a02贵吗</t>
  </si>
  <si>
    <t>A02也是国内的品牌 虽然目前知名度不算很高 但走的却是中高档路线。。 当然定价也会比较高了。为什么卖这么贵还有人买？ 当然你也买了 这就说明A02还是有他品牌的魅力的！</t>
  </si>
  <si>
    <t>质量不错啊，穿起来很舒服，款式比较可爱会搭配的话穿起来感觉很潮，价钱嘛，一件普通的长款秋装要五百多大洋，一条打底裤一百多，没有百元以下的衣服，更贵的都有。</t>
  </si>
  <si>
    <t>有啊，奥特莱斯，好多商场过年这段时间都有活动，趁过年买一定是最便宜的。我也很爱穿他家的衣服。确实贵。＃＃我也在找阿桑娜 一款黄色白底带耳朵的羽绒服很好看 挺贵的</t>
  </si>
  <si>
    <t>网上招小说打字员是真的吗</t>
  </si>
  <si>
    <t>一般都是骗人的。不要相信。</t>
  </si>
  <si>
    <t>根本没有这种工作。</t>
  </si>
  <si>
    <t>这纯属骗局，不可能的</t>
  </si>
  <si>
    <t>是有的小说网站在招。</t>
  </si>
  <si>
    <t>100%是骗子的，千万别信，骗得你怀疑人生的。</t>
  </si>
  <si>
    <t>假的，亲身经历。</t>
  </si>
  <si>
    <t>motion可数吗</t>
  </si>
  <si>
    <t>应该不可数</t>
  </si>
  <si>
    <t>南京外地车限行吗</t>
  </si>
  <si>
    <t>其他地方外地小客车不受限制，但是除了长江隧道外，其他的过江大桥（例如二桥、三桥、四桥）都是收费的。</t>
  </si>
  <si>
    <t>货车受限。小汽车不限制。</t>
  </si>
  <si>
    <t>不限外地车但是南京大桥禁止外地车通行，否则扣分罚款</t>
  </si>
  <si>
    <t>日本苹果手机在大陆能用吗</t>
  </si>
  <si>
    <t>可以使用但多数日版iPhone无法直接插卡使用，大多是有锁设备，需要加配卡贴才能使用，在中国大陆无法保修；</t>
  </si>
  <si>
    <t>可以使用，在中国也能买iPhone7日版的是一个道理</t>
  </si>
  <si>
    <t>日版的iPhone6有两种，一种是无锁的，一种是有锁的，两者都能在国内使用，但是有区别无锁版在国内能实现三网通，移动电信和联通卡都可以用，而且支持双4G但是有锁的在国内必须配合卡贴才能解锁使用，而且只能用联通和移动的2G网络，还有很多小问题比较麻烦，所以建议购买无锁版的</t>
  </si>
  <si>
    <t>台电x98 air Ⅲ 好不好</t>
  </si>
  <si>
    <t>台电包装简洁、美观、大方，机子外观漂亮，超薄，上网速度快，视频效果好，手感好，非常适合孩子看电影。</t>
  </si>
  <si>
    <t>台电x98airiii是一款性价比非常不错的平板电脑，而且是双系统，配置也是非常不错的</t>
  </si>
  <si>
    <t>台电X98 Air III性价比非常高，配置也很不错。</t>
  </si>
  <si>
    <t>好 屏幕显示清晰，芯性能强悍，整体性价比高。</t>
  </si>
  <si>
    <t>台电X98是不错的，前提是和同价位的产品比较！</t>
  </si>
  <si>
    <t>平时吃叶酸可以吗</t>
  </si>
  <si>
    <t>女人怀孕四个多月还可以吃叶酸片吗 ：这个对孩子来说可以不吃了，因为孩子需要的阶段过去了，可是对大人说那里要的，因为叶酸还有补血的作用，这个时期对女人来说很容易贫血，所以可以常期响，但是不要选择药物扑，可以选择一结营养品来补，负作用小。</t>
  </si>
  <si>
    <t>用于预防胎儿早期神经畸形的发生。平时也可以吃叶酸的，一般没影响，注意引用的量</t>
  </si>
  <si>
    <t>合成叶酸都是靠肝脏吸收，不是肠道。但是不补叶酸是绝对不行的，而且补充叶酸是预防畸形的有效手段.但是确实很多人有这样或那样的不良反应出现.一般有头晕、呕吐、尿黄、月经不调和流产，这将影响到未来宝宝的健康。</t>
  </si>
  <si>
    <t>一般怀孕前3个月和头3个月要补充叶酸预防神经管畸形 平时可以多吃点蔬菜水果比如苹果橙子柚子等补充叶酸。</t>
  </si>
  <si>
    <t>叶酸一般都不会缺的，如果平时不偏食的话，是不会导致叶酸缺乏的。所以没有必要服用的。</t>
  </si>
  <si>
    <t>言侯 知道林殊身份吗</t>
  </si>
  <si>
    <t>知道身份的有：霓凰、靖王、蒙挚、夏冬、莅阳公主、蔺晨、萧景睿、静妃、聂铎、卫铮、蔺晨、黎纲、甄平、十三先生、晏大夫，没有言侯</t>
  </si>
  <si>
    <t>pr能导入swf吗</t>
  </si>
  <si>
    <t>PR支持的视频格式主要有：AVI、WMV、MPEG， DAT和VOB文件需要把扩展名改为MPEG。如果电脑中安装了QuickTime播放器，还支持MOV格式。</t>
  </si>
  <si>
    <t xml:space="preserve">Premiere Pro 导入SWF文件插件swfplugins 1、正常安装软件即可， 注意这是一个PREMIERE的插件，您在安装的时候，需要对应到自己的PREMIERE的PLUG-INS文件夹。 2、安装之后，PR就可以导入SWF文件了，第一次用的时候，软件会提示您注册，您把软件生成的MACHINE CODE，复制到注册号生成器中，生成KEY，然后再复制到软件的注册界面即可。 3、这个插件不能导入SWF的声音文件，所以您可以用SWF2AVI软件，提取出来MP3声音文件，然后导入PREMIERE的音频轨道中，一起生成。 安装不成功，需要先卸载flash，再安装才能成功。 </t>
  </si>
  <si>
    <t>建议你将SWF文件转换成AVI后导入PR来的比较合适＃＃这个首先提示一下，必须保证SWF不是单帧视频剪辑动画，要是单帧剪辑动画无法导入。就算转换导入也是单帧图像首先把SWF格式转换为AVI视频格式再进行编辑，这个格式转换软件你下载一个最新版本的格式工厂软件就可以转换</t>
  </si>
  <si>
    <t>好像CC版本之后就支持了。直接拖进去即可。＃＃新版已经不支持了，导入插件也安装不了，不支持</t>
  </si>
  <si>
    <t>PR导入SWF文件的插件说明：如果你是PR6&amp;#46;0-PR6&amp;#46;5可把im-fa-swf&amp;#46;prm这个文件拷贝到C:\Program Files\Adobe\Premiere 6&amp;#46;0\Plug-ins下的文件夹中即可。完后打开PR点PR的文件-导入，导入一个SWF文件，出现要求你输入注册码的对话框，随便输入一个电子邮箱地址，复制下面的机器码，再打开swf2videoplug-inkeygen&amp;#46;exe注册机，粘贴复制的机器码。生成注册码，复制生成的注册码，粘贴确定，既可安装完毕。</t>
  </si>
  <si>
    <t>pr导入swf的插件并不好用会导致软件经常出故障；教你一个最便捷的方法，在flash中制作好的swf文件直接导入会声会影分享成HDV (mpg)再导入pr 速度很快 进入pr里可以进行实时编辑 输出时几乎是1:1实时速度 如果是大批量swf素材 也可以用会声会影批量转换成高清mpg文件 建议使用X4版本 渲染速度比其他版本快一倍以上</t>
  </si>
  <si>
    <t>科目四过了能开车吗</t>
  </si>
  <si>
    <t>1、只要没有驾驶证，就不能开车，不管是否已经通过了驾照考试。否则被交警抓到的话，按照无证驾驶处罚。</t>
  </si>
  <si>
    <t>驾照没拿到开车，属于无证驾驶。</t>
  </si>
  <si>
    <t>按照规定不携带驾驶证是不能开车的</t>
  </si>
  <si>
    <t>不可以，如果开了就是无证驾驶，因为还并没有拿到驾驶证。</t>
  </si>
  <si>
    <t>不做爱能怀孕吗</t>
  </si>
  <si>
    <t>没有人工授精的话，不会怀孕的。</t>
  </si>
  <si>
    <t>也可以！试管婴儿</t>
  </si>
  <si>
    <t>这样是不可能怀孕，只有精子和卵子结合才会怀孕的，所以你不用担心，祝健康</t>
  </si>
  <si>
    <t>没有做爱当然不会怀孕</t>
  </si>
  <si>
    <t>男女不做爱，精子和卵子就没有结合的机会，不可能怀孕。</t>
  </si>
  <si>
    <t>心理测量者有爱情吗</t>
  </si>
  <si>
    <t>有女女的爱情。</t>
  </si>
  <si>
    <t>《心理测量者》是由noitaminA频道企划、Production I.G负责制作的TV动画。讲述的是维持治安的警察和抓捕犯人的行动部队“执行官”、以及监视指挥执行官们的“监视官”们一起作为一支队伍执行任务的故事，爱情貌似没有。</t>
  </si>
  <si>
    <t>dvi支持音频吗</t>
  </si>
  <si>
    <t>不支持 用hdmi转dvi然后分出音频线就行了</t>
  </si>
  <si>
    <t>DVI接口不带音频传输功能</t>
  </si>
  <si>
    <t>教师资格证可以买吗</t>
  </si>
  <si>
    <t>教师资格考试时需要参加后进行认定，再由教委审批后获得证书。买证是不符合《教师法》的规定的。</t>
  </si>
  <si>
    <t>教师资格证，采用的是注册制，都是教育局备案的，是不可能买到真的。</t>
  </si>
  <si>
    <t>教师资格证不可购买，只能通过参加教师资格考试获得。</t>
  </si>
  <si>
    <t>靖江哈谷教育好不好</t>
  </si>
  <si>
    <t>哈谷教育教学质量好，环境不错</t>
  </si>
  <si>
    <t>不好，</t>
  </si>
  <si>
    <t>速卖通交保证金吗</t>
  </si>
  <si>
    <t>不同类目不同价格 最低3000最高的50000</t>
  </si>
  <si>
    <t>不用保证金，速卖通开店和运营都是免费的</t>
  </si>
  <si>
    <t>不要！但是两个情况下要：你参加了服务协议，需要交一点保证金，两百多美金吧，从你的账户中冻结，如果你账户中没有两百美金（也就是说如果还没有成交，还没收到买家钱的情况下），也不需要你提前交，速卖通平台会在以后来冻结。如果你是要做品牌的，申请品牌入驻的话，要3万保证金。</t>
  </si>
  <si>
    <t xml:space="preserve"> 保证金是开店必须要交的</t>
  </si>
  <si>
    <t>看情况，</t>
  </si>
  <si>
    <t>现金汇款能有记录吗</t>
  </si>
  <si>
    <t>转入账户有,存进去的时候有个存条.</t>
  </si>
  <si>
    <t>若使用的是招行一卡通，有发生交易，都是能查询到记录的。</t>
  </si>
  <si>
    <t>减档后离合要不要马上松开</t>
  </si>
  <si>
    <t>事实上机动车在低档位换挡过程由于减速比较大，松开离合过快时容易产生顿挫，因此低档位换挡（1~3档之间）时建议换挡之后缓慢松开离合器，而高档位换挡时其实离合器松开快慢已不明显影响车辆车速，因此高档位之间换挡可以立即松开离合器。</t>
  </si>
  <si>
    <t>不能，慢点送离合可以减少顿挫感。</t>
  </si>
  <si>
    <t>慢慢松，要不然有一种惯性，人往前冲</t>
  </si>
  <si>
    <t>吃羊肉发胖吗</t>
  </si>
  <si>
    <t>说道羊肉，这可是新疆人的基础食量，可是胖人都不会去吃，这是因为大家都怕吃肉会长胖，那么吃羊肉会不会胖呢?下面就给您解释一下吃羊肉不发胖的原因。如果说羊肉可以减肥可能很多人都不相信，因为羊肉在人们的观念里是属于热量比较高的肉食，但是经过科学研究表明因为羊肉中的肉碱含量比较高，脂肪熔点高的原因已经成了时下最流行的减肥食物。一 肉碱含量高，利于脂肪代谢羊肉的兴起，全都要归功于一种叫“carnitine” 即“肉碱”的物质。它是一种天然的水溶性维生素营养物质，存在于肉类食物中，经过科学研究和分析，人们发现，肉碱对于脂肪代谢有极强的促进作用。各种肉类的含肉碱量不同，在每100 克肉中，猪肉含21毫克肉碱，牛肉95毫克，而羊肉则高达281毫克。肉碱含量越高越利于脂肪的代谢，如果配合以适当的运动，就可以达到“以肉减肉”的神奇效果。二 脂肪融点高，不易被吸收羊肉中脂肪的融点比其他肉类脂肪要高，所谓脂肪的融点，指的就是它由固体转化为液体所需的温度，猪肉为30度、牛肉40度，而羊肉是44度。因此，羊肉脂肪较其他肉类脂肪不易被身体吸收，也就不易成为肥胖的来源。这么多的优点，羊肉怎能不吸引人?特别是那些又想饱口福又想保持苗条的女人们，更是成为羊肉料理的忠实“粉丝”。三 羊肉利于减肥，日本出现羊肉风潮肉于日本料理第一位的当然是鱼肉，刺身、寿司、鱼肉盖饭等。然后就是牛肉，涮肉、烧肉、烤肉，用的全是牛肉，更别说喝啤酒、听音乐、享受按摩成长的有名的松板牛啦。再然后就是鸡肉，满大街居酒屋里最受欢迎的就是烤鸡肉串啦。但是在日本一直很少见羊肉，不过最近出现了一个“喜人”现象，爱美食的日本人开始掀起了一道“羊肉”风潮。有此可见，不是吃肉就会胖的，也不是不吃肉就能减肥的，对于食物还是应该保持着营养均衡的态度来食用。</t>
  </si>
  <si>
    <t>吃羊肉不会发胖</t>
  </si>
  <si>
    <t>看怎么吃，能量超出所需吃它会胖，能量不超则不会胖</t>
  </si>
  <si>
    <t>如果说羊肉可以减肥可能很多人都不相信，因为羊肉在人们的观念里是属于热量比较高的肉食，但是经过科学研究表明因为羊肉中的肉碱含量比较高，脂肪熔点高的原因已经成了时下最流行的减肥食物。</t>
  </si>
  <si>
    <t>不会，羊肉养胃</t>
  </si>
  <si>
    <t>适量就不会发胖</t>
  </si>
  <si>
    <t>羊是纯食草动物,所以羊肉较牛肉的肉质要细嫩,容易消化,高蛋白、低脂肪、含磷脂多,较猪肉和牛肉的脂肪含量都要少,胆固醇含量少</t>
  </si>
  <si>
    <t>糖尿病可以吃粉丝吗</t>
  </si>
  <si>
    <t>可以啊，只是什么东西都要有个度</t>
  </si>
  <si>
    <t>是可以的，但是不能大量进食。</t>
  </si>
  <si>
    <t>粉丝是大众食物，一般来说生病的人不需要忌嘴的放心吃</t>
  </si>
  <si>
    <t>能吃，注意节制就行了，少吃一些问题不大</t>
  </si>
  <si>
    <t>糖尿病患者是可以吃粉条的，但是不能大量进食，粉条的成分就是淀粉，因此它的含糖量及热量比较高。那么进食后，就要减少很多的主食或者输食量，这样就会出现饥饿比较快或者包感差。因此，还是建议少量进食。或者不进食，这样有利于控制好血糖。</t>
  </si>
  <si>
    <t>环境科学与管理是核心期刊吗</t>
  </si>
  <si>
    <t>不是核心期刊。</t>
  </si>
  <si>
    <t>属于核心期刊。根据中国知网“北京大学《中文核心期刊要目总览》来源期刊： 1992年(第一版),1996年(第二版),2000年版,2004年版,2008年版,2011年版,2014年版;”。也就是说，到2018年前发表，都属于核心期刊</t>
  </si>
  <si>
    <t>中文核心期刊(1992).</t>
  </si>
  <si>
    <t>机械键盘进水了可以修理吗</t>
  </si>
  <si>
    <t>废了，尽管NOPPOO的电路板做工很好，但是依然废了</t>
  </si>
  <si>
    <t>基本上是尸体了，PCB板估计坏了，价值也就是轴了</t>
  </si>
  <si>
    <t>可以修的，不一定非要换电路板，具体要拆开了看里边的实际腐蚀情况才能知道。</t>
  </si>
  <si>
    <t>进水了？估计板子都坏了，八成修不了了，换板子你不得把所有的轴体都拆下来，那跟新组把键盘有什么分别，直接组个客制化都可以了，真的，要不重新换把键盘，要不你就组把客制化，挺有意思的，不会的话上外设天下问问。</t>
  </si>
  <si>
    <t>如果是里面的电路板烧了基本也没有修好的希望了，除非是还电路板，但是一般维修店也不会有这个。机械键盘进水后一定要尽快拔下连接线。</t>
  </si>
  <si>
    <t>星战前夜收费吗</t>
  </si>
  <si>
    <t xml:space="preserve">月卡收费 50元/月 </t>
  </si>
  <si>
    <t>北川好玩吗</t>
  </si>
  <si>
    <t>川羌城旅游区由中国羌城——永昌，药王谷。药王谷旅游度假区是我国第一个以中医药养生为主题的山地旅游度假区</t>
  </si>
  <si>
    <t>1.大禹故里地址: 四川省北川县禹里羌族乡2.九黄山猿王洞地址: 四川省北川县桂溪乡3.香江湾地址: 四川省北川县香泉乡4.小寨子沟地址: 四川省北川县青片乡 5.片口自然保护区地址: 四川省北川县片口乡6.北川羌族自治县羌绣展示中心地址: 四川省北川县大禹故里附近</t>
  </si>
  <si>
    <t>北川相当好玩，不信你可以来亲眼目睹一下，现在的北川，县境内不仅有丰富的自然资源，也有 独具特色的旅游资源 。以全球同纬度地区生态环境保存最完整的小寨子沟、千佛山、片口自然保护区为代表的自然生态旅游开发区，兼有九寨之秀、青城之幽；以禹里为中心，方圆数公里的大禹故里风景名胜区，集自然景观与人文景观为一体；以猿王洞险山自然风景区为代表的川西北最大溶洞群，集奇、险、秀于一身。此外，还有明代所建的古城堡遗址永平堡，浓郁羌族文化旅游资源。</t>
  </si>
  <si>
    <t>无2</t>
  </si>
  <si>
    <t>lol会上瘾吗</t>
  </si>
  <si>
    <t>大部分男生容易上瘾</t>
  </si>
  <si>
    <t>因人而异吧 我想喜欢玩游戏的 肯定会上瘾</t>
  </si>
  <si>
    <t>不会吧。</t>
  </si>
  <si>
    <t>现在中国很多人都在玩呢，如果不好玩也不会那么多人在玩吧？上瘾的问题看个人自控能力吧，事无绝对。新手玩多久才能上手的话要看个人天赋。</t>
  </si>
  <si>
    <t>打码软件安全吗</t>
  </si>
  <si>
    <t>小辛辛打码网站价格低了点，很多都是要换IP的哦。我现在一般只打YF，价格也高1000个10元，一天很轻松能赚，而且500个就支付钱了</t>
  </si>
  <si>
    <t>地砖要勾缝吗</t>
  </si>
  <si>
    <t>可要可不要，用添缝剂的话会美观一点，但是不会存在热胀冷缩的影响，勾缝本身就是就是为了好看，同时避免冷热伸缩而发明的。</t>
  </si>
  <si>
    <t>肯定需要，不然成什么样子了</t>
  </si>
  <si>
    <t>需要呀</t>
  </si>
  <si>
    <t>如果缝隙不大（比如用的是无缝砖），那么一般是不用填缝的；如果缝隙比较明显，那么是需要用填缝剂填缝的。</t>
  </si>
  <si>
    <t>勾缝剂除了好看外,最少还有2个作用:1.防止地面起尘,砖和砖之间是水泥的,有经验的同学都知道,水泥除非是打磨过了的,水沙比做得再好,其实都是要起尘的,今天看起扫了,没有灰了,明天再扫,又有灰了,而用了勾逢剂就不会有这个问题了.2.勾逢剂其实还有一个防止水渗透的功能,一些添加了一定材料的勾逢剂甚至有防水功能的,可以防止水从砖逢中渗透下去,就算做了防水的,渗到砖后面也是不好的啊,砖更容易变色一点.</t>
  </si>
  <si>
    <t>现在的什么无缝砖理论上不现实的，地砖么都会热胀冷缩的，贴的紧了会有问题的，还是要留两毫米的缝</t>
  </si>
  <si>
    <t>不用、一般装修公司报价都把勾缝融入到贴砖工钱上的，材料就包含在辅料里面。如果分开算还是要按平方来算。你有什么存在疑问的地方，建议你去爱居论坛查查相关的介绍。了解更详细的信息</t>
  </si>
  <si>
    <t>需要，先把缝隙清理干净然后填缝，而且要好一点的填缝剂</t>
  </si>
  <si>
    <t>客厅地砖的留缝一般有两种，宽缝和窄缝两种 ，据我了解普通的玻化砖有窄缝处理就行了，而仿古砖则需要宽缝处理的。 窄缝：一般是铺设玻化砖时较为常用，一般留缝在1—1.5mm就可以了，同时采用与砖的颜色接近的勾缝剂勾缝处理，注意铺贴的时候必须留缝，主要是要考虑热障冷缩的问题。 宽缝：一般在铺贴仿古砖时较为常用，一般留缝在5—8mm之间，可以选择与砖体颜色接近的勾缝剂也可以选择有反差的勾缝剂处理砖缝。</t>
  </si>
  <si>
    <t>公务员考单证在职研究生值得么</t>
  </si>
  <si>
    <t>公务员考单证在职研究生是有好处的，对以后升职加薪都是有帮助的</t>
  </si>
  <si>
    <t>报读在职研究生取得的单证，也就是硕士学位证书是国家认可的，与全日制研究生一样的证书，所以单证在职研究生在报考公务员的某方面还是有一定优势的。</t>
  </si>
  <si>
    <t>单证只是在评职称的时候有用，双证的话比较难考，公务员建议单证就好了。</t>
  </si>
  <si>
    <t>单证的报考学校形式是较自由的，学位证书含金量较高并通过率很高。也不用放弃现有的工作，也可以根据自己现有的工作情况来选择哪个专业，相比较双证的报考优势还是很大的。单证在职研究生虽说只有硕士学位证书，但硕士学位也是毕业后由国家统一颁发的证书，国家认可度是较高的，并且现在单证在职研究生也越发受到广大群众的认可。单证在职研究生的学习费用较低，同时报考条件宽松，学习形式灵活，通过率高，并由教育部颁发的学位证书社会认可度高，还有一优点是可在工作中用于升职加薪等。</t>
  </si>
  <si>
    <t>儿童血小板减少性紫癜会复发吗</t>
  </si>
  <si>
    <t>完全治愈，巩固一段时间，复发率会比较低</t>
  </si>
  <si>
    <t>儿童治好了只要以后生活起居多注意些,多数不会复发,但,二十年甚至更长时间后,小孩长大了,自己不注意生活习惯会有复发可能的</t>
  </si>
  <si>
    <t>可以治愈的。完全治愈后正常生活一般是不会反复，需要结合中草药治疗。</t>
  </si>
  <si>
    <t>还需定期复查血小板，但儿童多为急性血小板减少性紫癜，多由感染诱发，痊愈后不易复发。</t>
  </si>
  <si>
    <t>既然是中毒引起的，这种情况就算是治愈了，别再接触其它导致血小板减少的因素，就不会复发了。既然是中毒引起的，这种情况就算是治愈了，别再接触其它导致血小板减少的因素，就不会复发了。</t>
  </si>
  <si>
    <t>西太普兰长时间吃好吗</t>
  </si>
  <si>
    <t>一般情况下是可以长期吃的，但是具体情况要根据医生建议。产生耐药性的情况也比较少。</t>
  </si>
  <si>
    <t>这个药长期服用会上瘾，属于精神兴奋药，平常人吃也没有什么，只是会上瘾</t>
  </si>
  <si>
    <t>纵欲伤身败命，请节制，，百度 戒色吧</t>
  </si>
  <si>
    <t>读书是否有益</t>
  </si>
  <si>
    <t>反方？否？读万卷书不如行万里路 行万里路不如阅人无数 阅人无数不如名师点悟</t>
  </si>
  <si>
    <t>猴子冬眠吗</t>
  </si>
  <si>
    <t>猴子是恒温动物，不会冬眠的 ，一般冬眠的动物是因为冬季找不到食物被迫冬眠的。</t>
  </si>
  <si>
    <t>不会!</t>
  </si>
  <si>
    <t>不需要。活动也不少啊，它得找吃的。哪能活动少呢</t>
  </si>
  <si>
    <t>每个人都会得水痘吗</t>
  </si>
  <si>
    <t>并不是所有的人都会出水痘</t>
  </si>
  <si>
    <t>不是每个人都会出水痘。出水痘没有年龄的界线的</t>
  </si>
  <si>
    <t>不一定，水痘属于疱疹病毒感染，只要是接触这种病毒，就可能传染一旦发病一次，就会有终身免疫。但是没有感染这种病毒也不会传染</t>
  </si>
  <si>
    <t>百芷集面膜好用吗</t>
  </si>
  <si>
    <t>当然，本人之前皮肤很粗糙，黯黄，干燥各种问题，就是这个解决的</t>
  </si>
  <si>
    <t>有的适应，有的不适应</t>
  </si>
  <si>
    <t>我一直在用这个，特别是补水系列的，超好用。</t>
  </si>
  <si>
    <t>还可以，主要看你什么肤质，</t>
  </si>
  <si>
    <t>宠物小精灵xy是最后一部吗</t>
  </si>
  <si>
    <t>宠物小精灵XY并不是最后一部，今年11月18日发售的日月版是第七世代，相应的动画一定会跟随游戏的脚步继续出。</t>
  </si>
  <si>
    <t>是最后一部</t>
  </si>
  <si>
    <t>xy不会是最后一部</t>
  </si>
  <si>
    <t>有，神奇宝贝日月</t>
  </si>
  <si>
    <t>乳胶枕头用枕套吗</t>
  </si>
  <si>
    <t>肯定需要枕套的，乳胶枕头一般采用内套和外套，因为乳胶枕芯本身具有防螨抗菌功能，所以一般不需要清洗，平时定期把内外套拆开清洗就可以了。</t>
  </si>
  <si>
    <t>其实可以不用枕头套的，乳胶枕头做的都是扁平的</t>
  </si>
  <si>
    <t>要用的。不用枕套，万一脏了怎么办。这东西不能晒。所以，必须用枕套！</t>
  </si>
  <si>
    <t>泰国皇家素万乳胶枕都有枕套的哦，整套能够保持枕头的洁净，可以很方便的拆洗。</t>
  </si>
  <si>
    <t>蜡烛能不能带上飞机</t>
  </si>
  <si>
    <t>可以的，只要不放火就行</t>
  </si>
  <si>
    <t>坐飞机可以带蜡烛</t>
  </si>
  <si>
    <t>可以带蜡烛上飞机。</t>
  </si>
  <si>
    <t>不是液体可以的。</t>
  </si>
  <si>
    <t>可以的,没有问题。</t>
  </si>
  <si>
    <t>可以的固体的可以带</t>
  </si>
  <si>
    <t>可以。不是违禁品。</t>
  </si>
  <si>
    <t>易付宝有风险吗</t>
  </si>
  <si>
    <t>有风险</t>
  </si>
  <si>
    <t>很危险啊，钱放进去一个多月都在突然少2000.打电话问客服，说是系统问题，太不靠谱了，</t>
  </si>
  <si>
    <t>任何的基金都是会有一定风险，但是风险有高低之分。</t>
  </si>
  <si>
    <t>我就是说出来国内十大金融理财产品排名，你敢去投资吗，其实就我这么长期的理财经验来说，排名在选择理财方式中的因素占比重大约为1/5吧，单一考虑这个因素也是比较片面的。毕竟很多大品牌出事也不是什么新鲜事。企额贷我是有做过的，排名大致在50-200名之间，全是抵押的p2p类型的理财品，原来还想拿着房子去他们家抵押贷款呢，后来限购了就算了，自己也就开始理财了。</t>
  </si>
  <si>
    <t>炉石传说末日灾祸有用吗</t>
  </si>
  <si>
    <t>费用高还不稳定啊，2点伤害还要确定杀死，和他相比传送门实在是太稳定了，SS的卡位一直是很紧张的，实在是没位置带这个不稳定的东西，宇宙流可以带一个玩玩</t>
  </si>
  <si>
    <t>就是四费下个411的末日。四费打出巴纳拉，场面出现11的末日，结果你懂的，434的巴纳拉就不提了，再好的场面都没了，你场面不优，对面也能轻松解掉。无论哪种情况，结果都不乐观，望采纳</t>
  </si>
  <si>
    <t>teamviewer个人版经常使用会变成商业版么</t>
  </si>
  <si>
    <t>teamviewer官方说有个人免费版，但是实际上还是有限制的。只要你用得太频繁。次数太多个人版也会提示试用期已到。应该是官方后台有一个验证机制，你安装的时候说是个人用，但是使用的程度达到了商业范畴就会强制提示了。重装也没用的。 你百度搜索 不崩溃Crack TeamViewer_V依依.0.陆陆陆95 。是一个P版本的，你懂得 百度帮你搜索了一个，我一直在用蛮好的，可以无限换iD，就算不换也没有任何限制和商业提示</t>
  </si>
  <si>
    <t>商业用途是指任何涉及到金钱的形式活动，这主要包括您使用TeamViewer处理与工作相关的事项时的所有情形；非商业就是和钱无关的活动。如果把TeamViewer用于商业用途需要购买许可证。商业用途实例：帮助或支持客户或同事进行工作从您的家庭办公室连接到您的公司PC或服务器。非商业用途实例：帮助或支持朋友和亲属从学校、大学或度假地连接到您的私人家庭PC并且为非教学或办公用途</t>
  </si>
  <si>
    <t>可以带自行车上火车吗</t>
  </si>
  <si>
    <t>铁路部门规定：自2015年1月5日起，请勿携带自行车（含折叠自行车）和妨碍公共卫生、影响旅客列车车内通行、容易污损铁路车辆、影响站车环境秩序的物品和动物进站乘车。</t>
  </si>
  <si>
    <t>你把车拆了就能上火车，谁说得办托运的？我经常把车的前后轮组拆了后就拿上火车。要是列车员不要你上的话，你就说补张票，稳当得很（我的经验）</t>
  </si>
  <si>
    <t>自2015年1月5日起，携带自行车(含折叠自行车)会妨碍公共卫生、影响旅客列车车内通行、容易污损铁路车辆、影响站车环境秩序的物品和动物进站乘车。</t>
  </si>
  <si>
    <t>现在不行 以前可以 托运可以严禁携带自行车严禁旅客携带自行车（含折叠自行车），确实要携带自行车的需提前办理托运。需要注意的是，残疾人旅行时代步的折叠式轮椅，可免费携带并不计入上述范围。</t>
  </si>
  <si>
    <t>按理来说可以办理托运上火车，但是具体要咨询运营公司</t>
  </si>
  <si>
    <t>kindle支持pdf格式吗</t>
  </si>
  <si>
    <t>可以看，但支持的效果不好，反应慢甚至会死机，建议对格式进行转换</t>
  </si>
  <si>
    <t>可以啊，可以在云端转换格式，发邮件把pdf文件当做附件</t>
  </si>
  <si>
    <t>1，可以。2，理由：支持的内容格式，Kindle (AZW)，TXT，PDF，MOBI，PRC原格式，HTML，DOC，DOCX，JPEG，GIF，PNG，BMP转换格式。</t>
  </si>
  <si>
    <t>完全可以悦读PDF格式</t>
  </si>
  <si>
    <t>6.kindle支持pdf文件</t>
  </si>
  <si>
    <t>恶魔奶爸好看吗</t>
  </si>
  <si>
    <t>我认为挺好看的</t>
  </si>
  <si>
    <t xml:space="preserve">不错 </t>
  </si>
  <si>
    <t>这个要看个人的吧,我个人认为还不错,起码让我看得很开心.</t>
  </si>
  <si>
    <t>好看，搞笑中带点感动。</t>
  </si>
  <si>
    <t>被兔子咬伤要打疫苗吗</t>
  </si>
  <si>
    <t>被兔咬伤后通常不需要接种狂犬病疫苗</t>
  </si>
  <si>
    <t>被兔咬伤后通常不需要接种狂犬病疫苗，只要做好幼儿护理工作就好</t>
  </si>
  <si>
    <t>建议你去一下，通常宠物兔子是没有病毒的，但是为了以防万一，还是建议你去打一下针。</t>
  </si>
  <si>
    <t>人类历史上没有啮齿类动物感染狂犬病的案例，只是理论上可能，不打针也罢</t>
  </si>
  <si>
    <t>淘宝店刷流量有用吗</t>
  </si>
  <si>
    <t>有用，流量高你的排名就在前面，排名在前面，就容易被买家看见，就有被卖出去的几率</t>
  </si>
  <si>
    <t>有用的，使用软件可以免费优化店铺流量，另外在流量稳定增长时，再适量刷几单，店铺的权重、排名等都会得以提升的。</t>
  </si>
  <si>
    <t>刷的流量有啥用， 又不是精准定位客群来的流量</t>
  </si>
  <si>
    <t>用处应该不明显的，一般都是用来弄效量的，砖化更合理，不过还是用一些优质浏量比较好，安全还有用，白度嗖 ，深色流量 ，我们都用这儿的，挺可以的</t>
  </si>
  <si>
    <t>我以前使用过其实总体感觉用处不是很大主要还是销量，安全才是最重要的淘麦刷各项制度都是比较严格而且也是企业运营备案！</t>
  </si>
  <si>
    <t>完全没有用。因为软件刷的流量没有转化率，刷了有啥用处？大量流量直接降低转化率，淘宝刷流量严重时会让宝贝降权或屏蔽。</t>
  </si>
  <si>
    <t>不要使用虚假流量，那个没什么用，可能还会引起隐形降权的，真实的流量才安全</t>
  </si>
  <si>
    <t>融资租赁需要担保吗</t>
  </si>
  <si>
    <t>融资租赁公司需要不仅有担保还有抵押，此两种方式在于担保的利率较高，而抵押的利率较低。此两种方式，各有所长，在借款人无抵押物的情况下采用担保能较快得到资金支持。</t>
  </si>
  <si>
    <t>是的。金融机构最担心的就是没有还款能力。</t>
  </si>
  <si>
    <t>漱口水能去除牙结石吗</t>
  </si>
  <si>
    <t>植物多肽漱口水可以分解牙菌蛋白 和食物残渣， 软化牙结石，然后保持口腔健康，抑制牙结石的再生</t>
  </si>
  <si>
    <t>漱口水不能溶解牙结石，只能起到消毒口腔的作用。而且长期应用漱口水消毒，会导致口腔过敏，因此最好使用牙膏清洁牙齿，牙结石最好到医院洁牙治疗。</t>
  </si>
  <si>
    <t>不可以，要去牙结石最好是去洗牙</t>
  </si>
  <si>
    <t>配合牙线，效果很好</t>
  </si>
  <si>
    <t>建议洁牙</t>
  </si>
  <si>
    <t>三星a8有单卡的吗</t>
  </si>
  <si>
    <t>单卡制式为GSM /WCDMA（移动2G和联通2G 3G都可以） N7108 单卡支持中国移动3G和联通2G N7102 支持双卡双待。所以你要买的是三星N7102</t>
  </si>
  <si>
    <t>一般都是单卡的</t>
  </si>
  <si>
    <t>坟墓上长大柳树好不好</t>
  </si>
  <si>
    <t>坟头前长树，说明地气旺，儿孙兴旺，是块好穴。有个说法是长树不好，长草好，一般在起坟时都移种草在上面。</t>
  </si>
  <si>
    <t>长柳树很好的，以墓穴为中心，10米半内的大树，叶子越大子孙越好。</t>
  </si>
  <si>
    <t>柳树？ 没听说过好不好。反正是知道，坟前长槐树不好。</t>
  </si>
  <si>
    <t>不太好</t>
  </si>
  <si>
    <t>看柳树所在的具体方位的</t>
  </si>
  <si>
    <t>南方公园真理之杖好玩吗</t>
  </si>
  <si>
    <t>总体还是不错的，尤其是对于喜欢这部动画的来说。IGN给了9.0分，</t>
  </si>
  <si>
    <t>很不错《南方公园：真理之杖》[1]是由美国著名的欧美吐槽动画改编制作的，游戏继承了动画的精髓，那就是各种犀利的吐槽尽在其中，在游戏中融入了传统RPG的要素，里面分出了各种职业供玩家们使用，在战斗中升级，并且还添加了一个宝石系统，为玩家们的武器提供强大的附属属性。</t>
  </si>
  <si>
    <t>《南方公园：真理之杖》全支线全收集任务完成攻略 《南方公园：真理之杖》是一款卡通风格的冒险游戏，丰富的支线任务和收集要素是游戏的亮点所在，相信很多玩家都卡在各个支线上，比如说，30只鸡鸡怪，幼儿园小孩等等。</t>
  </si>
  <si>
    <t>象印保温杯可以泡茶吗</t>
  </si>
  <si>
    <t>在这些高端保温杯里不要泡茶，长时间泡茶会导致内壁腐蚀，而且茶垢很难清理。</t>
  </si>
  <si>
    <t>泡茶不行，会破坏茶的营养，对健康不利。</t>
  </si>
  <si>
    <t>自己做好清洁工作不要串味就可以了。</t>
  </si>
  <si>
    <t>最好不要，茶水、牛奶、果汁等等最好都不要，长时间对保温杯内壁有影响。</t>
  </si>
  <si>
    <t>不论什么牌子的保温杯，泡茶都不好，茶叶泡得过久会有有害物质析出。</t>
  </si>
  <si>
    <t>有些杯子专门用来泡茶的，要看型号的。</t>
  </si>
  <si>
    <t>初中毕业可以读幼师吗</t>
  </si>
  <si>
    <t>初中毕业是不可能直接考幼师资格证的。考幼师资格证最低要求是高中或者同级（中专、职高、成人大学或者电大）</t>
  </si>
  <si>
    <t>可以啊 你自己喜欢 用心 行行出状元</t>
  </si>
  <si>
    <t>可以啊！现在找个上技术的学校，你想当幼师就去报幼师专业就好。</t>
  </si>
  <si>
    <t>需要大专及以上学历</t>
  </si>
  <si>
    <t>开钟点房要身份证吗</t>
  </si>
  <si>
    <t>正规点的宾馆都是需要的。</t>
  </si>
  <si>
    <t>你可以和前台说一下登记一下身份证信息，她会给你一个表格，填一下姓名身份证就好了</t>
  </si>
  <si>
    <t>一个人去开好房，另一个等会儿进去。</t>
  </si>
  <si>
    <t>开钟点房在正规的客房是一定要身份证的。</t>
  </si>
  <si>
    <t>小苏打对皮肤有害吗</t>
  </si>
  <si>
    <t>加一点小苏打在洗面奶里，或者用小苏打和燕麦片做面膜，有助于改善肌肤，细腻又去油。尤其油性皮肤导致的痘痘，可定期适量用小苏打调至磨砂膏状洗脸，有利于控油从而祛痘，效果几乎立竿见影，因此小苏打对皮肤没有伤害。</t>
  </si>
  <si>
    <t>微信分身版安全吗</t>
  </si>
  <si>
    <t>微信分身版就是同一个设备可以同时登录多个微信号，但它不是腾讯官方的软件，可能有一定风险</t>
  </si>
  <si>
    <t>建议不要使用，会封号</t>
  </si>
  <si>
    <t>耶稣是真人吗</t>
  </si>
  <si>
    <t>是真的。历史上真的存在一位耶稣，按着肉身说，是拿撒了人耶稣，以色列的犹大支派。</t>
  </si>
  <si>
    <t>公元前的人,哪来的真人真事?无图还无真相呐!</t>
  </si>
  <si>
    <t>耶稣在历史上确实有这个人。</t>
  </si>
  <si>
    <t>耶稣在历史上是确有其人。</t>
  </si>
  <si>
    <t>研究人员认为耶稣确有其人.</t>
  </si>
  <si>
    <t>耶稣在历史上并无其人其事</t>
  </si>
  <si>
    <t>小米4c能刷v5系统吗</t>
  </si>
  <si>
    <t>不能刷miui5，小米4c只支持miui7和flyme4.5</t>
  </si>
  <si>
    <t>调休可以跨月吗</t>
  </si>
  <si>
    <t>可以，但最好不要跨年.</t>
  </si>
  <si>
    <t>要看所在公司规定是否可以跨月调休，一般情况是当月调休的。</t>
  </si>
  <si>
    <t>法律规定用人单位在无法调休时应当支付双倍工资，但是未限制用人单位何时调休，所以双方可以约定跨月调休。</t>
  </si>
  <si>
    <t>按理论上讲是不可以的</t>
  </si>
  <si>
    <t>中国有没有核潜艇</t>
  </si>
  <si>
    <t xml:space="preserve">中国海军是世界上第五支拥有核潜艇的海军，核潜艇也是中国海军最自豪的家当.但中共海军目前仅有5艘091型汉级攻击核潜艇和1或3艘092型夏级导弹核潜艇. </t>
  </si>
  <si>
    <t>中国现在确实有，096、093是攻击核潜艇。</t>
  </si>
  <si>
    <t>根本没有。</t>
  </si>
  <si>
    <t>dj可以自学吗</t>
  </si>
  <si>
    <t>可以学</t>
  </si>
  <si>
    <t>DJ技术只是纯粹的感兴趣自己学着玩玩的，如果想学完之后到酒吧工作就需要有一个专业的DJ老师在旁边指导</t>
  </si>
  <si>
    <t>期货交易赚钱吗</t>
  </si>
  <si>
    <t>千万不要进去，确实是在所谓法律保护下的强盗，目前我身边10多个期货操作者没有赚到一分钱，倒陪十多万，我32万入场，不到半年仅剩余2万左右。</t>
  </si>
  <si>
    <t>无期货是永远只有20%人赚钱的行业。</t>
  </si>
  <si>
    <t>可以但是指望这个发家不现实 赚点零花钱还是可以的</t>
  </si>
  <si>
    <t>期货门槛并不高，操作性也比较强不过投资有风险，谨慎操作</t>
  </si>
  <si>
    <t>胆囊炎能吃豆浆吗</t>
  </si>
  <si>
    <t>豆浆性偏寒，胆囊炎多属实属热，食用豆浆没有问题。</t>
  </si>
  <si>
    <t>少量的喝问题应该不大。</t>
  </si>
  <si>
    <t>豆浆营养非常丰富，且易于消化吸收，可以喝豆浆的。</t>
  </si>
  <si>
    <t>国库券可以提前支取吗</t>
  </si>
  <si>
    <t>可以提前支取。</t>
  </si>
  <si>
    <t>可以支取,需要手续费千分之一</t>
  </si>
  <si>
    <t>玉米黑粉菌能吃吗</t>
  </si>
  <si>
    <t>幼嫩时可以食用，也有生食，有甜味，炒食另有风味。经常食用可预防和治疗肝脏系统和胃肠道溃疡，并能助消化和通便。</t>
  </si>
  <si>
    <t>经常食用可预防和治疗肝脏系统和胃肠道溃疡，并能助消化和通便。</t>
  </si>
  <si>
    <t>幼嫩时可以食用，也能生食，有甜味，炒食风味更佳。玉米黑粉菌还有一定的药用价值。很多地方都有食用玉米黑粉菌的习惯.</t>
  </si>
  <si>
    <t>王俊凯成绩好吗</t>
  </si>
  <si>
    <t>王俊凯中考成绩多少呢？近日，正太团TFboys关注度越来越高，特别是最近中考，成员王俊凯中考成绩曝光。据了解，王俊凯成绩一直不错。在班上算是中上水平的，平时都是班级前五名的行列。</t>
  </si>
  <si>
    <t>年级前列</t>
  </si>
  <si>
    <t>不会差的</t>
  </si>
  <si>
    <t>清宫能清干净吗</t>
  </si>
  <si>
    <t>一般情况下有经验的医生清宫是可以清除干净的。清宫以后检查B超即可明确是否彻底清除干净的</t>
  </si>
  <si>
    <t>你最好等血流干净后去医院再做一次B超确定下你子宫里的东西彻底排干净没有。我以前做的药流加清宫，后来医生叫我血流干净后来医院再做次B超确认下有没有排干净，那时候我太痛苦了根本没有把医生的话记在心上。后来过了两个月后我就发生了大出血，血一直流，我晕倒了，还好抢救及时。后来给我做了详细的检查，发现我子宫上居然有个黑黑的点，医生就问我最近有没有做过打胎手术，我说有。他们就说应该是孕囊。结果我又挨做了一次清宫手术把孕囊刮出来。清宫后不去做二次检查就有可能发生像我这样的情况，大出血。或者是没排出来的东西留在子宫里就会扰乱月经，造成月经混乱或不调、过多等情况。</t>
  </si>
  <si>
    <t>清宫一般都可以清干净</t>
  </si>
  <si>
    <t>突围突围好看吗</t>
  </si>
  <si>
    <t>值得点赞，喜欢这部电视剧，在《小看影》有。和以前的玄幻剧不同，这部剧更像虚构的，不像有的玄幻剧看着看着就成了古装剧，开始两集内容很紧凑，有很多伏笔。</t>
  </si>
  <si>
    <t>演员长相还不错，总体而言这部电视剧功过相抵，表演直白，有些机械化。与五十年的电影相比，艺术欠佳。缺少意境的柔美和风姿。</t>
  </si>
  <si>
    <t>女人潮水能喝吗</t>
  </si>
  <si>
    <t>对于这个问题首先我反问下，能有多少水啊？？弄的那么夸张，弄的好像跟水龙头似的，言归正传，对身体肯定没坏处，但是不建议饮用，毕竟没有饮料好喝，不小心喝了也没事，呵呵</t>
  </si>
  <si>
    <t>可以，但是不建议</t>
  </si>
  <si>
    <t>当然可以，如果你不觉得恶心的话！</t>
  </si>
  <si>
    <t>理论上是没有事，可以吃的，但这凭个人喜好</t>
  </si>
  <si>
    <t>你要是不嫌弃的话可以试试，没毒，就是不大干净而已</t>
  </si>
  <si>
    <t>polo有isofix接口吗</t>
  </si>
  <si>
    <t>老Polo是没有这个接口的。</t>
  </si>
  <si>
    <t>国内车辆统一采用isofix标准接口，polo两厢，有两套接口，后排座左右各一套,每套3个固定点。</t>
  </si>
  <si>
    <t>POLO汽车07年以后的有isofix儿童安全座椅接口，07年以前的没有isofix接口</t>
  </si>
  <si>
    <t>去哪儿订的酒店可以退吗</t>
  </si>
  <si>
    <t>你好，是可以退的，在没有预付的话，如果是预付的，可以在最迟一天的时候退然后会把钱支付到你卡上。</t>
  </si>
  <si>
    <t>可以退订的。</t>
  </si>
  <si>
    <t>这个是可以退的，您是预付还是现付，现付的话比较简单，操作退房就可以了。预付的话，因为已经在网站上付过钱，牵扯到退款的问题。但是只要不是担保订单，在入住之前退订都是可以的！</t>
  </si>
  <si>
    <t>脚起泡了可以戳破吗</t>
  </si>
  <si>
    <t>一定要破。戳破解毒</t>
  </si>
  <si>
    <t>睡觉前弄破它</t>
  </si>
  <si>
    <t>不要弄破，遇水会很痛，自己慢慢会消下去的，只是时间没那么快</t>
  </si>
  <si>
    <t>脚磨起泡可以不挑破</t>
  </si>
  <si>
    <t>主键只能有一个吗</t>
  </si>
  <si>
    <t>一个表的确只能有一个主键。</t>
  </si>
  <si>
    <t>主键码只能有一个</t>
  </si>
  <si>
    <t xml:space="preserve">主键只有一个， 这样， 程序里才能做到唯一的识别。 </t>
  </si>
  <si>
    <t>一个表只能有一个主键。</t>
  </si>
  <si>
    <t>c盘200g可以吗</t>
  </si>
  <si>
    <t>太高了，一般C盘就安装个系统，不用那么大装XP的话20G Win7的话40G足够了。</t>
  </si>
  <si>
    <t>一般120G就行，现在这样可以。</t>
  </si>
  <si>
    <t>富贵竹中间截成俩断会活吗</t>
  </si>
  <si>
    <t>截断后水培，初期每天换水，生根后可2-3天换一次水，富贵竹很好活。</t>
  </si>
  <si>
    <t>可以啊，剪断后，将新的植株基部切成斜口，放入新的花瓶里，加入少量的水，生根前3-4天换一次水，切记不要加其他东西（比如营养液等），不要放在阳光直射的地方和空调、电视机、风扇等处。生根后，不要频繁换水，水少了直接添加即可，定期加入一些营养液。</t>
  </si>
  <si>
    <t>下段可以活，上半段可以水养。　富贵竹水养方法：1、入前要将插条基部叶片剪去，并将基部用利刀切成斜口，切口要平滑，以利吸收水分和养分。每 3天-4天换1次清水，10天内不要移动位置或改变方向，约15天左右可长出银白色须根。  2、生根后不宜换水，水分蒸发减少后才能及时加水。常换水易造成叶黄枝萎。 3、生根后要及时施入少量复合化肥，则叶片油绿，枝干粗壮。若长期不施肥，，植株生长瘦弱，叶色易发黄。但施肥不能过多，以免造成 "烧根"或引起徒长。春秋两季每月施l次复合化肥即可。据资料介绍，水养富贵竹为防止徒长，不要施化肥，最好每隔3周左右向瓶内注入几滴白兰地酒，加少量营养液，即能使叶片保持翠绿。 4、不要将富贵竹摆放在电视机旁或空调机、电风扇常吹到的地万，以免叶尖及叶缘干枯。</t>
  </si>
  <si>
    <t>健壮的竹子是可以从中间割开的，不过那样就不好看了，我们养富贵竹主要是为了美观的。</t>
  </si>
  <si>
    <t>可以的这叫富贵竹落土，半截竹杆没有叶，再剪剩20--30公分高，创面用蜡封住，以防水份流失。十几天在竹节处，长出新竹芽，每棵竹杆留3个芽，多余去掉，很快就长成一盆茂盛的富贵竹</t>
  </si>
  <si>
    <t>会的、在水里一个星期就会和原来的一样</t>
  </si>
  <si>
    <t>会呀，水培，土栽都可以</t>
  </si>
  <si>
    <t>美德可教吗</t>
  </si>
  <si>
    <t>自然是可以的，好的家庭教育、好的学校教育，培养出来的孩子肯定和没有接受良好教育的孩子有差别。</t>
  </si>
  <si>
    <t>当然可以啦，潜移默化中。</t>
  </si>
  <si>
    <t>美德可以传授给被教育者，但这并不意味着教授过程的结束。</t>
  </si>
  <si>
    <t>专科能参加司法考试吗</t>
  </si>
  <si>
    <t>不可以，必须是本科生</t>
  </si>
  <si>
    <t xml:space="preserve">法律规定的最低学位是“本科学位” </t>
  </si>
  <si>
    <t xml:space="preserve">参加司法考试需要本科以上，但西藏自治区所辖市、地区、县、县级市、市辖区，可以将报名的学历条件放宽为高等院校法律专业专科学历。 </t>
  </si>
  <si>
    <t>应该是不能了，放宽政策结束了</t>
  </si>
  <si>
    <t>如果专业是法律，可能还是可以报考司法考试的，享受放宽地区政策，不是法律专业的话，就不可以报考了。</t>
  </si>
  <si>
    <t>怀孕腰痛是缺钙吗</t>
  </si>
  <si>
    <t>孕妇腰痛并不一定的缺钙。一般来说孕妇缺钙还有可能是因为肚子增大。</t>
  </si>
  <si>
    <t>韭菜和芹菜能一起吃吗</t>
  </si>
  <si>
    <t>能，尽管吃</t>
  </si>
  <si>
    <t>最好不要同时吃。因为韭菜和芹菜都属于高纤维蔬菜，每日食用200克即可，老年人需慎用。食用过量会造成人体肠胃负担。</t>
  </si>
  <si>
    <t>最好不要同时吃</t>
  </si>
  <si>
    <t xml:space="preserve">看年龄，肠胃功能来定吧。老人的话，芹菜韭菜别同吃 </t>
  </si>
  <si>
    <t>芹菜可以治疗高血压、头痛、头晕、暴热烦渴、水肿、小便热涩不利、妇女月经不调、赤白带下等；韭菜具有健胃、提神、止汗固涩、补肾助阳、固精等功效。芹菜和韭菜一同吃没有什么问题，不用有什么顾虑</t>
  </si>
  <si>
    <t>韭菜与芹菜这两种食物一起吃是没有什么问题的。</t>
  </si>
  <si>
    <t>win8 平板好用吗</t>
  </si>
  <si>
    <t>感觉还可以 本来win8就是为触摸而生的 兼容性 看你买的是 RT 版本的 还是 pro版本的 如果是RT版本的 软件还不是很多 如果是PRO 的 它就是用的32位CPU 正常家用电脑能用的 基本都可以用</t>
  </si>
  <si>
    <t>看你平时用途了，办公什么的用win8平板绝对是无可媲美的，玩游戏的话。嗯这个不好说，要看看你买的具体配置是什么，是RT版windows8还是普通的win8。兼容性的话和上一个问题一样，如果是RT版的话，不能使用平常电脑用的exe程序，只能从应用商店下载。从数上来看目前比不上Android的，但是平时基本用的应该都差不多。总之还是要看你的win8是那个版本。</t>
  </si>
  <si>
    <t>一般般，不算特别的好，跟在电脑上用差不多</t>
  </si>
  <si>
    <t>看具体型号。</t>
  </si>
  <si>
    <t>不好用，第一个是因为配置不高，配置高的又太贵。第二点是因为屏幕太小，网站建设和设计都需要大屏幕。第三是没有键盘，敲代码，制图没有键盘快捷键是很痛苦的。</t>
  </si>
  <si>
    <t>义乌德胜岩要门票吗</t>
  </si>
  <si>
    <t>不用的</t>
  </si>
  <si>
    <t>不要门票</t>
  </si>
  <si>
    <t>不要另外，可以自助烧烤，那边有租烧烤用具的，你只要自带吃的就行了</t>
  </si>
  <si>
    <t>北京金凤凰医院好不好</t>
  </si>
  <si>
    <t>想要知道这些还是得问北京整形医院吧（百度贴吧）里的网友，会有的收获的</t>
  </si>
  <si>
    <t>民营医院都不靠谱</t>
  </si>
  <si>
    <t>孕妇可以用金银花洗澡吗</t>
  </si>
  <si>
    <t>孕妇能用金银花水擦洗，用金银花水洗可以清热消毒，没有副作用。</t>
  </si>
  <si>
    <t>孕期最好是避免浓茶等。</t>
  </si>
  <si>
    <t>可以，金银花可以短暂的止痒，但不要平凡的擦拭。</t>
  </si>
  <si>
    <t>板蓝根消炎吗</t>
  </si>
  <si>
    <t>板蓝根有消炎作用。其主要作用是清热、解毒、消炎。</t>
  </si>
  <si>
    <t>不是，板蓝根是不含消炎成分的</t>
  </si>
  <si>
    <t>板蓝根的功效是清热解毒，不属于消炎药物。</t>
  </si>
  <si>
    <t>板蓝根可以清热解毒，有抗病毒的作用</t>
  </si>
  <si>
    <t>小本票有收藏价值吗</t>
  </si>
  <si>
    <t>小本票肯定有收藏价值</t>
  </si>
  <si>
    <t>生肖小本票当然有收藏价值！</t>
  </si>
  <si>
    <t>现在国内邮票里，认可度最高的就是生肖类邮票。</t>
  </si>
  <si>
    <t>只有当小本票收齐了，系列成套才有收藏价值。</t>
  </si>
  <si>
    <t>股票账户不用要销户吗</t>
  </si>
  <si>
    <t>股票账户不用是可以不用取销户的。</t>
  </si>
  <si>
    <t>不需要注销，太长时间不用就会变成休眠账户，到时要再用时则要到开户的证券营业部去激活，如果你要换个城市生活的话建议你还是注销的好，因为万一你以后要用时又要回到原开户地激活这样比较麻烦</t>
  </si>
  <si>
    <t>不会自动销户,但是会休眠的。</t>
  </si>
  <si>
    <t>与证券账户绑定的银行卡长时间不用不会自动注销，除非先与证券账户解除绑定：1、一般来说在三年之内没有使用都是睡眠状态户，只要激活就可以使用，但是超过三年的话，就要看具体地区具体银行的政策了，各地区的政策都是不同的，有可能把它自动销户；2、休眠卡可能会给信用报告留下负面记录，原因是可能忘交它的年费或其他费用；3、银行卡三年不用就会自动注销，但最好自己提前去银行办理注销手续。</t>
  </si>
  <si>
    <t>一般账户不用之后不一定要注销的，只要不放钱进去就没有什么影响。如果一定要销户就要到原开户的券商那办手续了。</t>
  </si>
  <si>
    <t>lol统治战场经验多吗</t>
  </si>
  <si>
    <t>主要是看时间和首胜 不是说打哪个就经验多的要死</t>
  </si>
  <si>
    <t>首胜10分钟168金币，123经验。</t>
  </si>
  <si>
    <t>80以下金币 经验不多。</t>
  </si>
  <si>
    <t>顺丰保价费可以到付吗</t>
  </si>
  <si>
    <t>不一定，看情况而定</t>
  </si>
  <si>
    <t>自愿连锁经营业真能赚钱吗</t>
  </si>
  <si>
    <t>能啊，你有足够的人脉和后备资金也许能赚钱,但决对不是你看到或想到的那么简单,我以前也做过</t>
  </si>
  <si>
    <t>跟买彩票一样 看你抱着什么心态去做了 这样说你懂了吧＃＃现在骗鬼啊</t>
  </si>
  <si>
    <t>不管经营什么，都有赚有赔的</t>
  </si>
  <si>
    <t>那个就是变相、高级的传销，看来你有被洗脑的危险。</t>
  </si>
  <si>
    <t>看你自己的本事啊。总之没有那么简单。</t>
  </si>
  <si>
    <t>当然能赚到钱，361行，行行出状元的。这个理论模式相当先进，很厉害的一种营销模式</t>
  </si>
  <si>
    <t>自考有学历限制吗</t>
  </si>
  <si>
    <t>自考没有学历限制，每个人都可以报考，你可以先从专科开始，或者没有专科证也可以先参加自考本科的考试，就是将来在申请本科时要先出示专科毕业证，所以就要先考一个专科毕业证并且在本科前毕业,这是自考的硬性规定</t>
  </si>
  <si>
    <t>自考没有学历要求，报考只需拿出最高学历文凭方可报名自考专业。</t>
  </si>
  <si>
    <t>建议咨询考试地区的教育局，每个地区的要求有区别。</t>
  </si>
  <si>
    <t>1）必须是具有国家承认的专科学历方可报考高等教育自学考试本科段。2）党校及干部函授大学专科毕业人员，不具备参加本科段考试的资格。3）参加本科段考试的考生，应持专科毕业证书和本人身份证到当地该专业的报名点报名。 报考与所学专科专业不同的本科，根据专业的不同需要加试相应的课程。</t>
  </si>
  <si>
    <t>是没有学历限制的</t>
  </si>
  <si>
    <t>新生儿会吃撑吗</t>
  </si>
  <si>
    <t>不会的，新生儿一般吃第一周能吃50毫升左右的奶，到第二周100毫升左右，第三第四周150毫升左右，一般每隔2小时喂一次</t>
  </si>
  <si>
    <t>宝宝每次吃饱了不想吃得时候会吐出来，把头转向一边，宝宝自己会调节的，如果宝宝吃太急，你可以吃到一半，把宝宝竖起来拍拍，打嗝了比较好，然后再继续喂。宝宝还想吃就让他吃。</t>
  </si>
  <si>
    <t>宝宝一般吃够了就不会吃了</t>
  </si>
  <si>
    <t>不用担心的，宝宝自身是有这个控制的本能的，如果饿了就会哭，饱了就睡或玩，不哭不闹的，这是这么大宝宝的一种本能，通常这个时期的喂养都是按照宝宝的需要来喂的</t>
  </si>
  <si>
    <t>这种情况一般是不会的，不必担心</t>
  </si>
  <si>
    <t>吃到不吃了就好，顺其自然。</t>
  </si>
  <si>
    <t>在喂食后，因为胃部胀大产生压力，括约肌的收缩强度又不足以阻止胃部食物回流，所以宝宝往往会出现吐奶、溢奶的现象，抱起来在肩膀轻轻拍几下后背就好，如果经常性的，每次喂完宝宝要多立起来抱抱，婴儿不会吃撑的。</t>
  </si>
  <si>
    <t>弦是多音字吗</t>
  </si>
  <si>
    <t>弦字不是多音字。</t>
  </si>
  <si>
    <t>不是多音字，弦只有xián一种读音</t>
  </si>
  <si>
    <t>王宝强算一线演员吗</t>
  </si>
  <si>
    <t>起码现在算啊</t>
  </si>
  <si>
    <t>肯定是一线明星啊</t>
  </si>
  <si>
    <t>妥妥的已经是一线演员了。</t>
  </si>
  <si>
    <t xml:space="preserve"> 现在属于一线了 </t>
  </si>
  <si>
    <t>爱奇艺能上传视频吗</t>
  </si>
  <si>
    <t>爱奇艺视频上传步骤： 1.打开爱奇艺，注册登录账号。2.在账号的左边有一个上传的选择，点击。3.点击之后，就会出现一个上传的界面，点击上传视频，然后浏览到你要上传的视频。4.等待视频上传完成后，等待审核通过就可以了。</t>
  </si>
  <si>
    <t>可以啊，我看的是注册了以后右上角就有一个上传的按钮，点击就可以上传了。</t>
  </si>
  <si>
    <t>先下载爱奇艺，打开爱奇艺客户端，上面搜索旁边有个上传。请采纳，谢谢。</t>
  </si>
  <si>
    <t>首先要注册成为网站的用户，获取上传权限.在用户名旁边就会有上传视频选项，点击上传，把自己的视频文件添加上面.然后在下面编写视频信息，上面会有提示的按照提示去做，就可以了，等待网站转码-审核通过，你的视频就上传成功了</t>
  </si>
  <si>
    <t>没有啊</t>
  </si>
  <si>
    <t>钉宫理惠配过h吗</t>
  </si>
  <si>
    <t>我也很想知道。。。不过貌似是没配过。。。而且里番那么多 钉宫就算配过也不一定有人能发现啊（话说钉宫的声音其实很好认的。。。 )而且CV配里番都是用马甲的。。</t>
  </si>
  <si>
    <t>小米note3双卡双待吗</t>
  </si>
  <si>
    <t>小米没有note3 ，红米note3支持。</t>
  </si>
  <si>
    <t>红米Note3是双卡双待的。</t>
  </si>
  <si>
    <t>是的，该款手机支持双卡双待</t>
  </si>
  <si>
    <t>巫师3有简体中文吗</t>
  </si>
  <si>
    <t>巫师3所有平台都是没有简体中文版的，但是官方有出繁体中文版的。</t>
  </si>
  <si>
    <t>正版没有简体中文</t>
  </si>
  <si>
    <t>官方只有繁体中文，你可以去网上下载简体汉化的补丁安装。</t>
  </si>
  <si>
    <t>qq炫舞合魔法有没有死号合不出的</t>
  </si>
  <si>
    <t>那是运气+财力的问题。</t>
  </si>
  <si>
    <t>时间运气还有用的衣服，天时地利人和才能合上</t>
  </si>
  <si>
    <t>揉面垫好用吗</t>
  </si>
  <si>
    <t>还行吧，拿出来还的在揉一下</t>
  </si>
  <si>
    <t>硅胶揉面垫是进口食品级硅胶做的，无毒环保，吸力又好，用来揉面正好用。揉面的时候垫子上肯定要稍微撒点干粉。</t>
  </si>
  <si>
    <t>知柏地黄丸小孩能吃吗</t>
  </si>
  <si>
    <t>体质虚寒的，肠胃不好的都可以。</t>
  </si>
  <si>
    <t>知柏地黄丸主要用于肾阴虚的情况，建议找专业的中医师进行辨证离治，可达到标本兼治的治疗效果。</t>
  </si>
  <si>
    <t>不要吃！知柏地黄丸性寒，用于实热很重的。搞不懂小孩怎会有这种情况？一般小孩还在发育期，不要擅用寒凉药伤及根本。</t>
  </si>
  <si>
    <t>如果是针对早发育，还是有帮助的。</t>
  </si>
  <si>
    <t>不建议给孩子服用</t>
  </si>
  <si>
    <t>您好，知柏地黄丸主要是肝肾阴虚，虚火上炎证，治疗阴虚火旺的，不建议给孩子服用，此药容易伤孩子的脾胃。</t>
  </si>
  <si>
    <t>孟加拉周五上班吗</t>
  </si>
  <si>
    <t>孟加拉国周五、周六是休息日，但周六也有很多公司上班的。</t>
  </si>
  <si>
    <t>周五休息</t>
  </si>
  <si>
    <t>周五穆斯林都要去清真寺祷告。</t>
  </si>
  <si>
    <t>周五和周六两天为休息日。</t>
  </si>
  <si>
    <t>周五周六为周末</t>
  </si>
  <si>
    <t>入户花园门是大门吗</t>
  </si>
  <si>
    <t>不是的，</t>
  </si>
  <si>
    <t>现在楼盘的套房很多带有入户花园，入户花园的门就是大门。</t>
  </si>
  <si>
    <t>常规来说，入户花园的门就是一家的大门。</t>
  </si>
  <si>
    <t>看你入户花园的定义了。古时大门必有门神，故大门就是别人进不来的。你住的是别墅，那入户花园的门应该便是房子大门了，若是套房，那肯定还是客厅的门是大门</t>
  </si>
  <si>
    <t>入户花园的门是大门</t>
  </si>
  <si>
    <t>银翼杀手好看吗</t>
  </si>
  <si>
    <t>东盟建设基金是真的吗</t>
  </si>
  <si>
    <t>要相信国家政府扶持的企业</t>
  </si>
  <si>
    <t>一台电脑,等2个店铺,会不会有影响</t>
  </si>
  <si>
    <t>可以在同一台电脑上开两个淘宝店铺，但不能出售相同的商品。</t>
  </si>
  <si>
    <t>没影响</t>
  </si>
  <si>
    <t>你好，搜索没有影响，但是长时间的话会被淘宝客服查到，会永久封店！我以前亲历过这种情况，客服说属于重复铺货！我以前是一个电脑两个店铺卖着一样的商品，大概过了两个月，其中一个店铺就被封了，另外客服说，同一个电脑两个店铺如果卖不同类型的商品是没事的，如果卖一样的就不行了！</t>
  </si>
  <si>
    <t>看你卖的是什么东西，两个店不能卖同样的东西</t>
  </si>
  <si>
    <t>如果你两个店铺卖同一品牌的产品，那么那么在同一电脑上登录，2个店铺都会被降权。甚至封店。如果2个店铺卖的产品无关联，不是同一品牌，那么在同一电脑上登录没有任何影响。</t>
  </si>
  <si>
    <t>没什么影响的啊，有很多人同时弄好几家店的</t>
  </si>
  <si>
    <t>冰糖雪梨饮料对咳嗽有帮助吗</t>
  </si>
  <si>
    <t>雪梨炖冰糖可以化痰止咳、清热生津、润肺平喘！但是，冰糖雪梨饮料是不可以止咳的！因为冰糖雪梨只是饮料而已，里面的冰糖+雪梨成分特别少，几乎可以不计。其主要成分是水以及食品添加剂等等，不具有治疗疾病方面的作用。冰糖雪梨属于添加剂比较多的含糖饮料，不但不能治疗痰多而且还有可能会加重病情，</t>
  </si>
  <si>
    <t>饮料应该不会有很好的功效，建议买个梨。放适量耳朵冰糖，加少量水 ，放锅里蒸着吃，对于喉咙痛，咳嗽有很好的功效。</t>
  </si>
  <si>
    <t>摩托车等红灯松油门吗</t>
  </si>
  <si>
    <t>捏住离合慢慢退档，有的是在五档上，在踩一脚就到空挡了。望采纳</t>
  </si>
  <si>
    <t>你这种情况，不用急着转档，试试我的方法：时速40以上先松开油门，带档轻踩刹车，用点刹，分几次点刹。时速在40以下就直接抓离合，同时轻踩刹车，用点刹，分几次点刹。车完全停下来了才变档吧。</t>
  </si>
  <si>
    <t>无可以先松油门，也可以不动油门，只是有个缺点，不松油门要在一秒内换好档，因为发动机转速升的快，要新手建议还是松油门，慢慢松一点就行，不需要完全松的</t>
  </si>
  <si>
    <t>混乱之子好看吗</t>
  </si>
  <si>
    <t>还可以，暴风去年就上了，有7季92集，够你看的，充斥着男性荷尔蒙的硬汉剧，主角在非法帮派与家庭之间寻找平衡。在美国，之所以有很多人追，尤其是女性粉丝狂爱男主查理汉纳姆，是因为男主太帅了，由于深处帮派中，所以他的帅不是俊美小生那种帅，而是略带粗狂不羁的那种帅。</t>
  </si>
  <si>
    <t>研究生有没有见习期</t>
  </si>
  <si>
    <t>取得博士、硕士学位的毕业研究生到企事业单位工作，不实行见习期。</t>
  </si>
  <si>
    <t>研究生毕业没有见习期，请到劳动部网站查询《关于攻读硕士、博士学位研究生毕业分配工作后工资待遇问题的通知》，文件仍然有效。</t>
  </si>
  <si>
    <t>政策明确：研究生毕业没有见习期。</t>
  </si>
  <si>
    <t>你知道国旗护卫队吗</t>
  </si>
  <si>
    <t>天安门国旗护卫队由36名武警官兵组成，负责每天升降国旗。</t>
  </si>
  <si>
    <t>中建三局好吗</t>
  </si>
  <si>
    <t>这么说吧，按总体实力来说，中建是国内建筑行业最强的施工单位。而三局又是中建系统里综合实力最强的公司。在三局内部，总承包、一公司、二公司、三公司都是很不错的，最近组建的成都公司待遇也很好。</t>
  </si>
  <si>
    <t>三局目前在中建系统里面是发展最快的，待遇也很不错，如果你有能力，三局是个不错的选择。</t>
  </si>
  <si>
    <t>三局单位在全国各地好多公司，有人觉得好，也有些人觉得混日子，这得看是三局东西南北公司，还是三局一二三公司，还是三局医院、设计院。</t>
  </si>
  <si>
    <t>不错，希望你珍惜</t>
  </si>
  <si>
    <t>艾灸能不能天天灸</t>
  </si>
  <si>
    <t>如果是按疗程艾灸，前三次最好每日连续灸，每个穴位15—20分钟，以后可以隔日一灸10天为一个疗程。</t>
  </si>
  <si>
    <t>这个根据自己的时间和身体状况安排比较好</t>
  </si>
  <si>
    <t>一般不建议每天灸，除非有些毛病可以天天做，养生就隔一天一次或者一个星期2到3次足够了</t>
  </si>
  <si>
    <t>如果是治疗疾病，每天艾灸，自己把握，时间以自己适合为度，如果是为了保健，就要看自己的身体是否适合，适合到什么程度。</t>
  </si>
  <si>
    <t>保健穴位如足三里可以天天灸 有些穴位就不能天天灸，可是上网搜到那些不可以灸的穴位的</t>
  </si>
  <si>
    <t>科鲁兹有没有esp</t>
  </si>
  <si>
    <t>目前在售的有2013款、2015款和2016款科鲁兹，其中2013款只有1.6T的车型有ESP车身稳定系统；2015款1.6的最低配舒适款和1.5L的经典款是没有的，其余款式均有；2016款全系都有ESP车身稳定系统。</t>
  </si>
  <si>
    <t>降低成本是 欧盟都是强制标准的 我国好多汽车都没有该配置</t>
  </si>
  <si>
    <t>房屋继承契税</t>
  </si>
  <si>
    <t>房屋继承者，满足《中华人民共和国继承法》规定的法定继承人，则免征契税；否则，予以征收契税。</t>
  </si>
  <si>
    <t>憨豆先生有第二季吗</t>
  </si>
  <si>
    <t>中文名称：憨豆先生之细蓝线（第二季）</t>
  </si>
  <si>
    <t>憨豆先生有第二季的。</t>
  </si>
  <si>
    <t>憨豆先生电视剧没有第二部，如果是电影的话有的有第二部，不知道你说的是哪一个</t>
  </si>
  <si>
    <t>有啊！(^_^)</t>
  </si>
  <si>
    <t>苹果要不要更新</t>
  </si>
  <si>
    <t>所以建议设备型号老，最好不要更新最新版系统，避免影响使用速度或者带来其他异常情况。</t>
  </si>
  <si>
    <t>可以，更新系统可以有新的功能，解决许多BUG,增加系统稳定</t>
  </si>
  <si>
    <t>如果现有系统你用着顺手，升不升级无所谓，如果有强迫症，看着通知的小红圈1闹心，就升级</t>
  </si>
  <si>
    <t>您好，推荐升级，对于很多喜欢尝鲜的用户来说，第一时间升级那是必须的，无论是新功能的加入还是BUG的修复，都成为他们升级的理由。每次升级完新系统都会感觉手机焕发了新的活力，尤其是大版本的更新。更是让用户觉得自己手机变的更强大了。</t>
  </si>
  <si>
    <t>毛囊炎自己能好吗</t>
  </si>
  <si>
    <t>一般很少自己好的</t>
  </si>
  <si>
    <t>牛奶加黄油可以打发吗</t>
  </si>
  <si>
    <t>做蛋糕的奶油是用淡奶油打发的，黄油一般是打成羽毛状就是打好了，如果用的是黄油，牛奶要一点一点的加，两三分钟就行了。</t>
  </si>
  <si>
    <t>牛奶加黄油可以打发，必须是淡牛奶和黄油</t>
  </si>
  <si>
    <t>二氧化碳会爆炸吗</t>
  </si>
  <si>
    <t>二氧化碳本身不支持燃烧，但是会和部分活泼金属在点燃的条件下反应（如钠、钾、镁）生成相对应的金属的氧化物和碳。尽管二氧化碳可与多种金属氧化物或还原性金属，如铝、镁、钛和锆发生剧烈的反应，但可与大多数物质配伍。与钠和钾的混合物受震时爆炸。</t>
  </si>
  <si>
    <t>如果二氧化碳的压强超过了容器的耐压强度，就会发生爆炸。这属于物理性爆炸。</t>
  </si>
  <si>
    <t>武汉二手房交易卖家离婚还需双方共同签字吗</t>
  </si>
  <si>
    <t>买二手房过户时，需要买卖双方携带相关资料到房屋所在区的不动产登记中心办理，如不能到场，需要提供公证过的委托书。</t>
  </si>
  <si>
    <t>房屋产权证上的名字是谁，该房屋就归谁所有。</t>
  </si>
  <si>
    <t>具体你可以到房屋管理部门咨询。</t>
  </si>
  <si>
    <t>应该无影响 卖方的房产证上只有女方一个人名字 只要她在买卖合同上签字就可以了</t>
  </si>
  <si>
    <t>动态评分影响排名吗</t>
  </si>
  <si>
    <t>动态评分：单品动态评分数据越好，权重值越高，相反动态评分数据下降，权重自然就会有所降低。</t>
  </si>
  <si>
    <t>影响着整个的排名情况！</t>
  </si>
  <si>
    <t>目前没有多大影响了，不过对参加活动还是有限制的</t>
  </si>
  <si>
    <t>怀孕50多天了,做b超检查都合格,就是孕酮从21降到17,正常吗</t>
  </si>
  <si>
    <t>首先要化验一下血hcg，如果没有降低也没有出血或者腹痛，说明正常妊娠，所以要找做个检查</t>
  </si>
  <si>
    <t>怀孕两个月孕酮的值还没有到三十的话就有点低了，正常的应是在三十以上的</t>
  </si>
  <si>
    <t>没低太多就没关系，最好多注意一下分泌物的颜色正常不正常。</t>
  </si>
  <si>
    <t>如果月经周期规律，怀孕50天，孕酮值和hcg值都偏低。不排除有胎停育的可能。但也不排除是受孕较晚导致。可以观察一周，如果做B超检查不到胚胎组织，这种情况就是胎停育了。</t>
  </si>
  <si>
    <t>电脑可以抢微信红包吗</t>
  </si>
  <si>
    <t>微信电脑版无法抢红包</t>
  </si>
  <si>
    <t>WINDOWS电脑可以安装安卓模拟器，然后下载安装微信登录，跟手机微信一样，可以抢红包，不过不如手机方便。</t>
  </si>
  <si>
    <t>千足金会掉色吗</t>
  </si>
  <si>
    <t xml:space="preserve">黄金首饰的变色或褪色与人体的汗液有密切的关系。人的汗液99%是水份，另外1%左右是人体体内的废物及有害物质，如：氯代物、乳酸、尿素氨等。这些物质与黄金首饰中的银和铜接触后，就会产生化学反应，产生氯化银和硫化铜，并呈现深黑色的化学盐。这种化学盐常会从黄金首饰上掉落，污染佩戴者的皮肤，使皮肤上留下十分明显的黑色污迹。 </t>
  </si>
  <si>
    <t>不会的，真金不怕火炼。</t>
  </si>
  <si>
    <t>如果是正常戴时出现掉色,就可能是质量有问题。</t>
  </si>
  <si>
    <t>其实真正的黄金确实是不会掉色的</t>
  </si>
  <si>
    <t>黄的不掉色</t>
  </si>
  <si>
    <t>有的黄金不纯，就会掉色</t>
  </si>
  <si>
    <t>掉色是不会的，就是时间带长了身上的油脂和灰尘会粘在上面看过去没有那么亮，从新清洗抛光一下就可以的！</t>
  </si>
  <si>
    <t>遇到某些液体会褪色。</t>
  </si>
  <si>
    <t>不会褪色的。黄金佩戴时间长了光泽会不如以前，可以用牙膏或滚热的米汤擦洗，或者用盐和醋的混合擦拭，切忌用刀片之类的利器去刮。</t>
  </si>
  <si>
    <t>一般不会的，除非你洗碗，洗头发什么的不要戴，一般褪色是氧化层的变现，在哪买就去哪清洗，最好不要给其水洗，有的不良商户金会变少，超声冲洗比较好</t>
  </si>
  <si>
    <t>冲锋衣都不透气吗</t>
  </si>
  <si>
    <t>透气，但千万别买假货 ，他们说不透气的肯定是假货</t>
  </si>
  <si>
    <t>我在宝网跟团买了2件冲锋衣，一点都不透气，爬山一会那件衣服的兜里全是水，千万别买了，我在赛德广场那有个迪卡侬，买了一件299元，透气性挺好的，可以试试</t>
  </si>
  <si>
    <t>买到的冲锋衣即使防水效果很好，但透气性也不行，因为压胶的面料达不到防水透气的效果。</t>
  </si>
  <si>
    <t>leep刀手术后还用到医院上药吗</t>
  </si>
  <si>
    <t>你好利普刀术后一般是不需要局部阴道内用药的，考虑你术后在医生指导下积极消炎治疗，建议你注意自己的卫生，建议使用甲硝唑，头孢类等药物输液消炎治疗，注意要加强营养，不要过于劳累，术后一般6-8周创面愈合这期间注意要禁止性生活的。</t>
  </si>
  <si>
    <t>用上药。必须的。防感染的。</t>
  </si>
  <si>
    <t>一般LEEP 刀术后不需要上药。</t>
  </si>
  <si>
    <t>金城武日本红吗</t>
  </si>
  <si>
    <t>金城武在日本的地位很高的</t>
  </si>
  <si>
    <t>不止是曾经，现在也比较有人气，总在广告里出来。</t>
  </si>
  <si>
    <t>19岁可以结婚吗</t>
  </si>
  <si>
    <t>《中华人民共和国婚姻法》第六条：结婚年龄,男不得早于二十二周岁,女不得早于二十周岁。</t>
  </si>
  <si>
    <t>年龄也不够，法律规定结婚男要满二十二周岁、女二十周岁。</t>
  </si>
  <si>
    <t>没到法定结婚年龄，但是可以结婚了，只要双方都同意。</t>
  </si>
  <si>
    <t>不可以，20岁，少一天都不可以。</t>
  </si>
  <si>
    <t>法定年龄不可以。</t>
  </si>
  <si>
    <t>应该可以吧。</t>
  </si>
  <si>
    <t>不可以。没到年龄领不到结婚证！</t>
  </si>
  <si>
    <t>违法行为！</t>
  </si>
  <si>
    <t>火线是正极还是负极</t>
  </si>
  <si>
    <t>在直流线路中的电源和有关元器件分正负极，获得电子的地方为正极，失去电子的地方为负极，正负极不是指电线</t>
  </si>
  <si>
    <t>清远漂流可以三个人吗</t>
  </si>
  <si>
    <t>可以的啊！中间可以坐一个！</t>
  </si>
  <si>
    <t>2大人1小孩可以坐同一艘艇，有些艇是有三对抓手的。小孩坐中间就可以。</t>
  </si>
  <si>
    <t>三个人可以一起漂的</t>
  </si>
  <si>
    <t>三个人可以坐一个船</t>
  </si>
  <si>
    <t>商情是核心期刊吗</t>
  </si>
  <si>
    <t>不是核心期刊＃＃不是 不是的＃＃是由河北省消费文化研究中心主管、河北省消费时尚文化传播中心主办的经济教育类综合性学术性 核心期刊，这些都可以在百度搜到</t>
  </si>
  <si>
    <t>《商情》这个期刊不是中文核心期刊，就是普通期刊。</t>
  </si>
  <si>
    <t>《商情》杂志是由河北省消费文化研究中心主管、河北省消费时尚文化传播中心主办的经济/教育类综合性学术性核心期刊</t>
  </si>
  <si>
    <t>全国中文经济类核心期刊、国家重点经济理论学术期刊《全国商情·经济理论研究》是1986年由原国家商业部创办的国家级刊物，由于政府机构改革，现由中国商业联合会主管，中华全国商业信息中心主办。《全国商情·经济理论研究》是“全国中文经济类核心期刊”；中国学术期刊网、万方数据——数字化期刊群全文收录；是中国科学引文数据库、中国人文社科引文数据库、中国科学计量指标数据库、中国人文社科计量指标数据库来源期刊。</t>
  </si>
  <si>
    <t>商情是省级的，河北省消费文化研究中心主管、河北省消费时尚文化传播中心主办的综合性学术性核心期刊，是正规刊物，发论文是承认的</t>
  </si>
  <si>
    <t>福睿斯好不好</t>
  </si>
  <si>
    <t>优点空间大。外观大。配置相比斯柯达昕锐好，但发动机不行，做工粗糙，相对昕锐的发动机比不过。买福睿斯就是吃油油耗很高，有买过都知道，还有福睿斯质量不好</t>
  </si>
  <si>
    <t>福睿斯对比同级车优势明显，但还要看最后的上市价格！</t>
  </si>
  <si>
    <t>外形比较耐看，特别是小白那款，动力够用，配置也还行，在不到十万的价格里算是很地道的了，而且福特的发动机也有技术保障</t>
  </si>
  <si>
    <t>牙齿矫正会引起嘴歪吗</t>
  </si>
  <si>
    <t>一般情况下来说进行牙齿矫正是不会导致嘴歪的。</t>
  </si>
  <si>
    <t>一般是不会出现这种状况的，刚进行牙齿矫正的牙齿会出现酸软感，尽量不要去咬硬物，避免牙齿错位。</t>
  </si>
  <si>
    <t>嘴巴歪了不排除是牙齿矫正不当造成的。</t>
  </si>
  <si>
    <t>属猴和属鼠的配吗</t>
  </si>
  <si>
    <t>　男属猴和女属鼠在一起是很相配的，男属猴和女属鼠相配其实是三合婚姻，申子辰合，为申子合，半合同样是三合婚姻，你们两个人在一起是非常幸福的，当你们结婚以后，你们会把对方的潜质发挥到最好的程度，经济状况非常良好，有经济基础的情感情定会很幸福的。</t>
  </si>
  <si>
    <t>没有小冲也没有大冲，正常来说可以配，不过大体的要看两个人的生辰八字合不合</t>
  </si>
  <si>
    <t>你们将是成就颇丰的一对。</t>
  </si>
  <si>
    <t>属鼠婚配：遇龙、猴、牛大吉，与羊、马、兔、鸡相配不宜，其它属相平常。</t>
  </si>
  <si>
    <t>属鼠属猴其实在算命的里面还不错</t>
  </si>
  <si>
    <t>森林人小哨所好吗</t>
  </si>
  <si>
    <t>斯巴鲁的车型故障率普遍都很低的</t>
  </si>
  <si>
    <t>自动档车要不要热车</t>
  </si>
  <si>
    <t>所以汽车的70%以上的磨损发生在冷启动阶段就是这个道理。换言之控制了冷启动磨损就等于延长了发动机的寿命。＃＃要的，＃＃要 早上预热时不要踩油门，水温表摆动就行</t>
  </si>
  <si>
    <t>最好预热一下 可以有效保护发动机和变速箱。</t>
  </si>
  <si>
    <t>无需热车，启动之后怠速稳定下来之后即可走车，水温没上来的几公里里面别大油门，这样没事的额。</t>
  </si>
  <si>
    <t>如果你是直接开了然后就是快速道路建议你热一下， 就好比让它跑步前做一下热身如果你是开了速度很慢的那种实际上低速的时候已经在热了</t>
  </si>
  <si>
    <t>热车不分自动手动挡，一般冬天早晨最好热车一分钟就可以了，热车时间不要太长，怠速热车时间长更容易形成积碳</t>
  </si>
  <si>
    <t>最好起步时热车两分钟再走</t>
  </si>
  <si>
    <t>留仙大道限行吗</t>
  </si>
  <si>
    <t>西丽留仙大道是属于工作日早晚高峰外地车限行路段</t>
  </si>
  <si>
    <t>深圳留仙大道早高峰不限行的。</t>
  </si>
  <si>
    <t>留仙大道工作日早晚高峰期限行异地牌照小客车。</t>
  </si>
  <si>
    <t>是限行的，留仙大道---梅观路路段是限行的</t>
  </si>
  <si>
    <t>笔记本电脑可以以旧换新吗</t>
  </si>
  <si>
    <t>可以以旧换新。1，百度搜以旧换新电脑，进入以旧换新的界面；2，在搜索栏输入笔记本电脑的型号；3，搜索到自己笔记本电脑的型号后，如实勾选产品的信息，仔细勾选切勿遗漏；4，勾选完成之后，点击进行免费询价；5，系统会根据勾选的产品信息给出一个大概的估价，如果您对此估价能够接受的话，就继续点击进行提交订单；6，然后正确填写您的姓名以及联系方式，之后会有专员与您联系核实相关信息，确认笔记本电脑的具体价格。为了方便回收，正确填写产品信息以及个人信。注意保护个人隐私，以防被他人利用。</t>
  </si>
  <si>
    <t>我认为可以换新，你可以去一些大型的家电以旧换新超市去换换</t>
  </si>
  <si>
    <t>明确告诉你 不可以</t>
  </si>
  <si>
    <t>可以办以旧换新</t>
  </si>
  <si>
    <t>能以旧少钱 ，某东可以</t>
  </si>
  <si>
    <t>很少有以旧换新的。基本旧电脑都要报废扔掉。</t>
  </si>
  <si>
    <t>卧铺可以睡两个人吗</t>
  </si>
  <si>
    <t>一般来说不可以，带一个小孩的话勉强可以吧，如果是两个人的话，想省钱，可以买一个硬卧，买一个硬座，然后两个人一张床，而且还得是下铺，最起码比硬座要舒服的多，如果是中铺，或上铺，就别想两个人了。</t>
  </si>
  <si>
    <t>不可以，他换票会查，晚上会查卧铺，没有买卧铺票的旅客是不能够在卧铺车厢逗留的。</t>
  </si>
  <si>
    <t>当然不可以</t>
  </si>
  <si>
    <t>不可以的只能睡一个人讲究的是一人一铺位但是有带1米2以下的小孩可以和大人一个铺位火车卧铺，是我国铁路客车的一种睡觉客车的设施，可分为硬卧和软卧。</t>
  </si>
  <si>
    <t>ui累吗</t>
  </si>
  <si>
    <t>对于游戏设计制作来说，已经算是比较轻松的了</t>
  </si>
  <si>
    <t>累说明活多，赚的也会多一些</t>
  </si>
  <si>
    <t>学UI设计是个不错的选择，IT方面的工作算是轻体力的呢，有发展潜力</t>
  </si>
  <si>
    <t>看个人能力和心情</t>
  </si>
  <si>
    <t>没有什么工作是不辛苦的 打工靠体力 学这个靠脑子 如果你想轻轻松松的上班赚钱的话 那是不可能的 没有什么工作不辛苦 不要看别人表面光鲜 人家也是靠努力得来的</t>
  </si>
  <si>
    <t>看你去的什么公司了，公司性质不一样，工作内容也会不一样。工作还行吧，一般都是网页美工、平面设计、APP设计之类的</t>
  </si>
  <si>
    <t>现在ui设计蛮火的 因为现在任何软件使用、网站都注重用户体验了 很多公司开始重视这个了 需求量大 真正的人才少 所以现在这个岗位工资都蛮高难度看个人基础吧 想学 认真学 就不难了 工作累不累这个。。。现在轻松的工作薪酬也就那样吧 看个人选择了 应该不会有钱多轻松的事情吧</t>
  </si>
  <si>
    <t>修改采购价格 算不算职务侵占</t>
  </si>
  <si>
    <t>不算， 当然这些都是敏感的问题， 看自己把握的程度。</t>
  </si>
  <si>
    <t>视情况，视单位性质可能构成受贿，贪污或职务侵占方面的罪名。如金额小，次数不多，也可能仅违法违纪。</t>
  </si>
  <si>
    <t>是的，满足侵占的三个要件。</t>
  </si>
  <si>
    <t>红米1s支持64g卡吗</t>
  </si>
  <si>
    <t>支持的，最大支持64g，但最好用32g卡，这个手机带动64g运行比较困难。</t>
  </si>
  <si>
    <t>红米1S电信版和联通版支持64G卡</t>
  </si>
  <si>
    <t>不支持 手机自带内存都没这么大</t>
  </si>
  <si>
    <t>只有4g增强版支持64g 其它版本只支持32g</t>
  </si>
  <si>
    <t>不读取就是不读取，没法解决。交换存储的结果就是手机死机卡机严重，关机重启后所有安装在sd卡的应用全部会消失</t>
  </si>
  <si>
    <t>只有电信版和联通版才支持64G内存卡</t>
  </si>
  <si>
    <t>减肥可以喝酸奶吗</t>
  </si>
  <si>
    <t>可以哦</t>
  </si>
  <si>
    <t>喝吧 酸奶可以帮助你减肥的 早上8点喝 食量克制 可以达到事半功倍的效果（一个减肥书上写的）</t>
  </si>
  <si>
    <t>喝酸奶可以减肥，但是酸奶不能多喝</t>
  </si>
  <si>
    <t>减肥中可以喝酸奶</t>
  </si>
  <si>
    <t>可以,但不可过度节食</t>
  </si>
  <si>
    <t>能的</t>
  </si>
  <si>
    <t>奥迪车降价了吗</t>
  </si>
  <si>
    <t>这一轮的降价狂潮哪家车企都无法置身事外，这是一种销售方式的选择，或者是大众的无奈之举。目前中国车市供大于求，几乎所有品牌车企都存在产能过剩的情况，所以这种情况不足为虑。</t>
  </si>
  <si>
    <t>不一定，得看降价的幅度是否在正常降价的范围内。</t>
  </si>
  <si>
    <t>汽车的成本价是远远小于销售价的，降点价是应该的。</t>
  </si>
  <si>
    <t>开着别人的车撞了保险会赔吗</t>
  </si>
  <si>
    <t>只要开车人有驾照且不是酒后、吸毒后驾驶，就按照保险合同赔偿。</t>
  </si>
  <si>
    <t>一般而言保险公司是会赔的，毕竟是给车子买的保险，只认车子，但是醉驾是不赔的哈，联系保险公司处理理赔事宜。</t>
  </si>
  <si>
    <t>只要开车的人具有合法的驾驶资格，保险公司会赔偿的</t>
  </si>
  <si>
    <t>可以得到赔偿的。</t>
  </si>
  <si>
    <t>支气管肺炎严重吗</t>
  </si>
  <si>
    <t>严重。</t>
  </si>
  <si>
    <t>很正常的,咳嗽是一种保护性的反射.因为得了支气管肺炎,病菌和痰液要排出来就会刺激气管,为了保护就会反射性的咳嗽,以便使痰排出。</t>
  </si>
  <si>
    <t>虚拟内存一定要设置在c盘吗</t>
  </si>
  <si>
    <t>不一定，也可以放在别的盘</t>
  </si>
  <si>
    <t>不一定，如果C盘空间大，可以将虚拟内存设置在C盘，如果C盘空间不是很大，可以设置到其他非系统盘，如D盘。</t>
  </si>
  <si>
    <t>虚拟内存，只需要占用一个磁盘分区。一般默认是C盘，然后让系统托管最好</t>
  </si>
  <si>
    <t>只在一个盘里设置就可以了，如果C盘预留空间大，可以设置在C盘，如果小可以设置在D盘</t>
  </si>
  <si>
    <t>以前做过试验，设置在C盘的效果是最好的。</t>
  </si>
  <si>
    <t>当然不是，原则上虚拟内存每个盘符都要进行设置。</t>
  </si>
  <si>
    <t>香港服装学院 好不好啊</t>
  </si>
  <si>
    <t>最具规模、培养能力最强、最专业的权威培训机构，旨在为广东服装产业的发展培养受市场欢迎的服装设计师、服装企业家。港院办学25年来为中国服装产业的发展与品牌的提升输送了五万多优秀人才，被誉为中国服装人才的摇篮，当今一大批中国十佳时装设计师、广东省十佳时装设计师、服装企业家就是出自港院，成为圆梦者的学习乐园。</t>
  </si>
  <si>
    <t>很不错啊.</t>
  </si>
  <si>
    <t>去了那个学校你才会知道什么叫做坑爹坑死人.</t>
  </si>
  <si>
    <t>不好。坑钱的</t>
  </si>
  <si>
    <t>win8.1可以删除管理员账户吗</t>
  </si>
  <si>
    <t>Administrator账户是系统内置账号 不建议删除 会出问题的</t>
  </si>
  <si>
    <t>完全删除，我不也不知道能不能彻底删除，但默认administrator是禁用的。</t>
  </si>
  <si>
    <t>重生之康熙荣妃完结了吗</t>
  </si>
  <si>
    <t>还没吧，我也在等她更新呢</t>
  </si>
  <si>
    <t>相宜本草睡眠面膜好吗</t>
  </si>
  <si>
    <t>生物纤维面膜因为纤维最细，具有类似离子导入的效果，让空气通透却不会渗出水汽，并借由足够的厚度与重量将精华液推入导入肌肤底层。而伸缩自如的蕾丝、纯棉让面膜能更完美 依附在脸颊的轮廓上，紧紧贴住肌肤，它的伸展力在轮廓上能发挥提拉紧致的效果。 比较厚的面膜中蕴含的精华液或营养成分相对也比较多。如果你感觉难以分辨面膜的厚度，可以凭借重量进行判断。拿起单个包装的铝箔面膜掂一下，分量轻说明面膜纸相对比较薄，精华液含量也较少，而越重的面膜则相对较厚，含有的精华液的量也越多偶尔DIY一下面膜，可以作为调节一下心情的休闲节目。要想靠它来改善肤质，基本没戏。 不要买太便宜的面膜，因为这种面贴膜除去各种费用后，真正用在产品上的成本恐怕只有几毛钱。网上热销的某款面膜仅售1元/片，但是该产品竟然连成分表都没有，研究发现这种面膜添加了大量的荧光剂，根本没有真正美白肌肤的效果。</t>
  </si>
  <si>
    <t>用着一般，也没有特别好，不知道有没有激素</t>
  </si>
  <si>
    <t>还不错，特别是红景天幼白免洗面膜</t>
  </si>
  <si>
    <t>椎间盘突出可以做仰卧起坐吗</t>
  </si>
  <si>
    <t>详细病情及咨询目的：患有腰椎间盘突出可以做仰卧起坐锻炼吗？提问者：青之炎 ... 在症状消失之前绝对不能做这些运动，以免对病灶位置造成再次伤害，具体的解决...</t>
  </si>
  <si>
    <t>不能做，会加重病情，因为本身仰卧起坐就伤腰椎。</t>
  </si>
  <si>
    <t>不可以。仰卧起坐本身就是伤腰椎的，会让你更加严重。</t>
  </si>
  <si>
    <t>腰间盘突出一般需要多休息，如果身体条件允许，可以做一些锻炼腰肌的运动。但是一定要适度。最好的运动就是游泳，对恢复这个病很有好处。</t>
  </si>
  <si>
    <t>腰椎间盘突出千万不要做弯腰的动作，因为弯腰后椎间组织会压迫到脊柱神经。</t>
  </si>
  <si>
    <t>不建议做，可以做一些简单的其他的康复锻炼</t>
  </si>
  <si>
    <t>文胸能用洗衣机洗吗</t>
  </si>
  <si>
    <t>如果文胸的标签上没有注明必须手洗，则可以机洗</t>
  </si>
  <si>
    <t>可以，但是得用洗衣袋</t>
  </si>
  <si>
    <t>可以放进那种专门的纱网罩里面，以免被洗变形 。超市有卖的</t>
  </si>
  <si>
    <t>建议不要放进去，容易感染乳头</t>
  </si>
  <si>
    <t>最好不要放洗衣机里面洗，手洗的好，洗衣机内洗衣服时衣服比较杂，裤子，上衣多，颜色也多，细菌也多，而且容易把胸罩洗坏。所以建议手洗的好。</t>
  </si>
  <si>
    <t>可以，但是最好是手搓吧，因为洗衣机洗容易打变形了，如果带钢圈的容易烂</t>
  </si>
  <si>
    <t>网上买论文可靠吗</t>
  </si>
  <si>
    <t>看你用在什么方面了，卡的严不严，以及价位。</t>
  </si>
  <si>
    <t>不靠谱好好自己写吧</t>
  </si>
  <si>
    <t>还是自己弄一个吧，挺简单的啊。</t>
  </si>
  <si>
    <t>不安全，很多论文说是独一无二的原创，实际上就开头结尾时原创，中间很多是网上复制粘贴的，我有同学买过</t>
  </si>
  <si>
    <t>1g手机内存够用吗</t>
  </si>
  <si>
    <t>1G运行内存的手机日常使用够用，2GB内存比较充足。</t>
  </si>
  <si>
    <t>真心的感觉不够</t>
  </si>
  <si>
    <t>手机运行内存1GB可以满足一般日常应用。游戏用户或经常在后台挂QQ，淘宝或微信的用户建议选择2G运存的手机。</t>
  </si>
  <si>
    <t>如果你用的安卓系统明显是不够用的。如果用的WP或者苹果系统基本上可以。</t>
  </si>
  <si>
    <t>苹果手机1G完全够用了</t>
  </si>
  <si>
    <t>借贷宝到底有没有风险</t>
  </si>
  <si>
    <t>风险是有的，估计有百分之二十的钱收不回.</t>
  </si>
  <si>
    <t>目前来看并没有之间风险，但是他会获取你大量的个人信息，有没有潜在危险不好说，如果你愿意承担这样的风险，用用也可以</t>
  </si>
  <si>
    <t>凡事理财都有风险</t>
  </si>
  <si>
    <t>中国手机在德国能用吗</t>
  </si>
  <si>
    <t>可以用，要是装德国当地卡的话，最好是WCDMA3G或者移动/联通2G的手机，TD-CDMA制式的只能在中国用，在国外无法使用。</t>
  </si>
  <si>
    <t>可以，只要保证是同一个网络模式。</t>
  </si>
  <si>
    <t>可以使用，但需要开通国际漫游功能。</t>
  </si>
  <si>
    <t xml:space="preserve">全世界手机基本都是一样的(除了个别国家不通用以外)，在国内买的手机拿到德国都是一样使用的，没什么区别，不能输入德文，就用英文输入德文变体字母就好了。 </t>
  </si>
  <si>
    <t>要看你所使用的手机的频率是否支持德国的网络 频率，支持的话是可以使用的。</t>
  </si>
  <si>
    <t>三星官网可以买手机吗</t>
  </si>
  <si>
    <t>三星手机官网上完全可以直接购买手机的</t>
  </si>
  <si>
    <t>建议您到正规的手机专卖店购买，例如：三星指定的专卖店、三星商城、天猫三星官方旗舰店、大型购物商城等进行购买。</t>
  </si>
  <si>
    <t>可以，点在线购买</t>
  </si>
  <si>
    <t>在官网买手机信得过，也可以再京东商城买，价格的差不多</t>
  </si>
  <si>
    <t>枫泾会通地铁吗</t>
  </si>
  <si>
    <t>金山区房价低，未来容易吸引投资用地，所以很快就会有地铁.</t>
  </si>
  <si>
    <t>开建离修通还有至少4年，规划据开建也还有很久</t>
  </si>
  <si>
    <t>手机yy可以唱歌吗</t>
  </si>
  <si>
    <t>下载手机YY APP，打开YY，点击界面，不知道你是哪一版的啊，你要自己唱歌低版本的估计不行，有个地方可以发送消息的，你找找看</t>
  </si>
  <si>
    <t>当然能，首先你要进入频道</t>
  </si>
  <si>
    <t>能 没伴奏而已</t>
  </si>
  <si>
    <t>冬天适合健身吗</t>
  </si>
  <si>
    <t>冬天不宜锻炼身体，尤其是早晨，空气中含有对人体有害的物质</t>
  </si>
  <si>
    <t>年轻人冬季锻炼可以适当加大运动量，时间可以长一些；中年人身体状况一般都处于下降趋势，要按冬季健身计划中规定的量来活动。</t>
  </si>
  <si>
    <t>冬季是耐寒健身的大好时机.</t>
  </si>
  <si>
    <t>冬天不适合在户外健身，除非天气非常好的情况下。室内健身还是可以进行的，一定要在健身前做好热身运动。冬天身体机能的预热需要更长的时间，一定要把热身做到位。</t>
  </si>
  <si>
    <t>冬季适当健身运动.</t>
  </si>
  <si>
    <t>线刷前需要双清吗</t>
  </si>
  <si>
    <t>双清有益无害，最好是双清。</t>
  </si>
  <si>
    <t>双清了为了防止你卡刷卡住。线刷都是软件自己刷的。所以不用担心。</t>
  </si>
  <si>
    <t>不进行双清也没关系，但最好双清一下，这样清理后更彻底。</t>
  </si>
  <si>
    <t>手机双清是非官方操作方法，可能会导致系统的不稳定，不建议您操作。</t>
  </si>
  <si>
    <t>双清或者格式化手机只是为了完全删除一些不必要的垃圾文件，如果手机内存大一点的直接线刷就可以了。</t>
  </si>
  <si>
    <t>可以双清，也可以不双清，区别是有些捆绑软件，双清可以去除</t>
  </si>
  <si>
    <t>美容院有用么</t>
  </si>
  <si>
    <t>不管做什么 关键都是持之以恒 美容也一样 要有系统的长期坚持 才能看到效果。</t>
  </si>
  <si>
    <t>这个问题有点大.举几个简单的例子.如果是粉刺或者黑头的话,去美容院会有立杆见影的效果,当然最重要的是你的内分泌是否正常,因为它最起码可以保证你已经长出的这些东东给去掉。要是排铅的话,听一个美容院工作的朋友说:一次机器坏了,因为要用机器嗡嗡的在脸上转,坏了就不能转了.可老板说你弄的没关系,因为不用机器只要脸上涂抹它的一种东西,稍加揉搓都会变黑的,这就是所谓的"铅"吧~至于保湿和美白,通常会有非常显著的效果.但如果是去斑,通常效果会不明显.去伤疤的话,医疗整形医院可以帮助你恢复光滑肌肤,但经济上一定得承担的起,因为最廉价的手段:激光CO2打磨也不会低于1500的.要是做隆鼻、削骨的感手术时一定找正规的有丰富经验的医生,尽管这样,要达到满意的效果还可能要做好几次的.</t>
  </si>
  <si>
    <t>到美容院做皮肤护理对皮肤当然是有用，有效果的。</t>
  </si>
  <si>
    <t>正规美容院会选用正规产品来为客人服务，不会影响到客人的身体健康。小的美容院就不一定了，以次充好的现象时有发生。而客人也不好分辨产品的好坏。</t>
  </si>
  <si>
    <t>女人的脸就是用金子堆起来的 美容其实就是一‘养老保险’前期投资，后期盈利 长期做一些保养还是应该的像面部保湿，眼部护理一定要做下去，时间长了你皮肤肯定会有改善的，其他的就不需要了！</t>
  </si>
  <si>
    <t>据我所知美容院的产品有的是三无产品，或激素和汞，铅，砷超标。对女人子宫乳腺都有很大的伤害。还不如到商场买些大品牌的护肤品用呢。</t>
  </si>
  <si>
    <t>其实对女人来说美容护肤是一定要的，只不过是要选择适合自己的！到美容院做一定会有效果的，只是说效果能答到什么程度就要看你用的产品好不好和你是否有坚持做！只做一两次是不会有什么很明显的效果。</t>
  </si>
  <si>
    <t>借贷宝能解绑银行卡吗</t>
  </si>
  <si>
    <t>点开借贷宝，1.点开”我“ 2.“钱包” 3.点开你绑定的银行卡 4.点开右上角的“更多" 就会出现解除绑定了</t>
  </si>
  <si>
    <t>客服电话空的，解除不了绑定。果真是骗人的。</t>
  </si>
  <si>
    <t>在账户设置里面找到银行卡绑定选项，解绑即可。</t>
  </si>
  <si>
    <t>安卓设备登录，然后打开钱包，点开关联的银行卡，点击右上角更多有解绑，然后输入相关信息就可以解除绑定</t>
  </si>
  <si>
    <t>不能解绑 只能注销了 挂失身份证</t>
  </si>
  <si>
    <t>一般情况下是没什么问题的，如果个人觉得不太放心的话，那可以去银行修改一下银行卡的密码哦！</t>
  </si>
  <si>
    <t>如果无精症做穿刺有精子那可以治好吗</t>
  </si>
  <si>
    <t>明患者本身有生精细胞，却无法排除体外，可能是由于输精管梗阻所导致的。像你这种情况是完全可以治愈的。</t>
  </si>
  <si>
    <t>如果是无精症，那么就说明你的睾丸不产生精子，即使做睾丸穿刺，也未必能取到成熟可用的精子，还是先做一下活检看看。</t>
  </si>
  <si>
    <t>炎亚纶是同性恋吗</t>
  </si>
  <si>
    <t>不是，绝对不是</t>
  </si>
  <si>
    <t>他有在节目上提到过，否定了同性恋的说法</t>
  </si>
  <si>
    <t>是在宣传期没错，台湾PTT论坛有号称炎亚纶国中同学爆料他是双而且在学校还很大方承认。</t>
  </si>
  <si>
    <t>小米体重秤值得买吗</t>
  </si>
  <si>
    <t>小米体重秤质量很不好，</t>
  </si>
  <si>
    <t>个人需求</t>
  </si>
  <si>
    <t>质量很不好，我官网买的，</t>
  </si>
  <si>
    <t>小米体重秤质量很不好，本人在官网买的，15年8月买的，17年2月就坏了，平时很少用的，电池都还有电，一直有专门的地方放置，不存在外物损伤因素。</t>
  </si>
  <si>
    <t>核桃芝麻黑豆粉能补肾吗</t>
  </si>
  <si>
    <t>将其洗净晒干，用文火炒熟，碾压成粉，配入等量的白糖，储入瓶中，在早晚用温水调服两汤匙喝下。可使头发乌黑发亮。</t>
  </si>
  <si>
    <t>核桃仁补肾强腰，补虚强体，提供营养，黑芝麻滋补肝肾，为延年益寿佳品，黑豆就是一种有效的补肾品。</t>
  </si>
  <si>
    <t>黑豆粉经常喝可以补肾，白发变黑发。</t>
  </si>
  <si>
    <t>补肾最好是食疗。可以治根本。</t>
  </si>
  <si>
    <t>还是可以的，毕竟原料都是养生用的，口感的话因人而异吧！</t>
  </si>
  <si>
    <t>其实这些东西如果能够好好的搭配对自己的身体当然是非常好的不过如果你希望那方面更强的话那就练好老陈强健法，让你坚持三十分钟毫无问题。加油！</t>
  </si>
  <si>
    <t>上火会咳血吗</t>
  </si>
  <si>
    <t>不是真的，上火不会出现咳血。估计是牙龈发炎出血，咳血痰是肺痨。现代医学没有“上火”这词，上火是中医骗人用的，现代医学认为上火是因为吃完东西后口腔没有彻底清洁，细菌滋生发炎引起口、牙、喉的不适，例如一些油炸食品、荔枝水果，因为其糖分比其它食物更多，吃后易滋生细菌发炎。</t>
  </si>
  <si>
    <t>孕妇可以spa吗</t>
  </si>
  <si>
    <t>孕妇最好别做这种有力度的按摩，动了胎气可不好了。</t>
  </si>
  <si>
    <t>月份少可以，再说也要看个人情况。</t>
  </si>
  <si>
    <t>SPA与按摩对孕妇并非绝对禁忌。做SPA时要注意水及水柱的压力，第一孕期要避免长时间泡在超过体温的热水中，第三孕期要避免高压水柱打在腹部上。孕妇可以做四肢的局部按摩，至于躯干肌肉的大动作伸展按摩，尽量避免为妙！如果你很在意是否动了胎气？或许不做SPA和按摩比较好，以免造成心理负担。</t>
  </si>
  <si>
    <t>怀孕了最好就不要做什么SPA。</t>
  </si>
  <si>
    <t>如果是好一点的SPA馆都可以的，但是你要告诉她们已经怀孕了，避免用一些刺激性的产品就没有问题。</t>
  </si>
  <si>
    <t>笔记本电脑有四核的吗</t>
  </si>
  <si>
    <t>笔记本只有i7有4核的，i5和i3都是双核。</t>
  </si>
  <si>
    <t>有很多，i7的就是4核。</t>
  </si>
  <si>
    <t>对于英特尔的来说，i5的是双核，i7的是四核一般来说i7的性能要比i5的强。</t>
  </si>
  <si>
    <t>i7几乎都是四核，个别没人用的那种才双核</t>
  </si>
  <si>
    <t>全民枪战碎片可以换枪吗?</t>
  </si>
  <si>
    <t>等你集齐可以去背包换</t>
  </si>
  <si>
    <t>20个碎片自动生成武器，15枪碎片换骑士碎片或其他</t>
  </si>
  <si>
    <t>待业算工龄吗</t>
  </si>
  <si>
    <t>1987年12月12日以前，城镇退伍义务兵待分配的时间，不计算为连续工龄。1987年12月12日以后待分配的时间，应计算为连续工龄。但接到安排工作通知后，逾期半年无正当理由经多次教育仍不报到的，按社会待业人员对待。</t>
  </si>
  <si>
    <t>算的,只要你在公司企业呆的一天都算是工龄!朋友,祝您工作顺利!</t>
  </si>
  <si>
    <t>如果有档案记载,应该算做工龄。如无档案记载,不会算工龄的,到退休时具体工龄为多少年,以档案记载为准.</t>
  </si>
  <si>
    <t>职工参加工作前不存在本企业待业时间，不能视同缴费年限。</t>
  </si>
  <si>
    <t>待业是不算工龄的。待业期间并未从事生产或参加工作，没有为生活或企业做出任何贡献，既不符合一般工龄，也不符合本企业工龄的认定条件，因此，待业不算工龄。</t>
  </si>
  <si>
    <t>饥饿游戏1和2有联系吗</t>
  </si>
  <si>
    <t>有联系的。联系看看一吧。</t>
  </si>
  <si>
    <t>去泰国要换电话卡吗</t>
  </si>
  <si>
    <t>如果联系方便买一个当地手机卡最好，旅游途中随时跟导游联系和与家人通话。</t>
  </si>
  <si>
    <t>需要，一般happy卡比较受欢迎，比别家的信号好</t>
  </si>
  <si>
    <t>需要，一般happy卡比较受欢迎，比别家的信号好.</t>
  </si>
  <si>
    <t>要的，主要是用流量，还有就是换卡后好电话联系，怕万一走散了好联络。</t>
  </si>
  <si>
    <t>浩方有丛林肉搏吗</t>
  </si>
  <si>
    <t>有啊！浩方对战平台好地图有的是！</t>
  </si>
  <si>
    <t>魔战无双肩甲好吗</t>
  </si>
  <si>
    <t>非常好的</t>
  </si>
  <si>
    <t>废了，是和谐了,除了你有一套，不是削了40%,.差不多废流了，成套只削不到20%,不过,已经成套,还走个蛋里鬼流,不如,大招流更好,毕竟这减CD效果在这里</t>
  </si>
  <si>
    <t>只要你武器+10086，一样有用</t>
  </si>
  <si>
    <t>可以的，不过要配合专用装备。</t>
  </si>
  <si>
    <t>吃人参健脾丸会长胖吗</t>
  </si>
  <si>
    <t>不一定，如果吃药导致饭量增加，你又运动量没有跟上可能会胖。但是吃药后，如果加强锻炼，不但能降糖、降血脂，还能减肥</t>
  </si>
  <si>
    <t>参健脾丸针对不同体质服用后期效果不同，脾胃虚弱纳差（不好好吃饭的）者会增加其脾胃运化功能，改善其饭量，而起到一定的增强体质，增加体重的作用。但对于脾胃运化失职的人，还可能引起腹泻等造成体重下降</t>
  </si>
  <si>
    <t>不会的。中医讲脾主运化，即脾对水谷（饮食物）的消化、吸收以及对水液的吸收、转输和布散作用。若脾虚失运，则发生水湿停滞，形成痰湿等病理产物，你的肥胖就是这个机理。</t>
  </si>
  <si>
    <t>你好！吃人参健脾气丸是不会发胖的，这个药物是有补气健脾的作用的，效果是很好的一般是针对有气虚，脾虚的患者的，特别是一些消化功能不好的患者。</t>
  </si>
  <si>
    <t>应该不会吧</t>
  </si>
  <si>
    <t>结婚证可以异地领取么</t>
  </si>
  <si>
    <t>不可以异地领取</t>
  </si>
  <si>
    <t>必须回原籍办理，异地办不了的。</t>
  </si>
  <si>
    <t>男女双方户籍所在地都可以，其它地方就不可以！</t>
  </si>
  <si>
    <t>可以的。在异地结婚双方任一方有户口即可。</t>
  </si>
  <si>
    <t>办理结婚证时，只要有男女双方的户口本、身份证就可以去男女双方的任一方户口所在地的县级民政部门婚姻登记处登记拿证就可以了，不是非得要去男方户口所在地办结婚证的，在女方户口所在地同样可以办理。相片一般不需提供，婚姻登记处有自己的照相设备，照出来的两人合影很漂亮！</t>
  </si>
  <si>
    <t>隔夜饭菜能吃吗</t>
  </si>
  <si>
    <t>如果是天气比较冷的话应该没关系吧</t>
  </si>
  <si>
    <t>隔夜饭菜最好不要吃，食物二次加热会造成维生素流失</t>
  </si>
  <si>
    <t>一般来说，肉菜的话，把它热热是没有问题的，但如果是蔬菜的话就不要隔夜了，特别是海鲜类的更不能隔夜食用。</t>
  </si>
  <si>
    <t>隔夜茶如同其它食物一样，营养物质下降，变质，不宜食用。</t>
  </si>
  <si>
    <t>隔夜菜的存放期限 1.隔夜菜在5度以下的低温环境，可存放1—2天。如存放3天以上，蔬菜中天然存在的硝酸盐会转化为亚硝酸盐，有致癌作用，加热也不能去除。 2.动物性食品在25—30度时，3—4小时即变质。3.色拉、海蜇之类的凉拌菜，由于加工时就受到了较多污染，即使冷藏，隔夜后也很有可能已经变质，应该现制现吃。4.腌制食品盐分多，安全食用期限可延长到3—4天。</t>
  </si>
  <si>
    <t>最好不要吃隔夜饭菜，由于部分绿叶类蔬菜中含有较多的硝酸盐类，煮熟后如果放置的时间过久，在细菌的分解作用下，硝酸盐便会还原成亚硝酸盐。</t>
  </si>
  <si>
    <t>隔夜菜不能吃隔夜肉可以吃，这种说法不是绝对的，具体情况具体分析。</t>
  </si>
  <si>
    <t>教师资格证考过一门还用重新注册</t>
  </si>
  <si>
    <t>是的 需要重新注册报名的</t>
  </si>
  <si>
    <t>不需要了</t>
  </si>
  <si>
    <t>需要的，不管之前有没有注册过，有没有科目通过过。只要是非本次的考试，都要重新注册。重新注册用的还是你的身份证，所以不必担心已通过的成绩查不到的问题。</t>
  </si>
  <si>
    <t>不需要重新注册，用原来注册信息登录报名网站报名</t>
  </si>
  <si>
    <t>是的，每次报名考试都需要在网上重新填写身份信息注册，但是重新注册是不影响你已经考取的成绩的，因为查询是根据个人的身份证号查询的，所以的成绩记录一直都是有的，这点是可以放心的。</t>
  </si>
  <si>
    <t>需要，报名教师资格考试的所有考生(含以前参加过国家统考笔试的考生)报名前需要重新进行注册、填报个人信息和上传个人照片，重新注册操作不影响考生已获得的成绩。</t>
  </si>
  <si>
    <t>广州可以骑电动自行车吗</t>
  </si>
  <si>
    <t>因为广州市政府抓电动车可以卖钱，然后车被抓了又要买，卖车的又可以向广州市政府交钱</t>
  </si>
  <si>
    <t>车流量大的地方就不要骑了，安全第一。郊区的地方，或者城中村可能限制没那么严</t>
  </si>
  <si>
    <t>不可以，禁摩禁电</t>
  </si>
  <si>
    <t>可以吧，多去了</t>
  </si>
  <si>
    <t>不可以骑的</t>
  </si>
  <si>
    <t>原则来说，在广州哪里都不能骑</t>
  </si>
  <si>
    <t>手机服务可以删除吗</t>
  </si>
  <si>
    <t>可以删除</t>
  </si>
  <si>
    <t>电脑连接华为手机助手是可以删除的。</t>
  </si>
  <si>
    <t>华为手机自带的应用都不能删除的哦</t>
  </si>
  <si>
    <t>手机的一些功能和华为的应用时相关联的，为确保手机正常使用，华为的基本应用是无法卸载的。</t>
  </si>
  <si>
    <t>做激光手术50年后是瞎子?</t>
  </si>
  <si>
    <t>不会变瞎子的。术后注意用眼，不要疲劳用眼。注意眼部卫生，注意饮食，注意安全，切忌击打眼睛。定期去医院复查。</t>
  </si>
  <si>
    <t>菲律宾 安全吗</t>
  </si>
  <si>
    <t>个人觉得挺安全的，晚上不要出去，就算出去也要多些人，身上不要带太多钱，不然有时候没烧香出门被抢</t>
  </si>
  <si>
    <t>菲律宾是仇视中国的国家，为什么我们要去这样的国家？世界许多地方都要比菲律宾这个穷国强百倍，我们为什么要把钱花在这个国家？建议大家都不要去这个穷凶极恶的国家，一是不安全，二是不值得，三是不必要！</t>
  </si>
  <si>
    <t>分地区。你的问题问得就很笼统，所以我回答就可能笼统了。只要你晚上不要太晚出去，只要你不要漏财</t>
  </si>
  <si>
    <t>那里治安总体来说还可以。菲律宾人民相对还是比较友好的，不过你要随身带着护照，以防被查。</t>
  </si>
  <si>
    <t>其实菲律宾真的是一个比较安全的国家</t>
  </si>
  <si>
    <t>不安全，这么说吧，他们那枪支自由。</t>
  </si>
  <si>
    <t>相信来菲律宾的国人大多会关注这个问题。其实没有绝对的安全，只是相对的。</t>
  </si>
  <si>
    <t>长痘痘能吃鸡肉吗</t>
  </si>
  <si>
    <t>长痘痘可以吃鸡肉,但是要适量，过量了有引发痘痘生长的危险。</t>
  </si>
  <si>
    <t>最好别吃，还有海鲜，包括鱼，油腻的等 甜食 冷饮刺激的都不可以，</t>
  </si>
  <si>
    <t>可以吃鸡肉,但是要适量</t>
  </si>
  <si>
    <t>长痘的话少摄入油脂、辣椒，但是人体必需得摄入肉类，鸡肉是白肉，含有大量的蛋白质，几乎不含脂肪，又能补充蛋白质、锌、铁等动物食物营养，所以放心吃。</t>
  </si>
  <si>
    <t>不能吃热气的 去看看 最好吃清淡的</t>
  </si>
  <si>
    <t>可以吃，但注意量</t>
  </si>
  <si>
    <t>能吃的</t>
  </si>
  <si>
    <t>苹果治疗便秘吗</t>
  </si>
  <si>
    <t>治疗便秘.苹果还具有通便和止泻的双重作用，因为苹果中所含的纤维素能使大肠内的粪便变软；苹果含有丰富的有机酸，可刺激胃肠蠕动，促使大便通畅。</t>
  </si>
  <si>
    <t>苹果中含纤维素可以刺激肠道的蠕动，加速排便，一达到通便的作用。</t>
  </si>
  <si>
    <t>便秘的原因虽然很多，多拿饮食的注意事项中有一条就是不能吃酸的东西。中医认为，“酸性收敛”，大便不好的时候吃酸的东西，因为其手链作用，反而会加重便秘。便秘时吃的水果一般是不酸的，而且膳食纤维含量比较多的，比如香蕉。</t>
  </si>
  <si>
    <t>但是治疗便秘只靠苹果，效果不理想</t>
  </si>
  <si>
    <t>大富翁4可以联机吗</t>
  </si>
  <si>
    <t>大富翁4是单机版休闲游戏，虽然评价颇高，但是只能在一台电脑上玩。</t>
  </si>
  <si>
    <t>rich4不能用局域网玩。</t>
  </si>
  <si>
    <t>是不可以的，大富翁只有6能联机哦，而且一般正版碟装的联机成功率大，网上一般下的联机多不怎么稳定，也比较麻烦。</t>
  </si>
  <si>
    <t>只要你之前玩是可以选择角色的，那么就可以选择单人还是多人。</t>
  </si>
  <si>
    <t>征集志愿还会被退档吗</t>
  </si>
  <si>
    <t>能，但要快，必须赶在下一批次录取开始前将挡退到省招考办，继续下一批次录取</t>
  </si>
  <si>
    <t>应该不会，录不满是这个学校往年招不够人，也就是只要压线就能报</t>
  </si>
  <si>
    <t xml:space="preserve"> 各省教育招生考试院平行志愿投档及录取原则指出：平行志愿投档时，是按照考生所填报高校的顺序从前往后依次检索，投档时，只检索高校，而不检索考生所填报的专业以及专业是否服从调剂</t>
  </si>
  <si>
    <t>被录取就退不了档了，这是我们老师强调了又强调的，应该是退不了了</t>
  </si>
  <si>
    <t>绿萝叶子如果坏掉了,能剪掉吗?</t>
  </si>
  <si>
    <t>剪掉吧，留着也没什么用、还不好看。</t>
  </si>
  <si>
    <t>可以的，但是在冬天要注意低温，因为不耐寒。</t>
  </si>
  <si>
    <t>淘宝网的旗舰店是真的吗</t>
  </si>
  <si>
    <t>旗舰店是品牌的持有者/持有公司自己开的商城店。旗舰店是官方开的，最有保障。</t>
  </si>
  <si>
    <t>口袋妖怪复刻有没有破解版</t>
  </si>
  <si>
    <t>来，采纳我，给你云盘。采纳吧</t>
  </si>
  <si>
    <t>好像已经看到有汉化的在玩了……</t>
  </si>
  <si>
    <t>两个非零自然数的积一定是它们的公倍数对吗</t>
  </si>
  <si>
    <t>对，最小公倍数 几个数公有的倍数叫做这几个数的公倍数,其中最小的一个叫做这几个数的最小公倍数.两个自然数n,m的积mn,显然他可以被n.m整除。</t>
  </si>
  <si>
    <t>两个非0的自然数1和2、2和3或者6和9…，它们的积一定是它们的公倍数是正确的</t>
  </si>
  <si>
    <t>两个非零自然数的积一定是它们的公倍数。正确。因为他们的积的因数必然含有这两个非零自然数。</t>
  </si>
  <si>
    <t>对，一定是公倍数。这是对的。</t>
  </si>
  <si>
    <t>对的,两个非零自然数的积一定是它们的公倍数，但不一定是最小公倍数</t>
  </si>
  <si>
    <t>肯定的。如3*5=15,15是3和5的公倍数，自然数的乘积肯定是它们的公倍数（自然数的乘除法是可逆的）。同时这些自然数也是这个乘积的因数</t>
  </si>
  <si>
    <t>歌德乳奶粉好不好</t>
  </si>
  <si>
    <t>歌德乳奶粉原罐原装，澳洲无污染奶源+百年乳企塔图拉+最新配方，安全保证，信心保证。澳洲百年乳企塔图拉乳业公司研究的最新营养健康歌德乳品牌奶粉。</t>
  </si>
  <si>
    <t>女性癫痫病会遗传吗</t>
  </si>
  <si>
    <t>癫痫病不会遗传的</t>
  </si>
  <si>
    <t>癫痫是短暂的大脑功能障碍的一种慢性疾病，而且癫痫病给患者的生命健康造成一定的威胁，是一个很另人头疼的疾病，而癫痫病是具有一定的遗传性的</t>
  </si>
  <si>
    <t xml:space="preserve"> 癫痫病存在遗传因素并且可以隔代遗传</t>
  </si>
  <si>
    <t>癫痫在少数情况下，有不定期遗传影响，对大多数影响不大，影响大小主要与病因有关</t>
  </si>
  <si>
    <t>癫痫是有一定的遗传倾向的</t>
  </si>
  <si>
    <t>遗传的几率有百分之五</t>
  </si>
  <si>
    <t>护照可以开房么</t>
  </si>
  <si>
    <t>护照、身份证都可以用来开房住宿。但是需注意：1,少许没经验的酒店，或者没有办理外宾住宿的旅馆。拿著护照，也是无法使用。有些旅馆会注明著(内宾)，表示此旅馆没有登记外宾住宿，因此不接受外宾登记入住，护照变无法使用。2,许多旅馆，使用护照的价位跟使用国内身分证的价位不一样。</t>
  </si>
  <si>
    <t>入住涉外的大型酒店或者宾馆，可以使用护照进行登记。非涉外酒店是不行的。</t>
  </si>
  <si>
    <t>可以的，护照，驾驶证，都可以开房的。</t>
  </si>
  <si>
    <t>kk录像机好用吗</t>
  </si>
  <si>
    <t>2k已经是过去了，现在都是4k级别的了，首选4k呀</t>
  </si>
  <si>
    <t>万科精装房好不好</t>
  </si>
  <si>
    <t>没住过交房就是精装修的房子，但总觉得好也好不到那里去，精装修现在大多是地产开发商提高房子售价的一种手段</t>
  </si>
  <si>
    <t>质量可靠的。</t>
  </si>
  <si>
    <t>有人说他地板不好但是其实如果你标准不是太高的话，他的装修还是可以的，至少你不用花精力了，装修也烦的。但是如果你想省钱，或者你要装出一个奢侈或者个性，那么建议你别买精装修。如果你要买精装修，万科的还是可以的。万科的房子属于中高档的，但是不属于绝对高档，比如绿城就比万科的品质高，当然了，他走的就是高品质路线，所以价钱也贵。不过，就算是绿城，也有很多人觉得他的精装修不行。哎，毕竟不可能人人满意，而且工程必定是存在瑕疵的哇</t>
  </si>
  <si>
    <t>基本上是可以的，但是细节需要注意，由于精装房都是成批装修难免会有些地方做的不是很好</t>
  </si>
  <si>
    <t>网上看情色片犯法吗</t>
  </si>
  <si>
    <t>在家中看不违法</t>
  </si>
  <si>
    <t>不被公安抓到就不违法，被公安抓到就是违法</t>
  </si>
  <si>
    <t>在家中看黄片违不违法，具体情况具体分析。如果只是家人在家看，并不违法；如果纠集有外人一起在家看，涉嫌违法，会受到治安管理处罚。</t>
  </si>
  <si>
    <t>法律没有规定观看淫秽物品或音像属于违法的规定</t>
  </si>
  <si>
    <t>奶茶珍珠煮好后加水吗</t>
  </si>
  <si>
    <t>最好是用蜂蜜水浸泡,用糖水浸泡也行.经常搅拌一下,存放的时间不宜过长,最佳是在4小时内用完</t>
  </si>
  <si>
    <t>放凉水里面常温保存或者放冷藏保存</t>
  </si>
  <si>
    <t>自考本科可以拿到学士学位吗</t>
  </si>
  <si>
    <t>自考本科可以拿到学士学位，只需要满足取得学士学位的相关要求即可申请学士学位证书。</t>
  </si>
  <si>
    <t>自考本科是可以申请学士学位的。</t>
  </si>
  <si>
    <t>自考本科没有学士学位证书，只要有本科毕业证书，一般就可以直接考研。</t>
  </si>
  <si>
    <t>自考本科有学士学位证书，但是还要申请。</t>
  </si>
  <si>
    <t>qq红包能不能提现</t>
  </si>
  <si>
    <t>QQ红包收到的钱和QQ钱包的余额是互通的，而QQ钱包又和财付通互通的，并由财付通提供的技术支持。所以不管是在QQ红包还是QQ钱包提现，实际上是在财付通提现。</t>
  </si>
  <si>
    <t>换个开通网银的银行卡绑定即可。</t>
  </si>
  <si>
    <t>当然能提现，点击扣扣钱包，再点账户余额，就可以提现了。</t>
  </si>
  <si>
    <t>QQ红包提现的方法基本上和财付通，支付宝都是差不多的，前题就是需要绑定一个银行卡。</t>
  </si>
  <si>
    <t>能，每次只能取一部分</t>
  </si>
  <si>
    <t>进入QQ钱包，所有的红包收到之后都会到钱包里。打开钱包，找到零钱，点击提现即可。</t>
  </si>
  <si>
    <t>大姨妈来可以运动吗</t>
  </si>
  <si>
    <t>月经期间，许多女性会出现身体不适的情况。因此，在经期到来前三天，可以根据自己的情况来决定运动形式，以较为轻柔、舒缓、放松，拉伸的运动为主，如冥想型瑜伽、初级的形体操，或只是在家做一些简单的伸展动作。通过这些轻运动帮助身体血液顺利流通，缓解压力。运动期间，一定要避免对腹腔施压、避免将腿位抬得过高。如果感到疲劳或发现出血量突增或暴减的情况，需立即停止运动。</t>
  </si>
  <si>
    <t>可以跑步。</t>
  </si>
  <si>
    <t>可以，只要不是太剧烈就可以。血可能会滞留一些在身体里，这对身体不好</t>
  </si>
  <si>
    <t>要看个人身体素质和以往的锻炼习惯</t>
  </si>
  <si>
    <t>身体健康的、具有一定运动习惯的女性，在经期适当运动会有利于身体。</t>
  </si>
  <si>
    <t>看做什么运动了，我是练瑜伽和上健身房，一般大姨妈前3天我都不去的，第4天起就没有把她当成一回事了</t>
  </si>
  <si>
    <t>专家建议，例假期间，女孩子可以散步、慢跑、做操、打羽毛球，也可以微微跑跳；但是仰卧起坐、100米快跑</t>
  </si>
  <si>
    <t>能，但不能剧烈跑，要类似于用慢走的速度</t>
  </si>
  <si>
    <t>生理期是荷尔蒙分泌的自然定律，不少女性在生理期间因受黄体素及雌激素分泌影响，常会出现头晕、头痛、腹痛、情绪焦躁等经前症候群，但不是每一位女生都会呈现类似症状，因此没有一定答案，还是要根据个人身体状态而定。如果身体能够承受，跑一跑没问题，但此期间的雌激素、黄体素很低，不宜快跑或长跑;如果身体真的不舒服，连站都有问题，当然不能勉强，好好休息才是正确的。</t>
  </si>
  <si>
    <t>罗曼是不是传销</t>
  </si>
  <si>
    <t>罗曼是合法直销，不是传销</t>
  </si>
  <si>
    <t>涉嫌传销的直销公司里有罗曼的</t>
  </si>
  <si>
    <t>喝普洱上火吗</t>
  </si>
  <si>
    <t>普洱熟茶喝多了可能会上火</t>
  </si>
  <si>
    <t>普洱茶分生茶和熟茶：熟茶性温且养胃，可以多喝，但是熟茶喝多会的确会上火。生茶性寒，喝了不会上火；但是胃不好的或胃寒的喝了易伤胃，胃好的可以喝，但也不宜喝太多。要是人本身觉得热气的时候最好不要再喝，平时身体没有什么火气时喝。</t>
  </si>
  <si>
    <t>喝正常制程的普洱生茶不会上火，普洱熟茶喝多了可能会上火。</t>
  </si>
  <si>
    <t>茶叶本身具有清热作用，普洱也是茶，自然不会有上火之说。</t>
  </si>
  <si>
    <t>不会上火，有去火功效</t>
  </si>
  <si>
    <t>普洱茶分生茶和熟茶：熟茶性温且养胃，可以多喝，但是熟茶喝多会的确会上火。生茶性寒，喝了不会上火；</t>
  </si>
  <si>
    <t>阿里巴巴工作好不好</t>
  </si>
  <si>
    <t>累，要经常加班</t>
  </si>
  <si>
    <t>不是什么好公司，靠压制员工剩余价值获得企业的成功，天天无偿加班，所有费用都不报销，在这类公司提成都是很高的，10-15%，但是单子难签，去掉7788的费用，福利很差，到你手上的也不多了，大概10%左右的人会挣钱，大部分是亏钱的，保险团队的激励方式，组成小组，主管激励，天天用别人的业绩刺激团队，适合电视购物中侯总那样的人去加入，普通人还是算了，也算是吃青春饭的一行职业，做不了几年的。</t>
  </si>
  <si>
    <t>2015年还有人玩神泣吗</t>
  </si>
  <si>
    <t>我玩神泣快2年了</t>
  </si>
  <si>
    <t>官方都倒闭了</t>
  </si>
  <si>
    <t>估计没什么人玩了</t>
  </si>
  <si>
    <t>还是挺好玩的啊</t>
  </si>
  <si>
    <t>7区光明愤怒加起来100人</t>
  </si>
  <si>
    <t>神泣是没的玩了，就如你所说，G满天飞，没有什麽真正的手动升级，更不用提什麽组队了。</t>
  </si>
  <si>
    <t>微信用流量吗</t>
  </si>
  <si>
    <t>手机上微信是需要流量才能使用的，没有流量无法运行使用的！</t>
  </si>
  <si>
    <t>wifi下使用不用流量，上网肯定要流量的</t>
  </si>
  <si>
    <t>当然需要流量的</t>
  </si>
  <si>
    <t>不能用流量是因为没有允许微信授权使用数据流量，可以手动开启。</t>
  </si>
  <si>
    <t>巴厘岛和中国有时差吗</t>
  </si>
  <si>
    <t>巴厘岛时间和北京时间一致，属于东八区，无时差。</t>
  </si>
  <si>
    <t>巴厘岛和中国没有时差的</t>
  </si>
  <si>
    <t>巴厘岛和中国都属于东八区,是在同一个时区,没有时差。</t>
  </si>
  <si>
    <t>巴厘岛时间和北京时间一致,属于东八区,无时差</t>
  </si>
  <si>
    <t>你好，巴厘岛和中国都属于东八区，是在同一个时区，没有时差。但是印尼的首都雅加达的时间比北京时间晚一个小时</t>
  </si>
  <si>
    <t>巴厘岛和中国都属于东八区，是在同一个时区，没有时差。</t>
  </si>
  <si>
    <t>北京与巴厘岛没有时差。</t>
  </si>
  <si>
    <t>建行信用卡会主动提额吗</t>
  </si>
  <si>
    <t>一般是不会主提额的。</t>
  </si>
  <si>
    <t>基本不会主动提额，几乎不可能。</t>
  </si>
  <si>
    <t>在用卡良好的情况下，银行会自动提额。</t>
  </si>
  <si>
    <t>阿坝师范学院毕业好就业吗</t>
  </si>
  <si>
    <t>读阿坝师范学院本科出来好不好找工作，是相对的。免费师范生包分配。</t>
  </si>
  <si>
    <t>阿里巴巴旺旺和淘宝旺旺是一样的吗</t>
  </si>
  <si>
    <t>是一样的。＃＃是的＃＃是一样的 买家用的叫旺旺 卖家用的叫千牛 都是聊天用的f</t>
  </si>
  <si>
    <t>淘宝帐号名和阿里巴巴帐号名是一样的 ，就是登录的平台不一样。</t>
  </si>
  <si>
    <t>是一个~~~~~~~~淘宝的账号和密码可以登录阿里旺旺</t>
  </si>
  <si>
    <t>淘宝号就是阿里旺旺的号，是可以在阿里旺旺的登录的</t>
  </si>
  <si>
    <t>登陆是一样的</t>
  </si>
  <si>
    <t>一个是是阿里旺旺淘宝版，是蓝色图标，是用来做淘宝买卖交易的，另一个是阿里旺旺贸易通哦，是桔黄色图标，是用来做商业贸易滴！</t>
  </si>
  <si>
    <t>淘宝和旺旺账号一样的，申请淘宝账号同时要开通支付宝，在淘宝网上购物需要用支付宝这个平台支付。</t>
  </si>
  <si>
    <t>中国真的有狼牙特种部队吗</t>
  </si>
  <si>
    <t>有的，这个在之前是秘密部队，但现在都面向世界了。其实还有更神秘的部队，不带番号的。</t>
  </si>
  <si>
    <t>必须的</t>
  </si>
  <si>
    <t>没有，电视剧《我是特种兵》是以南京军区飞龙特种部队为原形的，包括吴京的电影《战狼》也是以飞龙大队为原形。</t>
  </si>
  <si>
    <t>杨振宁很有钱吗</t>
  </si>
  <si>
    <t>现在杨教授住在清华园里，是学校提供的,叫,归根居,，随着年龄越来越大，在公众视野里出现的越来越少了，早些年在国外做研究时，待遇还是不错的，现在写写书，思考思考更大的问题，国家养着，但不会有很多钱，他也不需要了，比起还在做研究的丁肇中，应该少，这确实无所谓了，我想这位科学大家，对祖国是热爱的，虽然暮年才回来，但从更高的视角，从全人类的角度来看，绝对是让我们高山仰止的</t>
  </si>
  <si>
    <t>有钱吧，在国外科研工作者工资待遇是很高的，还有科研奖励</t>
  </si>
  <si>
    <t>反正比你有钱就是了，要不然他老婆就跟你了？</t>
  </si>
  <si>
    <t>杨是个垃圾，他和钱学森相比就一文不值！</t>
  </si>
  <si>
    <t>1块钱吧，那个翁什么的也就值这个价</t>
  </si>
  <si>
    <t>党参孩子能吃吗</t>
  </si>
  <si>
    <t>最好不要吃，如果吃也不要吃太多。</t>
  </si>
  <si>
    <t>一般情况下宝宝是可以吃党参的。</t>
  </si>
  <si>
    <t>有任何毛病的小孩子服用了会出现流鼻血、大便干燥、睡眠不好、哭闹等症状。 因此，家长们要注意，小孩子不宜过多食用党参，也没有这个必要多吃党参。</t>
  </si>
  <si>
    <t>按道理来说小孩不论多小，按医生来开药方多多少少有的会开党参。所以按情况来的。如果是平常煮来喝，小孩最好有三四岁。下3至5克即可。党参是温补的，煮的时候可以和排骨，鸡肉等煮来吃。但不要总是经常服用。</t>
  </si>
  <si>
    <t>从医学上说是能，但不能太多，一点点，从幼师的角度说，就是不能。</t>
  </si>
  <si>
    <t>孕妇能做珍珠粉面膜吗</t>
  </si>
  <si>
    <t>不建议，纯牛奶那些就可以，或者直接买孕妇专用的面膜，亲润的豆乳和大米面膜，都是纯食物提取，温和安全</t>
  </si>
  <si>
    <t>建议用孕妇专用的</t>
  </si>
  <si>
    <t>孕妇最好不用</t>
  </si>
  <si>
    <t>可以用的，我怀孕的时候就经常用。</t>
  </si>
  <si>
    <t>如果你能保证那珍珠粉质量的话，是可以的。但现在这社会，太多造假的不良奸商了。</t>
  </si>
  <si>
    <t>孕期肌肤很容易缺水，需要时常注意补水，但是孕期使用面膜补水的话，普通的那种最好不要使用，要用的话还是选用孕期专用的吧，像亲润的补水面膜，专为孕期肌肤补水设计的，原生态食材中提取，孕妈妈们用的安心。</t>
  </si>
  <si>
    <t>可以的，纯的珍珠粉用是没问题的</t>
  </si>
  <si>
    <t>产妇吃山药好吗</t>
  </si>
  <si>
    <t>可以吃，杂食者，营养也</t>
  </si>
  <si>
    <t>能吃。注意适量且要弄碎</t>
  </si>
  <si>
    <t>在孕期吃山药就有一定的纤体的作用，而且山药中还含有大量的淀粉和维生素，蛋白质、氨基酸，虽然山药会造成人体的饱腹感，但却不会缺少营养元素。同时吃山药还可以帮助胃肠消化吸收，促进肠蠕动，预防和缓解便秘。</t>
  </si>
  <si>
    <t>山药中含有大量的淀粉和维生素，蛋白质、氨基酸，产妇吃山药虽然会造成人体的饱腹感，但却不会缺少营养元素，有纤体的作用，同时吃山药还可以帮助胃肠消化吸收，促进肠蠕动，预防和缓解便秘</t>
  </si>
  <si>
    <t>兔唇可以完全修复吗</t>
  </si>
  <si>
    <t>做唇裂的原则是越早越好，二十岁了要视严重程度而定。不过现在技术越来越好，一般做了都看不大出来。要是合并腭裂的话就困难点了。不过不需要好多次修复啊。</t>
  </si>
  <si>
    <t>可以通过整形来修复，但不可能会修复成和正常人一模一样，但外观较之前还是会有很大的改善的</t>
  </si>
  <si>
    <t>可以的，李亚鹏和王菲就创建了一个专门为兔唇儿童提供救助的慈善组织，可以上网查一下具体情况。</t>
  </si>
  <si>
    <t>浪琴钢带女表好吗</t>
  </si>
  <si>
    <t>浪琴最好的应该是名匠系列，皮带和钢带这个看自己，不过皮带一般一年左右就需要更换。</t>
  </si>
  <si>
    <t>浪琴手表口碑一向很不错的，最大的特点是走时方面比较精准，</t>
  </si>
  <si>
    <t>挺好，专柜买或者代购都可以</t>
  </si>
  <si>
    <t>康柏不错，个人推荐名匠</t>
  </si>
  <si>
    <t>唯品会能用花呗吗</t>
  </si>
  <si>
    <t>可以使用的，现在花呗已经可以大规模使用了</t>
  </si>
  <si>
    <t>可以使用，大部分店铺都支持</t>
  </si>
  <si>
    <t>看他支持不支持，套出来哪都可以</t>
  </si>
  <si>
    <t>你好！ 这个是唯品会 没有和支付宝合作的原因了 就和京东一样没有合作就不支持的</t>
  </si>
  <si>
    <t>大润发有蛋挞皮卖吗</t>
  </si>
  <si>
    <t>没有发现</t>
  </si>
  <si>
    <t>都有的。不过没有大型超市的话，去蛋糕店才可能买到。</t>
  </si>
  <si>
    <t>呆账银行签30年免换协议是真的么</t>
  </si>
  <si>
    <t>没有听过，呆账不还是要承担一定的责任的，具体的可以咨询银行相关的方面。</t>
  </si>
  <si>
    <t>不可能！</t>
  </si>
  <si>
    <t>用个人信用度，换取银行贷款，不用归还，值得吗。天下没有免费的午餐，天上也不会有掉下来的馅饼！要么是诈骗，骗取你的高额手续费，要么就是诱惑你上当。</t>
  </si>
  <si>
    <t>不可能</t>
  </si>
  <si>
    <t>电脑主板可以用水洗吗</t>
  </si>
  <si>
    <t>绝对可以,不但电脑主板厂商,还有那些反新的JS很多都是用水洗的,不过洗过后一定要保证完全干透才能上电,是完全干透。</t>
  </si>
  <si>
    <t>电脑主板不可以使用水来清洗。用水清洗主板，自来水水经常呈弱酸或弱碱性，容易腐蚀电路板。且烘干不彻底会导致主板通电之后短路烧毁主板。</t>
  </si>
  <si>
    <t>完全可以，</t>
  </si>
  <si>
    <t>可以，注意 洗完后 一定要吧水分晾干</t>
  </si>
  <si>
    <t>可以用水洗。</t>
  </si>
  <si>
    <t>电子产品肯定是不能水洗的，因为水是导电的，一旦水洗通电，整个电路板就会烧毁。</t>
  </si>
  <si>
    <t>甲亢算是大病吗</t>
  </si>
  <si>
    <t>甲状腺功能亢进可大可小吧，看你是什么程度罗，有些人长期服抗甲亢的药，症状就缓解，而且不会对生活造成很大影响，有些人会选择做手术，就是甲状腺大部分切除术，当然手术都是有风险的，年龄小的影响比较大。你甲状腺几度肿大了，建议还是看医生把。</t>
  </si>
  <si>
    <t>20种重大疾病纳入大病保险范围，报销比例不低于90%。20种大病分别是：儿童白血病、先心病、末期肾病、乳腺癌、宫颈癌、重性精神疾病、耐药肺结核、艾滋病机会性感染、血友病、慢性粒细胞白血病、唇腭裂、肺癌、食道癌、胃癌、1型糖尿病、甲亢、急性心肌梗塞、脑梗死、结肠癌、直肠癌。7种肿瘤将被纳入大病医保范围，报销比例不低于90%。对于这一即将出台的政策，患者和医生均表示热烈的欢迎。患者称，这是又一重大惠民之举，可以使无数肿瘤患者家庭避免陷入因病致贫或因病返贫的困境。临床专家称，这一举措将缓解临床上“有药不能用”的尴尬，有利于规范化治疗和提升医生的临床诊疗水平。</t>
  </si>
  <si>
    <t>孕妇多吃橘子好吗</t>
  </si>
  <si>
    <t>橘子一向是孕妇的最好，可以增进食欲，对孕吐有一定的作用</t>
  </si>
  <si>
    <t>考虑是可以吃的，橘子味甘酸、性凉，入肺、胃经，具有开胃理气，止渴润肺的功效。橘子含有丰富的柠檬酸，具有消除疲劳的作用，还可预防便秘，促进通便，并且可以降低胆固醇。橘子橘皮预防心血管疾并抑制癌细胞等药用功效。</t>
  </si>
  <si>
    <t>吃多了肯定会上火，要孕妇在怀孕期间不要吃太多橘子，可以多喝点牛奶，多吃香蕉，多吃苹果。</t>
  </si>
  <si>
    <t>橘子中不含有任何孕妇禁忌的有害物质。所以孕妇吃橘子可以补充维生素c，对孕妇本身及胎儿的生长发育都有好处。</t>
  </si>
  <si>
    <t>孕妇可以吃桔子，但不能多吃，控制在250克之内就可以了</t>
  </si>
  <si>
    <t>26tw单板 好么</t>
  </si>
  <si>
    <t>东西挺好</t>
  </si>
  <si>
    <t>不好～我觉得很费劲～</t>
  </si>
  <si>
    <t>都是一个磨具出来的，东西一样，板花不同罢了，都是美产的，如果说性价比的话26Tw太划算了，如果资历说肯定是Lib进来的早，看你预算吧。</t>
  </si>
  <si>
    <t>孕妇能吃鸡毛菜吗</t>
  </si>
  <si>
    <t>初步考虑建议不要吃，孕妇可以多吃一点蛋类食物补充营养。</t>
  </si>
  <si>
    <t>上牌之前车子可以装潢么?</t>
  </si>
  <si>
    <t>不涉及到外观和车辆性能的装饰都没有问题。而外观的，像加装大包围，加装行李架，加装前后护杠，还有贴膜、导航、地胶等等。就会影响上牌了。装饰项目最好先不要做，等上牌领行驶证后做。</t>
  </si>
  <si>
    <t>不涉及到外观和车辆性能的都没有问题~就是说贴膜，灯光等不能做。结合你这里，除了贴膜其他的应该都没有问题。</t>
  </si>
  <si>
    <t>内饰是没关系的，但贴膜，改色这些是绝对不可以的。</t>
  </si>
  <si>
    <t>自己弄最好还是上玩牌再装，特别是贴膜，颜色深要撕掉的。</t>
  </si>
  <si>
    <t>实际当中各地区的尺度不一样。一般来说不改变原厂的外观的颜色，长，宽，高这四个硬指标，就能通过。如需变更颜色要申报审批，一般的装饰之类没问题。车身贴花不能超过全车面积的30%，轮胎，进排气，车架结构不能改。 如果你改装的超出了我的提示 那你绝对不可能上牌照的哥们 影响外观的装饰都不要搞，贴膜有些地方就影响上户，有些地方则不影响。</t>
  </si>
  <si>
    <t>外观不能改变，车内装潢无所谓</t>
  </si>
  <si>
    <t>空运有提单吗</t>
  </si>
  <si>
    <t>没有空运提单，只有空运单。</t>
  </si>
  <si>
    <t>何韵诗是港独吗</t>
  </si>
  <si>
    <t>要叫香港独立的只是少数人，但希望香港独立选举的是大多数人，但我们大陆的媒体不会写得这么细去区分他们，而是想引导舆论去抵制一切独立，不管是选举独立 还是香港独立，都打成一类，这样才好团结人心，这也是我们大陆很多人很香港人的原因，个人觉得就为了我们大陆领导自己的统制权力得到巩固而去挑起这种地域仇恨非常没有必要，毕竟大家都是华夏同胞</t>
  </si>
  <si>
    <t>还在持续，正常的话应该依旧会继续，何韵诗是支持的</t>
  </si>
  <si>
    <t>香港知名艺人里没有人支持香港独立</t>
  </si>
  <si>
    <t>红茶 上火吗</t>
  </si>
  <si>
    <t>不会上火的</t>
  </si>
  <si>
    <t>不会的，红茶是经过发酵的。</t>
  </si>
  <si>
    <t>红茶比较暖的，如果本身是虚热的体质，本来就是容易上火，加上现在的天气湿热，喝多了红茶就会不舒服了。</t>
  </si>
  <si>
    <t>喝红茶不会上火。</t>
  </si>
  <si>
    <t>非公开发行股票停牌是利好吗</t>
  </si>
  <si>
    <t>非公开发行股票是利好</t>
  </si>
  <si>
    <t>非公开发行股票对散户是好是坏：1、一般来说，非公开、定向发行股票基本上是利好，表示对上市公司的股价有上涨的预期，持有这种股票对散户来说也是一种希望。2、至于利好的程度，一是要看融资后的项目情况，二是要看发行价格的高低，三是看发行的规模和锁定股票的时间。</t>
  </si>
  <si>
    <t>因筹划非公开发行股票事项停牌，表明上市公司要启动非公开发行股票事项了，非公开发行发行股票筹措资金，对公司是好事。</t>
  </si>
  <si>
    <t>大环境没有系统性风险的前提下，是利好</t>
  </si>
  <si>
    <t>护照可以买飞机票吗</t>
  </si>
  <si>
    <t>可以买机票，</t>
  </si>
  <si>
    <t>可以买国内机票，有效期内的护照也可以作为公民的有效证件使用（前提是购买国内机票时一定要使用护照上的证件号和姓名），所以凭有效的护照可以购买国内机票。</t>
  </si>
  <si>
    <t>是的，有效的护照可以用来购票并乘机的。</t>
  </si>
  <si>
    <t>可以，完全没问题。只是您在购买机票时要提供您的护照号码，证件类别注明是护照就可以了。在机场换登机牌时，出示护照即可。</t>
  </si>
  <si>
    <t>仙人球有毒吗</t>
  </si>
  <si>
    <t>仙人掌一般无毒,</t>
  </si>
  <si>
    <t>家里的仙人球一般是------------刺没有毒</t>
  </si>
  <si>
    <t>大部分的仙人球没毒，可食用的仙人球也没毒。</t>
  </si>
  <si>
    <t>大多数没有毒，但不敢说都没毒，因品种太多了。</t>
  </si>
  <si>
    <t>常见仙人球是没有毒的，拔出来后要注意观察有没有红肿。瘙痒等反应，少数人会 引起过敏反应，要及时就医。</t>
  </si>
  <si>
    <t>没有毒</t>
  </si>
  <si>
    <t xml:space="preserve">野生仙人掌有毒，会给食用者造成毒害，严重的甚至会危及人的生命。仙人掌类植物中有些种类含有毒的生物碱。乌羽玉属、岩牡丹属、斧突球属、月世界属、毛花柱属、近卫柱属的一些种类，体内含有墨司卡林和安洽林等有毒成份，对人的神经有致幻麻醉作用。 </t>
  </si>
  <si>
    <t>小活宝存钱安全吗</t>
  </si>
  <si>
    <t>你好，理财产品或者理财的网站，都是没有百分之百绝对安全的，高回报一般都是伴随着高风险的哦！</t>
  </si>
  <si>
    <t>应该还不错的，如果是360旗下的话。现在很多人都选择大公司啦，安全可靠，像银湖网、东方金钰网络金融、陆金所，都是不错的</t>
  </si>
  <si>
    <t>后来我放弃了，100一个星期都还没提现出来，还不如马云的支付宝，5分钟就能到账</t>
  </si>
  <si>
    <t>oracle表名区分大小写吗</t>
  </si>
  <si>
    <t>Oracle访问数据库字段和表名不区分大小写。</t>
  </si>
  <si>
    <t>oracle中分为两种情况，单纯的sql语句不区分大小写，但是如果查询某个字符的话就需要区分大小写。</t>
  </si>
  <si>
    <t>不区分，但是在字符串里会区分大小写</t>
  </si>
  <si>
    <t>表名不区分大小写，大写与小写是同名的。</t>
  </si>
  <si>
    <t>区分大小写，不是看数据库，看操作系统。如：windows就区分大小写。linux就不区分</t>
  </si>
  <si>
    <t>二号首长写完了吗</t>
  </si>
  <si>
    <t>木有大结局了， 黄晓明留下一片想像的天空，让你们自由发挥</t>
  </si>
  <si>
    <t>估计写完了</t>
  </si>
  <si>
    <t>为了献礼十八大， 为免民间用文学艺术讽刺现实，据报导，北京出版人透露全部官场小说申报被当局打回，新华书店等一线及民营书店不准上架。畅销书《二号首长》一书首当其冲被禁；有民营旧书店被勒令关门。线民惊呼“这是要焚书坑儒么？”北京出版人张轩洋在微博上透露：“为迎接某大会的顺利召开，把所有官场小说都下架、撤销、禁令了。就连古代言情作品里带王妃、皇上、王后字眼的书也被勒令下架。更可笑的是，他们还警告书店、机构，如果有人来问书的情况时，不能说被禁了，得统一口径说售完了，正在进货。”上海的“行动书店”通过微博发表：“本店证实：官场小说禁止出版。”南昌书评人吴鑫也证实官场小说禁止出版。</t>
  </si>
  <si>
    <t>工行的笔试通过率高吗</t>
  </si>
  <si>
    <t>从往年来看工商银行笔试淘汰20-30%，面试淘汰剩余70%左右</t>
  </si>
  <si>
    <t>机考形式，通过率看招多少人的，一般招100人，进面试的就300人，按一定比例，具体看招聘公告的要求来。笔试考行测，英语，性格测试，专业知识，也考过主观题。笔试复习也可以去 考丁谷 看看，比较全面。</t>
  </si>
  <si>
    <t>笔试比较简单，主要是看参加考试人数，面试是按照成绩从高到低按照一定比例进面试的。</t>
  </si>
  <si>
    <t>肠炎大便常规可以检查出来吗</t>
  </si>
  <si>
    <t>肯定能够化验出来</t>
  </si>
  <si>
    <t>当然可以，肠炎大便可以有白细胞，也可以有红细胞，严重的可有脓细胞</t>
  </si>
  <si>
    <t>比亚迪速锐好不好</t>
  </si>
  <si>
    <t>性能可以！</t>
  </si>
  <si>
    <t>比亚迪速锐的优点是价位相对便宜，油耗低，车子配置还可以，缺点是车子品牌知名度差一些，车子做工差，这车短期开还可以，如果打算开个五年以上个人不建议考虑。</t>
  </si>
  <si>
    <t>速锐还是不错的，说比亚迪车小毛病多，应该指以前的F3，那时候比亚迪为了压缩成本，除了轮胎外的所有零部件都是自己生产，甚至出现原厂雨刷刚换上就坏了的情况。</t>
  </si>
  <si>
    <t>比亚迪都不咋样。</t>
  </si>
  <si>
    <t xml:space="preserve">这车还可以，价格也一样 </t>
  </si>
  <si>
    <t>比亚迪是国产车中比较牛的了。挺不错的了。</t>
  </si>
  <si>
    <t>一分钱一分货咯 10万的车请不要用100万车的品质要求它就可以。</t>
  </si>
  <si>
    <t>广州增城有地铁吗</t>
  </si>
  <si>
    <t>增城市没有地铁到达</t>
  </si>
  <si>
    <t>增城地铁预计今年开建，2016年通车</t>
  </si>
  <si>
    <t>增城目前没有地铁，不过有多条线路在建</t>
  </si>
  <si>
    <t>糖尿病人能吃菱角吗</t>
  </si>
  <si>
    <t>菱角含淀粉较多,淀粉可以转化为糖,因为你患有糖尿病,所以尽量少吃。</t>
  </si>
  <si>
    <t>含淀粉高的食物要少吃或者不吃</t>
  </si>
  <si>
    <t>菱角含淀粉较多，淀粉可以升高血糖，所以尽量少吃。</t>
  </si>
  <si>
    <t>菱角含淀粉较多,淀粉可以转化为糖,所以尽量少吃。注意多吃低糖、低脂肪、高蛋白、高纤维素的食物，以及足够的水分，少吃盐，减少胆固醇和炮和脂肪酸的摄入；多吃高纤食物。谷类如：糙米、燕麦，蔬菜如花菜、莴苣、豌豆，水果如：苹果、梨、柑橘等。除可补充维生素，还可降血脂、延缓葡萄糖吸收率、帮助血糖稳定；多吃降糖食物。如：苦瓜、芹菜、空心菜、胡萝卜、青嫩番瓜、柚子、大蒜、番石榴等。</t>
  </si>
  <si>
    <t>菱角含淀粉较多，淀粉可以转化为糖，因为你患有糖尿病，所以尽量少吃。</t>
  </si>
  <si>
    <t>糖尿病人可以吃菱角的，吃菱角的时候把主食的量减少些即可。</t>
  </si>
  <si>
    <t>可以别吃过量。对于糖尿病人来说，粗粮是最合适的。</t>
  </si>
  <si>
    <t>银翘解毒颗粒孕妇能吃吗</t>
  </si>
  <si>
    <t>可以,银翘解毒颗粒属于中成药,一般情况下孕期服用不会对胎儿造成太大影响的.</t>
  </si>
  <si>
    <t>最好不要，多喝点红糖姜水就行了，带着孩子不要吃药，对孩子没好处。</t>
  </si>
  <si>
    <t>你好，怀孕期间是最好不要用药的，如果用药的话，一定要去医院看一下，在医生指导下用影响胎儿比较小的药物治疗，要注意休息，多喝水，多吃水果，不能吃辛辣刺激性食物，要保证充足的睡眠。</t>
  </si>
  <si>
    <t>北京到长白山有高铁吗</t>
  </si>
  <si>
    <t>北京到长白山有火车没有高铁，在延边自治州长白山景区</t>
  </si>
  <si>
    <t>北京-长春有8趟火车</t>
  </si>
  <si>
    <t>北京坐K215 次空调快速（北京—图们）的火车，到延吉下车。 北京14：21分上车，第二天13：10到。</t>
  </si>
  <si>
    <t>大东北旅游汽车租赁提示：北京到长白山没有动车，有高铁到距离长白山北景区200公里的敦化市</t>
  </si>
  <si>
    <t>火车票晚点能改签吗</t>
  </si>
  <si>
    <t>是可以改签的，如果是晚点了，只要火车开了是不能退票的，但是在一定的时间内可以改签。</t>
  </si>
  <si>
    <t>两小时内。</t>
  </si>
  <si>
    <t>在其他列车有余票时，可以改签发到城市相同的车票，改签只能改签一次。具体是，开车前48小时(不含)以上，可改签预 售期内的其他列车;开车前48小时以内，可改签开车前的其他列车，也可改签开车后至票面日期当日24:00之间的其他列车，不办理票面日期次日及以后的改签；开车之后，旅客仍可改签当日其他列车，但只能在票面发站办理改签。如果改签后的火车仍没有赶上的话，那是无法进行退票和退款的，火车票只能作废；同样，如果开车后没有可改签的火车车次，那只能作废了。</t>
  </si>
  <si>
    <t>在发车站改签成当天的票就可以，不可以往后推迟</t>
  </si>
  <si>
    <t>可以改签当天24：00前其它车次</t>
  </si>
  <si>
    <t>可以在当天当次车离站两小时内改签</t>
  </si>
  <si>
    <t>可以改签当天其它车次。</t>
  </si>
  <si>
    <t>win10能玩阿甘骑士吗</t>
  </si>
  <si>
    <t>楼主，官方提示是可以的，但是由于win10本身的不稳定，推荐系统中没有win10。</t>
  </si>
  <si>
    <t>可以玩，但有时会被踢出，或很卡，这是因为win10还不稳定，和很多游戏不兼容。如果要玩刺客信条对硬件的配置要求很高，大约要5500以上的电脑，gta5大约要4500以上的电脑，只要能玩刺客信条的配置其它大型单机游戏通吃。</t>
  </si>
  <si>
    <t>2015年12月26日搬家吗</t>
  </si>
  <si>
    <t xml:space="preserve">2016年12月26日（阴历十一月二十八），这天：【冲鼠 ·煞北  】；忌：【入宅】；这天最好不搬家！  </t>
  </si>
  <si>
    <t>黄山是世界遗产吗</t>
  </si>
  <si>
    <t>黄山是世界遗产</t>
  </si>
  <si>
    <t>黄山是世界遗产。</t>
  </si>
  <si>
    <t>它是国家级自然风景区，并不是遗产。</t>
  </si>
  <si>
    <t>只喝康宝莱奶昔能减肥吗</t>
  </si>
  <si>
    <t>严格来说仅仅靠吃就想达到完美的减肥效果是很难的，因为食物多少都是有热量的，连续每天吃的太少或太多都会影响健康，最好的还是运动的方法，既能达到减肥的效果，还能增强身体机能，保持效果时间长久，其间可以搭配奶昔或者蛋白质粉</t>
  </si>
  <si>
    <t>有的可以有的不行，我有个同事在喝，他说他平均每天瘦一斤，但是他岳父就喝了几个月反而胖了，我觉得你应该到官方问问，还有，这玩意要配合运动，不然皮肤会松松垮垮的</t>
  </si>
  <si>
    <t>的确有效的，一样可以减肥成功.</t>
  </si>
  <si>
    <t>没有什么效果.</t>
  </si>
  <si>
    <t>不可以的。只吃一种食物导致营养失衡，影响身体健康。</t>
  </si>
  <si>
    <t>没手机号可以注册微信吗</t>
  </si>
  <si>
    <t>当然是可以的！可以qq绑定申请微信！</t>
  </si>
  <si>
    <t>没有手机号是不能注册微信的。但是，可以用已注册微信的手机号解绑后再注册。</t>
  </si>
  <si>
    <t>可以用QQ号或邮箱号注册。</t>
  </si>
  <si>
    <t>注册不了 必须手机号注册</t>
  </si>
  <si>
    <t>陈小旺和陈正雷是父子关系吗</t>
  </si>
  <si>
    <t>陈小旺功夫已达浑圆境界，陈正雷功夫也很高了，他们是堂兄弟。</t>
  </si>
  <si>
    <t>是叔兄弟，也是同门师兄弟。</t>
  </si>
  <si>
    <t>口风琴难学吗</t>
  </si>
  <si>
    <t>太简单了，没有乐理知识也是一点拨就会的。</t>
  </si>
  <si>
    <t>自学是可以的 口琴娱乐不是很难，把乐理学好，10孔布鲁斯口琴比较难，24孔就是我们平常见的了，较简单。</t>
  </si>
  <si>
    <t>口风琴很简单的,你先找到谱子就可以,参照说明书把指法练习好.</t>
  </si>
  <si>
    <t>不是太难的 我们小学音乐课上就有学过的 你可以找个老师学 或者网上学习都可以 挺简单的</t>
  </si>
  <si>
    <t>容易，入门极其简单，我曾经在一下午教会4个人吹《红蜻蜓》</t>
  </si>
  <si>
    <t>比较客观的说,是有点难度的.因为口琴有双音.取决于你找的老师和你自己的悟性。</t>
  </si>
  <si>
    <t>来月经是否能去健身</t>
  </si>
  <si>
    <t>如果痛经不厉害就可以啊，不过不要做太激烈的，打乒乓球，羽毛球，慢跑都是很好的运动</t>
  </si>
  <si>
    <t>不要做激烈的运动，来例假时身体会很虚弱，还要注意保暖</t>
  </si>
  <si>
    <t>不做剧烈运动是可以的，建议还是休息几天，因为这个时候女生的身体比较虚弱</t>
  </si>
  <si>
    <t>做好还是不要去 在例假期间不要劳累过度 身体会吃不消的，避免参加一些竟争激烈的比赛。月经期参加这些运动因高度的精神紧张而导内分泌功能紊乱，出现月经失调。</t>
  </si>
  <si>
    <t>最好不去</t>
  </si>
  <si>
    <t>个人认为不宜例假期间锻炼，身体处在失血状态，运动过量容易导致头晕恶心，和其他身体不适症状。</t>
  </si>
  <si>
    <t>黄芪有减肥的功效吗</t>
  </si>
  <si>
    <t>没有减肥的功效，都是益气的功效。</t>
  </si>
  <si>
    <t>单凭一个黄芪就想减肥那是不可能的。</t>
  </si>
  <si>
    <t>减肥作用是微乎其微的</t>
  </si>
  <si>
    <t>没什么作用的。减肥并不是靠药物或者减肥茶健美操瑜伽什么就能减下去。减肥要有锻炼计划和饮食习惯坚持。</t>
  </si>
  <si>
    <t>没有，这是补气血，增加免疫力的。</t>
  </si>
  <si>
    <t>不可以的，还是不要用那些偏方了</t>
  </si>
  <si>
    <t>抽烟会增肥吗</t>
  </si>
  <si>
    <t>吸烟不会变胖，很有可能变瘦~~~</t>
  </si>
  <si>
    <t>当然会了！吸烟容易得便秘呀，而且对皮肤非常不好</t>
  </si>
  <si>
    <t>会导致腹部肥胖</t>
  </si>
  <si>
    <t xml:space="preserve">澳洲最近一项研究发现，抽烟的确会让人变瘦，但是体内消失的是肌肉而不是脂肪，所以即使抽烟会变瘦，但是对健康的损害，可是更严重的。 </t>
  </si>
  <si>
    <t>经常吸烟不但不会发胖，反而会变瘦</t>
  </si>
  <si>
    <t>应该不会的,很多朋友都吸烟,没见几个发胖的,我指的是女性哦</t>
  </si>
  <si>
    <t>不会发胖只是会对肺子不好</t>
  </si>
  <si>
    <t xml:space="preserve">最新研究发现，抽烟不仅不能减肥，还会会腰围越来越粗。 </t>
  </si>
  <si>
    <t>生殖器疱疹会传染吗</t>
  </si>
  <si>
    <t>会有这个几率的</t>
  </si>
  <si>
    <t>生殖器疱疹不是一种普遍的性疾病，因为生殖器疱疹在潜伏期也有传染性，所以会让人在不知不觉的情形下成为疱疹的传播者和受害者。 生殖器疱疹病毒具有很长时间的潜伏期，病人感染后，该病菌可潜伏在人体正常细胞内。</t>
  </si>
  <si>
    <t>生殖器疱疹是由单纯疱疹Ⅱ型病毒通过接触而传染的疾病。</t>
  </si>
  <si>
    <t>生殖器疱疹是一种危害性极强的性传播疾病，因此，发现可疑症状及时检查、及早治疗是关键。</t>
  </si>
  <si>
    <t>假苹果手机能用吗</t>
  </si>
  <si>
    <t>假苹果手机通常都是安卓系统的机器，也是可以用的。但是山寨机器首先功能上与真机是完全不一样的。</t>
  </si>
  <si>
    <t>正常买的手机一般正常使用是没有问题的，看你买的非国行还是山寨货了，山寨用不了多长时间，非国行还可以多用一会儿</t>
  </si>
  <si>
    <t>当然不能用。山寨手机千万不能买，质量差的受不了，凡是生产山寨手机的厂家都是濒临倒闭的小厂，只能靠生产山寨苟延残喘，质量、售后、用户体验根本无从谈起。</t>
  </si>
  <si>
    <t>假苹果手机通常都是安卓系统的机器，也是可以用的。但是山寨机器首先功能上与真机是完全不一样的。而且山寨机器都是没有保修的，都是一些三无企业生产的。</t>
  </si>
  <si>
    <t>家的就是所谓的山寨机，质量不敢保证，差别就是只是外形相似，里面的功能完全不一样，你可以到卖手机的地方看看，但现在山寨手机做的也很好，只要你不要求太多的功能，只打接电话的话也行，只要不常摔，用一年不成问题</t>
  </si>
  <si>
    <t>假的就是国产山寨机,MTK平台,扩展性不大,质量也是马马虎虎的,外观和外放那是一个字"牛"</t>
  </si>
  <si>
    <t>努比亚z9mini好不好</t>
  </si>
  <si>
    <t>努比亚z9mini还不错，采用高通骁龙 615 新一代 64 位八核处理器，全新的 Adreno 405 图形处理器，搭载着 64 位工艺技术，轻松驾驭 3D 游戏，带来时尚畅快享受。</t>
  </si>
  <si>
    <t>连城诀好看吗</t>
  </si>
  <si>
    <t>挺有深意的，揭露了人性丑恶的一面。但人终归还是善良的。尤其喜欢舒畅饰演的水笙，活泼灵动、纯真善良，又爱憎分明，敢爱敢恨。算得上整个剧中最出彩的一个人物了。</t>
  </si>
  <si>
    <t>这绝对是一部十分优秀的电视剧！三观很正！相对于现在那些狗血的武侠电视剧，给小孩看就是害人的！但是，连城诀，比如我母亲，她不看武侠剧的，我小时候看这部剧，她跟我一起看的，大结局的时候，平平淡淡才是真，这句话，我母亲十分喜欢，这部电视剧的三观很正！</t>
  </si>
  <si>
    <t>就一个版本，还不错。</t>
  </si>
  <si>
    <t>好看，金庸的小说里就，属《连城诀》里的坏人最多，最卑鄙，最龌龊，看过之后才真正相信江湖险恶啊。</t>
  </si>
  <si>
    <t>武汉算南方吗</t>
  </si>
  <si>
    <t>是的！通常以长江为界，以南为南方,武汉在长江南岸,雨水较多，四季明显，温度四季变化！</t>
  </si>
  <si>
    <t>武汉位于中国中部，属于华中地区。</t>
  </si>
  <si>
    <t>武汉是属于湖北省,我国划分南北方的界限以秦岭淮河为界,以南为南方,以北为北方,湖北省位于长江中游秦淮以南,所以是南方</t>
  </si>
  <si>
    <t>武汉属于南方。我国的南方和北方的分界线是秦岭-淮河，武汉在这条线以南，所以属于南方。</t>
  </si>
  <si>
    <t>武汉是湖北省省会，属于中国的南方地区。</t>
  </si>
  <si>
    <t>手机下载支付宝钱包安全吗</t>
  </si>
  <si>
    <t>安全，因为支付宝钱包可以设置进入密码</t>
  </si>
  <si>
    <t>只要保证手机安全，它加速安全的。你可以下载腾讯手机管家保护手机。</t>
  </si>
  <si>
    <t>只要手机不丢就安全</t>
  </si>
  <si>
    <t>安全啊，建议楼主使用腾讯手机管家试一试腾讯手机管家，是一款完全免费的手机安全与管理软件。</t>
  </si>
  <si>
    <t>你好，这个是安全的，你还可以下载腾讯手机管家。它里面应该安全支付功能可以使你的支付宝钱包更加安全</t>
  </si>
  <si>
    <t>孕妇能不能跑步</t>
  </si>
  <si>
    <t>孕早期再急也不能跑步。因为孕早期是一个非常特殊的时期，所以对于运动、出行都有很多限制的。</t>
  </si>
  <si>
    <t>孕妇不宜跑步的，但是孕妇也是应该一动不动的。可以多散散步和多走楼梯。</t>
  </si>
  <si>
    <t>孕早期是不可以跑步</t>
  </si>
  <si>
    <t>本来就可以跑步，虽然说你身上多了一个人呢，但是这并不影响，只需要注意下就好了</t>
  </si>
  <si>
    <t>年代秀停播了吗</t>
  </si>
  <si>
    <t>年代秀确定不是易骅团队做了，十二月已经录制完了最后一期，全部导演在现场有大合影，哭的跟啥一样，易骅团队从深圳卫视离职了，团队也跟着她走了，男左女右，年代秀，极速前进，跨年，还有来吧孩子，明年易骅留在深圳卫视的节目就只有极速前进了，估计是外包的形式吧，觉得深圳卫视留不住人才，体制平台都不行，所以她们选择离开。</t>
  </si>
  <si>
    <t>7月8那期年代秀说了因为要播极速前进第三季，暂停播年代秀</t>
  </si>
  <si>
    <t>年代秀2015年已经停播。2014年12月录制完了最后一期，全部导演在现场有大合影，都哭的跟啥一样。原深圳卫视节目总监易烨辞职，易骅团队也从深圳卫视离职了。</t>
  </si>
  <si>
    <t>内部出现问题，而且改版升级不成功</t>
  </si>
  <si>
    <t>维尔戈死了吗</t>
  </si>
  <si>
    <t xml:space="preserve">漫画681话，维尔戈轻松把山治的腿踢成骨裂。随后“死亡国度”侵入研究所，两人均不知生死。 </t>
  </si>
  <si>
    <t>应该是死了</t>
  </si>
  <si>
    <t>说他活着，但是多佛朗明哥走的时候没有带走他，说他死了，也没有明显证据证明。只能说生死未卜</t>
  </si>
  <si>
    <t>维尔戈死了</t>
  </si>
  <si>
    <t>精子流出来会怀孕吗</t>
  </si>
  <si>
    <t>流出来 怀孕的几率降低了,但是也能怀孕.</t>
  </si>
  <si>
    <t>精子并不是全部流出来，还是有部分精子在阴道内进入子宫，有怀孕的可能。</t>
  </si>
  <si>
    <t>这个不一定，精子是活的，能游的</t>
  </si>
  <si>
    <t>广州美国人学校怎么样</t>
  </si>
  <si>
    <t>下面是排名的情况：1.广州亚加达国际预科2. 广州美国人学校 3. 广州英国人学校 4. 广州法国人学校 5. 广州裕德莱国际学校 6. 广州日本人学校 7. 广州加拿大人学校 8. 广州南方国际学校＃＃亚加达国际预科和美国人学校的确是不错的，但提醒楼主，这些学校对学生的英语要求很高，要好好准备。</t>
  </si>
  <si>
    <t>国王学院好,美国人国际学校假期多,学不到什么东西.国王学院寄宿环境超级好，晚上有老师辅导和兴趣班，管理的很细致，比较适合中国家庭，性价比高很多。</t>
  </si>
  <si>
    <t>孕初期可以喝蜂蜜水吗</t>
  </si>
  <si>
    <t>蜂蜜的营养成分丰富，对孕妇的身体健康和促进婴幼儿的生长发育有着积极作用。因此怀孕了可以喝蜂蜜水。</t>
  </si>
  <si>
    <t>蜂蜜含有丰富的维生素与营养成分,怀孕可以吃,但是不能天天吃,因为有植物激素,过量了怕影响宝宝发育。</t>
  </si>
  <si>
    <t>孕妇应当喝蜂蜜。孕妇饮用蜂蜜有以下好处：预防感冒，少得或者不得病；补充营养，防止火气上升及大便干结等。</t>
  </si>
  <si>
    <t xml:space="preserve">怀孕初期早上空腹喝蜂蜜水可以的。 </t>
  </si>
  <si>
    <t>蜂蜜水肯定可以喝啦</t>
  </si>
  <si>
    <t>松狮掉毛吗</t>
  </si>
  <si>
    <t>长毛狗有不掉的吗</t>
  </si>
  <si>
    <t>挺爱掉的</t>
  </si>
  <si>
    <t>爱掉毛，特别是换季的时候。</t>
  </si>
  <si>
    <t>老掉毛，换毛的季节更是</t>
  </si>
  <si>
    <t>春秋两季换毛，掉毛比较历害</t>
  </si>
  <si>
    <t>松狮狗一年四季都会换毛 而且松狮容易得皮肤病 可能也和它的皮肤有关系 多给他梳梳毛 应该会好一点。</t>
  </si>
  <si>
    <t>中二病也要谈恋爱有没有第三季</t>
  </si>
  <si>
    <t>一般来说是没有了。</t>
  </si>
  <si>
    <t>一般来说是没有了。这部动漫是几年前出的，而且有没有下一季是看前面动漫的销量如何决定的。</t>
  </si>
  <si>
    <t>2014年4月1日，日本京都动画制作公司发布了中二病也要谈恋爱第三季制作决定，据称会在2015年一月上映。今年一月，京都动画制作公司推出了中二病第二季，在三个月的连载过程中，迎来了完结，因为第二季反响强烈，收视率节节攀升，所以很快发布了第三季的制作决定，据官方消息，第三季会保持第二季的原班人马，六花和勇太的关系也会进一步发展。</t>
  </si>
  <si>
    <t>动画相对于小说已经改动相当大了，而且版权在京阿尼手上，就算作者不往下写，京阿尼也可能出个完全原创的第三季</t>
  </si>
  <si>
    <t>《中二病也要谈恋爱》第3卷原作轻小说将在3月20发售。此外，新卷轻小说将会有个新妹子登场，名字为天虹旱。所以我觉得会出第三季啊</t>
  </si>
  <si>
    <t>这个不好说啊 我猜应该不会有第三季了 第二季最后一集后面结束都显示【终】了</t>
  </si>
  <si>
    <t>《中二病也要谈恋爱！（中二病でも恋がしたい！）》是一部轻小说改编动漫。它是由日本轻小说家虎虎创作、逢坂望美负责插画的轻小说，动画由公司京都动画制作，于2012年10月3日开始播放。《中二病也要谈恋爱》前两季，可以说已经将大部分的轻小说的内容都包含了进去，剩余的部分可能并不足以动漫化，而且就结果来看，第二季的结尾收官并无突兀之处，合情合理的结束了，并对六花中二病里的期待有了交代，是对家人亲情的渴望及回忆。所以暂时来看并没有会出第三季的消息。</t>
  </si>
  <si>
    <t>苹果手机能换电池吗?</t>
  </si>
  <si>
    <t xml:space="preserve">能换电池~虽然是内置的 但也是有办法的 </t>
  </si>
  <si>
    <t>iPhone手机用户无法自行置换电池 　</t>
  </si>
  <si>
    <t>这是绝对不能换电池的</t>
  </si>
  <si>
    <t>可以换电池</t>
  </si>
  <si>
    <t>当然可以换了，已经换了品胜电池一个多月了，觉得和原装电池无差别。</t>
  </si>
  <si>
    <t>这个不一定的，具体要看手机的型号才能判断</t>
  </si>
  <si>
    <t>可以，苹果手机都是内置电池。</t>
  </si>
  <si>
    <t>看型号</t>
  </si>
  <si>
    <t>可以更换，但是尽量不要自己更换，可以去售后更换电池。</t>
  </si>
  <si>
    <t>神经性皮炎传染么</t>
  </si>
  <si>
    <t>不会传染。神经性皮炎又称慢性苔藓，一般认为是皮质抑制和兴奋功能紊乱所致，情绪局部刺激和辛辣酒类可加重和诱发本病</t>
  </si>
  <si>
    <t>没有传染性，神经性皮炎又名慢性单纯性苔藓，是一种主要以搔痒和苔藓样变为特征的慢性皮肤病，常反复发作。</t>
  </si>
  <si>
    <t>不会传染给别人 会自身传染神经性皮炎是因为体内毒素淤积导致血不养皮或情绪刺激造成的,之所以最终形成痼疾,多由于患者心急求成,盲目用药,最终导致反复发作,.缠绵难愈.</t>
  </si>
  <si>
    <t xml:space="preserve">专家指出，神经性皮炎虽说是慢性疾病的一种，但是不会传染，但是它会自体播散，要是长期不治就会遍布全身。而神经性皮炎多发在患者的颈后部、四肢腰骶部位，一般会成片出现，形状似苔藓，呈淡红色或淡褐色，其主要的症状就是剧烈的瘙痒，尤其是在晚上的时候更加明显。 </t>
  </si>
  <si>
    <t>你好，神经性皮炎是不会传染的。</t>
  </si>
  <si>
    <t>台风眼能进去吗</t>
  </si>
  <si>
    <t>台风眼中心是不可能进去的。</t>
  </si>
  <si>
    <t>钱宝能用信用卡充值吗</t>
  </si>
  <si>
    <t>应该是不可以的，这就属于套现了</t>
  </si>
  <si>
    <t>钱宝属于第三方支付机构，而且钱宝可以套现你不知道吗，所以银行信用卡不喜欢钱包，你信用卡最好不要使用钱宝。</t>
  </si>
  <si>
    <t>招行信用卡不能给第三方支付平台充值。</t>
  </si>
  <si>
    <t>可以的，淘宝商户上有支持信用卡支付的，前提你的信用卡要先开通快捷支付</t>
  </si>
  <si>
    <t>百度外卖没有优惠了吗</t>
  </si>
  <si>
    <t>外卖软件新用户都有优惠</t>
  </si>
  <si>
    <t>每个时间段时期的优惠活动都不一样</t>
  </si>
  <si>
    <t>iphone4s刷8.4卡吗</t>
  </si>
  <si>
    <t>如果你是4S的话，不建议你进行升级，因为新的系统增加了很多新的功能，会加大之前设备运行的负载量而导致支持会有点卡。</t>
  </si>
  <si>
    <t>总体上来说 不会 这又不是安卓系统 IOS的系统优化很好的</t>
  </si>
  <si>
    <t>肯定卡。 这是给6以上的手机设定的。</t>
  </si>
  <si>
    <t>不是很卡， 我朋友都升级到了iOS9.0了</t>
  </si>
  <si>
    <t>iPhone4s属于低配置，建议不要升级，很有可能会出现手机反应慢或卡顿现象。iOS8.4.1比比前几个版本更加耗电，手机发烫现象也比较严重。</t>
  </si>
  <si>
    <t>南昌理工学院好吗</t>
  </si>
  <si>
    <t>民办学校坑死你</t>
  </si>
  <si>
    <t>民办院校。在南昌民办院校里面来说，还不错，学校也大。</t>
  </si>
  <si>
    <t>还可以啊，民办院校都那样</t>
  </si>
  <si>
    <t>口水能止血吗</t>
  </si>
  <si>
    <t>人的唾液中都有一种叫EGF的活细胞(动物的唾液中也有类似EGF的物质)，这种由53个氨基酸组成的多肽类物质具有一定的止血作用，并能加速皮肤和粘膜创伤的愈合、消炎镇痛、防止溃疡的特效。</t>
  </si>
  <si>
    <t xml:space="preserve">因为口水里面有少量消化酶,可以破坏一些蛋白质,从而起到凝血止血的作用 </t>
  </si>
  <si>
    <t>口水含有酶，弱酸性，有消炎沙菌的作用</t>
  </si>
  <si>
    <t>口水可以消毒，止血效果也有的</t>
  </si>
  <si>
    <t>798要门票吗</t>
  </si>
  <si>
    <t>798不要门票，798艺术区位于北京朝阳区酒仙桥街道大山子地区，故又称大山子艺术区（英文简称DAD－Dashanzi Art District），原为原国营798厂等电子工业的老厂区所在地</t>
  </si>
  <si>
    <t>798艺术区是不要门票的，但是里边的部分艺术空间是需要门票的</t>
  </si>
  <si>
    <t>不要，进入整个艺术区是不需要门票的，里面有极个别小画廊或者是展览需要门票，一般也就几块钱。</t>
  </si>
  <si>
    <t>不要门票，这里举办的大部分展览也是免费对外开放的。</t>
  </si>
  <si>
    <t>798艺术区是不要门票的，</t>
  </si>
  <si>
    <t>不要门票，是免费的</t>
  </si>
  <si>
    <t>有的地方需要门票，有的不需要。</t>
  </si>
  <si>
    <t>运动鞋能洗吗</t>
  </si>
  <si>
    <t>当鞋穿脏时，可用清水蘸洗涤剂轻轻刷洗，再用清水冲净，放置通风阴凉出风干，避免阳光直射。</t>
  </si>
  <si>
    <t>可以用水洗的</t>
  </si>
  <si>
    <t>看运动鞋的材质，如果是皮面的，那么就用湿布擦洗，不要用水侵泡。如果是网布的，可以刷洗。</t>
  </si>
  <si>
    <t>可以的，但是不要长时间泡在水中，20分钟就差不多了，时间长了，会造成开胶损坏鞋子。</t>
  </si>
  <si>
    <t>这个不要经常水洗，脏的话用刷子刷一下就行，或者用湿的布擦下就可以！如果水洗的话鞋子很容易脱胶，影响使用寿命</t>
  </si>
  <si>
    <t>摩托车能异地年检吗</t>
  </si>
  <si>
    <t>能的，带齐行驶证，驾驶证，行驶证上车主的户口本就可以</t>
  </si>
  <si>
    <t>应该能吧，汽车都可以的！</t>
  </si>
  <si>
    <t>可以，除了大型载客汽车和校车以外的机动车都可以在异地办理年审。但是需要先到车辆登记地的车管所开具车辆异地年检委托书。</t>
  </si>
  <si>
    <t>不可以。因为摩托车属五小车辆类型之一,只能参加属地管理和年检。</t>
  </si>
  <si>
    <t>异地年审，需要提早一年，在原注册地的交警车管所提出申请，次年才能在异地年审。</t>
  </si>
  <si>
    <t>不能，机动车需要在注册地年审</t>
  </si>
  <si>
    <t>可以，除大型载客汽车，校车以外的机动车都可以在异地办理年检。但是需要先到登记地的车管所开具车辆异地年检委托书。</t>
  </si>
  <si>
    <t>办理车辆年检委托通知书，要带上车主的身份证、行驶证、车辆保险资料、车船税原件复印件、异地年检申请书去注册地车管所办理即可，按照正常程序，车主在原注册车管所办理异地委托车辆年审手续以后，车辆原注册车管所会给申请人开具纸质委托书，并给委托方车管所发网上委托车辆年检通知信息。车主到车管所查询到相关的车辆委托年检信息以后，就可以办理正常的异地车检了。</t>
  </si>
  <si>
    <t>银行考试可以带计算器吗</t>
  </si>
  <si>
    <t>这个是不可以的，只能带必备的考试用具，比如文具，手表等。</t>
  </si>
  <si>
    <t>银行考试可以带计算器的。要求是不能有记忆功能的计算器。如果是机考的话，可以不用带，因为电脑上的考试系统内会带有计算器。</t>
  </si>
  <si>
    <t>银行校园招聘笔试（机考）是不能使用电脑上自带的计算器的。除了不能使用电脑上自带的计算器外，考生也是不允许使用其他的计算功能的设备的。</t>
  </si>
  <si>
    <t>不能，考试界面是全屏的，没法切换使用计算器。</t>
  </si>
  <si>
    <t>部分银行考试是可以带计算器的，但是要求是不能有记忆功能的计算器。如果没有特别通知不能携带计算器进入考场的， 可以带上。一般考试中用到计算器的时候非常少。如果是机考的话，可以不用带，因为电脑上的考试系统内会带有计算器。</t>
  </si>
  <si>
    <t>银行校园招聘中大部分银行笔试都是以机试为主的，也就是电脑答题。一般不允许带计算机等电子设备的，要看笔试通知中的注意事项具体怎么说的。</t>
  </si>
  <si>
    <t>考试不可以带计算器。</t>
  </si>
  <si>
    <t>萧山火车站是杭州南站吗</t>
  </si>
  <si>
    <t>杭州南站就是原来的萧山新火车站，现在停用整修，原来的火车大都停靠修整好的杭州火车东站。</t>
  </si>
  <si>
    <t>杭州南站 是 萧山火车站！！萧山站已于2010年1月1日更名为杭州南站。</t>
  </si>
  <si>
    <t>萧山区离杭州火车南站（南火车站在萧山区）最近，如下图所示：萧山区到杭州火车南站乘车方案如下：公交线路：701路内环 → 726路，全程约5.1公里1、从萧山区政府步行约130米,到达萧山区政府站2、乘坐701路内环,经过6站, 到达萧山中医院站（也可乘坐713路）3、步行约100米,到达萧山中医院站4、乘坐726路,经过3站, 到达杭州火车南站(萧山)站公交线路：300路，全程约5.0公里1、从萧山区步行约810米,到达人民广场(萧山区)站2、乘坐300路,经过4站, 到达站前路公交站3、步行约130米,到达杭州火车南站</t>
  </si>
  <si>
    <t>最近的应该是杭州南站，也就是原来的萧山火车站，不过现在在重建，停用了，剩下的就是杭州站离萧山最近，也就是杭州人说的城站火车站，出来去清泰立交桥下坐300路到原来的萧山火车站那边，现在叫站前路公交站，到杭州火车东站的话也可以，出来去火车东站东广场坐123路也是到萧山站前路公交站，不过123路还路过萧山汽车总站，看你去杭州站方便还是杭州火车东站方便了</t>
  </si>
  <si>
    <t>南站，但现在南站关了，所以城站也就是杭州站是最近</t>
  </si>
  <si>
    <t>车站还在整修，目前没有火车停靠</t>
  </si>
  <si>
    <t>农村户口有退休金吗</t>
  </si>
  <si>
    <t>无论你什么户口性质，只要是参保缴费者，到了法定退休年龄，社保缴费年限也符合社保要求，办理退休手续肯定有退休金，这毫无疑问。</t>
  </si>
  <si>
    <t>早上能吃香蕉吗</t>
  </si>
  <si>
    <t>　早晨可以吃香蕉。</t>
  </si>
  <si>
    <t>香蕉中有较多的镁元素，空腹吃香蕉会使人体中的镁骤然升高而破坏人体血液中的镁钙平衡对心血管产生抑制作用，不利于身体健康</t>
  </si>
  <si>
    <t>可以吃的，空腹吃香蕉没有危害。</t>
  </si>
  <si>
    <t>早晨起来空腹吃香蕉不好</t>
  </si>
  <si>
    <t>不建议吃，应该吃东西后在吃，会的癌症的</t>
  </si>
  <si>
    <t>耳机可以带上飞机吗</t>
  </si>
  <si>
    <t>可以上飞机，戴在脖子上也没问题，只是安检的时候取下来就行了，过了安检之后，登机的时候你爱咋弄咋弄，搞一堆耳放，解码什么的也没人管。</t>
  </si>
  <si>
    <t>可以的，但手机不能开所以不能用。有些飞机上有配备耳机，插入座位上的插孔即可享受音乐。</t>
  </si>
  <si>
    <t>大耳可以带上飞机的。带走锂电池的DAC耳机或者降噪耳机不允许托运，必须随人带上飞机</t>
  </si>
  <si>
    <t>淘宝网一元拍手机是真假</t>
  </si>
  <si>
    <t>当然是真的，商家的促销方式使商家的点击量或者成交率在短时间内猛增的捷径啊</t>
  </si>
  <si>
    <t>现在很多参加1元拍的商家都有自己的人提价，真正的买家根本抢不到，抢到了 也是很贵了，1元捡漏就不用想了</t>
  </si>
  <si>
    <t>基本骗人的，抢不到</t>
  </si>
  <si>
    <t>在职职工16年涨工资吗</t>
  </si>
  <si>
    <t>公务员的话，是会涨的。一般私企员工可能性不大。</t>
  </si>
  <si>
    <t>涨是确实涨了一点，但也有好多企业没涨</t>
  </si>
  <si>
    <t>会涨</t>
  </si>
  <si>
    <t>飞机l是靠窗吗</t>
  </si>
  <si>
    <t>是的，从你的座位图显示的就是，不过直到飞机起飞才能确定的，有时候飞机会临时调整。</t>
  </si>
  <si>
    <t>L为靠窗位置</t>
  </si>
  <si>
    <t>飞机坐位L号是靠窗位置</t>
  </si>
  <si>
    <t>剑网3还有人玩吗</t>
  </si>
  <si>
    <t>记得某818嘛，12w人观看。虽然有不玩剑网三的，但是人还是很多。2016年12月12日，19万人整容90万次。然后双梦，念破的区服，攻防排队很久的，有时候在地图里轻功走都能卡死。证明剑网三还是有很多人的</t>
  </si>
  <si>
    <t>人挺多的，不晚，新区有</t>
  </si>
  <si>
    <t>还在玩的人也还是挺多的，如果您之前有玩过，目前正有老玩家回归领取免费时长的活动，可以看看哈</t>
  </si>
  <si>
    <t>有很多啊，你在人少的服吧？我在人口第一大服双梦，堪称人山人海，有时候进个主城都要排队。</t>
  </si>
  <si>
    <t>电脑cpu主频越高越好吗</t>
  </si>
  <si>
    <t xml:space="preserve">不是的！不是主频越高越好！主频高了弊端也会越多。 </t>
  </si>
  <si>
    <t>如果游戏而论 单个CPU核心的主频越高越好，但是超过4G有电子迁移现象损害CPU的，温度过热也有电子迁移现象，如果办公作图搞设计，I7的CPU频率没有Q9系列高，但是架构等原因I7性能比Q9系列高很多的</t>
  </si>
  <si>
    <t>cpu这东西并是看主频越高就越好的，cpu要看它的具体制作工艺的，一般简单的可以以这是几代的cpu来判断相对同品牌同类中的性能，而笔记本的性能好与否更不能单看cpu来体现，笔记本的集成程度更高，各个硬件之间的平衡和整个笔记本的架构以及设计上的散热布局都很重要，单一的硬件提升是无法提升笔记本的整体性能的，</t>
  </si>
  <si>
    <t xml:space="preserve">CPU要看外频 倍频 </t>
  </si>
  <si>
    <t>不能光考虑主频，核心的构架，二级缓存容量，前端总线的带宽都是考虑的因素。构架是第一重要的。</t>
  </si>
  <si>
    <t>实际上不是，CPU的指令集越来越来，你拿三年前的高频CPU和现在的低频CPU相比，不见得低频的就不如高频的，简单点说，买新不买旧，一分价钱一分货。</t>
  </si>
  <si>
    <t>网速慢和电脑有关吗</t>
  </si>
  <si>
    <t>当然有关的</t>
  </si>
  <si>
    <t>电脑网速，与电脑的配置，网线的质量，网络环境都有关系。</t>
  </si>
  <si>
    <t>网速的快慢和电脑的配置没有多大关系。</t>
  </si>
  <si>
    <t>有很大的关系。</t>
  </si>
  <si>
    <t>有些时候网速慢和电脑系统的卡顿有一定关系，但是影响网速的因素有很多：1、网卡驱动安装错误，电脑可以上网却达不到应有的速度，解决方法，重新安装正确的网卡驱动。2、电脑硬件配置过低，例如CPU性能差，内存太小等也会影响上网速度。更换高性能的配件可以改善此问题。3、软件问题引起的网速过慢，IE浏览器上网速度往往远低于第三方浏览器，建议下载火狐，360极速浏览器等解决此问题。4、网速慢最主要的原因是宽带的带宽不足，更换更高带宽的宽带网能解决此问题。</t>
  </si>
  <si>
    <t>胡萝卜菠菜能一起吃吗</t>
  </si>
  <si>
    <t>胡萝卜与菠菜可以一起吃的</t>
  </si>
  <si>
    <t>可以，营养学上两种无冲突</t>
  </si>
  <si>
    <t>菠菜不能和豆腐、猪肝、钙片一起吃；胡萝卜不能和白萝卜、酒类、富含维生素C的蔬菜一起吃。</t>
  </si>
  <si>
    <t>菠菜、胡萝卜、鸡蛋不相克，可以一起炒菜吃。</t>
  </si>
  <si>
    <t>菠菜,胡萝卜可以一起吃。</t>
  </si>
  <si>
    <t>孕妇能吃河豚鱼吗</t>
  </si>
  <si>
    <t>如果能够确保河豚的毒素已经彻底清理干净，并且也正确的方式食用，那么孕妇是可以适量吃河豚鱼的。</t>
  </si>
  <si>
    <t>孕妇不能吃河豚。 孕妇不能吃河豚的原因:河豚是一种味道鲜美但含有剧毒的鱼类,河豚肉具有消肿、降血压、去胃疾、恢复体力</t>
  </si>
  <si>
    <t>孕妇最好不吃河豚。 因为河豚鱼体内血液内脏都有致命的神经毒，一旦不慎吃进这些神经毒很快会使人神经麻痹，更会危及宫内胎儿。所以，从安全考虑，孕妇不要吃河豚。</t>
  </si>
  <si>
    <t>尽量不要吃，不过吃了也别担心，因为河豚的做法要求比较严格</t>
  </si>
  <si>
    <t>适当食用河豚鱼肉一般没有毒素，不会影响胎儿。建议怀孕期间要注意营养的均衡，多吃蔬菜水果，并且要保证充足的蛋白质等营养的摄入，可适当补充一些维生素和矿物质等，有益于胎儿和母体健康。还有一点就是要注意孕期保健，多休息，适当活动。并定期到正规医院进行产检等。希望我的回答对你有所帮助。</t>
  </si>
  <si>
    <t>水仙花可以种在土里吗</t>
  </si>
  <si>
    <t>完全可以的</t>
  </si>
  <si>
    <t>水仙花可以种在土里</t>
  </si>
  <si>
    <t>水仙花能土栽，自然生长的水仙就是在土里的，在土里才容易长大。</t>
  </si>
  <si>
    <t>成都欢乐谷周末人多吗</t>
  </si>
  <si>
    <t>我上周去了，是清明节的时候，那人多的，真是人山人海啊</t>
  </si>
  <si>
    <t>不要在节日来人太多</t>
  </si>
  <si>
    <t>人山人海，旌旗招展</t>
  </si>
  <si>
    <t>暑假嘛，当然</t>
  </si>
  <si>
    <t>你是要最近去吗？最近一段时间直到过年人都不是很多，相比夏天要少很多！周一到周五每天有三五千人，周六有一万多人，周日五六千人！ 不是参考，很专业的回答！排队是必须的，但现在不会很恼火相比以前！＃＃这样给你说嘛 只要不下雨 排队排1个多小时 耍就耍几十秒 你觉得人多不＃＃除了下雨热门游戏基本都是排长龙，买门票很快，排个过山车可能要1小时，如何能让门票价值最大化，首选就是避开周末，如果是周末就一大早去吧，先玩人少的或自己想玩的</t>
  </si>
  <si>
    <t>周一肯定人会少很多，各项游乐设施基本不排队</t>
  </si>
  <si>
    <t>女生健身会长肌肉吗</t>
  </si>
  <si>
    <t>女生的肌肉 不是那么容易练　　其实，“女汉子”并非普通健身即可达成。林鸿严介绍，成年女性全身肌肉的重量不超过体重的35%，而成年男性全身肌肉重量却可达到体重的40%~45%。相反，女性的皮下脂肪含量比男性高，约占总体重的28%，男性脂肪只占体重的19%。这些数字都告诉你，女性无论是身体脂肪，还是皮下脂肪，天生都会比男性多。　　除此之外，女性体内的生长激素是雌性激素，有利于脂肪的合成，肌肉合成能力比较差；而有利于肌肉的合成和生长的雄性激素，男性体内比女性多20倍，男女有别，女性做无氧锻炼一般都不会趋向男性化。</t>
  </si>
  <si>
    <t>游泳不会长肌肉，瑜珈也不会</t>
  </si>
  <si>
    <t>首先，你要明白一点：想要长肌肉可没有那么简单，必须要具备一定的条件才行。比如下面这三个比较重要的条件：1. 必须要有大重量的不断刺激。因为大重量的不断刺激会让肌肉纤维出现撕裂，通过重新修复，使肌纤维的数量和厚度得到增加。换句话说就是，由于大重量的不断刺激，身体就需要去适应这种情况，而这就会让自己的肌肉变得更强壮。2. 必须要求身体摄入足够多的蛋白质。因为肌肉纤维的合成需要足够的营养，而其中蛋白质是最主要的，如果蛋白质不充足，那么肌肉依然是得不到增长的，原因很简单：缺少养料。3. 必须要有足够量的雄性激素。因为雄性激素有助于促进肌肉生长，缺少雄性激素就会很难长肌肉，所以女性同胞不用很担心。</t>
  </si>
  <si>
    <t>如果说男生通过健身肌肉生长就算比较难的了，那么女生通过健身长肌肉可以说是难上加难，女生体内的睾酮含量是男性的十分之一，也就是说，如果女性能锻炼出像男性一样令人羡慕的肌肉，那么女性将要付诸十倍的努力，但往往很难有女性能做到那样，这点耗不夸张</t>
  </si>
  <si>
    <t xml:space="preserve">当然会啊，只要是个人都会练出肌肉的，不过就是练出的大小不同而已 </t>
  </si>
  <si>
    <t>不会，最近看了一款APP,跟着这个练习感觉挺好的。叫好动健身</t>
  </si>
  <si>
    <t>女生运动量不大是不会长出特别有棱角的肌肉。女生的身体构造和男生的不一样，女生肌肉增长一般是男生的五分之一。所以一般来说有点肌肉是对身体有好处的，但不要剧烈运动是不会长出棱角很明显的肌肉线条的，比如说快走、慢跑这类的运动技能有效的锻炼身体，又不会增长肌肉。</t>
  </si>
  <si>
    <t>有人借钱不还我可以转让债权通过他人来追债吗</t>
  </si>
  <si>
    <t>债权人可以转让自己的债权给追账公司，需要通知债务人发生法律效力后。</t>
  </si>
  <si>
    <t>根据我国目前法律的规定，债权的转让仅存在于合同当中，即合同权利的让与，指合同一方将合同的权利全部或部分地转让给合同以外的第三人。其性质上仍然是一种合同，具有合同成立及生效的构成要件，即要求转让方和受让方均具有完全民事行为能力，双方债权转让的意思表示起初不具有欺诈、胁迫、乘人之危及损害国家、集体、他人的合法利益，亦不可以合法形式掩盖不法的目的</t>
  </si>
  <si>
    <t>天天富翁有挂吗</t>
  </si>
  <si>
    <t>现在天天富翁的辅助几乎全被封了，如果强开会封号。</t>
  </si>
  <si>
    <t>没有外挂的</t>
  </si>
  <si>
    <t>现在有了这种外挂了</t>
  </si>
  <si>
    <t>虫草抗癌吗</t>
  </si>
  <si>
    <t>冬虫夏草提取物在体外具有明确的抑制、杀伤肿瘤细胞的作用。</t>
  </si>
  <si>
    <t>因为还没有研究证明它可以医治癌症，所以，不应盲目用冬虫夏草防癌。</t>
  </si>
  <si>
    <t>抗癌没有。只是提高免疫间接作用。</t>
  </si>
  <si>
    <t>冬虫夏草主要滋补身体，身体恢复，免疫能力增强，有一定的协助治疗癌症的作用。</t>
  </si>
  <si>
    <t>霍金有性功能吗</t>
  </si>
  <si>
    <t>霍金患有严重的肌萎缩性脊髓侧索硬化症，行动困难，长年坐在轮椅上，但他的神经系统以及大脑各器官的功能和性器官都没有问题，所以理论上他是有正常男人的性能力的。</t>
  </si>
  <si>
    <t>肌肉萎缩不是瞬间 是渐进式的，孩子是在他完全瘫痪之前生的</t>
  </si>
  <si>
    <t>ae难不难</t>
  </si>
  <si>
    <t>学习AE，我只能说：说难不难，说不难还真难，看个人悟性</t>
  </si>
  <si>
    <t>学AE的话要先懂得动画原理、要懂些美术基础和色彩理论知识做视频的话最好有点音乐感，画面表现手法要学，光是基础特效都有一打堆 学了学不完，粒子系统千变万化，一开始学的话应该不会觉得很吃力 到后来涉及的东西多了自然觉得难，看你能不能坚持下去了 什么软件都是一样 ，软件是死的 创意想法最重要。</t>
  </si>
  <si>
    <t xml:space="preserve"> 你英语好的话很简单，入门会稍难些，越来越简单，学AE等于学插件。AE对于小型的特效来说非常方便，简单，所以中小型特效用的较多，真正的影视特效可没听过用AE的。刚开始学AE的时候感觉会难些，主要是因为全英文，看不懂，慢慢就好了，同时提高英语水平。它可比三维软件简单多了。LZ不要想它难不难，学一学就简单了。</t>
  </si>
  <si>
    <t>零基础也可以自学。</t>
  </si>
  <si>
    <t>AE不是难学会</t>
  </si>
  <si>
    <t xml:space="preserve">AE不简单，在同类软件里面算是难的了 </t>
  </si>
  <si>
    <t>iphone5s未激活的有翻新机吗</t>
  </si>
  <si>
    <t>翻新机本来就是未“激活”的状态，因为翻新机销售之前都是进行“设备重置”或“刷机”来达到未激活，所以买家购买到手必须要进行“激活”，翻新机一旦激活就会原形毕露。</t>
  </si>
  <si>
    <t>你还是需要查一下5s什么时候激活的，看一下是不是时间正确，有些人如果做得好，直接恢复激活界面也是有可能的，不得不防。</t>
  </si>
  <si>
    <t>企业法人必须是股东吗</t>
  </si>
  <si>
    <t>没有强制性要求</t>
  </si>
  <si>
    <t>不用必须是股东</t>
  </si>
  <si>
    <t>简单说，法人是企业的负责人。股东只是公司的资金投入者。在一般的公司管理中，法人享有经营管理的权力，而股东只是投资者，不能对公司业务进行经营和管理。在跟其他公司签合同时，只有企业法人签字才有效。股东不具备经营权。如果将来企业出现问题，要是倒闭的话，企业的财产将有股东投资入股的份额进行分配。这时，法人只是经营者，不能对企业财产进行分配。</t>
  </si>
  <si>
    <t>法人是一个单位，它根本不具备象你我一样的生命，它的生命是从注册成立到注销。签合同是公司与公司签订，但签字的人是双方的法定代表人或者是法定代表人授权委托的自然人。法人代表不一定是股东。</t>
  </si>
  <si>
    <t>不一定是股东</t>
  </si>
  <si>
    <t>董事长和执行董事是由股东选举产生的，身份应该是股东；而经理是由股东聘请的，所以不必然是股东，可以不是股东。所以，法定代表人在法律上讲可以不是股东</t>
  </si>
  <si>
    <t>当然不一定，股东是公司的所有者，享有重大决策、剩余索取、经营参与的权利；法人代表是公司经营机构的受托代表人（CIO）。股东依照章程参与公司经营，法人代表依照股东决议主持公司经营。股东可以出任法人代表，但是法人代表不一定是股东。</t>
  </si>
  <si>
    <t>法律依据：《中华人民共和国公司法》第十三条　公司法定代表人依照公司章程的规定，由董事长、执行董事或者经理担任，并依法登记。公司法定代表人变更，应当办理变更登记。</t>
  </si>
  <si>
    <t>荒岛余生 好看吗</t>
  </si>
  <si>
    <t>艾希很垃圾吗</t>
  </si>
  <si>
    <t>埃希不垃圾。埃希作为ADC之一，首先要了解她的定位。她是个后期物理carry，所以前期的战斗力很弱，需要好的装备支持。主要的ADC包括EZ VN 大嘴 男枪 女警等，平砍输出伤害都是超越埃希的，埃希的优势在于团队的减速，强大的放风筝能力，以及大招在团站中优秀的先手能力。所以没有坑的英雄，只有坑的玩家。</t>
  </si>
  <si>
    <t>怎么可能，艾希是高手向英雄，虽然只有两个技能是伤害输出，但一个强减速技能，一个强侦查技能还带加钱。先手全图强控大，散射箭减速都不错的。开打第一箭必暴击用好了霸气。只是相对主流ADC来比稍显弱势，但绝不垃圾。</t>
  </si>
  <si>
    <t>当然不是!!想当初中国队就因为艾希的一只大箭最后翻盘赢了.英雄好坏是看使用的人的.所以没有最垃圾的英雄.只有不够完善的英雄.但可以靠个人技术弥补</t>
  </si>
  <si>
    <t>我能说艾希是个很强的英雄么，</t>
  </si>
  <si>
    <t>仰卧起坐俯卧撑能减肥吗</t>
  </si>
  <si>
    <t>看你是要达到什么目的，如果要塑型，那么可以做仰卧起坐。做俯卧撑没好大用，但是你可以做俯卧撑的姿势保持。但不是手掌触地。你改为手肘。然后坚持到你不能坚持为止，重复反复做。可以塑型塑身，如果你是很胖，脂肪多，建议你做有氧运动，比如慢跑。游泳。跳减肥操，等等，等体重和体脂率下去了，你在做仰卧起坐或者腹部撕裂。效果不错，</t>
  </si>
  <si>
    <t>可以减，但是效果不是特别的明显</t>
  </si>
  <si>
    <t>可以的，当然，仰卧起坐和俯卧撑做法是有讲究的</t>
  </si>
  <si>
    <t>在身体可以承受的前提下做适当的俯卧撑和仰卧起坐是可以起到锻炼身体的作用，长期坚持可以提高免疫力，最关键的是长期坚持，不能只是三天打鱼两天晒网，运动的时间和量应该循序渐进，逐渐的增加，避免由于过度运动造成的不适情况，让身体保持平衡健康的状态</t>
  </si>
  <si>
    <t>可以塑身，短期可以减肥，但是不能一直坚持的话会反弹</t>
  </si>
  <si>
    <t>ps2能玩ps1游戏吗</t>
  </si>
  <si>
    <t>PS2全机型都可以玩PS1游戏</t>
  </si>
  <si>
    <t>是的，但不是所有的游戏都能玩。</t>
  </si>
  <si>
    <t>肯定啊，一般游戏机都是向下兼容的。</t>
  </si>
  <si>
    <t>可以，ps2能玩ps1游戏，只是要正版光盘。</t>
  </si>
  <si>
    <t>软破的肯定能玩，硬破的不能直接玩</t>
  </si>
  <si>
    <t>研究生复试难吗</t>
  </si>
  <si>
    <t>要保过复试关，选择学校很重要，如果你只是想过复试关的话，那么就根据自己的分数，选择分数线低一点的地区，譬如二类地区或三类地区的院校，如果你的分数高出一类地区的分数线很多的话，还可以选择一类地区里比较偏僻的学校，总之，复试之前，跟你要报考的院校取得联系很重要，听听他们对你的建议，让你自己心里有底，是报他这里还是不报的。一般情况下复试的淘汰率只有十分之一左右，录取率还是很高的。祝你成功！＃＃出身也很重要的，复试主要是看报考学校的生源情况和你的毕业院校，给分很随意的。简而言之就是老师的态度，，他感觉想要你，你就是初试成绩不靠前他也能复试给的高高的，让你综合成绩提高上去。这个最好说出你的毕业院校，报考院校，所属专业等比较好分析。</t>
  </si>
  <si>
    <t>考的是本校，多看下最近几年的复试内容，向你所报专业导师请教下，最好带点东西到他家联络下“师生感情”，呵呵。如果是外校，那就的认真对待了，要把这个学校最近几年的复试题看懂看透。</t>
  </si>
  <si>
    <t>考研复试通常会有笔试和面试，笔试一般考相关的专业知识，面试则是老板看你精神面貌，想法，知识储备等方面的机会。难不难这东西反正去同一个地方的人考的都一样，你知识储备多就容易反之就难呗</t>
  </si>
  <si>
    <t>复试不难</t>
  </si>
  <si>
    <t>考研复试不难，要打消这个顾虑。</t>
  </si>
  <si>
    <t>笔试时针对所有进入复试的考生准备的，只不过对于不同学历的考生试卷不一样，专科加试两门是为了保证专科生在两年期间没有放下专业课，各个学校的规定不一样。</t>
  </si>
  <si>
    <t>看学校来，看专业来的。</t>
  </si>
  <si>
    <t>每个学校的要求是不一样的，笔试一定是闭卷，有监考，所以必须要提前准备。而且复试的成绩还是很重要的，最好把学校要求复习的书目看一下，特别是每个章节后面，要是有问题，一定要记得背哦，出题的重点！ 要是你一点不准备，恐怕是不行的。</t>
  </si>
  <si>
    <t>日产三个月必须保养吗</t>
  </si>
  <si>
    <t>保内必须按保养手册规定保养，否则就算脱保，三个月应该是首保的 4s推荐的保养项目可以不做。</t>
  </si>
  <si>
    <t>当然不对这得看公里数,一般五千公里裸保一次,三万有次小保,六万有次大保,</t>
  </si>
  <si>
    <t>不是的。正常保养是五千公里或者半年一次</t>
  </si>
  <si>
    <t>泰国的护肤品好吗</t>
  </si>
  <si>
    <t>泰国的护肤品很多还是非常好的</t>
  </si>
  <si>
    <t>各有各的好吧，当然有好的，像泰国的牛乳洁面乳就不错，村安 一些网站应该有卖。</t>
  </si>
  <si>
    <t>k580晚点吗</t>
  </si>
  <si>
    <t>造成晚点的主要原因多种多样，主要有三个方面：一是这段时间旅客相对集中，客流密集、旅客进站上车难度加大，所以这样有可能导致旅客列车发车的延误；二是现在大量地开行临客，铁路运输能力处在超饱和的状态，列车运行调整难度显然也加大；第三个，就是在春运期间气候正处于天寒地冻的时候，天气复杂多变对于列车的运行秩序也会造成一定的影响，导致旅客列车晚点。有些车经常晚点，但是不一定每次晚点，有些车很少晚点，但是一样会晚点。</t>
  </si>
  <si>
    <t>腾讯自选股有电脑版吗</t>
  </si>
  <si>
    <t>有的，你百度一下：腾讯自选股电脑版 (腾讯炒股软件) v2.5.1 免费版</t>
  </si>
  <si>
    <t>巨蟹座厉害吗</t>
  </si>
  <si>
    <t>善良是挺善良 能感受他人的感受 还不错 只是脾气来了很狂</t>
  </si>
  <si>
    <t>双腿夹纸能瘦腿吗</t>
  </si>
  <si>
    <t>可以瘦腿。坐在椅上，挺背收腹，不靠椅面。</t>
  </si>
  <si>
    <t>能，但是只能瘦腿，要想减肥必须积极运动加上合理膳食。</t>
  </si>
  <si>
    <t>给你介绍下8个瘦腿的小方法　　洗澡时用热水和冷水按摩　　每次沐浴的同时一定要是站着洗，这样还可帮助你消耗更多的热量。用热水冲洗两分钟，用手按摩大腿部；然后换冷水冲洗两分钟，再用手帮大腿按摩。这样反复几次，可以很好地促进大腿的血液循环，帮助燃烧大腿上面多余的脂肪，从而达到减肥瘦腿的目的。　　做高抬腿运动　　清晨起床后，我们可以在客厅或房间做五组高抬腿运动，每组一分钟，每做完一组可以休息一会。高抬腿是一种很好的瘦大腿运动，它很好地运动到大腿上的肌肉，促进腿部脂肪的燃烧。　　练瑜伽　　瑜伽动作需要长时间练习才能看到效果，因此瑜伽除了能够消除身体的脂肪外，还能通过拉伸的动作塑造修长的线条和完美的体态。单腿站立延长扩展式最适合用来瘦腿。它不但对腿部有拉伸的作用还能增强腿部的力量，还能锻炼身体的平衡感。　　自行车姿势　　晚上睡觉前，躺在床上，抬起双脚，做蹬自行车的姿势，每天做200到300下。做完后再练习剪刀腿。将双腿分开大约80度，然后合上，再分开。一共分开80下。蹬自行车动作对于瘦大腿前侧的赘肉很有效，剪刀腿可以瘦大腿内侧赘肉。　　跳绳　　有研究表明，不间断地跳绳10分钟相当于慢跑30分钟。同时跳绳对心肺系统都有一定的锻炼作用。跳绳是一种低成本，高耗能的运动。但是刚开始练习跳绳时可以中途休息一会，但是休息的时间不能太长，否则会影响锻炼效果。长时间坚持锻炼，双腿会变得紧致哦。　　下蹲　　下蹲对于瘦腿也有不错的效果，下蹲可以重点瘦腿部的外侧和内侧肌肉，对于梨形身材的MM更加需要多练习下蹲。练习下蹲时还可以看看电视或者看看书转移自己的注意力，这样不但让练习更加轻松，也能充分节约时间。下蹲要坚持练习20到30分钟，这样才见效。下蹲对膝盖关节有比较高的要求，有关节损伤的MM要慎重练习。　　干洗腿　　用两只手抱着一侧大腿，然后在用力从大腿根部逐渐向下按摩，直到按摩到脚腕部，然后再从下往上按摩，按照原路返回，这样来回按摩十几遍，每次的时间持续上二十分钟左右就好，这样不仅能达到瘦腿的效果好能预防下肢静脉曲张、水肿、肌肉萎缩。　　揉腿肚　　首先将两只腿平放在床上，然后把腿肚放在两手掌之间夹住，螺旋揉动，每侧大约揉动二十五次左右，然后一共做上这样的五个二十五次左右的时间。这样可以促进下肢肌肉中血液的回流，增强腿部肌肉力量。</t>
  </si>
  <si>
    <t>不会，这根本就不可能，如果这样就能瘦腿，那么为什么现在还有那么多胖的？</t>
  </si>
  <si>
    <t>这个是可以的。这么说吧，能让腿部肌肉紧绷的动作都有瘦腿效果的。不过要想系统的、搞笑的打造美腿线条，单一个动作肯定是捉襟见肘的。</t>
  </si>
  <si>
    <t>不能瘦</t>
  </si>
  <si>
    <t>51交友中心是真的吗</t>
  </si>
  <si>
    <t>51交友中心为国内大型情感类交友网站,主要为VIP会员服务,普通会员只有少量权限. 会员注册都要先经过手机验证确保真实性。</t>
  </si>
  <si>
    <t>大部分都是真的</t>
  </si>
  <si>
    <t>有真有假，想真则真，想假则假，真真假假，在于判断</t>
  </si>
  <si>
    <t>蛮好的，有验证会员的，那些都是真的。</t>
  </si>
  <si>
    <t>靠谱，是正规企业，比那些表面上看起来花花绿绿的网站靠谱多了</t>
  </si>
  <si>
    <t>假的，不要信</t>
  </si>
  <si>
    <t>滴滴豪华专车单子多吗</t>
  </si>
  <si>
    <t>豪华单很少，价格太贵</t>
  </si>
  <si>
    <t>豪华车单子不多。</t>
  </si>
  <si>
    <t>关存山是真的吗</t>
  </si>
  <si>
    <t>有 我们当地名气比较大</t>
  </si>
  <si>
    <t>应该是骗子，网上资料人为编造痕迹明显。</t>
  </si>
  <si>
    <t>龙牛相配吗</t>
  </si>
  <si>
    <t>相配的。</t>
  </si>
  <si>
    <t>看感情。</t>
  </si>
  <si>
    <t>龙之战这部电影垃圾吗</t>
  </si>
  <si>
    <t>剧情很菜，很多地方有模仿中国东西的痕迹！就是一个爆花电影！</t>
  </si>
  <si>
    <t>特效还不错，场面挺火爆的，个人觉得好看</t>
  </si>
  <si>
    <t>word有朗读功能吗</t>
  </si>
  <si>
    <t>打开审阅，即可看到朗读的功能键。选定指定文本，点击朗读，即听到针对相应文本的朗读。</t>
  </si>
  <si>
    <t>方法为：打开“控制面板”，双击“添加或删除程序”图标，选择“Microsoft Office Professional Edition 2003”，单击“更改”按钮，弹出“安装Office 2003”对话框，选择“添加或删除功能”选项，单击“下一步”按钮，然后选中“选择应用程序的高级自定义”选项，单击“下一步”按钮，展开“Off ice 共享功能→中文可选用户输入方法”列表，将“语音输入”设置成“从本机上运行”，将Offic e2003 安装光盘放入光驱，最后点击“开始更新”按钮完成“语音输入”的安装。</t>
  </si>
  <si>
    <t>Word里的文字的语音朗读：　　1、打开Word2003单击“工具---自定义”，在打开的“自定义”对话框中，单击“工具”，之后在“命令”窗格中向下拖动滚动条，找到“语音”之后按下鼠标作践不放，拖到工具栏上后松开，使之成为工具栏上的一个工具按钮。关闭“自定义”对话框。　　2、单击工具栏上的“语音”按钮，即会打开一个“欢迎使用Office语音识别”的对话框，单击“下一步”，并按屏幕上的提示完成麦克风配置。（如果你的Office2003还没有安装语音识别功能，此时会弹出一个对话框，要求安装此项功能。你只是需要将Office2003安装光盘放入光驱，然后点击“是”就可以了。然后再“麦克风向导”中单击“完成”）　　至此麦克风的配置已经完成。接下来你会听到有关语音功能的介绍和一些功能演示。　　3、 单击语言栏右下角的“选项”按钮，在单处的快捷菜单中悬着“朗读文本”。之后就会在语言栏上出现一个“朗读文本”的工具按钮。当我们打开一片Word文档后选中需要朗读的部分就可以听见一个标准的男中音用普通话朗读文本，再次单击即可停止。</t>
  </si>
  <si>
    <t>檀香流产</t>
  </si>
  <si>
    <t>檀香不会的</t>
  </si>
  <si>
    <t>好像不太好，很香的东西都不太好</t>
  </si>
  <si>
    <t>不会的，</t>
  </si>
  <si>
    <t>三国时期有马镫吗</t>
  </si>
  <si>
    <t>在三国时期已经出现了马镫。</t>
  </si>
  <si>
    <t>没有，因此青龙偃月刀和丈八蛇矛那样的武器在马上是不能用的。</t>
  </si>
  <si>
    <t>目前考古来说最早是出现在西汉时期，所以三国时期肯定是有的。</t>
  </si>
  <si>
    <t>从考古发掘来看，三国前没有马镫的证据。</t>
  </si>
  <si>
    <t>三国时期还未出现马镫.</t>
  </si>
  <si>
    <t>有。根据目前的考古发现，中国最迟在西汉时期就出现了马镫</t>
  </si>
  <si>
    <t>皇家狗粮好吗</t>
  </si>
  <si>
    <t>麦顿狗粮是天然的配方的，营养更加的均衡些，我家的狗狗吃的就是麦顿建议给狗狗试试吧。</t>
  </si>
  <si>
    <t>喂了三年还不错，皇家狗粮种类还真多</t>
  </si>
  <si>
    <t>要我选择的话会选择皇家狗粮，我家主子别的不喜欢吃，就钟爱皇家狗粮没办法，而且我发现狗狗现在又长身体了，而皇家狗粮营养丰富，觉得我家主子适合喂皇家的。</t>
  </si>
  <si>
    <t>携程可以买学生票吗</t>
  </si>
  <si>
    <t>可以买，在携程官网，火车票查询那点学生票查询，出来结果那个后面跟着抢那个小字，点进去填信息就好了。</t>
  </si>
  <si>
    <t>可以的，线上都可以卖的。</t>
  </si>
  <si>
    <t>不行，只能在12306官网或者火车站售票窗口购买。</t>
  </si>
  <si>
    <t>携程旅行客户端及携程青春版客户端均可购买学生票</t>
  </si>
  <si>
    <t>买学生票要看是先前有没有注册过学生票的账户，身份证有没有绑定过学生票的，要是有直接用身份证号就可以买学生票，要是没有的话，要先绑定才能购买。</t>
  </si>
  <si>
    <t>肠炎需要做手术吗</t>
  </si>
  <si>
    <t>不是特别严重联系不要手术</t>
  </si>
  <si>
    <t>李泰坤结婚了吗</t>
  </si>
  <si>
    <t>女友是模特吴胜贤，老说明年结婚，但还没</t>
  </si>
  <si>
    <t>李泰坤美没有结婚。</t>
  </si>
  <si>
    <t>没有吧，综艺嘛。都是这个样子的。</t>
  </si>
  <si>
    <t>1岁宝宝能吃板栗吗</t>
  </si>
  <si>
    <t>可以，家长看着点，弄碎了。</t>
  </si>
  <si>
    <t>一岁宝宝不可以吃板栗的，原因如下：由于宝宝肠胃发育不全，而板栗又含有丰富的纤维素，宝宝吃板栗后，容易引起饱腹感，这样容易造成宝宝消化不良和肠胃阻滞。另外宝宝的咽喉发育未全，板栗的体积相对于宝宝的咽喉来说比较大，如果直接给宝宝吃板栗，极容易呛到宝宝的喉咙，呛到宝宝的支气管。</t>
  </si>
  <si>
    <t>不能，对他身体不好，他的消化器官发育还不成熟</t>
  </si>
  <si>
    <t>小吃点，不要给那么多他吃，难消化。</t>
  </si>
  <si>
    <t>可以吃的。 建议最好不要吃,因为宝宝在一岁的时候是可以咀嚼,但不能咀嚼太硬的食物,对牙齿发育很不好的呢,也不是很好消化的呢。</t>
  </si>
  <si>
    <t>建议最好不要吃，因为宝宝在一岁的时候是可以咀嚼，但不能咀嚼太硬的食物，对牙齿发育很不好的呢，也不是很好消化的呢。</t>
  </si>
  <si>
    <t>上海医保卡需要激活吗</t>
  </si>
  <si>
    <t>肯定需要激活</t>
  </si>
  <si>
    <t>芦荟胶可以用在头发上吗</t>
  </si>
  <si>
    <t>洗发以后，不滴水的时候抹在发梢</t>
  </si>
  <si>
    <t>头发半干涂抹于发梢，能防止发梢干枯、毛糙</t>
  </si>
  <si>
    <t>严格来说，芦荟胶属于睡眠面膜，我自己认为不适合抹头发</t>
  </si>
  <si>
    <t>洗完头发擦半干，直接涂抹头发上</t>
  </si>
  <si>
    <t>洗完头发 快干的时候涂上</t>
  </si>
  <si>
    <t>泰国华欣好玩吗</t>
  </si>
  <si>
    <t>华欣实在不值得来，不好玩，物价好贵，不建议来玩儿！</t>
  </si>
  <si>
    <t>比清迈更小清新的地方，而且游客也更少，很漂亮的。</t>
  </si>
  <si>
    <t>qq讨论组有时间限制吗</t>
  </si>
  <si>
    <t>半年内（6个月）一直没有成员发言，讨论组即会过期，如果在此期间有成员发言，系统会重新开始计算。 讨论组过期，本地聊天记录会永久保留到用户的电脑上。</t>
  </si>
  <si>
    <t>应该是没有的呀！它和QQ上网是一样的才对呀</t>
  </si>
  <si>
    <t>我也不知具体是多长时间，大概范围是一周或几周。我原来建了个讨论组，过些天看还在，以为能够永久有效呢。没想到今天一找没了，郁闷。</t>
  </si>
  <si>
    <t>能保持一周有一个人发言一次的话，就能存在；从最后一句聊天内容的时间算起，一周内没有任何人发言，将自动解散。</t>
  </si>
  <si>
    <t>群的话 讨论的的人数是群里的所有人 组的话 是随意发起的临时讨论群讨论组的存在时间好象跟你地方有关，你换个电脑上好象就没了......而且在同一台电脑上的过几天也会自动取消</t>
  </si>
  <si>
    <t>讨论组是可以添加自己的在线好友语音或打字聊天，但并不保存这个组的存在。而群则一直会在QQ里保存。</t>
  </si>
  <si>
    <t>讨论组可以一直存在 但是人数没群多</t>
  </si>
  <si>
    <t>柱儿是赢政吗</t>
  </si>
  <si>
    <t>不是，叫嬴柱，是秦孝文王，是秦始皇的祖父</t>
  </si>
  <si>
    <t>赢柱，也叫安国君，秦孝文王，是秦始皇的爷爷</t>
  </si>
  <si>
    <t>妈富隆可以治痘痘吗</t>
  </si>
  <si>
    <t>妈富隆主要是避孕的作用,对治痘没有明显的效果。</t>
  </si>
  <si>
    <t>长期避孕药，兼顾治痘</t>
  </si>
  <si>
    <t>妈富隆主要是避孕的作用,对治痘没有明显的效果.</t>
  </si>
  <si>
    <t>发烧减肥吗</t>
  </si>
  <si>
    <t>当时可以减,康复后能吃后还要反弹回来的.不可取。</t>
  </si>
  <si>
    <t>感冒发烧与减肥无关，所以不能减肥</t>
  </si>
  <si>
    <t>发烧不能减肥，但是有可能会影响食欲，导致进食减少。</t>
  </si>
  <si>
    <t>玫瑰痤疮脱皮吗</t>
  </si>
  <si>
    <t>痤疮的一个病理学变化特点就是皮肤角质化，导致脱皮</t>
  </si>
  <si>
    <t>可以，痤疮最好的方法是选择激光去除</t>
  </si>
  <si>
    <t>exo在韩国红吗</t>
  </si>
  <si>
    <t>当然了，韩国舞台下全是尖叫声</t>
  </si>
  <si>
    <t>那是必须的</t>
  </si>
  <si>
    <t>是的,绝对最火</t>
  </si>
  <si>
    <t>纹身贴对皮肤有害吗</t>
  </si>
  <si>
    <t>有害</t>
  </si>
  <si>
    <t>身贴对身体或皮肤无害。</t>
  </si>
  <si>
    <t>有害。首先，人体彩绘的颜料成分十分复杂，因而人的皮肤对其并不具有亲和性，且皮肤对色素染料的接触刺激还会衍生出一种毒性和免疫过敏反应，即过敏性接触性皮肤炎。在纹身彩贴的颜料中用得最多的是红色染料，其中含有朱砂即汞，而黄色染料中多含镉，黑色染料多含碳或氧化铁等，这些物质均能使皮肤产生过敏反应而出现红肿瘙痒的现象。不过，过敏反应决定于人的体质，有的人贴了纹身彩贴安然无恙，有的人却会因皮肤较易过敏而产生皮肤炎。</t>
  </si>
  <si>
    <t>不能说没有，只能说伤害不是很大</t>
  </si>
  <si>
    <t>对身体有害。这种贴纸是不透气的。长时间贴在皮肤上会导致皮疹、毛孔堵塞等情况，引起皮肤炎症。</t>
  </si>
  <si>
    <t>电视机上面挂画好看吗</t>
  </si>
  <si>
    <t xml:space="preserve">要看挂什么样的画了   是什么风格  什么设计，搭配得当挂画也漂亮 </t>
  </si>
  <si>
    <t>微信支付能买火车票吗</t>
  </si>
  <si>
    <t>现在微信买火车票面付款方便了</t>
  </si>
  <si>
    <t>暂不支持微信支付</t>
  </si>
  <si>
    <t>目前官网暂时不支持微信支付 不过你可以在微信钱包中选择火车票机票 然后进行购买,这样是支持微信支付的</t>
  </si>
  <si>
    <t>黑枸杞孕妇能喝吗</t>
  </si>
  <si>
    <t>黑枸杞性温和，不寒凉不大热，对孕妇来说是单味滋补的好药，适量食用对自己和胎儿都有好处，是可以食用的。</t>
  </si>
  <si>
    <t>注意量，不要用开水，还是有好处的。</t>
  </si>
  <si>
    <t>1、黑枸杞性温和，不寒凉不大热，对孕妇来说是单味滋补的好药，适量食用对自己和胎儿都有好处，是可以食用的。2，不管是什么滋补品，都需要适量食用，不能一次吃太多，黑枸杞成人一天是3-5g，女性在孕期一天2g左右即可。</t>
  </si>
  <si>
    <t>当然是可以的,在怀孕期间,每日使用黑枸杞会增强孕妇食欲,对于孕妇在怀孕中期的腰痛问题也有很大的舒缓作用。</t>
  </si>
  <si>
    <t xml:space="preserve">孕妇可以吃黑枸杞，但是要适量。 </t>
  </si>
  <si>
    <t>黑枸杞富含花青素和矿物质，有保肝明目的作用，孕妇可以吃黑枸杞，但是最好不要多吃，每天1-2克为宜。</t>
  </si>
  <si>
    <t>教师证通用吗</t>
  </si>
  <si>
    <t>教师资格证全国通用</t>
  </si>
  <si>
    <t>教师资格证是全国通用的，但是教师资格证成绩各省之间很多地方是不认可的，在统考地区，比如浙江、山东、湖北、河北、广西、海南、山西、安徽、贵州、上海等地教师资格证笔试面试成绩是互相认可的，以及2014下半年要参加统考的湖南、甘肃、江苏等地教师资格证成绩也是互相认可的，但是省考地区。，比如四川教师资格证成绩在统考地区是不认可的，所以你在那个省份考试最好在那个省份教师资格认定，直到领证（统考地区例外）。</t>
  </si>
  <si>
    <t>全国通用，取得了任何地方都承认。</t>
  </si>
  <si>
    <t>网上挂机赚钱是真的吗</t>
  </si>
  <si>
    <t>骗人的</t>
  </si>
  <si>
    <t>你说的是挂游戏赚钱吗，有真有假，正常的一天挣几十元，看电脑配置</t>
  </si>
  <si>
    <t>假的，但是网赚项目多，你细心些，总会发现能做的</t>
  </si>
  <si>
    <t>不要想这种不劳而获的事，要是都这样，那所有人都赚钱，那挂机赚钱的老板他们早就亏死了。</t>
  </si>
  <si>
    <t>我有真的</t>
  </si>
  <si>
    <t>补水会变白吗</t>
  </si>
  <si>
    <t>补水和美白是两码事，这一点是致命的美白误区！要知道，只有角质层细胞吸饱了水，肌肤才能呈现出晶莹透亮的感觉，干燥缺水的肌肤永远不可能给人水嫩的感觉！其次，肌肤的含水量上升，油脂分泌就趋于平衡，随之而来的就是毛孔缩小，变得清透干净。油脂分泌少了，毛孔里的脏东西也随之变少，你的脸不仅变白了，还是干净健康的白里透红！</t>
  </si>
  <si>
    <t>不能，只会令皮肤没那么干燥。</t>
  </si>
  <si>
    <t>补水保湿能不能脸变白这要看个人的皮肤，如果之前皮肤比较干，干枯的皮肤就会显得暗黄，那么水不足了，皮肤自然就饱满了，脸肯定看起来白了气色好了，如果之前皮肤不干不燥，就算你补水保湿做再好只能说皮肤看起来很年轻肤质很好了，但是脸不会变白的，只能说错觉感觉白了，因为水分充足了，皮肤比较饱满肤色就提亮了。</t>
  </si>
  <si>
    <t>部分补水产品是能够使人变白的，大量的补水同时能够冲刷肌底垃圾，阻止黑色素的成形，能在一定程度上提亮肤色，使人的肤色变得白皙。</t>
  </si>
  <si>
    <t>应该会让皮肤状态变好。变白需要注意防晒，在室外涂防晒霜日常使用含美白成分的护肤品，白天不要大量吃柠檬，芹菜等感光食物。</t>
  </si>
  <si>
    <t>补水皮肤会变成水嫩，看上去有光泽，变白需要美白产品，但是皮肤首要是先补水</t>
  </si>
  <si>
    <t>南派三叔盗过墓吗</t>
  </si>
  <si>
    <t>怎么可能，他要是真到过墓，还能在这儿么？早进宫了，要知道盗墓是违法的。</t>
  </si>
  <si>
    <t>三叔在微信公众号的最新文章里说，自己下过斗，但我觉得应该是跟别人考古去的。倒斗应该是没有过，犯罪的事，要是真干过广电总局恐怕不会让他的书拍成影视作品的。</t>
  </si>
  <si>
    <t>不是，不过他跟那行的人混得熟吧</t>
  </si>
  <si>
    <t>网上的盗墓类小说都是胡编乱造的，主要靠百度</t>
  </si>
  <si>
    <t>没有，只是他想象力很丰富。你去看《鬼吹灯II之巫峡棺山》最后他有说的。</t>
  </si>
  <si>
    <t>芍药居民生银行靠谱吗</t>
  </si>
  <si>
    <t>是！民生银行是国内股份制银行中较大的，布点较多的大银行。比四大（工、农、建、中）和交通小，比一些地方商业银行大。属全国性的银行。</t>
  </si>
  <si>
    <t>五险一金能补交吗</t>
  </si>
  <si>
    <t>可以补缴。</t>
  </si>
  <si>
    <t>五险一金以个人名义参保的，漏缴不能够进行补缴，只有是单位原因造成的漏缴才能够进行补缴，并且补缴五险。</t>
  </si>
  <si>
    <t>补交也行</t>
  </si>
  <si>
    <t>可以补缴，只要不超过等待期都允许补缴，规定的等待期是三个月，很多地区都提高了等待期，有六个月、有一年的。</t>
  </si>
  <si>
    <t>社保中断缴费可以续交，主要影响参保人的养老保险和医疗保险。</t>
  </si>
  <si>
    <t>五险（社保）如果中途停交一两年是没关系的。再续交就是了。</t>
  </si>
  <si>
    <t>养老中间断保，可以选择补缴或不补缴，凭个人意愿。对以后没有影响，因为缴费年限是累计计算的。但是如果选择补交，不光要缴纳个人部分，还要缴纳公司部分。</t>
  </si>
  <si>
    <t>吃火锅会不会上火</t>
  </si>
  <si>
    <t>吃的过猛就会上火</t>
  </si>
  <si>
    <t>火锅里的汤水煮久了，汤水就变得燥热。打火锅是一种偏燥的吃法，再加上鸡肉、羊肉、狗肉等都偏温，这就是“燥上加燥”。所以，经常吃火锅的人易上火，出现咽喉肿痛、声音嘶哑、口腔溃疡、口唇干裂、小便赤黄等症状。</t>
  </si>
  <si>
    <t xml:space="preserve">随着火锅的日益受宠，许多人反映，他们吃了火锅以后非常容易上火，严重的还出现一些偏热症状，甚至引发某些疾病。火锅里的汤水煮久了，汤水就变得燥热。打火锅是一种偏燥的吃法，再加上鸡肉、羊肉、狗肉等都偏温，这就是“燥上加燥”。所以，经常吃火锅的人易上火，出现咽喉肿痛、声音嘶哑、口腔溃疡、口唇干裂、小便赤黄等症状。 </t>
  </si>
  <si>
    <t>这个不一定，有的人吃了不会上火，有的人会上火，可以在吃火锅的时候喝点凉茶</t>
  </si>
  <si>
    <t>宇宙有没有其他生命</t>
  </si>
  <si>
    <t>研究表明，宇宙间存在着许多能胜任生命摇篮的“候选者”。也许，在地外生命存在的可能性远远超过了人们过去的想像　　国际先驱导报文章　除地球外在宇宙中还有没有生命？还有没有其他可供人类居住繁衍的星球？最近一些科学发现和研究的消息表明，宇宙中完全可能有其他可供生命存在的地方，生命家园不只是地球。因此，宇宙中也就完全可能有外星生命，甚至有与人相近乃至比人还高级的外星智慧生命。织女星系有“第二地球”　　第一个消息是，今年11月，英国皇家天文台的天文学家们在织女星系发现一颗与地球相似的“第二地球”，这是一颗较小的、由岩石组成的类地行星。织女星位于天琴座，距离地球25光年，是浩翰夜空中最亮的10颗星辰之一。　　“第二地球”的发现使太阳系外存在外星生命的可能性将大大提高——因为生命是由碳和水组成的，只有在固体且含水的类地行星上才能有足够稳定适宜的环境衍生出生命。　　不过，科学家们暂时还无法断定织女星系中是否会有外星生命存在，因为织女星是一颗燃烧氢的矮星，它的亮度是太阳的54倍，即使在那儿存在着“第二地球”，但在那种极端的环境中是否有生命存在仍然相当可疑。但是科学家估计，在20年内，将有多颗“第二地球”相继被人类发现。　　美国航空航天局已决定于2007年启动“开普勒计划”，向太空中发射一枚专门寻找“第二地球”的太空望远镜。按逻辑推断，在众多类地行星中，人们完全可以期望有一颗或更多颗适合生命繁衍。“生物圈”向太空蔓延　　像这样通过观察天空企图实际发现外星生命，很像是在博彩，希望买彩票中大奖——没找到是正常的，找到了才是奇迹。毕竟，宇宙太浩瀚了。因此，如要真正发现外星生命的存在，重要的是从理论上论证地球之外在宇宙中还有生命的家园。许多科学家都在进行这种研究，而最近3份研究即对此根本问题给予了肯定回答，令人如同真的发现“第二地球”一样振奋。　　头两份研究是由英国皇家天文学会年底发表的两篇论文，一篇论文是英国加的夫大学马克斯·沃利斯和钱德拉·威克拉马辛格两位学者撰写的，他们认为地球上的微生物可通过小行星或彗星的撞击被掀到太空中，并能生存下来。另一篇由阿马天文台的比尔·纳皮尔撰写的论文则声称，载有微生物的太空碎片会由于日光压力的作用而被推送出我们的太阳系。纳皮尔据此假设，环绕我们地球家园的是一个范围巨大的、不断向外扩展的“生物圈”。该生物圈由包含“休眠”中的微生物的太空岩石碎片构成。生命因此可以从一个行星系统“跳跃”到另一个行星系统中去。这样的“生物圈”比通常认为范围不超出大气圈的“生物圈”广大多了。“类地行星”数量惊人　　无独有偶，美国天文学会行星科学分会会刊不久也将发表华盛顿大学的肖恩·雷蒙德等人撰写的一篇意义重大的研究论文。雷蒙德等人在论文中宣称，有惊人数量的行星可以支持生命发展。　　他们进行了44次行星形成过程电脑模拟，每次模拟都产生出1至4个类地行星，其中包括11个理论上适应人类居住的行星，这11颗行星与它们的“母星”（太阳）之间的距离和地球与太阳间的距离相似。雷蒙德说：“我们模拟出了几乎所有种类的固体行星，有像火星一样非常干燥的，也有和地球相同的，还有比地球大3倍或者小一半的。”　　从该模拟实验来看，有可能产生生命的行星应该不只地球一个星球。换句话说，宇宙间存在着许多能胜任生命摇篮的“候选者”。也许，在地球外生命存在的可能性远远超过了人们过去的想像。</t>
  </si>
  <si>
    <t>肯定有的。宇宙是何等之大，太阳系不过是地球上的星系系统中的沧海一粟，更何况其他生命呢？还有火星可能是有人的，虽然美国发射了一个探测器证明火星上面没有人，但是我还是相信上火星上有人，或许他们的生命形式有和地球生命上不一样的地方，因为他们可能是机器和人的合体，而没有生命中所探测的生命信息。还有，有很多人声称遇见过外星人，虽然有人是胡编乱造，但不乏一些诚实的人，有的人有很确凿的证据。</t>
  </si>
  <si>
    <t>现在既没有证据表明有，也没有证据表明没有，都是猜测和估计罢了</t>
  </si>
  <si>
    <t>目前还没有发现宇宙中有地外生物，不过很多人都认为有</t>
  </si>
  <si>
    <t>银屑病世界上有治愈的好办法吗</t>
  </si>
  <si>
    <t>银屑病的治疗方法很多，虽然至今还没有任何方法称为绝对有效，但某些治疗对大多数人是有效的。</t>
  </si>
  <si>
    <t>就目前来说，最为有效的银屑病治愈方法有：激活人体自愈能力，即激活人体对抗疾病的能力。欧淇贝康采用德国先进纳米微分子制药技术与传统中医炮制手法相结合提炼而成，从外到内，直达皮肤病灶，清除血毒并对内脏进行深层排毒和治疗, 彻底清除体内毒素，改善血液质量，它对人体没有毒副作用，最重要的是：它就是通过激活人体自愈潜能提高患者的抗病能力，最终改变银屑病患者的这种身体特质。</t>
  </si>
  <si>
    <t>治愈的方法有。但是难度挺大的</t>
  </si>
  <si>
    <t>想治愈只能用中药。</t>
  </si>
  <si>
    <t>商业贷款有折扣吗</t>
  </si>
  <si>
    <t>商业贷款基准利率是4.90%，首套房目前执行的是基准利率无折扣，二套上浮20%。</t>
  </si>
  <si>
    <t>现在银行办理首套房住房贷款都有折扣，人民银行的要求是商业贷款不得低于同期基准的70%，也就是不能低于7折，各银行执行标准在此之上有差异，以重庆为例外资银行执行标准为8.5折，但对借款人资质要求较高，中资银行一般在9折左右。</t>
  </si>
  <si>
    <t>商业贷款现在普遍95折，如果个人征信报告有污点，基本不会打折。</t>
  </si>
  <si>
    <t>高考需要高中毕业证吗</t>
  </si>
  <si>
    <t>(国家承认的)高等教育学校在校；应届毕业的高级中等教育学校在校生无需毕业证。参加成人高考的需要。</t>
  </si>
  <si>
    <t>不需要，实际上很多考上大学的都没有毕业证，因为有毕业率要求，不许所有高中生都毕业，所以有些学校就强行把一些考上大学的学生的毕业证扣下，好把毕业证发给没考上大学的，因为他们更需要，结果闹出许多矛盾。</t>
  </si>
  <si>
    <t>只要你高中满三年学籍 学分够了就可以参加高考 考上大学后去报到有些院校是要求带着毕业证去报到的</t>
  </si>
  <si>
    <t>需要你的学籍，你有学籍么？</t>
  </si>
  <si>
    <t>参加普通高考需要高中毕业证书或高中同等学历毕业证书，如高中毕业证书、职业高中毕业证书、中专毕业证书、技校毕业证书都可以报名参加高考。高中应届生参加高考不需要高中毕业证书。</t>
  </si>
  <si>
    <t>不用。毕业证是你高考后才发给你的</t>
  </si>
  <si>
    <t>成人高考必须要高中毕业证才能参加高考的：</t>
  </si>
  <si>
    <t>一般来说是要有。有的地方，有高中学历或高中同等学历的（即通过高中会考的）可以报高起本，没有的只能报高起专，这和高考的规定是一样的。而有的地方，则不管你是否具备高中学历或高中同等学历，均可直接报高起本。</t>
  </si>
  <si>
    <t>如果是应届高中学生，不需要。如果是往届生，需要毕业证的。</t>
  </si>
  <si>
    <t>ipad跟iphone充电器能一起用么</t>
  </si>
  <si>
    <t>答案是可以</t>
  </si>
  <si>
    <t>首先可以肯定的回答Ipad和Iphone充电器混用对手机是有伤害的</t>
  </si>
  <si>
    <t>ipad 和iphone的充电器插口相同的可以通用。</t>
  </si>
  <si>
    <t>应急可以 但不要常用</t>
  </si>
  <si>
    <t>二孩如果在政策落实到地方之前生算违法吗</t>
  </si>
  <si>
    <t>全面放开二孩要落地，恐怕至少要经历4个关键程序，抢生属违法要罚款</t>
  </si>
  <si>
    <t>二孩，如果不是政策允许的那几种条件，属于超生需要缴纳社会抚养费，不适用于2016元旦落实实施的全面放开二孩政策</t>
  </si>
  <si>
    <t>2016年1月1日开始算二孩，之前的都是非法。</t>
  </si>
  <si>
    <t>作为在全面实施两孩生育新政策之前“超生二孩”的当事人，应该做好缴纳社会抚养费（罚款）的心理准备。国家卫计委明确表示：修订后的《人口与计划生育法》施行之日，就是全面两孩政策正式实施之时。在此之前，各地各部门都必须认真执行好现行的人口与计划生育法律法规，维护良好的生育秩序，不得自行其是。这就意味着此前的违法生育子女的行为，还应按所在省市现行的《人口与计划生育条例》的规定进行处理，最直接最典型的处理方法是征收社会抚养费。</t>
  </si>
  <si>
    <t>肯定不用交的</t>
  </si>
  <si>
    <t>两孩生育新政策正式实施前，如果你是不符合当时的政策违法生育子女的，应该作好缴纳社会抚养费的思想准备。国家卫计委明确表示：修订后的《人口与计划生育法》施行之日，就是全面两孩政策正式实施之时。在此之前，各地各部门都必须认真执行好现行的人口与计划生育法律法规，维护良好的生育秩序，不得自行其是。这就意味着此前的违法生育子女的行为，还会按现行各省的《人口与计划生育条例》的规定进行处理的。</t>
  </si>
  <si>
    <t>那个时候还算是违反计划生育政策的，不过可以和领导申请减轻处罚力度。</t>
  </si>
  <si>
    <t>宫腔镜检查 疼吗</t>
  </si>
  <si>
    <t>宫腔镜检查不会有大的痛苦,不要惧怕,稍有一点不适的感觉是很正常的.</t>
  </si>
  <si>
    <t>说实话，有紧张的成份，但还是挺疼的，就算我很能忍痛的人都忍不住叫出声来了，眼泪也不争气地出来了。</t>
  </si>
  <si>
    <t>很疼，还出血好多</t>
  </si>
  <si>
    <t>我刚做完宫腔镜，手术的时候全麻没感觉，就是之前上午准备时候插管很疼，刮了一周宫颈，可能是我宫颈也不太好，插完管等到下午手术后，就没事了，麻药过后，就是隐痛，不厉害，这个过程的疼痛还是可以忍受的。</t>
  </si>
  <si>
    <t>宫腔镜检查无需麻醉或行宫颈局部麻醉，宫腔镜检查的疼痛程度一般都是可以忍受的，如果你害怕疼痛，可以选择局部麻醉，宫腔镜检查是一种微创的检查方法</t>
  </si>
  <si>
    <t>孕妇能喝红花吗</t>
  </si>
  <si>
    <t>孕期服用红花，是有可能造成先兆流产或影响胎儿的正常发育的。</t>
  </si>
  <si>
    <t>对于孕妇来说，其实是不可以吃红花的，最主要的原因应该就是因为红花具有一定的活血的作用，而孕妇吃了之后很有可能会导致滑胎的。</t>
  </si>
  <si>
    <t>孕妇不要吃，对胎儿不好，有堕胎的可能性！</t>
  </si>
  <si>
    <t>临床上孕妇儿童忌用.</t>
  </si>
  <si>
    <t>从中医药理上说，可以。</t>
  </si>
  <si>
    <t>没钱能找到女朋友吗</t>
  </si>
  <si>
    <t>有钱没钱，和找不找得到女朋友不能划等号。有钱找不到女朋友的大有人在，没钱有女孩愿意倒贴的也不少。</t>
  </si>
  <si>
    <t>谁说不可以了</t>
  </si>
  <si>
    <t>想多了，不说很有钱吧，但是起码要能养的起啊</t>
  </si>
  <si>
    <t>能，能找到和你一样没钱的女朋友，当然你有颜值和才华又另当别论。</t>
  </si>
  <si>
    <t>没钱不一定就找不到女朋友，但没品，没上进心的肯定找不到女朋友！</t>
  </si>
  <si>
    <t>如果你是老板,你会聘用现在的自己吗?</t>
  </si>
  <si>
    <t>难道老板不干活当官不吃饭</t>
  </si>
  <si>
    <t>会啊</t>
  </si>
  <si>
    <t>不会，</t>
  </si>
  <si>
    <t>不但聘用还会重用</t>
  </si>
  <si>
    <t>想都不敢想，哪有那么好的福气呀</t>
  </si>
  <si>
    <t>中粮是央企吗</t>
  </si>
  <si>
    <t>中粮集团是央企。</t>
  </si>
  <si>
    <t>中粮是央企，实际控制人为国务院国有资产监督管理委员会</t>
  </si>
  <si>
    <t xml:space="preserve">是国企，而且是中央所属国有企业，也就是所谓的央企。 </t>
  </si>
  <si>
    <t>国务院国资委管理的中央国有企业</t>
  </si>
  <si>
    <t>克拉恋人后面还有高雯吗</t>
  </si>
  <si>
    <t>最后和沈东军在一起了，第67集沈东军悲壮地向高雯表白完后，看到高雯如同受到惊吓般地逃离，沈东军失落极了。</t>
  </si>
  <si>
    <t>40多岁能生二胎吗</t>
  </si>
  <si>
    <t>一般而言，在女性40岁后不宜考虑怀孕，因为年龄过大怀孕，对母子也会有一些不好的影响。＃＃我知道有个39的生了二胎而且还顺产呢</t>
  </si>
  <si>
    <t>卵巢功能正常，加上身体条件良好，是可以生育的</t>
  </si>
  <si>
    <t>结婚了的夫妻，从二十岁到死亡之前都可以，只要夫妻生得出就可以生二孩，生不出就不能怪别人。</t>
  </si>
  <si>
    <t>可以，但是自然怀孕比较困难，因为四十岁属于高龄产妇，卵巢功能衰退得比较厉害，就算怀孕了也很容易流产，要做好保胎工作。</t>
  </si>
  <si>
    <t>如果当事人的生育意愿、家庭条件和身体条件的许可，生育二胎应该是没问题的。</t>
  </si>
  <si>
    <t>西游降魔篇还有续集吗</t>
  </si>
  <si>
    <t>周星驰目前接受采访说西游续集自己应该会客串演出，打造西游3部曲，第一部《西游.降魔篇》正在火爆上映中，第二部《西游.除妖篇》也开始在预备中，第三部名字也想好了，叫《西游.极乐仙境篇》。</t>
  </si>
  <si>
    <t>我觉得既然是降魔篇应该还有别的篇吧</t>
  </si>
  <si>
    <t>出了第二部叫《西游伏妖篇》，跟着第一部的剧情走的，还一起出了一个网页游戏，也叫《西游伏妖》，看新闻说游戏跟电影的剧情差不多，还原度也挺高的，想了解电影情节的可以玩下看看游戏里面的剧情，提前知道电影的一些场景和剧情设计。</t>
  </si>
  <si>
    <t>上个月看到网上报道，星爷说过有出续集的想法。</t>
  </si>
  <si>
    <t>不能吧。。。每个人有每个人的想法吧</t>
  </si>
  <si>
    <t>嗯，续集着眼于唐僧师徒四人西天取经的故事，据说是《西游列国》</t>
  </si>
  <si>
    <t>网上都说《西游列国》是《西游降魔篇》的续集</t>
  </si>
  <si>
    <t>windows7升级到windows10文件会不会丢失</t>
  </si>
  <si>
    <t>在升级的过程中会提示是否保留，选择保留就可以了，更新完之后，软件都在原地没变，包括快捷方式，所以不会丢失。</t>
  </si>
  <si>
    <t>WIN7升级成WIN10，到时它会提示你备份文件的。电脑硬盘里的文件是不会丢的，电脑上的任何东西都不会丢，只是系统升级了。</t>
  </si>
  <si>
    <t>这个要看你选择了何种方式去更新</t>
  </si>
  <si>
    <t>不会丢失。只要是通过官方推送的win10升级，或者是自己下载安装win10并通过里面的升级选项进行安装的，都不会丢失。安装后，硬盘原有分区不会改变，原系统分区C里面会多了一个名为old的文件夹，存储旧系统在系统分区的所有文件，可利用其在一段时间内进行恢复。其他分区文件不会改变。</t>
  </si>
  <si>
    <t>将C盘和桌面的文件转存在D盘，在线升级不会丢失文件。</t>
  </si>
  <si>
    <t>2015年9月6日开盘吗</t>
  </si>
  <si>
    <t>电子盘一般周末都不开的，周一到周六开盘。</t>
  </si>
  <si>
    <t>湖南的港澳通行证可以在东莞续签吗</t>
  </si>
  <si>
    <t>可以的，只要在东莞有连续交社保半年以上</t>
  </si>
  <si>
    <t>应该不能，广州现在也只能续签广东省内各城市的居民，广东省外的不行</t>
  </si>
  <si>
    <t>湖南省是除广东省外的第一个开通网上续签的。</t>
  </si>
  <si>
    <t>盘锦和锦州是一个地方吗</t>
  </si>
  <si>
    <t>不是的，从行政划分上看，锦州和盘锦是两个独立的地级市，两市相邻，而盘山县隶属于盘锦市。从历史上看锦州相对盘锦要成立的更早，锦州曾是辽西省的省会，而盘锦早期是归营口的，后来独立成市了。</t>
  </si>
  <si>
    <t>黄晓明会说粤语吗</t>
  </si>
  <si>
    <t>会，他已经是香港籍了</t>
  </si>
  <si>
    <t>会一点点。</t>
  </si>
  <si>
    <t>他会粤语，也听得懂一点，但是因为是山东人，所以不算很精通粤语，有点说不准。</t>
  </si>
  <si>
    <t>黄晓明当然会粤语</t>
  </si>
  <si>
    <t>地方公务员可以考国家公务员吗</t>
  </si>
  <si>
    <t>1、政审通过，人事录用，报到后一年试用期未满，可以选择中止录用，录用自动取消，可以参加公务员报考，档案挂靠。2、试用期满，正式录用，身份明确，未满最低服务年限，不能报考。3、正式录用，服务年限满，可以报考，考录后以调动形式办理。</t>
  </si>
  <si>
    <t>在试用期内的公务员，不可以再报考公务员，公务员的第一年是是算试用期，也就是说要一年后可以再考。</t>
  </si>
  <si>
    <t>新入职公务员，从落编之日起一年，为试用期；五年（含试用期）为最低服务年限。在公务员入职五年之内，不能动地方。</t>
  </si>
  <si>
    <t>目前来说，不管是国家公务员还是地方公务员招录，都是不允许在职公务员再报考的，现在的公告里基本上都明确了这一点，在职公务员如果想继续晋升的话就是走遴选或者公选的道路。</t>
  </si>
  <si>
    <t>原则是可以报的，但是在资格审查时很容易卡掉，如果考上了某省的公务员，而且面试后录取没有过去，而是去其他地方又考公务员，这样很危险，造成诚信缺失。</t>
  </si>
  <si>
    <t>服务年限满了可以报考的，国家公务员报考是有限制。</t>
  </si>
  <si>
    <t>当然能继续考试的，所在单位同意报考。方便以后资格复审和政审的。满足报考的条件。也就是公告公布的其他条件。</t>
  </si>
  <si>
    <t>李泉弹钢琴厉害吗</t>
  </si>
  <si>
    <t>现在流行音乐里面谈钢琴最好的应该至少算李泉一个</t>
  </si>
  <si>
    <t>水母和海蜇是一样的东西吗</t>
  </si>
  <si>
    <t>水母的范围要更大一些，海蜇通常是用来称呼水母中那些被人类用来食用的种类。</t>
  </si>
  <si>
    <t>水母，是海洋中重要的大型浮游生物。海蜇，腔肠动物。</t>
  </si>
  <si>
    <t xml:space="preserve">海蛰属于水母, 是水母中的一个小类群 </t>
  </si>
  <si>
    <t>水母和海蜇其实是同一个东西</t>
  </si>
  <si>
    <t>水母亦称海蜇，属腔肠动物</t>
  </si>
  <si>
    <t>水母，海蜇其实是同种生物，只不过海蜇是水母科下的其中一种，无毒可食用。</t>
  </si>
  <si>
    <t>海蜇其实就是经过盐处理后的水母。</t>
  </si>
  <si>
    <t>喝中药可以放冰糖吗</t>
  </si>
  <si>
    <t>一般来说少量的放糖是可以的，但是不宜放多．</t>
  </si>
  <si>
    <t>正常情况下没事</t>
  </si>
  <si>
    <t>一般来说，中药特别是汤剂口感大多都比较苦，有的人受不了这种“苦”，不加糖就喝不下去。尤其是孩子哭闹拒绝服用时，有些家长为了让孩子能喝下药去，往往在中药里加些糖，以此来减轻药的苦味，其实这种做法是不妥的，喝汤药时最好不要加糖。</t>
  </si>
  <si>
    <t xml:space="preserve">不可以中药汤剂效果很好，但是比较苦，不用说孩子，就是大人喝着都困难。于是有人想，为掩盖难以下咽的苦味，可不可以在汤药里加点糖呢？这种只顾爽口的做法不宜提倡，否则轻者降低疗效，重者还会产生副作用。 </t>
  </si>
  <si>
    <t>不能随便加,中药的成分比较复杂,一般不要随便混合其他东西在一起,以免有副作用.</t>
  </si>
  <si>
    <t>每客腰带有用吗</t>
  </si>
  <si>
    <t>一般吧，我用过，其实腰带这东西你不能依赖它，你最好找一个健身房，多练练才是硬道理</t>
  </si>
  <si>
    <t>没有用，骗钱的，少吃多运动才是硬道理</t>
  </si>
  <si>
    <t>下面有几个建议，呵呵 你可以试一下 少食：管住自己的嘴 吃的少，热量摄入就少，自然就会受下来了，到时候想胖也胖不起来。吃低热量会让你瘦下来，但是摄入的热量必须要满足身体的新陈代谢需要才行。 好处不用说了，非常有效 坏处：过少的摄入...夜幕降临了，夜空中点缀满了繁星</t>
  </si>
  <si>
    <t>效果非常棒</t>
  </si>
  <si>
    <t>简历要附照片吗</t>
  </si>
  <si>
    <t>由用人单位定</t>
  </si>
  <si>
    <t>没有一个明确的规定。有些企业要求求职者简历中附上个人相片。</t>
  </si>
  <si>
    <t>如果你只是去招聘会,一般建议不贴相片,除非是特殊职位特定要求</t>
  </si>
  <si>
    <t>洗衣液可以带上高铁吗</t>
  </si>
  <si>
    <t>可以的，量不要太多</t>
  </si>
  <si>
    <t>看洗衣液要是否标有易燃标志。要是没有就让带。</t>
  </si>
  <si>
    <t>旅客可以携带洗衣液坐火车。洗衣液不属于铁路部门规定的严禁携带上车或者是限量携带上车的物品。</t>
  </si>
  <si>
    <t>火车上能带洗发水，洗衣液</t>
  </si>
  <si>
    <t>可以的，你带一瓶应该问题不大</t>
  </si>
  <si>
    <t>天下第一棒管用吗</t>
  </si>
  <si>
    <t>悟空的金钢棒，能屈能伸，能粗能细，能硬能软，是女人的渴望！</t>
  </si>
  <si>
    <t>这个就看你自己了， 建议最好不要吃的， 多锻炼身体，吃点壮阳的食物</t>
  </si>
  <si>
    <t>副作用很大</t>
  </si>
  <si>
    <t>ipad mini2 ios9卡吗</t>
  </si>
  <si>
    <t>不卡吧，我的没感觉</t>
  </si>
  <si>
    <t>不会太卡，只是速度相对以前会慢一拍</t>
  </si>
  <si>
    <t>点读笔可以通用吗</t>
  </si>
  <si>
    <t>各品牌为了各自的利益，点读书格式各不通融，也没有和不可能有统一的标准。</t>
  </si>
  <si>
    <t>有的是通用的</t>
  </si>
  <si>
    <t>不是。点读笔要对应相应的书。</t>
  </si>
  <si>
    <t>不通用。每个厂商都有自己配套的点读笔配套书，品牌之间不可兼容。</t>
  </si>
  <si>
    <t>sci论文会查重吗</t>
  </si>
  <si>
    <t>论文查重相似度不能超过30%，对于高雄啊毕业论文查重相似度是在10%-30%之间的重复率 paperright论文查重论文相似度，查重挺精准的，你可以去检测查重</t>
  </si>
  <si>
    <t>二维码会不会重复</t>
  </si>
  <si>
    <t>二维码的内容都是你自己定义的呀。所谓重复不重复，你想要他重复他就重复呀，想要他不重复就不重复。</t>
  </si>
  <si>
    <t>不会。，每个二维码都是唯一的。</t>
  </si>
  <si>
    <t>个人可以交生育险吗</t>
  </si>
  <si>
    <t>个人是无法交纳生育保险的，因为单位要全额承担，个人不交费。</t>
  </si>
  <si>
    <t>个人不可以买生育保险，</t>
  </si>
  <si>
    <t>个人是无法交纳的</t>
  </si>
  <si>
    <t>我国社保中的生育保险是不能个人缴费的，仅限用人单位缴费，这是从立法角度和事务角度上都是不允许的</t>
  </si>
  <si>
    <t>个人缴纳社保，只有医疗和养老</t>
  </si>
  <si>
    <t>无法缴纳生育保险</t>
  </si>
  <si>
    <t>生育保险是五险之一，由单位交纳，个人不承担费用。</t>
  </si>
  <si>
    <t>如果你是本地户籍，可以自己交，如果不是，不可以。</t>
  </si>
  <si>
    <t>iphone在韩国能用吗</t>
  </si>
  <si>
    <t>全网通版本可以用，型号为A1586的iPhone 6和型号为A1524的iPhone 6 Plus并没有锁网</t>
  </si>
  <si>
    <t>中国移动iPhone是可以在韩国使用的，但并不是说拿着手机去韩国就直接能用了</t>
  </si>
  <si>
    <t>可以，韩国人也有很多是用iphone的。</t>
  </si>
  <si>
    <t>光大信用卡可以延期还款吗</t>
  </si>
  <si>
    <t>最多三天的容时容差，超过三天算逾期，没钱还你就提前办分期，或者最低还款额还上以免影响信誉。</t>
  </si>
  <si>
    <t>这个不用去申请的，因为有些银行都是有宽限期的，光大的宽限期是3天。</t>
  </si>
  <si>
    <t>是可以申请延期还款的，一般是可宽限3天，若想延期长些，可让客服让上面领导申请</t>
  </si>
  <si>
    <t>打客服电话就自动开通三天宽限期服务。</t>
  </si>
  <si>
    <t>直接输入卡号就能听到申请延期还款的结果，以及预留手机会收到注意事项的短信。</t>
  </si>
  <si>
    <t>无心法师有第二季吗</t>
  </si>
  <si>
    <t>第二季好像有</t>
  </si>
  <si>
    <t>《无心法师2》于2016年11月2日杀青，将于2017年暑假在腾讯视频和搜狐视频上线。</t>
  </si>
  <si>
    <t>海口美兰机场有动车吗</t>
  </si>
  <si>
    <t>晚上9点半前，海口美兰机场都有动车到海口东站的，机场里面就有动车，很方便</t>
  </si>
  <si>
    <t>在美兰机场有到三亚的动车一等座票价95元，二等座票价80元不到半小时就有一班。</t>
  </si>
  <si>
    <t>有的，自从东环高铁开通后，海口开往三亚的和谐号经停美兰站</t>
  </si>
  <si>
    <t>晚上能浇花吗</t>
  </si>
  <si>
    <t>夏季晚上浇花比较好， 冬季是中午浇花比较好.</t>
  </si>
  <si>
    <t>晚上浇花好，晚上(傍晚)是浇水的最佳时段。</t>
  </si>
  <si>
    <t>剑圣属于adc吗</t>
  </si>
  <si>
    <t>剑圣不算通常理解的“ADC”。</t>
  </si>
  <si>
    <t>剑圣是后期英雄</t>
  </si>
  <si>
    <t>不算 但是可以出ADC装，因为ADC的意思是远程输出，但是出ADC装的意思全输出装。</t>
  </si>
  <si>
    <t>不能算，他只能算是AD</t>
  </si>
  <si>
    <t>属于，</t>
  </si>
  <si>
    <t>不属于，剑圣分AD\AP两种。</t>
  </si>
  <si>
    <t>按揭房可以拿到房产证吗</t>
  </si>
  <si>
    <t>可以拿的，银行让你签的申请应该是抵押申请，然后到房管所办理抵押手续，抵押手续办完后，房管所有一本《他项权证》抵押在银行，那你就能把原先的房产证拿出来了，跟原来的证是一样的，只是加上了抵押登记。</t>
  </si>
  <si>
    <t>是否有按揭跟办理房产证的关系之一：需要办理预抵押手续，然后在房产登记的时候解除预抵押再办理房产抵押。你购买的房产应该是期房吧，这种情况下，开发商会在可以办理房产证的时候（该房产通过验收、开发商缴纳了各类税费、你已经完成签约和付款）通知你去房管局办理一般来说房产证办理（期房）要等一定时间，这个购房合同上都有。有可能是一年或者365个工作日之内，肯定在按揭办理完之后了，你可以咨询开发商或者等通知。</t>
  </si>
  <si>
    <t>能办，到房产交易中心。但给的房产证有1项注明你有贷款，等你还完贷款后再去房产交易中心注销此项</t>
  </si>
  <si>
    <t>可以拿到房产证。</t>
  </si>
  <si>
    <t>神婆是真的吗</t>
  </si>
  <si>
    <t>有真的 也有假的 真的 就能跟鬼神沟通 判断真假 看他能不能料事 能准确料事的为真 不料事的为假</t>
  </si>
  <si>
    <t>神婆多了，有可信的，有不可信的</t>
  </si>
  <si>
    <t>哈尔滨开麻辣烫挣钱吗</t>
  </si>
  <si>
    <t>应该会吧</t>
  </si>
  <si>
    <t>地点，品牌，经营，三大要素</t>
  </si>
  <si>
    <t>中国会发生恐怖袭击吗</t>
  </si>
  <si>
    <t>发生过啊，不是一次两次了呢</t>
  </si>
  <si>
    <t>中国的大环境总体来说。老百姓还是比较向往和平的。被共产党认可度比较高。比较拥护。虽然说有这样那样的问题和不足。 那还是在慢慢的改进。生活也慢慢的好起来。再就是中国人的性格比较平和。</t>
  </si>
  <si>
    <t>中国是一个很友好的国家，从来没有对别的国家发动过战争，对中东一直都是保持和平友善的态度。况且，中国治安比别的国家好很多。</t>
  </si>
  <si>
    <t>有,在新疆的南疆每年都发生的.</t>
  </si>
  <si>
    <t>nmf面膜好用吗</t>
  </si>
  <si>
    <t>用起来还不错，很贴合皮肤；用完脸冰冰凉凉的。</t>
  </si>
  <si>
    <t>补水不错的。</t>
  </si>
  <si>
    <t>好用 我朋友就用过几盒，皮肤状态很好 但是一定要买正品，一般在120元左右一盒应该是正版的</t>
  </si>
  <si>
    <t>没用过</t>
  </si>
  <si>
    <t>骆驼牌子好吗</t>
  </si>
  <si>
    <t>只有真品牌大品牌才有这样的实力。假的品牌多都来不及，谁还会帮假品牌宣传。第二，看看群众的口碑。那些花了真金白银买到产品的人，他们才有资格评价。不好的产品不会有那么多买的。</t>
  </si>
  <si>
    <t>去痣痛吗</t>
  </si>
  <si>
    <t>肯定是会疼的</t>
  </si>
  <si>
    <t>看你用什么去除了，朋友使用的是珂蒂琪去痣，一点不疼的，在家就可以使用。</t>
  </si>
  <si>
    <t>该过程中只会出现轻微的疼痛，是很容忍受的。</t>
  </si>
  <si>
    <t>一般是不疼的。当然具体还是看什么办法了。</t>
  </si>
  <si>
    <t>因人而异的吧，有的人就会很痛，有的人就觉得不痛</t>
  </si>
  <si>
    <t>苹果有以旧换新吗</t>
  </si>
  <si>
    <t>是真的，不过要加钱，而且必须得是你在能换新的商家这里买的手机。</t>
  </si>
  <si>
    <t>苹果有旧换新的，前不久一个朋友刚在友通商城的以旧换新平台参加了以旧换新， 之前也比较了几家 ，话说友通商城的回收价格还是不错的，具体换法你直接登陆友通商城官网，进入以旧换新平台，按提示来就行了，操作方便简单的。</t>
  </si>
  <si>
    <t>可以，不过官网的抵扣非常少，不如把手机卖二手更划算</t>
  </si>
  <si>
    <t>唾液酸苷酶sa呈阴性正常吗</t>
  </si>
  <si>
    <t>唾液酸苷酶阴性，白细胞脂酶阴性是判断细菌性阴道炎的指标。</t>
  </si>
  <si>
    <t>阴性的跟未查见的都是没事，过氧化氢浓度 阳性可能是有点阴道炎。</t>
  </si>
  <si>
    <t>因为没什么，正常的哦</t>
  </si>
  <si>
    <t>简欧做榻榻米合适吗</t>
  </si>
  <si>
    <t>还是看你自己，榻榻米的优缺点都有</t>
  </si>
  <si>
    <t>这个要看题主家客厅的大小了</t>
  </si>
  <si>
    <t>如果你的客厅很大，可以做做，如果很小就没必要啦</t>
  </si>
  <si>
    <t>不好，容易藏病菌。</t>
  </si>
  <si>
    <t>吃豆角会回奶吗</t>
  </si>
  <si>
    <t>吃长豆角不会回奶的。</t>
  </si>
  <si>
    <t>豆角不会回奶，是可以吃的，不影响母乳的。</t>
  </si>
  <si>
    <t>美国火车快吗</t>
  </si>
  <si>
    <t>我以前在图片上看的。和中国有区别的地方是加一个走廊，而中国的只有车厢。楼主可以看下美国大片。列车惊魂。就知道了。</t>
  </si>
  <si>
    <t>乐派盒子会被封号吗</t>
  </si>
  <si>
    <t>使用无限视距的话，被查到会封号（换皮肤应该也会）</t>
  </si>
  <si>
    <t>不会，首先它就自动断网，但系统不会显示，他只不过更改了你的系统文件而已，并不是网络上的</t>
  </si>
  <si>
    <t>只要遇到官方严打外挂，必封三年。</t>
  </si>
  <si>
    <t>其实这个只要不太过分，应该还是能用的</t>
  </si>
  <si>
    <t>封！去他们论坛讨说法一会就给你删了，在反馈群反馈直接T还骂你，这种东西丧尽天良，我之前是自制皮肤作者，就因为这货让官方把换肤列为外挂。简直无耻至极！</t>
  </si>
  <si>
    <t>中国可以不出口稀土吗</t>
  </si>
  <si>
    <t>稀土产业在中国很发达，你禁止出口是做不到的，</t>
  </si>
  <si>
    <t>稀土是中国的一张大牌，就跟中东石油一样，出口是必须的</t>
  </si>
  <si>
    <t>在WTO中，就要遵守WTO的规则，这次败诉了，如果不执行，就会被制裁，中国已经不是两弹一星时候的中国了，现在是外向型经济，很害怕制裁，WTO的制裁手段是很恐怖的。而且稀土是一张牌，不出口就不能发挥作用。现在我国已经开始进行管制了。并且稀土产业在中国很发达，你禁止出口是做不到的，</t>
  </si>
  <si>
    <t>那不太可能。完全禁止稀土出口会被其他国家施压，稀土价格也会导致走私的出现。</t>
  </si>
  <si>
    <t>塑料锅铲有毒吗</t>
  </si>
  <si>
    <t>有毒，，尽量选用木或铁的</t>
  </si>
  <si>
    <t>塑料遇高温会溶化分解有害物质</t>
  </si>
  <si>
    <t>没有多大的害处</t>
  </si>
  <si>
    <t>月经推迟两天,能测出好孕拿</t>
  </si>
  <si>
    <t>推迟两天正常，不能</t>
  </si>
  <si>
    <t>如果你在同房的时候没有采取避孕措施的话，你这种情况是有怀孕的可能的， 你现在月经刚推迟两天没有来，你现在用早孕试纸测试的话，时间是比较早的，测试的结果有可能不准确，你应该在月经推迟一周后，再用早孕试纸测试，判断有无怀孕，</t>
  </si>
  <si>
    <t>可以啊，不过我建议你7天后再测，更准！</t>
  </si>
  <si>
    <t>可以，如果你月经比较规律的话，可以自己买试纸先测下，最好用晨尿。</t>
  </si>
  <si>
    <t>170是l码吗</t>
  </si>
  <si>
    <t>对的、170是L</t>
  </si>
  <si>
    <t>不是，L通常是指165/88A或B，170属XL了</t>
  </si>
  <si>
    <t>如果是男款的衣服，170是M号，如果是女款的衣服170是XL号</t>
  </si>
  <si>
    <t>170一般都是属于L码的。</t>
  </si>
  <si>
    <t>不一定的，也有XL的.</t>
  </si>
  <si>
    <t>应该是L码吧</t>
  </si>
  <si>
    <t>落健 有用吗</t>
  </si>
  <si>
    <t>恩，很不错的你试试看。</t>
  </si>
  <si>
    <t>国产的慢 但是没有依赖性~ 我现在正在用， 大约有1个多月了 有张出来 也没有狂脱期。赶脚不错~，继续用吧</t>
  </si>
  <si>
    <t>落健生发水是利用米诺地尔能够刺激毛囊的活力，促进毛囊的生发能力，延长毛发的生长期，能够促进毛发的健康生长，副作用也比较小， 对于许多脱发现象有一定的作用。要坚持使用，停药后,，药效也会终止。不过但对于遗传脱发、脂溢性脱发等脱发超过一年以上的永久性脱发，毛囊已经闭合， 任何药物都没有效果，这个时候只能够通过植发手术来解决。</t>
  </si>
  <si>
    <t>亚马逊卖的手机是正品吗</t>
  </si>
  <si>
    <t>记住要买亚马逊自营商品，由亚马逊发货并提供售后的百分之200可靠，第三方卖家也基本保证正品但售后出问题时不好解决</t>
  </si>
  <si>
    <t>亚马逊的手机是真的，我觉得亚马逊的东西还是有保障的。</t>
  </si>
  <si>
    <t>亚马逊的自营商品是100%正品有保证的（商品价格下方有“由亚马逊直接销售和运输”字样）</t>
  </si>
  <si>
    <t>亚马逊的自营店是保证正品的，也有别的店铺可能有水货</t>
  </si>
  <si>
    <t>是的，亚马逊是保证100%正品的</t>
  </si>
  <si>
    <t>利巴韦林小孩能吃吗</t>
  </si>
  <si>
    <t>一般不适合儿童服用</t>
  </si>
  <si>
    <t>建议最好是不长时间吃</t>
  </si>
  <si>
    <t>:您好，小孩是可以使用利巴韦林来抗病毒的，小孩可以买利巴韦林颗粒，剂量应根据小孩的体重来计算剂量，比如成人剂量按70公斤算的，那以可以通过小孩的体重来算一下，大约为成人的四份之一到五分之一就行。意见建议:现在的药品使用说明书上面会列举出可能发生的副作用，但不一定会发生，这个药是常用的老药了，副作用很小的，如果不放心，可以用板蓝根颗粒或是抗病毒口服液来替代的。</t>
  </si>
  <si>
    <t>可以，可注意剂量，在确定属病毒或医生经验用药</t>
  </si>
  <si>
    <t>胃疼可以吃橘子吗</t>
  </si>
  <si>
    <t>橘子里面是含有丰富的维生素C的，所以在胃疼的时候也是可以吃的，但是建议不要吃太多，还有不能空腹食用，而且不能是冰冻过的，</t>
  </si>
  <si>
    <t>橘子是酸性的会增加胃酸加重胃痛，最好不要吃，可以吃热水泡过的苹果比较好。</t>
  </si>
  <si>
    <t>看你胃疼是因为胃热还是胃寒了，如果是胃热就不要再吃热性的食物了，橘子虽然清凉爽口但是上火的东西，少吃为妙。</t>
  </si>
  <si>
    <t>橘子太凉，冬天吃了就会疼，所以尽量少吃。</t>
  </si>
  <si>
    <t>肯定是胃不好，吃了酸的东西胃就不舒服了，还是去做个检查，对症调理一下比较好。</t>
  </si>
  <si>
    <t>桔子汁的有机酸会刺激胃壁的粘膜。</t>
  </si>
  <si>
    <t>橘子开味的啊我想吐，胃疼，胀气喝橘子就好了，你是不是吃了其他的东西或橘子变质了，喝点温开水，然后用好热的毛巾捂肚子，看看好不好的了，不要扣出来吐会引起肠胃炎的</t>
  </si>
  <si>
    <t>考上西藏国税要不要去呢</t>
  </si>
  <si>
    <t>第一种，考上了不想去，你的有个能说服人的好理由对你以后就有没什么影响了。第二种，进面试前想个差不多的好理由电话说明就可以了。第三种，啥事没有，就是浪费点钱而已</t>
  </si>
  <si>
    <t>待遇相当不错。因为我老爸就是西藏国税局的。税务局有专门的住房。环境也很不错的。</t>
  </si>
  <si>
    <t>孔子是好人吗</t>
  </si>
  <si>
    <t>孔子被称为圣人不是偶然的。</t>
  </si>
  <si>
    <t>其实现在 孔子已经不是一个人了，而是一个象征了 至于孔子是好人还是坏人也无从说起 何谓好人？何谓坏人？这跟孔子有关系吗？最多说孔子的这种做法好不好，和好人坏人有关系吗? 很多人不同意孔子的知其不可而为之，那也只是一部人的观点，还有一部人认为这是孔子的社会责任感。这和好人坏人有关系吗？ 孔子是矛盾的，他渴望恢复周礼，他渴望被重用。说：“用之则行，舍之则藏” 一方面又周游列国。这更和好人坏人没有关系了</t>
  </si>
  <si>
    <t>不是生下来就是坏人也不是好人，你难道没做过坏事吗？你心里觉得别人是好人就是好人，不是就不是，那是在心里的标准，每个人都不一样的</t>
  </si>
  <si>
    <t>是好人.</t>
  </si>
  <si>
    <t>阿里巴巴可以代发货吗</t>
  </si>
  <si>
    <t>买家在你这买东西的发货点不一样会投诉你的,这样的方法不推荐使用</t>
  </si>
  <si>
    <t>如果你店铺是直接关联阿里巴巴的,订单那边能自动处理, 如果不是授权那种,你淘宝收到订单后,去阿里巴巴采购下单,买家信息全部粘贴过去,阿里卖家发货的单号 你填入淘宝发货即可..</t>
  </si>
  <si>
    <t>可以，流程本来就是这样的！</t>
  </si>
  <si>
    <t>跟厂家联系</t>
  </si>
  <si>
    <t>可以的，找到合适的货源</t>
  </si>
  <si>
    <t>灵芝霉了还能吃吗</t>
  </si>
  <si>
    <t>不能吃了，</t>
  </si>
  <si>
    <t>灵芝发霉了不能吃，它会失去药效，有霉菌对身体有害，发霉的灵芝报废</t>
  </si>
  <si>
    <t>野生灵芝如果仅仅是少部分生霉，则将生霉处切掉即可，但大量生霉，只能扔掉，虽然可惜，但也没有办法</t>
  </si>
  <si>
    <t>最好不要吃，发霉后会起一些化学反应，灵芝有用的成分可能反而变得有害。</t>
  </si>
  <si>
    <t>华为荣耀畅玩5x好用吗</t>
  </si>
  <si>
    <t>实际效果不怎么样。</t>
  </si>
  <si>
    <t>还行！千元机也不用指望性能跟高端的手机比。但是性价比还是相当不错的！</t>
  </si>
  <si>
    <t>荣耀畅玩5x吧，5.5寸的屏，大小正合适，内存运行也挺快的</t>
  </si>
  <si>
    <t>这部手机还是比较不错的。</t>
  </si>
  <si>
    <t>挺好的，便宜大气，金属机身，指纹识别，5.5寸，2g运行内存。</t>
  </si>
  <si>
    <t>花千骨糖宝最后死了吗</t>
  </si>
  <si>
    <t>在小说《花千骨》中，糖宝想要放出花千骨，被轻水知道了，轻水喜欢轩辕朗，而轩辕朗喜欢花千骨，轻水因为嫉妒，便把这件事告诉了霓漫天。霓漫天便把糖宝打死了。不过，最后，糖宝复活了，是东方用重生石救的。 花千骨恢复记忆之时，也就是糖宝醒来之日</t>
  </si>
  <si>
    <t>糖包死了，但后来被花千骨救活了，因为花千骨体内有妖神之力，白子画就把花千骨压在了海底，设了节界，糖包为了救花千骨苦心修炼，也修炼成了人形，为了打开节界被节界反击而死，花千骨伤心欲绝被白子画逼得终成为妖神，后来神器凑齐，就救活了糖包</t>
  </si>
  <si>
    <t>没有，原著花千骨成为妖神诅咒完白子画后，让所有人都复活了，包括糖宝和落十一，不过糖宝要重新修炼</t>
  </si>
  <si>
    <t>糖宝被霓漫天杀死了。</t>
  </si>
  <si>
    <t>救花千骨的过程中被霓漫天杀死了。</t>
  </si>
  <si>
    <t>糖宝，十一死了，但最后都活了。</t>
  </si>
  <si>
    <t>relative可数吗</t>
  </si>
  <si>
    <t>relative 作为亲人，是可数名词</t>
  </si>
  <si>
    <t>亲戚数量是有限的，可数。</t>
  </si>
  <si>
    <t>卖房子赚钱吗</t>
  </si>
  <si>
    <t>看你就不会卖咯</t>
  </si>
  <si>
    <t>以前买房子是很赚钱的，但是现在买房子就不那么容易赚了。因为现在买房子的人比较少。</t>
  </si>
  <si>
    <t>不一定，并且也不是长久的，最好是找一个稳定的工作</t>
  </si>
  <si>
    <t>这要看你销售的盘是不是有潜力，必如说配套咋样，有没学校大型商场，能不能行成五公里生活圈。等等这 才能决定你的楼好不好卖。卖房也有潜规则的，别说十万一百万也有可能，不过只是个别人能做到。</t>
  </si>
  <si>
    <t>房地产现在很危险，有蹦盘的可能</t>
  </si>
  <si>
    <t>不会挣到钱的，干别的吧</t>
  </si>
  <si>
    <t>中山还有桑拿吗</t>
  </si>
  <si>
    <t>有挺多的</t>
  </si>
  <si>
    <t>滴滴顺风车可以带人吗</t>
  </si>
  <si>
    <t>如果大家没有意见的话，是可以的。</t>
  </si>
  <si>
    <t>可以带人，但是请和乘客提前沟通，取得乘客的同意就可以。</t>
  </si>
  <si>
    <t>车上可以有其他人。至于接两个顺风车的人，应该不可以的，系统会限制的</t>
  </si>
  <si>
    <t>不允许</t>
  </si>
  <si>
    <t>材料的不同热性能测定数据是否具有可比性</t>
  </si>
  <si>
    <t>不知道你说的热性能数据是不同仪器测同一种热性能，还是一台仪器测不同样品的同一热性能数据，比较的前提是单变量，必须保证除了你想比较的热性能之外，其他的需要一样</t>
  </si>
  <si>
    <t>韩国马油儿童可以用吗</t>
  </si>
  <si>
    <t>可以，九朵云马油正品新版马油盒底二维码 李和妮照片，中国扫码二维码扫不出是正品因为是韩国的二维码</t>
  </si>
  <si>
    <t>可以的，马油宝宝都可以用的，很温和，但要是正品哦</t>
  </si>
  <si>
    <t>小孩孕妇都可以用</t>
  </si>
  <si>
    <t>不要随便给孩子使用药物，一般来说如果药物三天没有效果的话就要马上做停药处理，孩子的话对药物的剂量一般是减量原则</t>
  </si>
  <si>
    <t>在香港买手表带回内地要交税吗</t>
  </si>
  <si>
    <t>如果你真的是自己带，这问题根本不是问题吧！海关觉得你是带来做生意的便需要做打税，好像你全新有包装的，你怎样解释也没用。以海关对你的表中国官方价钱的理解抽取52点税。因为是奢侈品</t>
  </si>
  <si>
    <t>从理论上来说，超过5000元应该交税。</t>
  </si>
  <si>
    <t>是的。只有自用或送礼的东西才享有每人五千元上限免税, 用作出售的要打税!</t>
  </si>
  <si>
    <t>一般个人购物量不太大是不收税的，如果你带上10块手表这就难说了。</t>
  </si>
  <si>
    <t>需要！但是你可以在免税商店买啊！</t>
  </si>
  <si>
    <t>长沙消防总队医院好吗</t>
  </si>
  <si>
    <t>武警，湖南消防总队医院可以的，治疗精神疾病有数十年，专家王润林已接诊数万例，环境也还不错，医保定点单位。</t>
  </si>
  <si>
    <t>湖南消防总队医院被市区卫生行政主管部门及相关部门评定为：爱心医疗机构、爱心助残连锁机构、劳动保障守法诚信单位、湖北315老百姓放心医疗单位等荣誉，并获得市、区政府颁发的“百姓明明白白就医诚信示范医院”称号。</t>
  </si>
  <si>
    <t>滚筒洗衣机不好</t>
  </si>
  <si>
    <t>我觉得非常好用的，首先是滚筒洗衣机,非常省水，其次是洗衣量比较大，最后是用洗衣粉比较少。</t>
  </si>
  <si>
    <t>滚筒机能自动水加热,噪音特别低,省水，对衣服的磨损小，而且衣服不易缠绕在一起，但是洗涤时间比较长,所没用过人比较烦。</t>
  </si>
  <si>
    <t>要根据自己的实际需要来选择，而无法简单说哪款好哪款不好。两款比较而言，总的来说：滚筒费电省水，工作时间长，工作声音响；波轮费水省电，工作时间短，工作声音轻。洗涤对象：滚筒不挑衣物，基本上任何可以水洗的衣物都能洗；波轮对于高档衣物清洗时容易伤衣物，但是部分高档波轮款也可以洗高档衣物。</t>
  </si>
  <si>
    <t>老虎能吃吗</t>
  </si>
  <si>
    <t>是可以吃的！按照国人传统，天上飞的，地上跑的，水里游的，除了飞机坦克潜水艇都可以吃！我舅舅在70年代在安徽宿松工作时当地人打死一只老虎，他就吃过老虎肉。</t>
  </si>
  <si>
    <t>吃老虎肉将成现实，“野生动物保护法确实有些滞后了。”省林业局野生动物保护站徐站长说，国家颁布该法规时，人工养殖老虎的地方还不多，该法规主要是从保护野生老虎，限制因人为原因导致老虎数量减少的角度制定的。近年来，随着人工养殖老虎越来越多，一些问题也逐渐暴露出来，如老虎养殖区里的老虎满了，但因为转让、出售审批手续严格，人工养殖老虎和野生老虎在现行动物保护法上“一视同仁”，导致不少地方的老虎转让不出去。按照现在的法规规定，老虎死后的处理途径只能有两条，要么制作成标本，要么将尸体放在冷库中保留。</t>
  </si>
  <si>
    <t>还是不要吃了。感觉会腥，听说狼肉很腥。曾经有机会吃狼肉，但是真心不敢吃。</t>
  </si>
  <si>
    <t>挂牌利率是年利率吗</t>
  </si>
  <si>
    <t>挂牌利率通俗的说就是人行公布的利率存折上的分为存款日挂牌和支取日挂牌，存款日挂牌就是存款当日执行的利率，支取日挂牌就是取款当日执行的利率</t>
  </si>
  <si>
    <t>挂牌利率通俗的说就是人行公布的利率</t>
  </si>
  <si>
    <t>真空包装漏气还能吃吗</t>
  </si>
  <si>
    <t>只要不回潮变质应该没问题</t>
  </si>
  <si>
    <t>正常情况下漏气的真空包装产品不建议吃，很可能已经变质了。</t>
  </si>
  <si>
    <t>千万别吃了，容易拉肚子！</t>
  </si>
  <si>
    <t>不能吃了 里面已经变质啦</t>
  </si>
  <si>
    <t>只要没有过保质期，食品品相也没有变化，就尽快吃了吧。</t>
  </si>
  <si>
    <t>不能吃了的。食物包装好的漏气泄气了都不能吃了</t>
  </si>
  <si>
    <t>最好是不要食用，真空包装袋漏气了会使食物变质，产生霉菌。</t>
  </si>
  <si>
    <t>能不能吃，要看里面的食品是否变质</t>
  </si>
  <si>
    <t>真空包装的大米胀袋是漏气了，只要在保质期内，米没有变质，能吃。</t>
  </si>
  <si>
    <t>如果没有异常可以放心食用。希望对你有帮助，祝好运！</t>
  </si>
  <si>
    <t>米没变黄就能吃，你看看超市的散装大米</t>
  </si>
  <si>
    <t>鸡蛋能捏碎吗</t>
  </si>
  <si>
    <t>只要用力均匀，用一只手是无法把鸡蛋给捏碎的。</t>
  </si>
  <si>
    <t>如果放在手心捏 绝对捏不碎 因为力具有传递性，当你捏的时候，通过鸡蛋里的液体把力传递给了鸡蛋的其他地方。 而鸡蛋壳是由碳酸钙构成的，有一定的坚固性，其实石头就是主要由碳酸钙构成。 十万个为什麼里面有提到. 因为鸡蛋是圆的而且是放在掌心,手指所做的力会传到掌心而抵销掉. 当然如果握不好,用力一压就裂了.就像在锅边磕碰一下鸡蛋就会碎一样，那是因为它受力不均匀。 因为它的形状是圆的，当我们把鸡蛋捏在手心 时，它表面所受的压力都是相等的；这个压力不够使蛋壳破裂，所以蛋壳不破。</t>
  </si>
  <si>
    <t>煮熟后蛋壳易碎，是因为鸡蛋内部体积膨胀，壳受到内部一个向外的作用力，你再用手从外向内施加一个力，它就更容易碎了。当我们把生鸡蛋捏在手心 时，它表面所受的压力都是相等的；这个压力不够使蛋壳破裂，所以蛋壳不破。因为力具有传递性，当用力捏的时候，通过鸡蛋里的液体把力传递给了鸡蛋的其他地方。此外，鸡蛋壳是由碳酸钙构成的，有一定的坚固性。</t>
  </si>
  <si>
    <t>你是用整个手掌捏的吧，就是包括手指，正常情况下，正常情况下用手掌肉就是不包括手指部分的手是捏不碎生鸡蛋的，但熟了的话，或许可以</t>
  </si>
  <si>
    <t>这个肯定可以捏碎，</t>
  </si>
  <si>
    <t>吃螃蟹影响月经</t>
  </si>
  <si>
    <t>一定会有影响，螃蟹吃多了有可能会使当月来两次月经等情况。</t>
  </si>
  <si>
    <t>严重影响，螃蟹性寒，就象来月经的时候喝凉水或冰冷食物，这样都会导致月经的提前或者推迟，严重者会有腹痛。</t>
  </si>
  <si>
    <t>可能会吧，可能会导致下一次月经肚子疼，或者量更多。</t>
  </si>
  <si>
    <t>螃蟹寒凉，如果身体本不太好肯定会有影响。</t>
  </si>
  <si>
    <t>会有一点影响的，螃蟹性寒，吃太多容易受寒，至血液不畅，月经延迟、量小、持续时间长等都是有可能发生的。</t>
  </si>
  <si>
    <t>一般情况下是不会的，对体质较弱或者体寒的女性来说，有可能会有些影响，毕竟螃蟹属于凉性的食物。</t>
  </si>
  <si>
    <t>有可能，螃蟹虽属于凉性但不至于推迟经期的正常时间，如果只是推迟了一周左右时间还是在正常范围，不用太担心。</t>
  </si>
  <si>
    <t>龙岗镇站是不是龙岗长途汽车站</t>
  </si>
  <si>
    <t>不是，龙港镇站早撤消了 。</t>
  </si>
  <si>
    <t>对，龙岗长途汽车客运站是在南联地铁站和双龙地铁站之间。</t>
  </si>
  <si>
    <t>深海有光吗</t>
  </si>
  <si>
    <t>　深海中没有阳光。</t>
  </si>
  <si>
    <t>眼睛是来接收光信息的。深海没有光，眼睛也就失去了作用，时间长就退化了吧。深海的鱼类为了生存当然也要感知世界，可能靠身体对热的感知吧</t>
  </si>
  <si>
    <t xml:space="preserve">这就怪了！不是“万物生长靠太阳”吗？这里没有一丝阳光，有的只是恶劣环境，怎么会出现这么多的生物呢？ 科学家进一步研究发现，像这样的“深海绿洲”并不是到处都有的，只有在海底温泉附近，才有这种生机勃勃的场面。 与陆地一样，在深海海底，有的地方是有温泉的，甚至是温度极高的温泉，人们称之为热泉。科学家已经探测到，在临近美国西海岸的海底深处，就有几十股热泉，泉水温度高达300°Ｃ。在东太平洋上的加拉帕戈斯群岛附近的海底，多处热泉水汩汩冒出，泉温达298°Ｃ ～320°Ｃ。泉口离海面有3000多米，“暗藏”得够深邃、隐蔽的了。 </t>
  </si>
  <si>
    <t>光线进入海水中，由于被水分子及悬浮物质的吸收和散射作用，使得光线很快减弱，到达一定的深度后，光就完全消失了。</t>
  </si>
  <si>
    <t>孕妇能不能做激光祛斑</t>
  </si>
  <si>
    <t>孕妇应该远离辐射，不能接近激光。</t>
  </si>
  <si>
    <t>不清楚，最好还是过了哺乳期去班安全</t>
  </si>
  <si>
    <t>激光对孕妇和胎儿是有影响的，是不可以做激光治疗的。</t>
  </si>
  <si>
    <t>凡是这些医疗设备，对人体都会有一定的副伤害。因此，在怀孕期间，只要不影响胎儿健康的成长，也没有让自己感到因此不舒服，就先不要去做这个手术。既然你都怀孕了，表示老公并不介意，所以没必要让自己冒险，让家人担心。</t>
  </si>
  <si>
    <t>保密协议有法律效力吗</t>
  </si>
  <si>
    <t>用人单位可以与劳动者签订保密协议，约定在劳动合同解除或终止后，劳动者承担保守相关商业秘密、知识产权以及竞业限制的义务，用人单位按月支付经济补偿。劳动者违反约定的，应当按约定支付违约金。＃＃是有效的，正常的保密协议。保密费用你可以要求一下，但一般保密费用已经包含在了你的工资当中。</t>
  </si>
  <si>
    <t>首先，保密费并非保密协议的必备条款；其次，如果资料遭他人窃取，如果你不存在工作上的失误导致窃取的发生，那就跟你没有任何关系。</t>
  </si>
  <si>
    <t>法律允许劳动关系当事人之间通过合同约定有关保守商业秘密的权利和义务。《劳动合同法》第23条第一款也规定，用人单位与劳动者可以在劳动合同中约定保守用人单位的商业秘密与知识产权相关的保密事项。</t>
  </si>
  <si>
    <t>协议内容只要是不违背法律和道德，你已签订代表你已经接受，就具有一定意义的法律效力一旦有违，就可以据提起法律诉讼</t>
  </si>
  <si>
    <t>泰国可以带水果回来吗</t>
  </si>
  <si>
    <t>可以带回来。</t>
  </si>
  <si>
    <t>新鲜水果是不能上飞机的，每个国家都有安全检疫。果干是可以，但是必须锡纸包装及出厂合格证等。</t>
  </si>
  <si>
    <t>中国海关规定，禁止旅客携带外国水果入境。无论是从哪个国家回国，都不允许携带水果进入中国境内，托运或随身携带都不可以。最主要是要防止水果中病虫害的传播，一般国家出入境都不允许带水果的!!</t>
  </si>
  <si>
    <t>水果干类型的可以.但是新鲜的水果是不可以的.海关的检验检疫是不让带的</t>
  </si>
  <si>
    <t>去泰国旅游不可以带水果回国，果干制品可以。</t>
  </si>
  <si>
    <t>6s签收还要身份证号码</t>
  </si>
  <si>
    <t>若只预约没交定金的，入网时填写的身份证可以与预约时填写的身份证不同</t>
  </si>
  <si>
    <t>建设局好吗</t>
  </si>
  <si>
    <t>城建职责是规划，建设主要为市政服务。建设局涵盖各行各业了。</t>
  </si>
  <si>
    <t>规划局是管房子怎么建的(房子建之前管理);建设局管理房子建设过程(房子正在建时管理,主要是质量和安全);房产局是在房建好后,办房产证和管物业管理的. 各地的设置方式不一样,有分开设的,也有合并一起的.</t>
  </si>
  <si>
    <t>我堂叔是在芜湖县建设局做的，我问了他，他跟我说县城乡建设规划办公室为首选，理由建设局下属的这个办公室是负责项目审批的，灰色收入最多，求这个办公室帮忙的人最多了，吃香的很。其次是城市房屋拆迁办公室。不要去园林管理处，清水衙门就靠工资没啥意思。给你个参考意见。</t>
  </si>
  <si>
    <t>好单位，钱多</t>
  </si>
  <si>
    <t>雪花铁皮有毒吗</t>
  </si>
  <si>
    <t>雪花铁皮又称镀锌铁皮。表层镀锌正常情况下对人体是不呈现毒性的，如果把它做成容器用来装水，短时间内不会有大量的锌离子析出也是没问题的。</t>
  </si>
  <si>
    <t>保鲜膜瘦腿有用吗</t>
  </si>
  <si>
    <t>保鲜膜怎么会瘦腿的了</t>
  </si>
  <si>
    <t>保鲜膜瘦腿的优点：1、保鲜膜瘦腿就是利用保鲜膜较低的透气性让身体局部各部位温度热量急剧增加，而当我们的身体温度提高时，体内就会自动排出多余的水分，促进新陈代谢，从而加快脂肪燃烧。2、如果人体不排汗，体内的毒素就无法排出，而用保鲜膜包裹住就可以大量促进排汗，让汗水从汗腺或皮脂腺排出，同时还可以排泄出体内的废物，从而排毒瘦身。保鲜膜瘦腿的缺点：1、减去的是水分保鲜膜减肥法的原理和利尿剂差不多，主要是通过减肥身体水分而达到减轻体重的目的和效果，其体重减轻的效果只是减掉的体内的水分，而不是脂肪肥肉。2、有过敏危险由于腿部被保鲜膜包裹，细胞会因不能正常代谢而过度失水，皮肤被保鲜膜包裹会影响到汗液的正常挥发，易产生副作用，长时间作用下，容易引起湿疹、毛囊炎等皮肤病。3、吸出毒素或进体内有的保鲜膜本身质量不好，在运动时，腿部产热，随着温度升高，保鲜膜还会有毒素吸出，这些毒素就很可能进入到人体里。4、对人体温度平衡不利使得局部温度升高，容易造成脱去体内水分，看上去人瘦了，但并没有消耗掉脂肪，实际上运动中人体最佳的体温37.2℃，人为升高体温反而不利于健康。</t>
  </si>
  <si>
    <t>保鲜膜透气性低，身体包裹保鲜膜运动能够使身体局部燃烧热量增加，有效的进行大量排汗，加速脂肪燃烧。</t>
  </si>
  <si>
    <t>这样的方法确实可以有减肥的效果.但是会反弹的.</t>
  </si>
  <si>
    <t>保鲜膜瘦腿最快速</t>
  </si>
  <si>
    <t>保鲜膜瘦腿法的原理，利用保鲜膜较低的透气性，然后让身体局部各部位热量急剧增加，从而引起大量排汗而燃烧消耗脂肪，最后达到减肥瘦身的效果。其实保鲜膜减肥法原理和利尿剂一样，通过减少身体水分，达到减少体重的目的。</t>
  </si>
  <si>
    <t>用保鲜膜是会有效果</t>
  </si>
  <si>
    <t>重启免疫系统是真的吗</t>
  </si>
  <si>
    <t>确实为真的。</t>
  </si>
  <si>
    <t>是真的，</t>
  </si>
  <si>
    <t>是真的，不过也因人而异。有严重贫血、身体虚弱的患者不能用此方法。比如适当输血就可以促进新陈代谢。道家就有用断食（辟谷）的方法来增加功力修养，激发自身体质，提高体质养生的做法。</t>
  </si>
  <si>
    <t>没有任何证据能说明这是真的</t>
  </si>
  <si>
    <t>是真的。但是两天达不到效果，有的说需要三天，也就是72小时。</t>
  </si>
  <si>
    <t>黄头侧颈龟需要晒灯吗</t>
  </si>
  <si>
    <t>长期不晒背会软甲</t>
  </si>
  <si>
    <t>有露出水面的台子就加晒灯，没有的话没必要，但是最好是有一个出水的晒台</t>
  </si>
  <si>
    <t>有加热棒也要有晒灯的，作用不一样。</t>
  </si>
  <si>
    <t>洋葱苗能吃吗</t>
  </si>
  <si>
    <t>洋葱长出苗是可以吃的</t>
  </si>
  <si>
    <t>可以的，洋葱苗可以当小葱吃的</t>
  </si>
  <si>
    <t>不能吃了 最好不要吃了</t>
  </si>
  <si>
    <t>用来煮意大利面很不错的。</t>
  </si>
  <si>
    <t>生吃，蘸酱。</t>
  </si>
  <si>
    <t>能食用，洋葱、葱苗都能吃的</t>
  </si>
  <si>
    <t>马丽是不是喜欢沈腾</t>
  </si>
  <si>
    <t>沈腾马丽是朋友关系，同事关系</t>
  </si>
  <si>
    <t>不是，他俩只是搭档和好朋友，沈腾有女朋友，都谈了10几年了。</t>
  </si>
  <si>
    <t>不是 只是搭档而已</t>
  </si>
  <si>
    <t>晚上可以喝蜂蜜吗</t>
  </si>
  <si>
    <t>可以的、晚上喝蜂蜜可以促进睡眠的。</t>
  </si>
  <si>
    <t>中医有句话：“朝朝盐水，晚晚蜜汤”。说的意思是：每天早起空腹喝淡盐水，每天晚上睡前喝蜂蜜水。</t>
  </si>
  <si>
    <t>晚上喝蜂蜜最好</t>
  </si>
  <si>
    <t>什么时候食用都可以，只要你想食用就是最佳的时间。蜂蜜润肠润肺。</t>
  </si>
  <si>
    <t>睡前一杯蜂蜜水安神助眠中医有句话：“朝朝盐水，晚晚蜜汤”。说的意思是：每天早起空腹喝淡盐水，每天晚上睡前喝蜂蜜水。蜂蜜中的葡萄糖、维生素可以调节神经系统功能，缓解神经紧张，促进睡眠，而且没有任何副作用。睡前一杯蜂蜜水，可以帮你舒缓情绪，提高睡眠质量。</t>
  </si>
  <si>
    <t>晚上喝蜂蜜水有助于美容养颜，并补充各种微量元素。</t>
  </si>
  <si>
    <t>这是养胃的，同时有利于身体各个部分的休息！！！让你的皮肤更好，晚上喝蜂蜜水比早上好，在早上我建议您喝一杯白开水这有利于肠道的蠕动和吸收</t>
  </si>
  <si>
    <t>处多，这样有利于诱导睡眠。</t>
  </si>
  <si>
    <t>小米盒子可以玩极品飞车吗</t>
  </si>
  <si>
    <t>必须能玩。</t>
  </si>
  <si>
    <t>"小米盒子增强版增强版2G的可以玩，其它的配置够呛。特别说明一下，游戏千万要在专门的电视游戏厅下，其他手机版或者应用市场的都不能玩（没有适配手柄或者直接闪退），找了好多版本，最后在飞智游戏厅才找到了个能玩的。</t>
  </si>
  <si>
    <t>肯定的告诉你，不能。</t>
  </si>
  <si>
    <t>内存足够就可以玩的</t>
  </si>
  <si>
    <t>学霸快乐还是学渣快乐</t>
  </si>
  <si>
    <t>快乐和学习好坏并没有任何关系，学习好的学霸可以快乐，学习不好的学渣也可以快乐</t>
  </si>
  <si>
    <t>都快乐。</t>
  </si>
  <si>
    <t>学霸自有学习的快乐，学渣不懂。学渣出去浪自有他的快乐，学霸不懂。每个人都有自己的快乐，你不能说白天和晚上哪个好，我的回答是都有各的好处，都有各的快乐。</t>
  </si>
  <si>
    <t>德盛人才靠谱吗</t>
  </si>
  <si>
    <t>他们会给你安排面试，如果入职成功的话第一个月工资需要抽佣金，公司其实还不错，但是要看你希望寻找的职位与他们的推荐是否在一个水平线上</t>
  </si>
  <si>
    <t>自卖自夸，我们公司不错的。</t>
  </si>
  <si>
    <t>还行吧，全称应该是德盛人才白领推荐中心，总部在上海，北京、南京等地有它的分公司。</t>
  </si>
  <si>
    <t>美图看看好用吗</t>
  </si>
  <si>
    <t>没用过。</t>
  </si>
  <si>
    <t>那软件不行，没什么好功能</t>
  </si>
  <si>
    <t>磷酸奥司他韦颗粒是抗病毒药吗</t>
  </si>
  <si>
    <t>奥司他韦是专门针对流感病毒的抗病毒药</t>
  </si>
  <si>
    <t>奥司他韦是目前最好的抗病毒药物，主治就是抗病毒，当然可以吃。</t>
  </si>
  <si>
    <t>最好不用，它类似于当初用来治疗H1N1的达菲，效果好，但用于治感冒副作用太大</t>
  </si>
  <si>
    <t>属于抗病毒药物，多治疗病毒性感冒，肺炎。</t>
  </si>
  <si>
    <t>深圳可以骑自行车吗</t>
  </si>
  <si>
    <t>可以，但不能上机动车道，换个说法，只能在人行道上骑行。</t>
  </si>
  <si>
    <t>为什么不可以骑 难道大街上没有骑的吗</t>
  </si>
  <si>
    <t>可以，注意车</t>
  </si>
  <si>
    <t>收付宝安全吗</t>
  </si>
  <si>
    <t>这个我还真不知道这个牌子，毕竟现在pos机太多商家了，我觉得pos机安不安全</t>
  </si>
  <si>
    <t>可以用，银联合作的，安全有保障。</t>
  </si>
  <si>
    <t>感觉不是特别保险。</t>
  </si>
  <si>
    <t>验孕酮和hcg要空腹吗</t>
  </si>
  <si>
    <t>要空腹的（水也不能喝），这样 更精确些。有些医生说不需要空腹，有些说要空腹，如果方便的话，还是建议空腹吧。</t>
  </si>
  <si>
    <t>不用空腹</t>
  </si>
  <si>
    <t>不需要空腹的</t>
  </si>
  <si>
    <t>是的，要空腹哦。</t>
  </si>
  <si>
    <t>hcg与孕酮最好去空腹检查</t>
  </si>
  <si>
    <t>不需要空腹检查的。一般查肝肾功能，做肝胆彩超需要空腹检查的</t>
  </si>
  <si>
    <t>国内的手机在日本能用吗</t>
  </si>
  <si>
    <t>日本的手机网络是WCDMA，因此，中国手机支持WCDMA的就有可能去日本用。你也可以柜台确认一下，然后办理国际漫游。</t>
  </si>
  <si>
    <t>需要携带WCDMA制式的3G手机，并开通移动相关业务或使用联通的186卡号</t>
  </si>
  <si>
    <t>没网络锁的，支持WCDMA的，去日本基本都可以用【不排除部分频段不匹配的不能用】</t>
  </si>
  <si>
    <t>不可以的。 日本的网络不支持中国任何手机</t>
  </si>
  <si>
    <t>没用，只能去日本买的才可以用</t>
  </si>
  <si>
    <t>国内的手机能否在日本使用需要看中国手机支持的网络制式了</t>
  </si>
  <si>
    <t>能，到日本当地后在机场重新办张日本当地的电话卡，或联系电信/移动/联通让他们帮您打开国际长途，开通后他们会教您如何使用的。</t>
  </si>
  <si>
    <t>必须可以啊！</t>
  </si>
  <si>
    <t>中国的手机带到日本，无论哪个牌子都不能使用。</t>
  </si>
  <si>
    <t>江南三部曲好看吗</t>
  </si>
  <si>
    <t>江南三部曲，是著名作家格非从上世纪九十年代中期开始酝酿构思，沉潜求素，到2011年终于完成定稿的系列长篇巨作。作者在坚守高贵艺术性的同时，用具有穿透力的思考和叙事呈现了一个世纪以来中国社会内在精神的衍变轨迹。</t>
  </si>
  <si>
    <t>春天有蝴蝶吗</t>
  </si>
  <si>
    <t>一般热带，亚热带不分四季，有分旱季，雨季的，也有分干季，湿季，热季的，还有的全年高温多雨，所以那里全年都有蝴蝶，在北方，是温带季风，大陆的气候，冬天的时候蝴蝶都在卵里，等到春天气候适宜的时候，他们就孵化了。</t>
  </si>
  <si>
    <t>有，很多种类蝴蝶有春夏两型之分，春天一般数量偏少</t>
  </si>
  <si>
    <t>春天有蝴蝶.</t>
  </si>
  <si>
    <t>星享卡金卡会降级吗</t>
  </si>
  <si>
    <t>星巴克星享卡升级金卡后，有效期：在帐户周年复审日之前的 12 个月内没有累积到 25 颗星星，将在帐户周年复审日后从“金星级”会员降为“银星级”会员。</t>
  </si>
  <si>
    <t>怀孕能喝菊花枸杞茶吗</t>
  </si>
  <si>
    <t>可以喝，但不宜多喝</t>
  </si>
  <si>
    <t>不建议饮用</t>
  </si>
  <si>
    <t>看情况吧</t>
  </si>
  <si>
    <t>枸杞泡茶可以喝，其他的花茶还是不要喝了</t>
  </si>
  <si>
    <t>瑞士军刀高铁能带吗</t>
  </si>
  <si>
    <t>查到没收</t>
  </si>
  <si>
    <t>可以的。我经常带。</t>
  </si>
  <si>
    <t>不可以佩戴的</t>
  </si>
  <si>
    <t>前列腺可以报销吗</t>
  </si>
  <si>
    <t>前列腺炎一般是可以报销的</t>
  </si>
  <si>
    <t>国家医保不住院的话都不能报销的，你说的有的不住院也能报销那是指的办理有特病的情况。</t>
  </si>
  <si>
    <t>可以的，这是男性常见病，属于医保范畴的</t>
  </si>
  <si>
    <t>？前列腺炎治疗一般在门诊进行，不需要住院的，不在报销范围内</t>
  </si>
  <si>
    <t>只要你参加医保，治疗前列腺疾病发生的医疗费用肯定是可以在医保中报销的，但能报销多少，各地政策规定和待遇不一样。前列腺是否能治疗好，可以向当地医院的医生咨询。</t>
  </si>
  <si>
    <t>在线听歌费流量吗</t>
  </si>
  <si>
    <t>要是边听边下载的话，等同于你是在下载这首歌，一首歌4M 100 M/4M=25首，但是你在开网页，或链接播放器也耗流量，因此最后可以听的数量小于25首，最多也就是24首！</t>
  </si>
  <si>
    <t>不是很费</t>
  </si>
  <si>
    <t>在网上听歌不是很费流量，但是如果你一边听一边下载，那么你的电话很快就能停机！</t>
  </si>
  <si>
    <t>在线听是费流量的</t>
  </si>
  <si>
    <t>挺耗流量的。</t>
  </si>
  <si>
    <t>很费</t>
  </si>
  <si>
    <t>psv可以带上飞机吗</t>
  </si>
  <si>
    <t>当然可以，不过玩的时候一定要开飞行模式，否则会干扰飞机的正常工作。</t>
  </si>
  <si>
    <t>可以的，过安检时和手机笔记本一样要单独检查，上飞机开个飞行模式</t>
  </si>
  <si>
    <t>可以，完全没问题！</t>
  </si>
  <si>
    <t>理论上是允许的,但是要在飞机平稳后才能开启,起飞和降落时是不允许的</t>
  </si>
  <si>
    <t>带上去可以，但是不能开机</t>
  </si>
  <si>
    <t>chens手表是杂牌吗</t>
  </si>
  <si>
    <t>真正的瑞士手表会在表盘、表底、机芯上刻印SWISS MADE标志的，这个标志在法律上有明确而详细的规定，只有真正的瑞士手表才能使用。可以看看chens的手表有没有这个标志来做出判定。</t>
  </si>
  <si>
    <t>星际争霸2国服要钱吗</t>
  </si>
  <si>
    <t>90元解锁战役，排名比赛。自定义游戏，游戏大厅以及其他不收费</t>
  </si>
  <si>
    <t>正版要钱</t>
  </si>
  <si>
    <t>要的，激活畅游版需要90元</t>
  </si>
  <si>
    <t>星际2是暴雪的一款即时战略游戏。现在采取的是买断制。需要话90人民币就可以体验完整的游戏。</t>
  </si>
  <si>
    <t>没那么复杂正解：星际争霸2是由网易全权代理，去官网游戏频道直接下载约 8G 左右，解压后，直接游戏，一分钱不交就只能玩人族。交90元后享受所有权限，其他种族地图等等所有功能什么的都能玩，意思就是90元买所有！过几天不用交其他费用直接升级新版本==虫群之心，就这么简单＃＃如果你不花钱的话 可以免费玩试玩版试玩版你只可以用人族，打几个战役，几张固定的试玩版地图（你可以在这几张地图上与其他人对战或者打电脑）。试玩版不可以加入聊天频道 也不可以打天梯如果想体验全部内容 就要花钱了一种是月卡的形式 20元可以玩30天另一种是90元 可以无限期玩</t>
  </si>
  <si>
    <t>蜂王浆有保质期吗</t>
  </si>
  <si>
    <t>: 蜂王浆要求在低温下贮存,贮存温度以-5-7℃为宜.实践证明,在这样的温度条件下,存放一年,其成分变化甚微,在-18℃的条件下可存放数年,不会变质. 胶囊和片剂可以在常温下可保存2年</t>
  </si>
  <si>
    <t>蜂王浆要求在低温下贮存,贮存温度以-5—-7℃为宜.实践证明,在这样的温度条件下,存放一年,其成分变化甚微,在-18℃的条件下可存放数年,不会变质. 胶囊和片剂可以在常温下可保存2年</t>
  </si>
  <si>
    <t>一般是18个月</t>
  </si>
  <si>
    <t>零下3-5度保质期为一年，零下18度保质期为三年</t>
  </si>
  <si>
    <t>保质期通常为两年</t>
  </si>
  <si>
    <t>有没有读文字的软件</t>
  </si>
  <si>
    <t>有很多的</t>
  </si>
  <si>
    <t>mac升级系统需要备份吗</t>
  </si>
  <si>
    <t>最好先用iTunes在电脑里手动备份一下手机，然后在升级系统。</t>
  </si>
  <si>
    <t>正常升级系统不需要备份手机数据，并不会导致设备数据丢失。</t>
  </si>
  <si>
    <t>iphone系统升级前可以不备份</t>
  </si>
  <si>
    <t>手动备份</t>
  </si>
  <si>
    <t>不会自动备份，但是也不需要备份，更新系统不会丢失东西。</t>
  </si>
  <si>
    <t>石原里美在日本红吗</t>
  </si>
  <si>
    <t>石原里美挺红的，但不是天后，差着一段距离。</t>
  </si>
  <si>
    <t>她这两年真的很红啊！</t>
  </si>
  <si>
    <t>桂花可以泡酒吗</t>
  </si>
  <si>
    <t>因为桂花性辛，温，刚摘下的桂花需要先用盐水清洗，晒干。桂花之所以在9~10月开花，是药用是适宜冬季温补。老人在冬季泡桂花酒喝，可缓解冷引起的胃部不适，温中散寒，解除冷痛感，当然桂花泡酒还可治疗口干舌燥，润肠通便，减轻胀气肠胃不适；同时还有美白皮肤，解除体内毒的功效。</t>
  </si>
  <si>
    <t>可以，也可以直接用白糖腌制后，随时都可以用。</t>
  </si>
  <si>
    <t>先腌一下桂花，是为了能在装瓶后能快速沉下去，否则怕变质。前几天最好每天把瓶子摇晃几下，有利于冰糖溶化。桂花别放太多，太多了酒会有苦味。一般八月泡酒，春节时开瓶是最好的，味道好，也有意义，如果等不及，三个月也可以了。</t>
  </si>
  <si>
    <t>自己摘的桂花是可以泡酒的，记得处理干净哦。喝桂花酒的效果：软化血管、补钙、补血、防癌、健脑、降胆固醇、养肝、降压</t>
  </si>
  <si>
    <t>哺乳期能吃木瓜吗</t>
  </si>
  <si>
    <t>可以木瓜的营养价值木瓜，味甘性平。功效很多，降压、解毒、消肿驱虫，帮助乳汁分泌，让胸部更丰满、消脂减肥等。木瓜的营养成分主要有糖类、膳食纤维、蛋白质、维生素B、C、钙、钾、铁等，产于我国南方。我国自古就有用木瓜来催乳的传统。</t>
  </si>
  <si>
    <t>没多大影响的，</t>
  </si>
  <si>
    <t>哺乳期吃木瓜的好处：木瓜含有某些雌激素，对于没有奶的妈妈尅起到催乳的作用。乳汁缺乏的女性食用能增加乳汁。在各种丰胸蔬果中，效果最好的首推木瓜。其含量丰富的木瓜酵素和维生素A能刺激女性荷尔蒙分泌，有助于胸型完美，丰胸用青木瓜效果最好。另外木瓜具有助消化，具有促进伤口愈合和通便等的作用，木瓜也可以帮助促进剖腹产妇的伤口愈合，所以剖腹产的妈妈们多吃些木瓜是有好处的。</t>
  </si>
  <si>
    <t>当然可以啦， 木瓜是很下奶的哦， 可以多吃的哈，木瓜可以好东西哦， 木瓜可以很多吃哈， 熟的木瓜还可以当水果哦。生的木瓜可以弄鲫鱼木瓜汤</t>
  </si>
  <si>
    <t>可以吃木瓜的,而且木瓜是催乳的,吃了奶会更加多</t>
  </si>
  <si>
    <t>可以吃啊，相当于普通水果呀，生吃注意控制量就好了</t>
  </si>
  <si>
    <t>糖尿病雌激素低可以怀孕吗</t>
  </si>
  <si>
    <t>建议在日常生活中，多摄入蔬菜瓜果，保持大量维生素E、维生素B2，以及坚持进行适当的体育锻炼、保持良好的心态。</t>
  </si>
  <si>
    <t>糖尿病影响女性的生殖功能主要表现在在育龄患者，其卵巢内分泌功能呈不同程度的衰退，出现无排卵月经甚至闭经，测定雌激素及孕激素均低于正常。无排卵、怀孕率低及过早绝经等卵巢功能低下严重影响女性朋友的生殖功能</t>
  </si>
  <si>
    <t>自由之战斯图尔特厉害吗</t>
  </si>
  <si>
    <t>猥琐流</t>
  </si>
  <si>
    <t>心脏支架能吃壮阳药吗</t>
  </si>
  <si>
    <t>不可以的，此类药物会导致血液循环加速，会加重心脏负担</t>
  </si>
  <si>
    <t>为了身体健康，还是不要。</t>
  </si>
  <si>
    <t>如果有适应症的话可以服用，但是不要跟治疗心脏病的药物一起服用</t>
  </si>
  <si>
    <t>月经期能吃阿胶糕吗</t>
  </si>
  <si>
    <t>阿胶是补血、止血之圣药，对于女性因为血虚造成的月经不调需对症治疗月经不调具有很好的恢复调节作用。食用阿胶，能促进血中红细胞和血红蛋白生成（作用优于铁剂）。由于阿胶的功效主要是补血，适合血虚的人，因此，面色枯萎，指甲口唇没有血色的女性在血虚时食用最适合。</t>
  </si>
  <si>
    <t>女性经期不可以吃阿胶，阿胶虽然是有益的补品，对于治疗女性月经不调有着功效，可是月经期也是不能吃的，另外我们在平时吃阿胶糕的时候也要注意防止上火的情况，一般要配合别的饮食或是蔬菜来进行调理最好。</t>
  </si>
  <si>
    <t>不建议吃</t>
  </si>
  <si>
    <t>微溶算沉淀吗</t>
  </si>
  <si>
    <t>反应物的话要看溶液是不是澄清的，一般生成物中算沉淀</t>
  </si>
  <si>
    <t>微溶属于沉淀。</t>
  </si>
  <si>
    <t>不能，不溶才是沉淀.</t>
  </si>
  <si>
    <t>微溶看情况，当反应的时候你的溶液能够吧这些都溶解的话就不算沉淀，比如澄清石灰水中，氢氧化钙就不算沉淀，但是如果反应的时候溶液不能完全溶解，其实这个状况是占绝大多数情况，就是沉淀了。</t>
  </si>
  <si>
    <t>CaCl2.如果质量分数大的话会是沉淀，相反是溶液。</t>
  </si>
  <si>
    <t>app store 安全吗</t>
  </si>
  <si>
    <t>百分之九十九点九安全。</t>
  </si>
  <si>
    <t>可以放心下载</t>
  </si>
  <si>
    <t>绝对安全，</t>
  </si>
  <si>
    <t>是官方的，下载软件比较安全。</t>
  </si>
  <si>
    <t>奶牛会一直产奶吗</t>
  </si>
  <si>
    <t>奶牛在产犊后就进入泌乳期，如果母牛第一次产犊后不再配种,可一直将奶产下去，但产奶量到第三个月左右达到高峰后,以后就会逐渐下降，这样不划算,所以产后不久，约2~3个月内,就再给母牛配上种,而母牛的妊娠期是285天左右，为了保证胎儿正常发育,当妊娠到7个多月后,要停止挤奶二个月,这就叫干乳期。产犊后又挤奶。 2.奶牛的妊娠与泌乳规律与人类不同。妇女在泌乳期一受孕,马上就会停止泌乳的,而奶牛则可一边泌乳,一边怀胎。 3.牛的挤乳期一般是305天左右，再加上60天干乳期,正好为一整年。因此牛不是天天都能挤奶,在一年内也只能产仔一次。</t>
  </si>
  <si>
    <t>女人喝大红袍好吗</t>
  </si>
  <si>
    <t>好，喝大红袍可以延缓衰老、抑制心血管疾病、防癌抗癌、有助于预防和治疗辐射伤害。</t>
  </si>
  <si>
    <t>可以喝的，很多女人喝大红袍。</t>
  </si>
  <si>
    <t>养胃，养颜，很不错。</t>
  </si>
  <si>
    <t>可以的，因为暖身暖胃.</t>
  </si>
  <si>
    <t>首先大红袍是属于红茶的，女人喝红茶养胃暖胃，红茶是经过深度发酵的茶，味道非常的醇厚，西红茶也分很多的，你说的大红袍只是红茶的一类 ，还有一种紫阳富硒红茶，因为含有微量化学元素硒，有很好的减肥效果的。</t>
  </si>
  <si>
    <t>影院工作好吗</t>
  </si>
  <si>
    <t>电影院的工作应该是跟人打交道比较多的岗位，如果干好了可以提升自己的沟通能力，对今后的职业发展是有好处的。</t>
  </si>
  <si>
    <t>在我看来是很好的，如果你热爱电影的话，去电影院上班是一个不错的选择</t>
  </si>
  <si>
    <t>刘玉玲会说中文吗</t>
  </si>
  <si>
    <t>应该会的</t>
  </si>
  <si>
    <t>不会吧</t>
  </si>
  <si>
    <t>她在美国有五岁了也不会说英语，这之前应该说的就是中文而且你看上海正午当中的刘玉玲饰演的佩佩公主就有说过中文</t>
  </si>
  <si>
    <t>她应该不会讲中文的说。</t>
  </si>
  <si>
    <t>ipad可以插sd卡吗</t>
  </si>
  <si>
    <t>iPad 产品是内置储存的，没有设计以及预留SD卡槽的</t>
  </si>
  <si>
    <t>但是可以通过iPad专用的 SD卡读卡器进行扩展！可以支持媒体文件视频 音频 TXT等格式</t>
  </si>
  <si>
    <t>通过相机套件可以插SD卡或小容量的u盘，越狱后可以读取sd卡中的视频</t>
  </si>
  <si>
    <t>iPad不支持扩展SD卡的</t>
  </si>
  <si>
    <t>硫化钠是盐吗</t>
  </si>
  <si>
    <t>硫化钠是不含氧元素的盐。</t>
  </si>
  <si>
    <t>不是盐。</t>
  </si>
  <si>
    <t>硫化钠，Na2S，属于盐，阳离子为Na+，阴离子为S2-，为酸根离子，是氢硫酸的酸根离子。</t>
  </si>
  <si>
    <t>不是盐，是硫化物</t>
  </si>
  <si>
    <t>视赚商城是真的吗</t>
  </si>
  <si>
    <t>您好，这个不是骗人的，因为我已经兑换过两次50元话费的，并且都到账了！</t>
  </si>
  <si>
    <t>是的，转载视频需要自己下载视频下来，上传到自己视频帐号，完成后可以得到几块钱。</t>
  </si>
  <si>
    <t>手动剃须刀能带上飞机</t>
  </si>
  <si>
    <t>按航空安检规定，有锋利刀刃的利器都不能随身携带登机，所以手动剃须刀只能放入托运行李中托运。</t>
  </si>
  <si>
    <t>独立刀片式手动剃须刀是不能带上飞机，只能随行李托运，非独立刀片式手动剃须刀是可以带上飞机的。</t>
  </si>
  <si>
    <t>刀片式剃须刀不能带上飞机，只能随行李托运。</t>
  </si>
  <si>
    <t>烟可以带上飞机</t>
  </si>
  <si>
    <t>限制携带数量的是国家烟草专卖局。按照国家烟草专卖局的规定：在未办理任何手续的情况下，旅客个人携带的香烟数量不能超过50条</t>
  </si>
  <si>
    <t>如果楼主出境，楼主要入境的海关会有限制。具体限制因所到国家或地区不同而不同，一般不允许超过2条或400支</t>
  </si>
  <si>
    <t>可以，不能过量</t>
  </si>
  <si>
    <t>乘飞机可以带烟，国际航班不超过两条；国内航班没有具体规定，行李装满香烟都没问题。</t>
  </si>
  <si>
    <t>可以带烟。但是一般只能带两条烟</t>
  </si>
  <si>
    <t>烟可以随身带上飞机，从境外带烟一人最多两条400支。 国内航班没有关税的问题,所以对香烟数量不限制,只要不超重就行。随身行李每人5公斤。</t>
  </si>
  <si>
    <t>都不许带，万一着火了，会爆炸的</t>
  </si>
  <si>
    <t>各个机场要求不太一样，打电话到当地机场 安检站询问吧。</t>
  </si>
  <si>
    <t>甘蔗降火么</t>
  </si>
  <si>
    <t>甘蔗性凉。为甘甜。清热去火。</t>
  </si>
  <si>
    <t>甘蔗当然是上火、和喝红糖水一样。</t>
  </si>
  <si>
    <t>因为甘蔗味甘性寒，甘可滋补养血，寒可清 热生津，故有滋养润燥之功，适用于低血糖症、心脏衰弱、津液不足、咽喉肿痛、大便干结、虚热咳嗽等病症。</t>
  </si>
  <si>
    <t>要看是哪种甘蔗，老人们都说，黑皮甘蔗是湿热的，而青皮甘蔗则是清凉下火。</t>
  </si>
  <si>
    <t>吃多了就上火了啊</t>
  </si>
  <si>
    <t>甘蔗一般分为两种，一种是皮色青黄的黄皮蔗，俗称黄皮果蔗，它是味甘而性凉的，有清热之效，能解肺热和肠胃热肺热咳嗽，这种是不会上火的。另一种是皮色深紫近黑的甘蔗，俗称黑皮蔗，性质温火，喉痛热盛者则不宜。</t>
  </si>
  <si>
    <t>无甘蔗具有清热、生津、润燥、补肺益胃的作用。</t>
  </si>
  <si>
    <t>下火的</t>
  </si>
  <si>
    <t>上火</t>
  </si>
  <si>
    <t>速度与激情7有保罗吗</t>
  </si>
  <si>
    <t>没有，保罗前面已经拍了很多了，结局也改了后面是他的两个兄弟替身的，再加上电脑技术合成了他的脸，为了送别保罗，缅怀保罗。</t>
  </si>
  <si>
    <t>保罗的弟弟是在《速7》迪拜戏份时进组拍摄，而保罗生前也在迪拜拍摄过一段时间。在影片中，迪拜戏份在后半段，因此，弟弟的替身戏份也在后半段，而前期布莱恩的一系列动作、打斗戏份，应该都是保罗亲自完成。</t>
  </si>
  <si>
    <t>大动脉炎能治好吗</t>
  </si>
  <si>
    <t>大动脉炎属于自身免疫性疾病，引起颈动脉 椎动脉 头臂动脉 肾动脉 肺动脉 胸腹主动脉的血管狭窄或闭塞、血管炎症、动脉内膜增厚 。需要一个综合性的治疗。需要医生的医术和患者的配合治疗，是一个长时间的治疗过程，有很多患者可以停药。</t>
  </si>
  <si>
    <t>看病情的程度和医生的水平以及病人的配合怎样。</t>
  </si>
  <si>
    <t>找中医火神派的医生即可以治好。</t>
  </si>
  <si>
    <t>坚持正规的治疗 能够达到彻底停药 结婚生子 正常工作 生活寿命不受影响。</t>
  </si>
  <si>
    <t>在病情还没有对心脑肾等脏器有严重影响的情况下，大动脉炎经过规范治疗，可以不影响寿命，不影响正常的工作 学习 生活 生育等。所以尽早治疗好。</t>
  </si>
  <si>
    <t>这个是可以治疗的，主要看你的病情现在情况是什么样的，这种情况多久了》今年多大年龄了？</t>
  </si>
  <si>
    <t>别担心，能治</t>
  </si>
  <si>
    <t>不太好治疗，但也不要悲观</t>
  </si>
  <si>
    <t>男人喜欢胖女人吗</t>
  </si>
  <si>
    <t>其实男人都比较喜欢胖女人\x0d现代女人追求苗条的身材，我想是误入广告的圈套，女人瘦削，如果是遗传的原因，那想胖也胖不了，但现在铺天盖地广告的误导，使人们觉得，只有骨瘦如柴才是美，从而产生了不良的后果，有人为了达到瘦身的目的，可谓费尽心机，各种减肥药用过后，却没有什么效果。现代的女人说，美是为自己，主要是增加男人的目光来看，美要美得自然，其实男人更喜欢体态丰满的女人，网上无事的人做过统计，男人红楼梦里更愿意娶薛宝钗为妻，抛却性格因素不谈，是因为薛宝钗更丰满。在古代著名的四大美女中，只有西施可能是瘦女人，而且更可能是南方族群的原因，楚王喜细腰，更可能是南方人身材较瘦小，腰身过肥而难看，其实更喜欢的是身材匀称的美女，而不是芦柴棒式的女人。在原始的农业社会里，为了哺乳和人类的繁衍，胖女人是首选，首先体现在男人的尊严上，胖表示富贵，也体现在男人的能力上，女人吃得白白胖胖，男人脸上有光，充满了成就感。看了古代的宫女图，如汉唐时期，丰腴的女人更吃香，皇帝们更喜欢丰乳肥臂式的美女，在现代社会，为了美观，男人选择瘦小型，但为了实用，则丰满的女人是首选，从年龄结构来说，年轻的男人喜欢瘦女人，结过婚的男人，更喜欢丰满的女人。</t>
  </si>
  <si>
    <t>男人的心理及生理上来讲，他们更钟情于比较胖点的女人。</t>
  </si>
  <si>
    <t>胖子给人以善良憨厚的好感一样，胖女人也有着骨感美女无法拥有的致命魅力，所以说从男人的心理及生理上来讲，他们更钟情于比较胖点的女人。</t>
  </si>
  <si>
    <t>每个人有每个人的喜好，大多数人都喜欢丰满的女孩</t>
  </si>
  <si>
    <t>天天看有病毒?</t>
  </si>
  <si>
    <t>有毒的，从官网上下载也会被金山还有电脑管家扫描到病毒。</t>
  </si>
  <si>
    <t>要看又被有被人家捆绑恶意软件了（木马、病毒），正常这些软件官方的的都没有毒的，但是如果是一些乱七八糟的网站提供下载，就不能保证了</t>
  </si>
  <si>
    <t>如果您怀疑您使用的音乐播放器有病毒有的话，您可以使用腾讯电脑管家对您的电脑进行一下全面的杀毒扫描，打开腾讯电脑管家中的杀毒功能选择闪电查杀或者全盘查杀就可以的哦，扫面完毕以后如果显示没有病毒的话那就是安全的，您可以点击这里下载最新版的腾讯电脑管家：最新版腾讯电脑管家下载</t>
  </si>
  <si>
    <t>不建议你用，用射手吧，没有插件，还能自动加载字幕，非常不错，希望能帮助你</t>
  </si>
  <si>
    <t>数据库不一样，你改成用——PPS看电影或者用金山杀毒吧。</t>
  </si>
  <si>
    <t>婴儿床摇篮有用吗</t>
  </si>
  <si>
    <t>个人感觉不大，一般放下去就哭了，哭了还是要抱起来所以感觉没什么用</t>
  </si>
  <si>
    <t>觉得还是有必要的，因为有摇篮，婴儿会更容易入睡的，摇着摇着就睡啦。</t>
  </si>
  <si>
    <t>没必要，孩子睡觉不要这样摇来摇去的，有可能还会影响孩子脑部发育。</t>
  </si>
  <si>
    <t xml:space="preserve">婴儿床的摇篮是很实用的，摇篮对婴幼儿具有安抚舒畅的功效，以及减少婴幼儿对父母的依赖，是现代家庭带宝宝的好帮手。 </t>
  </si>
  <si>
    <t>历史上有没有薛丁山</t>
  </si>
  <si>
    <t>历史上没有，但薛仁贵是有的。他是李世民以及唐高宗李治时期主要的东征将领。</t>
  </si>
  <si>
    <t>历史没有薛丁山，这小说演义人物，其历史原型为唐朝名将薛仁贵的儿子薛讷。</t>
  </si>
  <si>
    <t>没有这个人，都是后来的小说家虚构出来的人物</t>
  </si>
  <si>
    <t>历史上没有薛丁山这个人。但是有他的原型人物。</t>
  </si>
  <si>
    <t>有的，详细一点可以百度百科</t>
  </si>
  <si>
    <t>这一个人好像应该有的，还是很出名的呢，应该都有的，</t>
  </si>
  <si>
    <t>没有，薛仁贵历史确有其人，至于薛丁山、薛刚则是评书《薛家将》里虚构的人物。</t>
  </si>
  <si>
    <t>有狼人吗</t>
  </si>
  <si>
    <t>有狼人，这是真相，国内有，国外也有，其实除了真正的人类之外，还有好多各个物种的众生化现成人的样子，犬科类的，猫科，禽部的，狮部的，猴等等，这个仔细看相都是能看出来的，各类众生都在社会中扮演不同角色，上演着一幕幕有声有色的活剧。</t>
  </si>
  <si>
    <t>其实是真的有！</t>
  </si>
  <si>
    <t>肯定没啊。</t>
  </si>
  <si>
    <t>2006年10月，俄罗斯《真理报》刊登出一条爆炸性新闻—俄罗斯彼尔姆地区警官雷尼德·克柳切维斯基向媒体报料：他的家族就是传说中的狼人家族。</t>
  </si>
  <si>
    <t>没有的，都是作家虚构的</t>
  </si>
  <si>
    <t>狼人只是西方的民间传说中的一个物种，近些年被电影电视剧宣传得比较多才让我们知道的，其实现实中根本没有狼人</t>
  </si>
  <si>
    <t>xbox one国行可以玩美版游戏吗</t>
  </si>
  <si>
    <t>国行x1确定可以玩海外版游戏。但由于大部分海外版游戏没在国行live上架，因此你无法购买和下载相关游戏的dlc。</t>
  </si>
  <si>
    <t>现在的xbox one国行已经不对游戏锁区了，所以不管是美版还是其他版本的游戏都是可以玩的，只是国行的xbox不能登陆外服的</t>
  </si>
  <si>
    <t>玩是可以玩但只能用光盘 而且不一定带中文</t>
  </si>
  <si>
    <t>现在国行的xbox one并不对游戏锁区，因此是可以玩美版的xbox one游戏的，放心。只是国行锁服，不能登录美服xbox live而已。</t>
  </si>
  <si>
    <t>可以，国行光盘可以用在任何版本机器，因为xone不锁区，反过来也可以，即国行机器也可以玩外区光盘 但是由于国行主机内没有繁体中文语言，所以玩繁体中文的游戏只能显示英文，联机只能在国服，你去不了港服，更去不了美服，数字版游戏也只能在国服买</t>
  </si>
  <si>
    <t>能，除了商店锁服务器，光盘买了什么行都能玩</t>
  </si>
  <si>
    <t>你好，国行的游戏只能国行的xbox one运行的，其他的xbox是玩不了的，不好意思。望采纳，谢谢。</t>
  </si>
  <si>
    <t>第一次 疼吗</t>
  </si>
  <si>
    <t>第一次应该说是疼的</t>
  </si>
  <si>
    <t>这个一般都会痛的.</t>
  </si>
  <si>
    <t>不见得啊，我跟几个女朋友做大部分都不那么疼。关键是要充分的滋润。不要着急，缓慢轻柔。主要是男的的技术水平</t>
  </si>
  <si>
    <t xml:space="preserve">做得好的话，真的不痛的。 有痛也只是一点点，或说刚进去那时一点痛，之后就是享受的了。 </t>
  </si>
  <si>
    <t>如果你温柔些、多些前戏，兴奋和高潮可以掩盖住疼痛感的。</t>
  </si>
  <si>
    <t>第一次很疼，疼的要命。</t>
  </si>
  <si>
    <t>情涩播放器能用吗</t>
  </si>
  <si>
    <t>骗人的，很多都是病毒木马什么的！别下载了！</t>
  </si>
  <si>
    <t>试驾车值得买吗</t>
  </si>
  <si>
    <t>当然能买，只要手续合法，你情我愿。</t>
  </si>
  <si>
    <t>不建议买，不知道你试乘试驾过没，一般都是可劲造，油门踩到底，哪不好走走哪，急停急走的，而且也便宜不了多少钱</t>
  </si>
  <si>
    <t>现在很多的试驾车还是值得购买的，毕竟一个字“贱”！</t>
  </si>
  <si>
    <t>不能买，试驾车从本质上来说就是二手车，再加上试驾车用的都不太注意很可能有小毛病。所以千万别买试驾车.</t>
  </si>
  <si>
    <t>不能卖！不值得。</t>
  </si>
  <si>
    <t>你好，如果车况没有问题，优惠力度够大是可以考虑一下的，还可以享受质保的。</t>
  </si>
  <si>
    <t>雷柏v500全键无冲吗</t>
  </si>
  <si>
    <t>是的，v500rgb是全键无冲产品。</t>
  </si>
  <si>
    <t>它本身就是全键无冲的而且键盘的这种无冲是天生的，也没法改变</t>
  </si>
  <si>
    <t>雷柏v500rgb是全键无冲。</t>
  </si>
  <si>
    <t>不是，我的雷柏v500合金好像是七键无冲，不过也够用了</t>
  </si>
  <si>
    <t>26键无冲,不是全键无冲.</t>
  </si>
  <si>
    <t>西游记孙悟空死了吗</t>
  </si>
  <si>
    <t>孙悟空在还没取经之前不就死过一次吗？佛教讲究因果轮回，生生世世，缘起缘灭才是本相</t>
  </si>
  <si>
    <t>真的孙悟空已经被假美猴王打死了。</t>
  </si>
  <si>
    <t>当然没有，主角怎么可能会死，死了怎么演下去.</t>
  </si>
  <si>
    <t>云南白药气雾剂管用吗</t>
  </si>
  <si>
    <t>我直接涂擦白药气雾剂的，对 淤血 青肿 效果奇好，我的皮肤，一碰就青紫，没想到涂抹气雾剂，居然没再像以前那样青紫好久，很快就恢复了，感谢 好药</t>
  </si>
  <si>
    <t>主要功能为急性软组织扭挫伤类非处方药药品，镇痛，抗炎消肿，止血。</t>
  </si>
  <si>
    <t>管用。云南白药气雾剂功效为活血散瘀，消肿止痛。用于跌打损伤，瘀血肿痛，肌肉酸痛及风湿性关节疼痛等症。云南白药气雾剂中的三七又名田七，明代著名的药学家李时珍称其为“金不换”。三七是中药材中的一颗明珠，清朝药学著作《本草纲目拾遗》中记载：“人参补气第一，三七补血第一，味同而功亦等，故称人参三七，为中药中之最珍贵者。三七有“止血神药”之称，散瘀血，止血而不留瘀，对出血兼有瘀滞者更为适宜。其主要的化学活性成分皂苷，故三七不但具有较强的抗炎镇痛作用，还具有较强的止血作用，对不同动物，不同给药途径，不同制剂，均显示明显止血作用;且有抗血小板聚集、抗凝血酶和促进纤维蛋白溶解过程等抗凝血作用。</t>
  </si>
  <si>
    <t>以前划旱冰经常性的摔倒，可以消肿。</t>
  </si>
  <si>
    <t>云南白药气雾剂没有什么效果，本人脚经常崴，用了不少药，最好使的就是把鲜的三七捣成浆糊状敷于患处 裹上纱布 在套个袜子，成品药消肿止痛酊和红药气雾剂都还可以，内服的药都差不多，都有三七的成分。</t>
  </si>
  <si>
    <t>能，因为活血散瘀，消肿止痛，用于跌打损伤，瘀血肿痛，肌肉酸痛及风湿疼痛。</t>
  </si>
  <si>
    <t>彝族有摸奶节吗</t>
  </si>
  <si>
    <t>经相关调查，为捏造事实，扭曲民俗，当地政府辟谣称不存在所谓的“摸奶节”，申遗是无稽之谈。</t>
  </si>
  <si>
    <t>每年的农历七月十四，十五，十六，三日农历“七月半”，又称“鬼节”双柏窝在家里的“鬼节”还有另外一个它被称为 - “摸奶节“</t>
  </si>
  <si>
    <t>这个不是真的。经相关调查，当地政府已经辟谣称不存在所谓的“摸奶节”。</t>
  </si>
  <si>
    <t>应该假的</t>
  </si>
  <si>
    <t>这个20年前可是普遍存在的，我就是彝族，我5-6岁那会，放学后或是晚上是可以去篝火聚会打歌，喝酒，和姑娘交流。摸奶是会发生的，但是得人家看上你。后来随着汉文化的传播，彝族这个风俗基本失传了，只有在楚雄的双柏县还有这个节日，也是仪式性质的。不是大家想象的那样野蛮。</t>
  </si>
  <si>
    <t>没有这样的节。</t>
  </si>
  <si>
    <t>visual studio 2015社区版够用吗</t>
  </si>
  <si>
    <t>足够了，可以说绰绰有余</t>
  </si>
  <si>
    <t>涂bb之前需要涂隔离吗</t>
  </si>
  <si>
    <t>不用呀BB本身带有隔离的效果</t>
  </si>
  <si>
    <t>最好涂一下，因为隔离属于护肤品</t>
  </si>
  <si>
    <t>最好用，bb霜怎么说也属于彩妆类，隔离有保护皮肤的功效，上妆也会更服帖</t>
  </si>
  <si>
    <t>BB霜具有隔离的功效，使用BB霜就不需要再使用隔离霜了</t>
  </si>
  <si>
    <t>涂BB霜之前还是需要涂隔离霜保护自己的皮肤</t>
  </si>
  <si>
    <t>BB霜的效果不一样，有的BB霜有隔离的效果就不必用了</t>
  </si>
  <si>
    <t>当然需要，虽然很多品牌的B²霜号称有各类的隔离作用，可以代替隔离，但是几乎查不到比较权威的机构真的能确定地说它可以完全替代隔离，目前貌似物理防晒可以完全替代隔离，而物理防晒的产品厚度都是令童鞋们无法接受的，所以轻薄如B²霜的东西，它那油油的成分跟防晒和一般隔离很像，但是其厚度比不上自然防晒和一般隔离，所以他不能完全替代隔离；</t>
  </si>
  <si>
    <t>用BB霜前需要用隔离霜，隔离霜可以有效隔离彩妆对皮肤的伤害。</t>
  </si>
  <si>
    <t>不用了，BB霜本来就有隔离的功效。</t>
  </si>
  <si>
    <t>钱放入余额宝安全吗</t>
  </si>
  <si>
    <t>安全呀，没有比这再安全的啦，就是收益有点低，其他的没有毛病，我也放了一些资金在里面，用于灵活周转，取出来的时候也短，特方便。</t>
  </si>
  <si>
    <t>1、一般 5W 以下的零用钱，放在余额宝，比较方便划算；2、5W 以上，可以到银行去做中长期理财，比较安全些；3、至于余额宝的风险，还是有的，比银行风险要大：＃＃1.按正常来讲，是低分险。就是有一丢丢的不安全。2.但是现实来讲是安全的。因为货币基金的收入都是正数。所以说放在余额宝算是安全的。因为余额宝是货币基金。</t>
  </si>
  <si>
    <t>ipad有手写功能吗</t>
  </si>
  <si>
    <t>键盘最下面那一栏有个地球的图标，点击可以切换输入方式，有中文输入，英文输入和手写输入三种方式，点两下即可切换之手写输入</t>
  </si>
  <si>
    <t>ipad桌面上的设置&gt;通用&gt;键盘&gt;国际键盘&gt;添加新键盘&gt;简体中文(手写)然后打字的时候就可以按那个地球图标切换了</t>
  </si>
  <si>
    <t>玩家国度有外星人好么</t>
  </si>
  <si>
    <t>当然外星人好，这个毋庸置疑，华硕卖的是性价比，如果与外星人同等价位，建议买华硕，因为产品通常具有一定的品牌地位以后，再生产的产品便不会有以前为了达到品牌时的努力！</t>
  </si>
  <si>
    <t>单从主板角度来说，rog的更好一些。外星人系列的主板都是定制的，在它的平台上表现的会更优异。这也是这些品牌机厂商的优势和技术在里边。rog毕竟就是块主板，首先要考虑的是兼容性，其次才是性能。所以损失一些性能是正常的。</t>
  </si>
  <si>
    <t>当然是外星人了。从价格上来讲就已经完全秒杀了，更别说配置，硬件，之类的了</t>
  </si>
  <si>
    <t>这几年当然是玩家国度</t>
  </si>
  <si>
    <t>首先二者都是顶级的游戏本，外星人的灯光系统，外观酷炫，逼格很高，但是散热一般。</t>
  </si>
  <si>
    <t>天涯明月刀挖宝赚钱吗</t>
  </si>
  <si>
    <t>宝平均收益在50~100，现在所有区金价比例都超过1：10了，挖宝一个号每天赚5块钱左右，开10个号也就50块，而且手动操作根本挖不完这么多号，另外同一台电脑短时间登录多个帐号，也是有封号的风险的。</t>
  </si>
  <si>
    <t>在挖宝的时候，有时候屏幕中间会显示正在拾取中，说明该地图有其他游侠在挖宝，地图游侠少的地方容易收益更高。</t>
  </si>
  <si>
    <t>看人品吧</t>
  </si>
  <si>
    <t>狩猎目前被工作室开挂霸占着，游侠挖宝一大堆人，不好抢，都不怎么赚钱</t>
  </si>
  <si>
    <t>小男孩能喝蜂蜜吗</t>
  </si>
  <si>
    <t>可以吃！但1岁前不易食小心小儿出湿疹</t>
  </si>
  <si>
    <t>目前国内和国际上的营养专家对宝宝吃蜂蜜的看法基本相似：一岁以前的宝宝不能食用蜂蜜，一岁以后的宝宝有特殊需要时可以吃一点。另外，蜂蜜中还可能含有一些雌性激素，如果长时间食用，可能导致宝宝提早发育。所以即使是一岁以上的宝宝，也不能毫无限度地吃蜂蜜，偶尔作为调味品加一点还可以。10岁以后，对蜂蜜的限制就可以放宽，基本能和成人一样食用蜂蜜了。</t>
  </si>
  <si>
    <t>1、一般建义1岁以下宝宝不要服用蜂蜜。5岁儿童是可以喝蜂蜜的！但不建议长期饮用，容易导致性早熟。因为现在商场有些蜂蜜质量不过关，有些基本就是玉米糖浆。2、选购蜂蜜要谨慎，最好选用天然蜂蜜，没有添加任何食品添加剂的蜂蜜。如果儿童的消化功能不好，比如大便稀、大便次数多、拉肚子的情况下不要喝蜂蜜。</t>
  </si>
  <si>
    <t>要适当吧。一天一杯倒不是很过分，不要用热水冲用凉水，热水会破坏蜂蜜的营养物质。</t>
  </si>
  <si>
    <t>仲裁院上班着装吗?</t>
  </si>
  <si>
    <t>是没有规定的</t>
  </si>
  <si>
    <t>劳动仲裁从立案到裁决一般是45天，最长是60天 劳动仲裁本身免费。但是需要鉴定会另外收费 照片要看具体内容才能决定是否可以作为证据，另外也要看和证明对象的关联性 申请劳动合同最好提取劳动合同，没合同，工资卡流水、出勤卡、工牌、有本人名字单位公章文件也可以做证明</t>
  </si>
  <si>
    <t>云南雨季适合旅游吗</t>
  </si>
  <si>
    <t>云南雨季不仅不会影响旅游，反而还有更多旅游乐趣</t>
  </si>
  <si>
    <t>云南四季如春，很适合旅游，有雨也是牛毛细雨，不影响旅游，气温不会太高也不会太低。</t>
  </si>
  <si>
    <t>挺合适的，虽然是雨季，不过雨季也是云南的旺季。这边的雨都是阵雨，下一会就停了，而且会很凉快。不会影响游玩。</t>
  </si>
  <si>
    <t>云南的气候，一年四季都适合旅游，5～9月份是雨季，其它的时候就很少有雨水了。不同季节景色各异，到处都是色彩斑斓,多姿多彩!七彩云南嘛!其实雨季也很精彩,关键是在于发现美，现在最好是去大理的、丽江人多哦</t>
  </si>
  <si>
    <t>公务员可以信教吗</t>
  </si>
  <si>
    <t>只要是在政府机关工作的国家工作人员（并非单指党员，包括社区干部、事业编、行政事业编、行政编制人员）都不可以有宗教信仰，共产党员更加不可以。无论是何种干部。</t>
  </si>
  <si>
    <t>由于共产党是建立在无神论理论基础上的政党，所以要求共产党员不得信教；其他党派人员，该党派有其党章原则，规定不能信教的，其党员也不应该信教；国家领导干部，除了非无神论党派的成员意外，一般不得信教。国家的管理规则也不允许采用宗教的方式解决，这就是政教分离的实质性基础。</t>
  </si>
  <si>
    <t>在我国公务员依法律可以有宗教信仰</t>
  </si>
  <si>
    <t>您好，中公教育为您服务。您好，在《中华人民共和国宪法》中，宗教信仰自由是公民的一项基本权利。宪法第三十六条规定：“中华人民共和国公民有宗教信仰自由。”“任何国家机关、社会团体和个人不得强制公民信仰宗教或者不信仰宗教，不得歧视信仰宗教的公民和不信仰宗教的公民。”“国家保护正常的宗教活动。”同时也规定：“任何人不得利用宗教进行破坏社会秩序、损害公民身体健康、妨碍国家教育制度的活动。”“宗教团体和宗教事务不受外国势力的支配。”中国的《民族区域自治法》、《民法通则》、《教育法》、《劳动法》、《义务教育法》、《人民代表大会选举法》、《村民委员会组织法》、《广告法》等法律还规定：公民不分宗教信仰都享有选举权和被选举权；宗教团体的合法财产受法律保护；教育与宗教相分离，公民不分宗教信仰依法享有平等的受教育机会；各民族人民都要互相尊重语言文字、风俗习惯和宗教信仰；公民在就业上不因宗教信仰不同而受歧视；广告、商标不得含有对民族、宗教歧视性内容。作为一个回族穆斯林，我对于这一点有很深的体会。就拿今年来说，众所周知，今年是中国农历的猪年，在2007年春节晚会的舞台上，没有出现一幅带有猪形的图案，没有一个以猪为表演内容的节目，充分体现了党和政府对各族穆斯林民族、宗教感情的尊重。每当谈到这一事实，各族穆斯林都非常感动。改革开放29年来，我国宗教立法工作取得不少进展。截止到2004年底之前，在宪法和有关法律中，对宗教问题做出规定的有43件。在专项的宗教法律法规方面，国务院曾颁布过两个单项宗教行政法规（其中《宗教活动场所登记办法》现已停止实施）；国家宗教局单独或与国家有关部门制定的宗教方面的部门规章有5件；此外，从2005年4月21日至今，国家宗教局又先后发布第2、3、4、5号“国家宗教局令”：“《宗教活动场所设立审批和登记办法》、《宗教教职人员备案办法》、《宗教活动场所主要教职任职备案办法》、《宗教事务方面部分行政许可项目实施细则》、《藏传佛教活佛转世管理办法》。各省、自治区、直辖市的宗教立法工作也取得了不少成果，已有近三分之二的省、自治区、直辖市制定了综合性或单项的地方性宗教法规和政府规章，总数达55件。按照法制统一的原则，2005年后，国家宗教局指导各地宗教工作部门协助地方人大抓紧制定或修订宗教事务方面的地方性法规，目前，上海、河南、浙江、山西、北京、辽宁、湖南、重庆、河北、四川等省市已经完成了这项工作。这些法律和法规，为协调宗教与社会各方面的关系，为保护公民宗教信仰自由权利，保护宗教团体和宗教活动场所合法权益，保护宗教教职人员履行正常教务职责的权利等方面提供了法律保障。特别需要指出的是，2004年11月30日颁布、2005年3月1日开始实施的《宗教事务条例》，明确宣布以“保障公民宗教信仰自由，维护宗教和睦与社会和谐，规范宗教事务管理”为宗旨，作为全国第一个综合性宗教事务行政法规，该《条例》的实施不仅标志着我国宗教事务方面的法制建设已经取得了具有里程碑意义的重要进展，宗教事务管理已经走上了法制化轨道，更重要的是它充分体现了中国共产党积极适应依法执政、依法治国、建设社会主义法治国家的要求，在对待宗教问题、处理宗教事务上，从以政策调整为主全面过渡到政策指导和依法管理并行并重，强调在政策指导下依法管理宗教事务、依法保护公民的宗教信仰自由的权利。这是一个具有深远历史意义的转变，其重要性必将随着社会实践的发展而越来越凸现所以公务员可以信教如有疑问，欢迎向中公教育企业知道提问。</t>
  </si>
  <si>
    <t>其他答案：回答1：可以补充回答：\x0d可以，但不可以信邪教组织回答2：可以，但是是共产党员不可以信仰宗教，共产党员信仰的是共产主义回答3：看你 是不是党员了，如果是，不能信，不是的话就可以。继续追问：\x0d党员是公民吗？是吧。宪法规定公民有信仰宗教的自由。那又怎莫解释啊？补充回答：\x0d党章中有规定，既然你加入了党，就是无神论者了，如果你要信仰宗教，可以退党，这个也是个人的自由。毕竟一个组织都会有自己的章程、规定。回答4：可以信仰，这个并没有什么严格要求，但是如果你做为公务员还想得到职位上的升迁的话，建议不要信仰宗教了，因为只信仰共.产.主.义的共.产.党.员的身份是升迁的必要条件之一回答5：呵呵，虽然说信仰是自由的，宪法赋予人的自由，但具体操作却是有底线的。如果你不是今天刚从国外回来，可能应该明白，这是中国特色的信仰自由。可以劝退，可以有许多方式使你主动离岗。继续追问：\x0d那这种自由还有意义吗？补充回答：\x0d也许有吧，因为真正的信仰自由是双向的，但每一个国家都有其特定性。作为一个基督徒，我愿意顺服就行了，因为我也曾经被劝退过。许多东西需要人懂得理解政府也有其难处的。</t>
  </si>
  <si>
    <t>喝酒会伤肾吗</t>
  </si>
  <si>
    <t>饮酒过多会造成氮平衡紊乱，使蛋白质的分解增多，如果肾功能本来就不好，则会损伤患者的肾脏功能。</t>
  </si>
  <si>
    <t>喝酒伤肝，这个都知道，但其实酒同样可以伤肾。</t>
  </si>
  <si>
    <t>大量饮酒容易导致高尿酸血症，这些习惯同时可引起高血脂等代谢疾病，引发肾脏疾病。</t>
  </si>
  <si>
    <t>饮酒一般主要影响肝脏，其次是心脑血管，肾脏一般影响较前两脏器小。</t>
  </si>
  <si>
    <t>传说app是真的吗</t>
  </si>
  <si>
    <t>是真的。一个靠点击广告和发展下线赚钱的软件，如果发展下线的话执行力强就会获得可观的收入。</t>
  </si>
  <si>
    <t>这个是真的，抢广告赚广告费，广告商把原来花在明星，电视等传统媒体的钱投资到互联网上，在网上投广告，这是时代的必然趋势。</t>
  </si>
  <si>
    <t>真的，放心吧！无风险，无实名认证，我们看广告答题赚的是商家付的广告费，其次邀请好友一起看，你就会升级，赚到公司的提成，人越多，他们看广告，你也会躺着就有收益，努力做到公爵，一天的收益会高起来，前期是打基础积累期，逐渐你才会赚到钱。</t>
  </si>
  <si>
    <t>真的，可以用我的邀请</t>
  </si>
  <si>
    <t>正处级大吗</t>
  </si>
  <si>
    <t>看在什么地方啊，有句话不是说到了北京才知道官小，就是因为北京作为首都，高官太多了。放在一个小县城，正处，和县太爷们是平级的</t>
  </si>
  <si>
    <t>处级就是行政级别。处级干部相当于县长、区长，也相当于部队的团长。</t>
  </si>
  <si>
    <t>这个要看在哪里，如果在北京，稀松平常，如果在县城，就是某个单位的一把手了。</t>
  </si>
  <si>
    <t>任何权力都是相对而言的，要通过比较才能确定。正处级有区级县级正副职，也有机关处级正职。管辖与负责的地域或部门各有不同。＃＃看和谁比</t>
  </si>
  <si>
    <t>放在一个小县城，正处，和县太爷们是平级的。</t>
  </si>
  <si>
    <t>看在什么地方啊，有句话不是说到了北京才知道官小，就是因为北京作为首都，高官太多了。</t>
  </si>
  <si>
    <t>小米盒子能在国外用吗</t>
  </si>
  <si>
    <t>不可以，国行版的小米盒子在国外由于网络的制式不一样，小米盒子内的视频资源只限国内使用的，到了外国的话小米盒子虽然可联网但是无法实现在线播放视频。</t>
  </si>
  <si>
    <t>可以的，我在的VST全聚合群里就有在国外的小米盒子用户，你可以安装下VST全聚合，直播点播都能看，你可以这样安装，把VST全聚合下载后拷贝到U盘里，把OTG线插在挨着电源插口的Micro USB接口，并且插上U盘，在设置里的账户与安全里面选择允许安装未知来源的应用，打开应用界面，选择应用管理，进入U盘安装，选中VST全聚合点击并安装就可以了。</t>
  </si>
  <si>
    <t>可以的，我的朋友在意大利能用，带出国来，可方便了</t>
  </si>
  <si>
    <t>嗯，你好肯定可以了，因为现在这种东营的，国外伤死了，全世界通用</t>
  </si>
  <si>
    <t>小米盒子经过众多的米粉测试，可以在美国、欧洲和港澳等地流畅的观看CDN19的片源，请放心使用</t>
  </si>
  <si>
    <t>可以啊只要有网络都是可以使用的。小米盒子你安装当贝应用市场的影视快搜，这个软件电影电视剧的资源很多，新电影有很多。安装的话，在官网下载最新软件，放在U盘里，插到电视机上，然后找到U盘文件进行安装就可以了。</t>
  </si>
  <si>
    <t>片源是有版权的，小米盒子上的片源不能在国外播放</t>
  </si>
  <si>
    <t>ve减肥机有用吗</t>
  </si>
  <si>
    <t>没用</t>
  </si>
  <si>
    <t>有用，初期明显，会反弹。</t>
  </si>
  <si>
    <t>不靠谱，我看过了，完全是误导消费者，说的是靠肌肉的被动运动+挤压摩擦脂肪就能瘦身，特点是不用自己动，首先运动减肥对脂肪的消耗和脂肪组织的运动基本无关，是通过运动对热量的消耗达到对脂肪的动员，其中肌肉的作用要大得多，另一方面，靠机器达到的运动是机器做了功，你自身消耗的热量很少，物质要守恒，消耗掉的物质跑哪里去了？你要相信这东西我只能说你物理真是没学好。</t>
  </si>
  <si>
    <t>sori na是韩国人吗</t>
  </si>
  <si>
    <t>Sori Na的韩文名是나소리 ，是一个韩国人</t>
  </si>
  <si>
    <t>多肉可以浇水吗</t>
  </si>
  <si>
    <t>种植后土壤干燥就等一天后浇一次。以后浇水量保持在土壤总体偏干的范畴，不能长期湿润。</t>
  </si>
  <si>
    <t>多肉植物也是需要有水分才能生长的，完全没有水分时会停止生长。</t>
  </si>
  <si>
    <t>一般都不要，等到正常生长可以浇一次透水，以后就按“干透浇透，不干不浇”就行了</t>
  </si>
  <si>
    <t>多肉浇水，可将自来水放置2天，与室温相同的水即可。多肉需水量不大，一般冬季休眠期可以减少或逐渐停止浇水为宜。</t>
  </si>
  <si>
    <t>多肉植物必须适时补充水分以供生长发育之需，而决不是像某些人认为的“宁干勿湿”。当然对地栽植株，浇水次数可以少一些。大多数多肉植物和自根栽培的仙人球类，浇水很难掌握，主要表现在浇水的适时性上。</t>
  </si>
  <si>
    <t>感染hpv16会得癌症吗</t>
  </si>
  <si>
    <t>是这样的，不是说有HPV16感染就一定是宫颈癌，只是持续感染会导致宫颈癌，建议尽早治疗</t>
  </si>
  <si>
    <t>这个病毒是宫颈癌的主要原因，像这种亚型是最严重的，如果不治疗的话，会慢慢演变成宫颈癌的。</t>
  </si>
  <si>
    <t>不是一定会发展为宫颈癌的。</t>
  </si>
  <si>
    <t>深圳二手车车牌能过户吗</t>
  </si>
  <si>
    <t>车辆可以过户，车牌是不允许过户的。</t>
  </si>
  <si>
    <t>深圳买二手车车牌不能过户，车牌仍属原车主的。</t>
  </si>
  <si>
    <t>深圳的车牌不可转让，车牌只跟人不跟车。</t>
  </si>
  <si>
    <t>二手车的车牌是不允许过户的。</t>
  </si>
  <si>
    <t>可以的，但要费点时间。</t>
  </si>
  <si>
    <t>这是不可以的！</t>
  </si>
  <si>
    <t>夏朗有没有备胎</t>
  </si>
  <si>
    <t>有备胎，在后备箱里面。</t>
  </si>
  <si>
    <t>夏朗没有备胎的。</t>
  </si>
  <si>
    <t>现在很多车都没有备胎啦</t>
  </si>
  <si>
    <t>用的是安全自封式轮胎 跟宝马的防爆轮胎一个性质 ，所以没有备胎。</t>
  </si>
  <si>
    <t>委托销售商品的现金流是否计入现金流量表</t>
  </si>
  <si>
    <t>现金流量表是根据收付实现制编制的，也就是你实际收到和付出了多少现金及现金等价物计提坏账或者转销坏账，都不产生现金流，不影响提供劳务收到的现金</t>
  </si>
  <si>
    <t>预收账款属于预先收到的收入款项，所以应该记为现金流量表的第一项，销售商品、提供劳务收到的现金。现金流量表是说明现金流动的类别的，所以存在先计为销售商品、提供劳务收到的现金，到以后实现销售后才计入收入。和应收账款情况刚好相反，应收账款收到的现金是以前记入了收入，到后来才收到现金，现金流量情况与收入（利润）的对应关系，通过现金流量表的附表来调整对应。</t>
  </si>
  <si>
    <t>宝宝有眼屎是上火吗</t>
  </si>
  <si>
    <t>上火了</t>
  </si>
  <si>
    <t>上火是一个笼统的词，宝宝只要眼屎多、便秘、脸颊红，家长都习惯性地说：这是上火.其实各种状况都有对应的症状。例如，眼屎过多，很可能是：结膜炎、泪道阻塞，家长可以带宝宝去医院检查。如果宝宝便秘，则可能是水分摄入不足、额外的钙补充过多等原因。如果宝宝口舌生疮，则可能是手足口、鹅口疮、单纯疱疹、疱疹性咽峡炎，妈妈不要自己做判断，及时就医，不能只简单地判断宝宝“上火”了。</t>
  </si>
  <si>
    <t>宝宝眼屎多上火的可能性很大，若宝宝眼屎的同时出现大便干，大便发干、小便发黄、皮肤干燥、睡觉不踏实、食欲不振、有口气、脾气大等症状时就是上火了</t>
  </si>
  <si>
    <t>这个情况有可能是孩子上火导致的结膜炎引起的，建议你可以去医院检查一下吧如果是这个情况的话呢</t>
  </si>
  <si>
    <t>你的孩子长眼屎，是上火了，让他晚上早点吃饭，而且尽量吃点清淡的，汤、粥之类的。</t>
  </si>
  <si>
    <t>证券从业资格考试好考不</t>
  </si>
  <si>
    <t>这个考试考得特别细，特别偏，出题也特别灵活，自己看书重点难点不好把握。</t>
  </si>
  <si>
    <t>总共五门，一般业务的话，你考基础和交易两门就可以了，60分及格，很容易过的。</t>
  </si>
  <si>
    <t>证券从业资格考试还是比较容易通过的，总分100分，只需要60分就可以了。</t>
  </si>
  <si>
    <t>证券从业资格证其实也并不是那么难考，只需要通过《证券市场基本法律法规》和《金融市场基础知识》考试就可以了，其考试科目分为基础科目和专业科目，基础科目为证券基础知识，专业科目包括：证券交易、证券发行与承销、证券投资分析、证券投资基金。</t>
  </si>
  <si>
    <t>名字可以用繁体字吗</t>
  </si>
  <si>
    <t>公司名称不可以用繁体字注册</t>
  </si>
  <si>
    <t>中华人民共和国身份证法第四条规定：居民身份证使用规范汉字和符合国家标准的数字符号填写。</t>
  </si>
  <si>
    <t>不可以，使用的文字，必须是《国家语言文字规范标准名录》中被收录的，也就是说中文简体。因为。</t>
  </si>
  <si>
    <t xml:space="preserve">不可以！ 我们使用的是简体字官方文字也是简体字 </t>
  </si>
  <si>
    <t>能用，但只限于日常生活。名字是不能用繁体的。</t>
  </si>
  <si>
    <t>西安汽车限号吗</t>
  </si>
  <si>
    <t>西安交警部门决定于11月4日起，在西安市行政辖区内实行重污染天气机动车禁、限行管理。</t>
  </si>
  <si>
    <t>西安市辖区内都限号限行。长安、临潼、户县、周至、阎良、高陵都包括。</t>
  </si>
  <si>
    <t>西安限号，现在市辖区全县限号，日子尾号为限号数，比如21号限号1和6、</t>
  </si>
  <si>
    <t>快递可以邮寄药品吗</t>
  </si>
  <si>
    <t>普通快递是可以寄药品的，药品类的物品并不在快递违物品范围内，邮政不能寄如一些精神类麻醉类等管制类别。</t>
  </si>
  <si>
    <t>普通的药品，只要不是国家违禁的药品就可以寄。</t>
  </si>
  <si>
    <t>可以寄药品的，药品类的物品并不在快递违物品范围内，邮政不能寄如一些精神类麻醉类等管制类别。</t>
  </si>
  <si>
    <t>一般的快递都是可以的，检查不太严</t>
  </si>
  <si>
    <t>你好，可以寄药品，但液体药品不能寄</t>
  </si>
  <si>
    <t>中国是移民国家吗</t>
  </si>
  <si>
    <t>中国不是移民国家。</t>
  </si>
  <si>
    <t>不可能，接受移民的名额有限，中国已经14亿人口，一个国家独自承担了世界1/5的人口，不能再多了，除非有新的领土。</t>
  </si>
  <si>
    <t>女生经期能吃香蕉吗</t>
  </si>
  <si>
    <t>经期可以吃香蕉，经期吃香蕉可以预防便秘。月经期间身体水分流失快容易出现便秘，香蕉可以缓解。</t>
  </si>
  <si>
    <t>妇科专家指出由于香蕉富含维生素B6，而维生素B6具有稳定女性在经期的不安情绪。香蕉富含有很多的微量元素，其中以钾的含量居多。月经期由于失血量过多，会导致体内的微量元素的缺失，而适量的吃香蕉则是对身体有益处的。因此，月经期女性可以吃香蕉。 但那些身体虚寒者，就不能吃，因为香蕉是寒性的，伤阳气。</t>
  </si>
  <si>
    <t>女性经期间可以适当食用一些香蕉，香蕉虽然是寒性的，但不会对肠胃造成刺激，而且香蕉具有药性，可以清热解毒促进消化，经期没有胃口的女性朋友，可以适当吃一些香蕉促进食欲，另外香蕉里面含有维生素B6，有的女性朋友在月经期间情绪易波动，吃香蕉就可以帮助稳定情绪。</t>
  </si>
  <si>
    <t>月经期间最好是不要吃香蕉的，以免影响月经。</t>
  </si>
  <si>
    <t>人在经期一般应该避免接触冰凉东西或吃辛辣刺激的食品，香蕉属于清凉湿润类的食品，该不该吃还要看个体特征，如果你平时属于内凉的一类，就最好别吃；如果你平时属于内热的类型，是可以吃的。</t>
  </si>
  <si>
    <t>香蕉是淀粉质丰富的有益水果。味甘性寒，可清热润肠，促进肠胃蠕动，但脾虚泄泻者却不宜。根据“热者寒之”的原理，最适合燥热人士享用。痔疮出血者、因燥热而致胎动不安者，都可生吃蕉肉。但体质偏虚寒者不适宜吃香蕉。月经期是女性的特殊时期之一，在月经期的饮食是需要特别注意的。一些属性偏冷的水果不宜在月经期间大量食用。</t>
  </si>
  <si>
    <t>月经期间可以吃点香蕉，因为香蕉也称之为“开心水果”，因为月经期间女性容易心烦气躁，这样对身体是有害的，所以经期吃点香蕉是有好处的!</t>
  </si>
  <si>
    <t>可以啊，香蕉可以补钾，也可以润肠通便</t>
  </si>
  <si>
    <t>可以，请放心吃</t>
  </si>
  <si>
    <t>芒果可以适量吃，香蕉不要吃。女性在月经期可以多吃含维生素的蔬菜和水果，但不宜食用梨、香蕉、荸荠、石耳、石花、地耳等这类生冷食物。因为这些食物大多有清热解毒、滋阴降火的功效，在月经期食用的话，容易造成痛经，月经不调等症状。</t>
  </si>
  <si>
    <t>住房公积金可以付房租吗</t>
  </si>
  <si>
    <t>租房可以使用公积金的。</t>
  </si>
  <si>
    <t>在付不起房租的情况下是可以提取住房公积金的。2015年1月28日，住建部、财政部、央行发布通知：职工连续足额缴存满三月，本人及配偶在缴存城市无自有住房且租房的，可提取双方住房公积金支付房租；租住公租房，可按照实际房租支出全额提取；租住商品房，各地根据当地租金水平和住房面积确定提取额度。另住建部、财政部、央行三部委发文：今后无房（在缴存城市无自有住房且租房的）的职工，只要连续缴存公积金满3个月，无需租金发票、税票也可以支取住房公积金支付房租。</t>
  </si>
  <si>
    <t>公积金是可以用于租房的，只要提供租赁合同，房产证复印件，缴纳够房租5%的契税，就可以提取公积金。</t>
  </si>
  <si>
    <t>如果每个月的房租超过了家庭月收入的15％，可以申请住房公积金交房租</t>
  </si>
  <si>
    <t>无房家庭可提取住房公积金支付房租的</t>
  </si>
  <si>
    <t>你要凭购房合同、租房交税的发票到公积金中心办理提取 不过，只能提取一部分的</t>
  </si>
  <si>
    <t>跑步减小腿吗</t>
  </si>
  <si>
    <t>1.跑步时，慢跑是瘦小腿的，快跑是长肌肉的。所以要保持每400米3分钟或稍慢一些的速度，跑半个小时，不仅可以瘦小腿，减肥效果也不错。2.跑完步洗热水澡，半个小时以上。不仅可以放松，还不会锻炼出很多的肌肉。3.按摩。有肌肉的小腿，要减下去，就要把肌肉先变成肥肉。顺着小腿往脚踝方向按摩，长期下来，不仅可以塑造腿型，使腿看起来匀称些，还可以按摩掉不少肉肉。4.每天定时去做小腿的伸展，方法是将一只脚脚掌部放在楼梯台阶上，伸直，身体重心向下、向前压。这样你的小腿会被充分拉伸到。交替进行，每次保持的时间在30秒就够了。5.在休息的时候尽量将小腿放置于比大腿高的地方。</t>
  </si>
  <si>
    <t>慢跑可以减肌肉小腿</t>
  </si>
  <si>
    <t>专家观点：正确的慢跑是可以瘦小腿的。通过慢跑刺激小腿后侧的运动神经，消除多余的脂肪，让小腿看起来更加纤细修长</t>
  </si>
  <si>
    <t>正确的有氧运动，不单不会长肌肉，反之还能适量的减下少许肌肉。</t>
  </si>
  <si>
    <t>房颤会导致死亡吗</t>
  </si>
  <si>
    <t>会，严重的</t>
  </si>
  <si>
    <t>铺面空置要交房产税吗</t>
  </si>
  <si>
    <t>房产税的计税依据是房产的计税价值或房产的租金收入，征收方式分为从值计征和从租计征两种。从值计征适合企业，个人商铺一般采取的是从租计征，在闲置期间，个人是不需要缴纳房产税的。</t>
  </si>
  <si>
    <t>企业名下的资产是否使用，都需要缴纳房产税</t>
  </si>
  <si>
    <t>还没有空置税。</t>
  </si>
  <si>
    <t>具体还要分什么情况。</t>
  </si>
  <si>
    <t>企业拥有的房产无论使用与否都需要缴纳房产税，个人房产闲置不需要缴纳房产税，出租需要缴纳房产税，未按规定缴纳税务局什么时候查出来什么时候处罚。出售过户不需要缴纳房产税，和这个没关系。</t>
  </si>
  <si>
    <t>自己能组装电脑吗</t>
  </si>
  <si>
    <t>不行……主要有两个困难，一个是配置清单。根据需求来选择合适的硬件，要考虑兼容问题，</t>
  </si>
  <si>
    <t>组装电脑硬件需要功夫的，最基本的就是兼容性，如果兼容不懂，装机就是太乱来了，一定要了解什么主板配对什么样的电脑硬件更兼容，这样电脑在后期使用的过程中才不会出现问题。</t>
  </si>
  <si>
    <t>CPU 主板 显卡 硬盘 内存 机箱 电源 显示器 刻录机 /光驱 散热器 注意别叫经销商忽悠了！如果是办公2000元就够，是玩一半游戏2500元，预算高的话就4000元</t>
  </si>
  <si>
    <t>完全可以装好，但是装之前你需要选购配件，主要是选购的主板要与你的机箱相配，还有就是其他配件与主板之间需要相互兼容，确定配件兼容后可以到网上去搜索这些配件的价格，看看是否符合自己的预算。</t>
  </si>
  <si>
    <t>孕妇不能吃绿豆吗</t>
  </si>
  <si>
    <t xml:space="preserve">绿豆属偏寒凉食品，孕妇不宜多吃 但酌量吃用可清热解毒，在夏天犹为适用 总的来说，偶尔吃用并无大碍，但多吃无益孕妇应该多吃含铁多的，如蛋，动物的肝等，少吃酸性的，不能吃腊肉，腊鱼，等含盐多的食品含钙多的，如蛋，一、合理的膳食调配。 </t>
  </si>
  <si>
    <t>孕妇是可以吃绿豆的</t>
  </si>
  <si>
    <t>孕妇可少量喝些，但不适合长期喝，绿豆属阴，对于那些性冷脾弱的人来说不适合长喝。在煮绿豆的时候，可加些红豆大枣一起煮，可补气养血。</t>
  </si>
  <si>
    <t>孕妇是可以喝绿豆汤，但最好是别放太多糖。</t>
  </si>
  <si>
    <t>怀孕初期胚胎不是很稳定，所以饮食是需要忌口的。建议忌食性寒凉，活血化於的食材。绿豆性寒凉，味甘，具有清热解毒、消暑除烦、止渴健胃的功效。性寒凉的食材在怀孕初期是忌食的，所以不建议吃。</t>
  </si>
  <si>
    <t>雅思七分难考吗</t>
  </si>
  <si>
    <t>比较难考</t>
  </si>
  <si>
    <t>其实7分在雅思里面已经算是一个比较高的分数了，而且7分应该算是一个分界点，好一点的学校都需要这个分数，水平属于良好水平是有能力运用英语的，</t>
  </si>
  <si>
    <t>说实话，七分是挺难的。曾经有这样一说：过了大学六级的同学每天保持6小时精力集中的雅思学习时间需要奋斗3个月可以达到6.5分，当然7分就更难了。但是你说还有接近1年，那么只要每天有固定的时间来学习不放松，而且你过了六级应该7分不成问题吧。</t>
  </si>
  <si>
    <t>一般七分不容易，不过经过努力，相信可以成功！</t>
  </si>
  <si>
    <t>这要依托你现在的基础，你现在是什么水平？</t>
  </si>
  <si>
    <t>中国学生的雅思平均成绩低于6分，在全球是处于倒数水平的，所以说普遍来看7分对于中国学生来说是个比较难的分数</t>
  </si>
  <si>
    <t>那取决于是小分7还是总分7啦。</t>
  </si>
  <si>
    <t>拉布拉多好玩吗</t>
  </si>
  <si>
    <t>拉布拉多是相当均衡和非常全面的一个品种，适用于许多功能同时也是很好的宠物。它们很容易被训练，是一个服从性高的犬种。它们是值得分享你的爱的忠实伙伴。它们是非常友好的狗，尤其是对待小孩子们。通常它们不具备出现在其他犬类中的麻烦的特性，比如：占地盘、不安全、具攻击性、具破坏能力、不规则地敏感等。犬如其名，它们是出色的寻回犬。除此之外，它们本能地喜欢在嘴里以相当温顺和轻柔的方式叼着东西甚至是手掌和手臂。它们喜欢咀嚼东西（当然它们可以被训练成不这么做）。拉布拉多寻回犬的皮毛在一定程度上防水，因此它们能够被广泛地用于捕猎水鸟。</t>
  </si>
  <si>
    <t>当然好啦。</t>
  </si>
  <si>
    <t>应急手机能改密码吗</t>
  </si>
  <si>
    <t>应急手机不能改密码</t>
  </si>
  <si>
    <t>应急手机不能改密码应急手机是当您的密保手机不可用时，可通过应急手机找回应急手机在QQ安全中心的密保工具下</t>
  </si>
  <si>
    <t>北方有蟑螂吗</t>
  </si>
  <si>
    <t>南北方都有，这家伙就是强。</t>
  </si>
  <si>
    <t>北方有蟑螂的；蟑螂或称蜚蠊，俗称茶婆子、偷油婆、货郎、灶蚂子等；在古书《尔雅》上，称蟑螂为蜚、香娘子、负盘；《本草》上则称它为石姜、滑虫。在昆虫中，蟑螂是最古老的种类之一，远在35000万年前，就已经在地球上生活了。</t>
  </si>
  <si>
    <t>北方当然有蟑螂，蟑螂是与人伴生的城市卫生害虫，目前已经是四害之首。德国小蠊是优势群种。城市里较多，农村较少。</t>
  </si>
  <si>
    <t>巨蟹男和处女女合得来吗</t>
  </si>
  <si>
    <t>处女座(女) V.S. 巨蟹座(男) 是“心心相印型”搭配，速配指数9.0。</t>
  </si>
  <si>
    <t>蚊子有血吗</t>
  </si>
  <si>
    <t>蚊子有血，但不是黑色而是透明的</t>
  </si>
  <si>
    <t>蚊子是昆虫，本身是没有血液的</t>
  </si>
  <si>
    <t>蚊子有血，不过它是开管式循环，就是说它没血管壁，血液是在血窦，也就是体腔的空隙中流动的。而且蚊子的血中没有红细胞，它所需要的氧气是靠另一套系统，也就是气管提供的。蚊子的血只负责携带养料。</t>
  </si>
  <si>
    <t>有的。 蚊子的血，不过它是开管式循环，就是说它没血管壁，血液是在血窦，也就是体腔的空隙中流动的。而且蚊子的血中没有红细胞，它所需要的氧气是靠另一套系统，也就是气管提供的。蚊子的血只负责携带养料。</t>
  </si>
  <si>
    <t>有血，血液是由血桨和水组成</t>
  </si>
  <si>
    <t>蚊子的血是无色的，你看到的可能是它刚吸食的人血。人类及哺乳动物的血呈现红色，是因为其中有血红素。而大部分昆虫的血中是没有血红素的，所以是无色或淡黄色淡绿色等等的。蚊子的血中就没有血红素，也应当是这样的。</t>
  </si>
  <si>
    <t>猫能不能吃葡萄</t>
  </si>
  <si>
    <t>猫是酸性体质，尤其不能吃碱性强的食物，比如葡萄，猫咪如果吃葡萄，可能会引起死亡的。</t>
  </si>
  <si>
    <t>不能吃，葡萄糖会对犬与猫造成致命性的伤害，一吃即死</t>
  </si>
  <si>
    <t>拉肚子的猫可以吃，补充能量。别听那个说一吃即死的放屁</t>
  </si>
  <si>
    <t>可以吃，一般没人用葡萄糖喂猫。</t>
  </si>
  <si>
    <t>少量吃不死</t>
  </si>
  <si>
    <t>因为猫是肉食动物，一般只有不舒服，比如呕吐的时候才会吃植物性的东西，中国的狸花猫是因为是长期驯养，所以也能接受米饭之类的，算是半个杂食了~</t>
  </si>
  <si>
    <t>这个不知道啊，不过我家的猫猫是不吃葡萄干的</t>
  </si>
  <si>
    <t>护士只要会打针,输液就可以了,你觉得对吗?</t>
  </si>
  <si>
    <t>错误！～！</t>
  </si>
  <si>
    <t>公司可以转私人账户吗</t>
  </si>
  <si>
    <t>有几种条件下可以; 1.以发工资的名义从银行转给老板. 2.提取备用金,然后转入老板个人户。</t>
  </si>
  <si>
    <t>有问题的，国家规定，企业账户是不能随便向个人账户转账的，除非是差旅费，劳务费等，但通常要提供相关的合同等，而且转账的金额也一般要以不超过5万元为准，但目前多数银行对此监管并不严格，你这样做目前是没有问题的，但不知道你事后是否将资金还给公司，如果不还给公司的话，会有麻烦的，而且差旅费如果超过一定限额，在年度所得税汇算清缴时是不允许抵扣的，最后企业还是要缴税的，至于个人，只要你不违法，不被别人利用你的账户的话，是没有问题的，主要要找个好会计帮你搞定相关事情。</t>
  </si>
  <si>
    <t>公转私可以的，现在公司网银转账很方便，但一般要求用途写明工资或劳务费或报销之类的，且需充分的凭证。</t>
  </si>
  <si>
    <t>快递分拣累吗</t>
  </si>
  <si>
    <t>不适合。</t>
  </si>
  <si>
    <t>有点累的，一天需要分拣很多的包裹 ，但是能坚持住，锻炼出来，就不会感觉那么累了。</t>
  </si>
  <si>
    <t>不会很累，不过会很无聊。</t>
  </si>
  <si>
    <t>累。</t>
  </si>
  <si>
    <t>很累</t>
  </si>
  <si>
    <t>确实很累</t>
  </si>
  <si>
    <t>动车票可以用护照买吗</t>
  </si>
  <si>
    <t>火车票代售点取票，可以使用证件有：居民身份证，港澳居民通行证、台湾居民通行证和护照，拿上有效证件，去取票点用有效证件和购票单号即可取票，取票需要手续费5元。</t>
  </si>
  <si>
    <t>去火车站窗口或者代售点买票的乘客可以直接拿护照去买火车票，只是代售点会多收5元手续费。根据铁路部门的规定，网上购买火车票可以使用以下四种有效身份证件，分别是：中华人民共和国居民身份证、港澳居民来往内地通行证、台湾居民来往大陆通行证和护照。购票时输入乘车人的姓名和护照编号即可。乘客只要带着护照和订单号去火车站窗口或代售点就可以了，在代售点取票也会收5元手续费。另外，自动取票机只能识别二代身份证。因此，护照是不能在自动取票机上取票的。</t>
  </si>
  <si>
    <t>飞机可以托运牛奶吗</t>
  </si>
  <si>
    <t>可以托运牛奶</t>
  </si>
  <si>
    <t>牛奶上飞机身上不能带，只能是托运，否则过安检的时候你只能在他面前喝掉或者扔掉 。</t>
  </si>
  <si>
    <t>可以托运</t>
  </si>
  <si>
    <t xml:space="preserve"> 坐飞机不可以带牛奶，托运可以。</t>
  </si>
  <si>
    <t>随身携带的液态物品是有限制的.单件容量不超过100ML.总量不超过1L,才可以放在透明袋子里,随身携带上飞机.托运可以。</t>
  </si>
  <si>
    <t>手机对身体有害吗</t>
  </si>
  <si>
    <t>主要是辐射，对人体危害特别大</t>
  </si>
  <si>
    <t>危害如下：1、对于手机的辐射大家都不陌生，原来我们在使用普通手机时，也就是打电话发短信，而现在的智能机多出了很多功能，所以经常拿电话玩游戏上网会受到更多的辐射。而且当电量低的时候辐射更大，那个时候玩手机更受影响。2、现在智能手机的屏幕是越做越大，这也就意味着屏幕对眼睛的刺激会更加大。很多人现在现在都会用很多时间来玩手机。这对眼睛的影响是非常大的，小孩子长时间玩手机容易造成近视眼。而成年人经常玩手机会造成视疲劳和其他眼部问题。3、如果长时间低着头玩手机还会引发颈椎的问题，这主要是由于在用手机玩游戏、上网的时候经常会保持一个固定的姿势，这样容易使颈椎出现疲劳，时间久了，就有可能会引发颈椎炎、骨质增生等疾病。还有在马路上低头玩手机更加危险。</t>
  </si>
  <si>
    <t>手机辐射对人体的危害 ，当人们使用手机时，手机会向发射基站传送无线电波，而无线电波或多或少地会被人体吸收，这些电波就是手机辐射。 一般来说，手机待机时辐射较小，通话时辐射大一些，而在手机号码已经拨出而尚未接通时，辐射最大，辐射量是待机时的3倍左右。这些辐射有可能改变人体组织，对人体健康造成不利影响。</t>
  </si>
  <si>
    <t xml:space="preserve">肯定有啊,不过是多是少的问题. </t>
  </si>
  <si>
    <t>辐射身体，分散注意力，听力下降，降低睡眠质量，手指综合症，手机依赖</t>
  </si>
  <si>
    <t>南京有开日本车的吗</t>
  </si>
  <si>
    <t>南京人开着日系车满南京的跑，都是些不要脸的杂种</t>
  </si>
  <si>
    <t>当然会有，日本车很普遍啊</t>
  </si>
  <si>
    <t>晕，有很多啊。不过我不喜欢日本车，</t>
  </si>
  <si>
    <t>海带可以经常吃吗</t>
  </si>
  <si>
    <t>海带是可以天天吃的，只要每天适量实用，不超过20克，那么对身体就是有好处的。</t>
  </si>
  <si>
    <t>不能多吃，要适量，吃海带有丰富的微量元素。热量低，对人体有好处，但吃太多容易对甲状腺有害，适量就可以</t>
  </si>
  <si>
    <t>适量食用海带虽可以缓解痤疮肿痛，但吃得过量也不好。海带中含有比较丰富的碘，如果食用海带过多，其中所含的过量碘和碘化物会由皮脂腺排泄出来，刺激毛孔，长期可能导致毛囊周围过度角化，引起痤疮反复发作，久治不愈。</t>
  </si>
  <si>
    <t>多吃海带的好处是补充碘还可以清理肠道垃圾,排毒养颜，但是食用过量会导致甲状腺肥大！</t>
  </si>
  <si>
    <t>海带中的碘极为丰富，它是内合成甲状腺素的主要原料。而头发的光泽就是由于体内甲状腺素发挥作用而形成的。因此，常吃海带能令你秀发飘飘。</t>
  </si>
  <si>
    <t>海带对人体有好处</t>
  </si>
  <si>
    <t>好啊，有丰富的碘元素。</t>
  </si>
  <si>
    <t>帮助钙吸收：海带是一种碱性食品，经常食用会增加人体对钙的吸收，在油腻过多的食物中掺进点海带，可减少脂肪在体内的积存。</t>
  </si>
  <si>
    <t>好！可以降血压！补充微量元素！</t>
  </si>
  <si>
    <t>杉木家具好不好</t>
  </si>
  <si>
    <t>杉木材质分析和特点 杉木是我国特有的速生商品材树种，生长快，杉木木纹通畅、顺直，结构均匀，所制造的家具不翘不裂，而且杉木的材质轻巧、坚韧，强度比较适中，杉木天生具有香味，所以在抗腐蚀和抗虫害中效果明显。 杉木家具怎么样? 杉木家具的质纹显得恬静柔和，鲜丽而且温暖，流露着自然的情调，有着细密却流畅的木质纹理，不仅饱满实在，还拥有一种真实的自然美态，它的线条错落有致，流畅饱满，并且，杉木做家具放在室内，看消除人体疲劳，舒解压力。</t>
  </si>
  <si>
    <t>优点1：杉木可以说是普通人家家具材料中比较常用的材质，它散发淡淡的天然原木香，对人体益处可不少。 优点2：做成家具后含有的木醇对空气中细、人体病原菌、各种皮肤炎症有抑制作用。 优点3：杉木做家具放在室内，看消除人体疲劳，舒解压力。</t>
  </si>
  <si>
    <t>杉木属于低档材质，但杉木也有其好处，不益生虫。</t>
  </si>
  <si>
    <t>不怎么好 容易变形</t>
  </si>
  <si>
    <t>要看做什么家具了，就材质本身来说，和松木一个级别的</t>
  </si>
  <si>
    <t>杉木只能用做家具的辅材（如：床板），作为家具主材是不行</t>
  </si>
  <si>
    <t>视频加速器有用吗</t>
  </si>
  <si>
    <t>有用，我就用了i酷的，比没有好些。</t>
  </si>
  <si>
    <t>基本上没有什么用。</t>
  </si>
  <si>
    <t>VideoSpeedy加速器是一款永久免费的视频加速软件。在线观看视频时，通过它加速后能够提高视频流的下载速度，消除画面的停顿，让您拥有真正流畅的视频体验。</t>
  </si>
  <si>
    <t>360视频加速可以看视频不卡，起到加速的功能。</t>
  </si>
  <si>
    <t>itunes可以下载固件吗</t>
  </si>
  <si>
    <t>itunes固件在哪里 刚入手苹果设备的用户可能不太清楚itunes下载固件在哪里，其实很好找</t>
  </si>
  <si>
    <t>成功下载完成您选择的固件之后, 请确保您的iOS设备成功与您的电脑连接</t>
  </si>
  <si>
    <t>运行电脑上的iTunes程序，在左侧工具栏"设备"里选择您的iOS设备，按住电脑键盘上的Shift Mac上则按住option，用鼠标单击更新/恢复按钮，一个选择文件的窗口会弹出，选择您现在完成的固件即可开始更新/恢复。</t>
  </si>
  <si>
    <t>吉野家是日本的吗</t>
  </si>
  <si>
    <t xml:space="preserve">1899年 - 个人商店“吉野家”于日本东京都中央区日本桥的筑地鱼市场成立。 </t>
  </si>
  <si>
    <t>是日本的品牌，在中国的都是咱们中国人代理的</t>
  </si>
  <si>
    <t>吉野家为日本著名盖饭快餐连锁店</t>
  </si>
  <si>
    <t>吉野家一直都是日本的，没有被收购过。</t>
  </si>
  <si>
    <t>沙漠鱼生活在水里吗</t>
  </si>
  <si>
    <t>这是一种濒危鱼种，因为它的生存完全依赖于环境：沙漠中罕见的水源是它生存的必要条件，所有种群的栖息地都是在死亡谷中的一个小水池里，因为地下水资源枯竭，所以濒临灭绝，沙漠鱼是比较小的鱼。</t>
  </si>
  <si>
    <t>招商信用卡欠了半年还能再继续用吗</t>
  </si>
  <si>
    <t>信用卡逾期半年已经形成不良个人信用记录，即使还款后，也不能继续使用了</t>
  </si>
  <si>
    <t>不可以。信用卡逾期严重的后果：1、产生逾期利息和滞纳金；2、不良的征信记录；3、银行将会催收，可能面临刑事问题。</t>
  </si>
  <si>
    <t>这张卡已经被停了，以后用不了，而且也无法再向其他银行申请。</t>
  </si>
  <si>
    <t>看情况，如果你逾期3个月了，银行可能已经把你账户冻结了，也有可能是降低你的信用额度，如果是冻结了，那么你只能还不能刷</t>
  </si>
  <si>
    <t>不要说半年，即便是3个月逾期，哪怕还款后卡也不能再用了，银行不会反复给你机会的。</t>
  </si>
  <si>
    <t>哈弗h8好吗</t>
  </si>
  <si>
    <t>国产车有诚意的代表之一吧。</t>
  </si>
  <si>
    <t>国产新锐，不错的。</t>
  </si>
  <si>
    <t>价格高。</t>
  </si>
  <si>
    <t>哈佛H8还是可以的，质量做工空间动力都不错的。可以入手</t>
  </si>
  <si>
    <t>哈弗H8空间大配置丰富，做工扎实，安全性高。</t>
  </si>
  <si>
    <t>山寨车，如果你认可山寨就值得！</t>
  </si>
  <si>
    <t>看你怎么想，如果支持国货，那没问题哦， 否则的话，买H8的钱 选其他的车型很多哦，而且都是合资品牌的，</t>
  </si>
  <si>
    <t>总体来看，大家对H8的做工和配置，都挺满意的，底盘据说调校的也很不错,据说是达到了很多合资品牌的标准，但是媒体普遍认为 H8动力不足</t>
  </si>
  <si>
    <t>现在说H8好或者不好谁都不敢断言，不过从H6的市场表现来看，H8应该不错。</t>
  </si>
  <si>
    <t>吃火锅好吗</t>
  </si>
  <si>
    <t>不好 尤其是很烫的时候对食道不好</t>
  </si>
  <si>
    <t>晚上吃火锅是不好的</t>
  </si>
  <si>
    <t>不是很好，因为太辛辣了  应适量</t>
  </si>
  <si>
    <t>每天吃，主要是看吃什么，只是涮蔬菜也没有什么不好。要注意不能油水太多，吃完要对喝水。</t>
  </si>
  <si>
    <t>双侧输卵管通而极不畅伴左侧输卵管伞端粘连能治好吗</t>
  </si>
  <si>
    <t>输卵管通而极不畅是很难怀孕的，药物治疗只是起到消炎的作用不能彻底治疗，可以采用“三镜一丝”手术疏通，该手术微创无痛苦，术后进行抗炎治疗，术后怀孕率高。</t>
  </si>
  <si>
    <t>根据你的检查结果若做手术治疗不排除引起二次再粘连的因素；所以，最好采用中医中药保守治疗更有利于你恢复输卵管的生理功能。北京东城中医院孟广经教授诊疗观点。</t>
  </si>
  <si>
    <t>可以贴输卵管贴 淘宝有卖呀</t>
  </si>
  <si>
    <t>指甲断了会长回来吗</t>
  </si>
  <si>
    <t>会的,小时候砸玻璃瓶把手指甲都割掉了一大半,包括肉都割掉了，现在指甲还是完整的,连一点痕迹都没有. 所以不要担心啦!</t>
  </si>
  <si>
    <t>能，只是有点慢。</t>
  </si>
  <si>
    <t>好好护理，注意保护会长成原来的样子的</t>
  </si>
  <si>
    <t>不会了</t>
  </si>
  <si>
    <t>指甲盖掉了是可以再生的</t>
  </si>
  <si>
    <t>不用担心啊，指甲是可以再生的！在平常也是一直在往外生长，即使是全部拔掉了也能生长出来的，只是要是伤害到部分组织，长出来的没原来那么好看了而已。</t>
  </si>
  <si>
    <t>脸上长一根白毛有福吗</t>
  </si>
  <si>
    <t>确实有长白毛代表有福的说法，但是事实上，这是毛囊变异造成的现象，说明RNA转录出现了问题。人的身体出现这种根本不算问题的问题是经常的，不管是白毛还是黑毛都是正常的，什么也不代表。</t>
  </si>
  <si>
    <t>华为手机p8青春版好吗</t>
  </si>
  <si>
    <t>好用,还可以.</t>
  </si>
  <si>
    <t>感觉不管是性能配置还是各方面，都还是 不错的。</t>
  </si>
  <si>
    <t>估计都停产了吧，也就一千左右，但是不推荐买，非常卡，别不信，真的卡</t>
  </si>
  <si>
    <t>p8手机挺不错的呢，5寸屏，感觉屏幕大小正合适，八核处理器，运行挺快的，1300万像素摄像头，支持自动对焦和闪光灯，照片效果不错不错的，还支持黑屏唤醒呢，方便省事，身边好几个同学都用的华为手机，感觉不管是性能配置还是各方面，都还是不错的。</t>
  </si>
  <si>
    <t>过cpa一定能进四大么</t>
  </si>
  <si>
    <t>考CPA不一定就是要去四大的，可以去国内的一些会计师事务所，也可以去企业。CPA能考到的话你就是非常牛的了，基本上是不用担心找不到财会工作的。</t>
  </si>
  <si>
    <t>并不是一定需要考CPA，进入四大他们会用相应的培训。安排考CPA的。不过提前考过了cpa对进四大是非常有优势的~~要在简历和面试中完全体现这个~~~对进其他的需要财会背景的岗位都是很有帮助的。</t>
  </si>
  <si>
    <t>婴儿发烧可以喝奶粉吗</t>
  </si>
  <si>
    <t>可以喝奶粉</t>
  </si>
  <si>
    <t>发烧是可以继续喂奶的</t>
  </si>
  <si>
    <t>奶粉是小孩补充能量维持体能的营养来源，当然不能断了，发高烧38.4以上 应立马送医，让医生做下一步治疗，生病的时候本来就虚弱，食物当然不能断的哦，还要多注意喝白开水，多排尿，以促进温度下降</t>
  </si>
  <si>
    <t>发烧能喝奶粉。</t>
  </si>
  <si>
    <t>宝宝发烧可以喝奶粉</t>
  </si>
  <si>
    <t>香枫印象能不能买</t>
  </si>
  <si>
    <t>属于军产房，是签20的合同，没有房产证的，就相当于租20的房子</t>
  </si>
  <si>
    <t>大家不要上当，开发商就一赤裸裸的奸商，根本就没有《军产证》，就一张《租赁证》，就是让你一次把18年的房租交全，18年后净身滚蛋，麻痹的租的还是毛坯的，还要你自己装修！大家不要再上当了</t>
  </si>
  <si>
    <t>买了后悔死，被销售骗了，买的时候说是买的18年使用权，18年后交1％～10％土地税，再续签20年，物业费每个平方2元，网络还被物业垄断，必须在物业申请安装，网络费用比外边贵一倍，经常断水断电，电是商业用电1.2元，当时销售答应的，军产证，现在发给我们的是使用权证明，与销售那里看到的不是一样的？</t>
  </si>
  <si>
    <t>不能买，这是以军产权为幌子的骗局。实际上是一次性付18年房租的出租房。而且还要租户自己出钱装水电、搞装修等。这笔费用远超租更好的房了。骗子的手法这次很高明。而且还是黑市电费，高价网络垄断，高收费无服务的物业。</t>
  </si>
  <si>
    <t>苏州香枫印象楼盘以虚假销售蒙骗消费者购房，实际是18年的租房一次性支付18年租房款十万左右（以30平）</t>
  </si>
  <si>
    <t>多个部门投诉，因为是军产性质，地方政府部门不受理，我们都被香枫开发商和高创销售的那帮黑心人给骗了，这一开始就是个骗局，销售是说买给我们的是18年使用权，还有军产证，现在给我们发的，只是他们开发商印刷的使用证明，还要收取110块钱的工本费，18年后房子不会收回的，18年后我们交土地税1％-10％，再续签20年使用权，现在说我们是租房18年，我们只是个租客，向政府部门投诉，政府部门不管，部队监管不力，受骗者投诉无门</t>
  </si>
  <si>
    <t>不能买，这是以军产权为幌子的骗局。</t>
  </si>
  <si>
    <t>法律擦边球，不要再有人受骗了</t>
  </si>
  <si>
    <t>移动给剪卡吗</t>
  </si>
  <si>
    <t>营业厅是可以剪卡的，有专门的的工具，一般都是帮忙剪卡不收费。自己也可以对着相同形状的卡用剪刀也可以进行修剪。我一般都是自己剪的，如果不着急也可以到网上买一个剪卡器。</t>
  </si>
  <si>
    <t>当然可以，移动营业厅去剪卡，都是不需要收费</t>
  </si>
  <si>
    <t>一般不要钱！浙江移动每年还可以免费补卡一张！</t>
  </si>
  <si>
    <t>一般来说在移动营业厅剪卡是免费的，但每个地方的移动营业厅是不一样的，有的地方可能收费，可以去本地的营业厅咨询。</t>
  </si>
  <si>
    <t>现在移动营业厅是三合一的卡，大中小三种卡在一个卡片上，不用剪，直接掰开就可以了</t>
  </si>
  <si>
    <t>在移动营业厅虽然工作人员可以帮你剪卡，但是大卡剪成小卡会有损坏SIM卡的风险，所以他们不会保证剪卡是否成功，剪卡成功自然很好，剪坏了你就要换卡了，建议带上身份证去，以防万一要换卡。</t>
  </si>
  <si>
    <t>手机指纹解锁好不好</t>
  </si>
  <si>
    <t>天气原因：冬天的温度会使手机指纹解锁没有那么快感应。人为原因：手指干燥的原因使指纹无法分析。手机原因：手机系统配置无法清晰快速识别指纹</t>
  </si>
  <si>
    <t>只有摩托罗拉的一款手机才是真正意义上的手机指纹锁，其他的都是按住一定时间解锁的，没什么用处，不是很好用。</t>
  </si>
  <si>
    <t>一体机可以装固态硬盘吗</t>
  </si>
  <si>
    <t>当然可以，只是一体机一般只有一个3.5的硬盘位，需要拆下原有硬盘才能装。</t>
  </si>
  <si>
    <t>当然是可以换的。里面的固态硬盘也是通用的</t>
  </si>
  <si>
    <t>东莞东是常平火车站吗</t>
  </si>
  <si>
    <t>不是的，常平火车站是东莞总站，东莞东火车站也在常平两个火车站里的不远</t>
  </si>
  <si>
    <t>东莞火车站和东莞东火车站都在常平，两个站相隔不远，东莞火车站在常平车站对面，东莞东火车站在木伦那边，对面也有个汽车站。现在坐火车不是一般的挤。</t>
  </si>
  <si>
    <t>不是，两个站之间有公交车，相距大约四公里。有多趟公交车来往</t>
  </si>
  <si>
    <t>不是，常平站原来叫东莞站，后来改名了，东莞东也在常平而已</t>
  </si>
  <si>
    <t>摩托车能跑长途吗</t>
  </si>
  <si>
    <t>绝对可以</t>
  </si>
  <si>
    <t>新买的摩托车也可以跑长途，只要注意控制车速不要太快，负荷不要太重，不要连续行驶时间过长，每隔一小时左右停车休息一会，给发动机降降温就行了。</t>
  </si>
  <si>
    <t>可以，不过最好是个把小时休息一下.</t>
  </si>
  <si>
    <t>黑客能窃取资料吗</t>
  </si>
  <si>
    <t>怎么可能是真的，要是真的话，警察不都下岗一大批吗，稍微想下，都不可能是真的。</t>
  </si>
  <si>
    <t>有了手机号码，必须在号码使用的手机上种下木马，发送一个短信，带有病毒连接。一但打开，手机就中了病毒，黑客想要什么资料就都会得到。</t>
  </si>
  <si>
    <t>轮胎有没有假货</t>
  </si>
  <si>
    <t>当然有了，前进轮胎被假货干的都开始用英文标了。不买过于便宜的轮胎是最好的防范</t>
  </si>
  <si>
    <t>汽车轮胎有假的。轮胎是在各种车辆或机械上装配的接地滚动的圆环形弹性橡胶制品。通常安装在金属轮辋上，能支承车身，缓冲外界冲击，实现与路面的接触并保证车辆的行驶性能。轮胎常在复杂和苛刻的条件下使用，它在行驶时承受着各种变形、负荷、力以及高低温作用，因此必须具有较高的承载性能、牵引性能、缓冲性能。同时，还要求具备高耐磨性和耐屈挠性，以及低的滚动阻力与生热性。世界耗用橡胶量的一半用于轮胎生产，可见轮胎耗用橡胶的能力。</t>
  </si>
  <si>
    <t>现在汽车轮胎特别是小车轮胎，原来很少有假 的，最多也只有翻新的，假胎大多出现在大车胎或是一些尼轮胎上。</t>
  </si>
  <si>
    <t>这个社会什么没有假的 所以还是建议到大点的卖场买 。</t>
  </si>
  <si>
    <t>文章照妖镜可靠吗</t>
  </si>
  <si>
    <t>不太好，不容易过。</t>
  </si>
  <si>
    <t>不靠谱。这种东西当玩笑就行啦！</t>
  </si>
  <si>
    <t>那个很不准的，不过可以借鉴这用用</t>
  </si>
  <si>
    <t>dj王志是不是不干了</t>
  </si>
  <si>
    <t>退休了吧！</t>
  </si>
  <si>
    <t>退出江湖 享清福了</t>
  </si>
  <si>
    <t>因为做不了好的作品，所以还不出品。</t>
  </si>
  <si>
    <t>充气娃娃可以操吗</t>
  </si>
  <si>
    <t>可以的啊，在使用时配合润滑液，效果更好</t>
  </si>
  <si>
    <t>能，弄点润滑油</t>
  </si>
  <si>
    <t>一年四季都可以艾灸吗</t>
  </si>
  <si>
    <t>一年四季都可以用艾灸</t>
  </si>
  <si>
    <t>得针对身体素质，节令气候很多方面综合决定</t>
  </si>
  <si>
    <t>一年四季都是可以艾灸的</t>
  </si>
  <si>
    <t>木板上可以贴马赛克吗</t>
  </si>
  <si>
    <t>木板上可以铺贴马赛克，用普通的粘接剂是贴不上的，用玻玛胶比较合适。</t>
  </si>
  <si>
    <t>修改宝贝一口价会降权吗</t>
  </si>
  <si>
    <t>不会的！价格不要变动太多</t>
  </si>
  <si>
    <t>如果是小度降权是因为交易变化引起的，只要等下一天更新就会没事的，而且小度降权也是很经常的事情，亲不必太在意也可以，如果在大幅度降权，8以上，那么亲可以停止这个宝贝的交易量几天，看会降低没，如果没降，就慢慢的提升着宝贝的交易量，看是哪个宝贝令这个宝贝隐性降权的。就把前面的宝贝降低交易量或者下架就好了。</t>
  </si>
  <si>
    <t>大幅度修改价格会有可能被降权</t>
  </si>
  <si>
    <t>大范围改价，是会被按虚假查，说查不到的，先全标题搜索，看结果，再去帮助-自助服务那有个降权查询，填上ID看看，这2个都满足，才说是降权</t>
  </si>
  <si>
    <t>这个问题是肯定可以修改，但是如果你修改了一般都要付出代价，有可能就是宝贝被降权了。</t>
  </si>
  <si>
    <t>不会的。淘宝降权主要有以下情况。一、错放类目被降权二、换宝贝被降权三、SKU作弊被降权</t>
  </si>
  <si>
    <t>合伙企业有公司章程吗</t>
  </si>
  <si>
    <t>合伙企业所有的合伙人需要共同通过合伙协议。合伙企业不是公司，没有公司章程。</t>
  </si>
  <si>
    <t>章程是人可以定的，也是人能毁掉的，所以不要搞这些无用的东西，关键是要有眼光，找准人，诚信第一，不讲诚信的人，定再多的章程有何用</t>
  </si>
  <si>
    <t>合伙协议适用于合伙企业，公司章程适用于公司</t>
  </si>
  <si>
    <t>普通合伙企业，是没有章程的，普通合伙企业有的是合伙协议。只有具有法人资格的主体才有章程。合伙企业不具有法人资格。</t>
  </si>
  <si>
    <t>癌症都是肿瘤吗</t>
  </si>
  <si>
    <t>习惯上把所有的恶性肿瘤称为癌症。</t>
  </si>
  <si>
    <t>人们常常把肿瘤与癌症混为一谈，认为肿瘤就是癌症，癌症就是肿瘤，其实两者有根本的不同。\x0d肿瘤包括良性肿瘤和恶性肿瘤两类，恶性程度介于两者之间的又称为交界瘤，所以肿瘤不等于癌症。</t>
  </si>
  <si>
    <t>恶性肿瘤又分为癌瘤、肉瘤。癌来源于上皮组织，而肉瘤则来源于间叶组织（包括结缔组织和肌肉）。它是当前严重影响人类健康、威胁人类生命的主要疾病之一。癌症与心脑血管疾病和意外事故一起，构成当今世界所有国家三大死亡原因。因此，世界卫生组织和各国政府卫生部门都把攻克癌症列为一项首要任务。\x0d癌症是一组疾病，其病变的最基本单位是癌细胞，癌细胞的特征有三点：\x0d1、癌细胞都是丧失原有的功能和形态特征，细胞的大小、形态很不一致，奇形怪状，五花八门；\x0d2、癌细胞本身无休上升无秩序的分裂和繁殖，过度增生，形成肿块。它的增生既不在机体的控制之下进行，又不按机体的需要进行，机体对它无能为力，它还消耗机体的营养，产生有害物质；\x0d3、癌细胞还具有向周围组织侵袭和向远处组织转移的能力，并在这些脏器继续生长繁殖，癌细胞的生长与播散如果得不到控制，破坏机体很重要脏器的功能，引起衰竭，最后导致死亡。\x0d概括地讲，恶性肿瘤是一种细胞性疾病，其主要特点是遗传基因突发变异，致使细胞持续性异常过度增生形成肿块。向周围组织侵犯和向其他脏器转移是它危害人体的主要形式。它的临床表现是以局部肿块为特征的一组全身性疾病。</t>
  </si>
  <si>
    <t>恶性肿瘤是癌症。\x0d分化是这样的：低分化，就是高恶度的意思，治疗上效果要比中分化、高分化都要差。而未分化，是恶度最高的癌。高分化，是恶度最轻的癌。</t>
  </si>
  <si>
    <t>肿瘤分良性和恶性，恶性肿瘤=癌症，但是在特定的情况下良性肿瘤也可能癌变转化成恶性 。</t>
  </si>
  <si>
    <t>京东佳沪数码靠谱吗</t>
  </si>
  <si>
    <t>假货！延误！</t>
  </si>
  <si>
    <t>是的，都是正品</t>
  </si>
  <si>
    <t>可以啊！新机当然都是未拆封的！要不怎么会说新机呢！</t>
  </si>
  <si>
    <t>一般般，不是说买过就信誉好我去年买过今年谁知道呢</t>
  </si>
  <si>
    <t>京东泸佳数码专营店是骗子</t>
  </si>
  <si>
    <t>京东第三方店和淘宝一样</t>
  </si>
  <si>
    <t>动力伞安全吗</t>
  </si>
  <si>
    <t>这些都是叫做极限运动，所以安全是看你的意识和技术来的</t>
  </si>
  <si>
    <t>在掌握好技术的情况下安全的</t>
  </si>
  <si>
    <t>世界上没有绝对安全的东西。合格的动力伞对会使用的人来说是相对比较安全的，如果不会使用而驾驶它飞上了天空那就相当危险了</t>
  </si>
  <si>
    <t>只要按要求操作基本上不会有什么问题的</t>
  </si>
  <si>
    <t>会用肯定安全。</t>
  </si>
  <si>
    <t>skt皮肤好看吗</t>
  </si>
  <si>
    <t>都好看，看你喜欢玩哪个英雄了，一个皮肤69</t>
  </si>
  <si>
    <t>作为武器大师老玩家，我想说武器目前就没有一款既好看又特效多的皮肤一款也没有</t>
  </si>
  <si>
    <t>skt的皮肤都很不错，属于限定和全特效的，可以给自己钟爱的英雄买一款</t>
  </si>
  <si>
    <t>生日可以提前吗</t>
  </si>
  <si>
    <t>一般是可以提前过，而不是延后过生日。按照迷信的说法就是提前生，要是推迟或者过生日，那是死了才会做什么忌日那些的，所以一般都是提前或者当天过，推迟补过对自己本身运气不是很好的。</t>
  </si>
  <si>
    <t>可以，提前过生日几乎成了大部份人认为的传统了，因为身边的朋友都是这样认为的。如果生日的时间紧挨着节假日或者礼拜天，一般会选择提前几天来过生日。</t>
  </si>
  <si>
    <t>按老一辈人说的，生日只能提前过，不能退后过</t>
  </si>
  <si>
    <t>可以，提前过比较好吧，提升（提前过生日）让他以后的生活会提升。</t>
  </si>
  <si>
    <t>孕妇能吃乌贼吗</t>
  </si>
  <si>
    <t>因人而异吧</t>
  </si>
  <si>
    <t>　墨鱼即乌贼。第一宝宝小编经常会买一些墨鱼蛋吃，当零食食用。孕期的妈咪能吃墨鱼吗？回答是肯定的，妈咪吃墨鱼是有很多好处的，有中医记载，墨鱼最适合妇女食用，也适合孕妇食用。墨鱼最适宜孕妇保健。墨鱼富含蛋白质、低脂肪、吃墨鱼不要怕长胖了。</t>
  </si>
  <si>
    <t>墨鱼即乌贼。妈咪吃墨鱼是有很多好处的，有中医记载，墨鱼最适合妇女食用，也适合孕妇食用。墨鱼最适宜孕妇保健。墨鱼富含蛋白质、低脂肪、吃墨鱼不要怕长胖了。乌贼每百克肉含蛋白质13克，脂肪仅0.7克，还含有碳水化合物和维生素A、B族维生素及钙、磷、铁等人体所必需的物质，是一种高蛋白低脂肪滋补食品。值得一提，它是女性塑造体型和保养肌肤之理想的保健食品。乌贼壳含碳酸钙、壳角质、粘液质、及少量氯化钠、磷酸钙、镁盐等。</t>
  </si>
  <si>
    <t>可以吃的哦。补充微量元素的。可以给墨鱼蒸着吃,煮着吃都可以</t>
  </si>
  <si>
    <t>怀孕期间,除了不要吃有害的东西,其他没什么忌口的.可以吃鱿鱼和墨斗鱼的.是很好的营养的.多吃蔬菜水果.蛋奶,瘦肉等.</t>
  </si>
  <si>
    <t>学化妆出来好找工作吗</t>
  </si>
  <si>
    <t>很好找的，这个还没有饱和，还是比较需要人才的。</t>
  </si>
  <si>
    <t>看自己，学的好肯定好找工作，MIYA 可以学。</t>
  </si>
  <si>
    <t>如果你学到家了，成为化妆师，肯定能找到工作</t>
  </si>
  <si>
    <t>好找，可以去影楼，剧组</t>
  </si>
  <si>
    <t>看你化妆水平决定</t>
  </si>
  <si>
    <t>现在这方面的前景不错</t>
  </si>
  <si>
    <t>应该还可以吧。看自己的悟性了。</t>
  </si>
  <si>
    <t>个人感觉现在好多地方全是这样的地方 客流量也不会很多不如学个甜点之类的 现在吃货这么多 这都是要看你自身的爱好了</t>
  </si>
  <si>
    <t>化妆师这个工作还是比较好找的，也是很不错的职业</t>
  </si>
  <si>
    <t>iphone 6s要贴膜吗</t>
  </si>
  <si>
    <t>iPhone6s屏幕材质方面，为了弥补上一代iphone6屏幕弯曲的说法，iPhone6s的屏幕玻璃采用号称最坚固的Ion-X，据称其强度高于第四代康宁大猩猩玻璃，但并非此前猜测过的蓝宝石材质。不过，再好的屏幕也还是需要使用者的爱惜，使用寿命才会延长，所以建议贴膜。</t>
  </si>
  <si>
    <t>需要贴膜的，刚买的手机上是没有贴膜的，iphone6splus想想多贵的手机，不贴膜手机会很难看的，贴膜了花了只要换贴膜就好了。</t>
  </si>
  <si>
    <t>想要贴膜的原因1首先来说说对于有强拆症的用户，可能是会选择为 iPhone6S 贴膜的用户群，因为他们比较在乎屏幕的质量，以及它的完美性，不想让屏幕出现任何一丝的不完美。2另外还有一些用户，可能是因为怕平时大手大脚，怕自己不小心把 iPhone6S 的屏幕摔坏了，所以他们可能还会选择一张钢化膜，用以保护屏幕不被摔坏。</t>
  </si>
  <si>
    <t>不喜欢贴膜的用户1在日常生活中，可能想要贴膜的人还是占多数的，毕竟很少看到有人的 iPhone 手机上没有贴膜，但是对于一些用户对屏幕与外观有要求的用户，他们一般是不会贴膜的。因为一旦贴膜后，会影响显示效果，如果还加上一个外壳的话，这样还会让 iPhone 的三观全毁。2如果不选择为 iPhone6S 手机贴膜的话，在平时的使用过程中，即使保护得再好，屏幕上多少都是会出现一些小的划痕的。这些划痕并不会影响正常使用，并且需要在亮光下仔细去看才会发现。3对于没有强迫症的用户，当然是会选择不为自己的 iPhone6S 贴膜的，因为那样会影响到他们对 iPhone 美观的欣赏。END</t>
  </si>
  <si>
    <t>有一些用户可能会考虑到平时自己可能会把钥匙与 iPhone 放到一起，所以也会考虑为 iPhone 贴膜。其实 iPhone6S 手机上采用的玻璃对于一般的如钥匙类的物体，还是有一定的抗刮力的，所以在这方面不需要太担心。个人建议如果自己的强拆症不严重的话，是完全可以不用为 iPhone6S 贴膜的，正如之前所言，如果强迫症不严重的话，完全可以考虑不用贴膜的。</t>
  </si>
  <si>
    <t>因人而异，担心手机屏幕会损坏那当然是要贴膜了，但如果更喜欢手机无膜的感觉那也可以选择不贴。</t>
  </si>
  <si>
    <t>广州东站可以买高铁票吗</t>
  </si>
  <si>
    <t>有的，看你要买到哪里去的</t>
  </si>
  <si>
    <t>当然可以，只要你带上第二代身份证，高铁也像火车票一样，可以代售的</t>
  </si>
  <si>
    <t>吃海鲜会影响月经吗</t>
  </si>
  <si>
    <t>吃海鲜一般来说不会影响月经周期的。</t>
  </si>
  <si>
    <t>这个应该是不会的吧</t>
  </si>
  <si>
    <t>食海鲜会导致月经推迟?这是不可能的事</t>
  </si>
  <si>
    <t>应该是没什么影响的</t>
  </si>
  <si>
    <t>不要吃海鲜,特别是北方人.从中医角度讲,海鲜大部分是寒凉的物质,女人特别容易气血不足,如果来例假还吃寒凉的东西,如果痛经这是一定的.</t>
  </si>
  <si>
    <t>恋青春面膜好用吗</t>
  </si>
  <si>
    <t>面膜是否好用要看个人具体情况。根据各人对香气的嗜好选择不同香型的产品，甚至是无香的产品，香气应纯正、幽雅，无不良异味或油蚝味。产品质地细腻均匀，色调自然，产品泡沫细腻，容易清洗，洗后皮肤不干燥、不紧绷，使用后在皮肤上留下一层薄的皮肤膜，不会造成脱脂，对皮肤作用温和，不会引起刺激和致敏作用。根据肤质不同选择不同的产品。干性的皮肤就要选用滋润的产品，而油性皮肤需要选择清洁性能好的产品。消费者使用产品前，应先阅读包装上的使用说明。选择对皮肤作用温和，不会引起刺激作用的产品。</t>
  </si>
  <si>
    <t>我在用这款恋青春，挺好用的，效果呢很好，关键是安全，对肌肤无刺激</t>
  </si>
  <si>
    <t>青春恋面膜补水效果特别好哦，我现在再用呢</t>
  </si>
  <si>
    <t>最近开始用的，果然不错。面膜的植物精华液比一般的浓度大，容易吸收。吸收后没有被糊着的感觉，很清爽。刚开始还担心对我的敏感肌肤不适用，用过后感觉对薄的角质层有很好地镇静作用，皮肤白白嫩嫩的，很不错。</t>
  </si>
  <si>
    <t>在用着呢，皮肤好多了，很薄很服帖，再也没用过其他面膜了，适合任何皮肤，过敏都不怕</t>
  </si>
  <si>
    <t>用第一片的时候，我就已经认定了这个产品了，特别是现在夏天用的时候，很清爽，很贴肤，还有清洁功效呢。很喜欢。</t>
  </si>
  <si>
    <t>吃西洋参能吃萝卜吗</t>
  </si>
  <si>
    <t>在吃西洋参期间最好是不吃萝卜，就是几小时以后也不要吃。最好是起过24小时才吃，否是没有效果的，并且吃了萝卜相应也要待24小时后再吃西洋参。</t>
  </si>
  <si>
    <t>隔日再吃。吃了萝卜，会将西洋参有效成分从尿中流失，影响对人参的吸收。故西洋参不宜与萝卜同时服用。吃萝卜的话也得服用西洋参24小时以后再吃。</t>
  </si>
  <si>
    <t>不要同时吃哦！人参+萝卜：不易消化，腹里胀气</t>
  </si>
  <si>
    <t>不可以的，凡是吃补品补药都不可以吃萝卜，因为会影响药效的。</t>
  </si>
  <si>
    <t>不能，参与萝卜药性相反，不能在一起吃的。</t>
  </si>
  <si>
    <t>杭州瑞丽整形好吗</t>
  </si>
  <si>
    <t>众口难调所以也不好答啊，还是要有个自己的判断把去轻美网又案例反馈的</t>
  </si>
  <si>
    <t>dnf圣物能交易吗</t>
  </si>
  <si>
    <t>刷图随机出，有了书就可以像设计书那样将魔法封印的装备转成圣物。还有一种是cc转换成圣物，好像是在赛丽亚房间买的。</t>
  </si>
  <si>
    <t>有部分的神器圣物可以交易，比如工程学做的，还有一些杀小怪过程中掉的绿色的也可以交易的。其他的蓝色的紫色的就不好交易了，如果是一起组队的话圣物是幸运币ROLL的也不能交易，圣物等级比对方高的也不能交易。</t>
  </si>
  <si>
    <t>升级出来的圣物是无法交易的</t>
  </si>
  <si>
    <t>升级出来的圣物是无法交易的，只有合成和掉落的圣物可以交易。</t>
  </si>
  <si>
    <t>无法交易</t>
  </si>
  <si>
    <t>可以交易，交易场所可以选择拍卖行交易或者玩家交易</t>
  </si>
  <si>
    <t>qq聊天语音可以导出吗</t>
  </si>
  <si>
    <t>语音目前导不出来的</t>
  </si>
  <si>
    <t>红色圈住的的那个文件夹里面就是语音信息直接保存就可以了</t>
  </si>
  <si>
    <t>需要在电脑上操作，才能提取出来，方法如下：在电脑上登录qq，点击界面底下的”打开系统设置“；点击”文件管理“，再点击”打开个人文件夹“；在打开的文件夹里面，点击打开”Audio“文件夹；打开以后，可以看到很多的qq语音文件，从里面找到需要的即可。</t>
  </si>
  <si>
    <t>长按收藏，再收藏夹可以找到</t>
  </si>
  <si>
    <t>没有身份证可以坐汽车吗</t>
  </si>
  <si>
    <t>没身份证是可以坐长途汽车的。坐汽车没有强制要求身份证，如果因为某些车站有特殊要求，你可以其他证件代替，比如居住证，社保卡，工作证，护照等。由于汽车票未实行实名制，用户无需携带身份证买票。但是汽车站售票处向用户推销保险等费用，用户需要记住个人的身份证号。节日期间，安全检查比较严格，用户最好携带个人身份证。</t>
  </si>
  <si>
    <t>基本上都可以</t>
  </si>
  <si>
    <t>可以，坐汽车不需要身份证。</t>
  </si>
  <si>
    <t>正规大型车站不一定行</t>
  </si>
  <si>
    <t>但是如果有些大的汽车站是要查验身份证的</t>
  </si>
  <si>
    <t>现在坐长途汽车买票都必须要身份证了</t>
  </si>
  <si>
    <t>每个客运站的规定不一样，现在还没有全国实名制，只有一小部门的客运站买票的时候需要用身份证购买，你可以在畅途网上面购票，和官方合作的，开通的城市比较多，只需要提供身份证号码就可以了，订票成功之后，凭取票人身份证或者取票信息到乘车站自助取票机或指定窗口取票。非常方便、靠谱！</t>
  </si>
  <si>
    <t>美国股市是t+0的吗</t>
  </si>
  <si>
    <t xml:space="preserve">世界上各大主要股票市场普遍实行T+0制度，如美国、欧洲、日本、香港等。 </t>
  </si>
  <si>
    <t>美股是T+0机制，可以做空，无涨跌停版限制，当日可以做上千笔交易。</t>
  </si>
  <si>
    <t>是的，外国成熟的市场一般都是实行Ｔ＋０的操作制度，我们中国的新兴市场把Ｔ＋０的制度限制了就是因为我们市场不够成熟预防投机成分过大，所以就实行Ｔ＋１</t>
  </si>
  <si>
    <t>中国股票是t加1模式，美国是t加0</t>
  </si>
  <si>
    <t>汽车改排气能不能过年审</t>
  </si>
  <si>
    <t>汽车改装排气管不可以通过年检。</t>
  </si>
  <si>
    <t>让车管所的技术员改可以通过</t>
  </si>
  <si>
    <t>只要尾气能过，都可以的.</t>
  </si>
  <si>
    <t>外观的话是过不了的。</t>
  </si>
  <si>
    <t>荣耀7有32g的吗</t>
  </si>
  <si>
    <t>荣耀7，双卡双待双通，移动4G增强版，32GB存储。</t>
  </si>
  <si>
    <t>没有32G的。</t>
  </si>
  <si>
    <t>在天津申彤大大正规吗</t>
  </si>
  <si>
    <t>投资公司吗不靠谱</t>
  </si>
  <si>
    <t>私募基金是幌子，做自融，小心为妙!</t>
  </si>
  <si>
    <t>比较正规的公司</t>
  </si>
  <si>
    <t>化脓性中耳炎严重吗</t>
  </si>
  <si>
    <t>化脓性中耳炎：（1）急性化脓性中耳炎 由化脓性细菌感染引起的中耳炎症，其症状主要是耳痛、流脓。小儿的全身症状比成人明显，可有发热、呕吐等。严重的并发症有颅内并发症，如脑膜炎、脑脓肿等。其他并发症有迷路炎、面神经麻痹等。（2）慢性化脓性中耳炎 是指中耳黏膜、骨膜或深达骨质的慢性化脓性炎症。本病在临床上较为常见，常以耳内间断或持续性流脓、鼓膜穿孔、听力下降为主要临床表现，严重时可引起颅内、颅外的并发症。</t>
  </si>
  <si>
    <t>要看中耳炎是哪种类型？发展到什么程度？如果症状较明显不去治疗，很容易发展为慢性中耳炎，引起听力下降就不好了。中耳炎是累及中耳（包括咽鼓管、鼓室、鼓窦及乳突气房）全部或部分结构的炎性病变，好发于儿童。可分为非化脓性及化脓性两大类。非化脓性者包括分泌性中耳炎、气压损伤性中耳炎等，化脓性者有急性和慢性之分。</t>
  </si>
  <si>
    <t>能早点做手术治疗还是治疗的好</t>
  </si>
  <si>
    <t>最好还是去医院看看，拖得越久，还有可能会影响听力</t>
  </si>
  <si>
    <t>金镶玉 好吗</t>
  </si>
  <si>
    <t>金镶玉完全是用名字来唬人的，听起来很好听，又有金又有玉，很高大上的样子。但是他的做工却很粗糙，可以说没有工。</t>
  </si>
  <si>
    <t>市场上常见的金镶玉，成本不超过30块，销售价格不超过200块，进了商场身价倍增。</t>
  </si>
  <si>
    <t>唐筛高危能变正常吗</t>
  </si>
  <si>
    <t>唐筛高危指的是胎儿有唐氏综合症，也就是俗称先天愚型的几率很大。筛查的最佳时间是怀孕的15-20周，一般抽血后的一周内孕妇即可拿到筛查结果，如果是高危也不必惊慌，因为还要进一步做羊水穿刺胎儿染色体检查，才能明确诊断。</t>
  </si>
  <si>
    <t>不过青岛新阳光妇产医院的医生跟我说过，唐筛的准确率只有60%左右，我怀孕那时只有1：50，我女儿现在不是健康的很么。关键是调整心态 。</t>
  </si>
  <si>
    <t>烟台竹林寺灵验吗</t>
  </si>
  <si>
    <t>竹林寺真的很灵</t>
  </si>
  <si>
    <t>竹林寺里一群东北骗子倒是真的。</t>
  </si>
  <si>
    <t>隔离霜需要卸妆水吗</t>
  </si>
  <si>
    <t>在睡觉之前一定要卸妆，不然你的毛孔会粗大，很多东东都会堵在里面，隔离霜也属于化妆品，有些隔离霜质地较差，在脸上的时间越久，伤害越大，所以最好先用卸妆水卸掉，然后擦一点爽肤水或者保湿面霜。</t>
  </si>
  <si>
    <t>使用隔离霜以后更要注重卸妆，由于其中不仅含有防晒剂，更含有色粉，因此必须采用全套卸妆步骤，丝毫容不得偷懒。卸妆油、卸妆乳、卸妆水，根据皮肤需求选择；之后再使用一次面部清洁产品，让皮肤回复自由呼吸的能力。</t>
  </si>
  <si>
    <t>隔离霜也要卸的，不然日积月累会让皮肤越来越暗沉，也容易长痘痘什么的。</t>
  </si>
  <si>
    <t>擦了隔离霜后是需要用卸妆水卸妆的。</t>
  </si>
  <si>
    <t>隔离霜需要用卸妆水洗掉。</t>
  </si>
  <si>
    <t>十二层好不好</t>
  </si>
  <si>
    <t>中间楼层还不错，别听他们说的扬灰层，要说1层更扬。</t>
  </si>
  <si>
    <t>12楼的话要看你所在的城市。以及空气的纯净度。尽量不要选中层。因为这个高度也正是空气最污浊的高度。</t>
  </si>
  <si>
    <t>12层很不错 听着也舒服 文字也少</t>
  </si>
  <si>
    <t>10层以上的基层就是最好的了，比如11层，12层。</t>
  </si>
  <si>
    <t>只要不是顶楼，</t>
  </si>
  <si>
    <t>火车票可以不取票吗</t>
  </si>
  <si>
    <t>高铁和动车组没有问题 你订好火车票之后应该有确认短信 检票时给检票员看短信和你的身份证就行 或者有的地方可以直接刷身份证进站 如果不是高铁和动车组就需要换成纸质的车票 一般订票成功之后会有短信提醒你是否需要换成纸质的车票或者直接用身份证上车 你仔细看短信就行了</t>
  </si>
  <si>
    <t>应该视情况而定;根据火车票购票官网上的规定，在官方网站使用二代居民身份证购票且乘车站和下车站均具备二代居民身份证检票条件的，乘车人可以持二代居民身份证直接通过车站自动检票机(闸机)办理进、出站检票手续，无需换取纸质车票。已经换取纸质车票，须凭纸质车票办理检票手续。</t>
  </si>
  <si>
    <t>火车站窗口购票只有纸质车票，购票后必须收好车票，凭借该纸质车票乘车，不存在不取票乘车的问题。如果是网上购票，普速车目前必须取票，动车组也只有部分可以刷身份证进出站。</t>
  </si>
  <si>
    <t>如果那趟车可以刷身份证就可以不取票</t>
  </si>
  <si>
    <t>部分车站可以直接使用二代居民身份证进站乘车,如果你是购买京津城际、京沪、沪宁、沪杭、武广、广深港高铁以及海南东环(海口站除外)、广珠线、广深线、温福、福厦、甬台温线(宁波东站除外)及福州、厦门站任意车站间G、D字头列车电子本线各站间动车组列车已具备二代居民身份证检票条件.已经购买电子客票但未换取纸质车票的,旅客可凭购票时所使用的二代居民身份证原件,直接通过车站自动检票机（闸机）办理进、出站检票手续.</t>
  </si>
  <si>
    <t>现在有少数车牌能不取票，大多数还是需要纸质票的</t>
  </si>
  <si>
    <t>你要看你所乘坐的车站支不支持身份证进出站，如果支持，可以网上买票，直接刷二代身份证进出站。如果不支持，还是要换取纸质车票。至于你所乘坐的区间支不支持，请在12306.cn查询。</t>
  </si>
  <si>
    <t>经常吃面包会胖吗</t>
  </si>
  <si>
    <t>会的，尽量吃糖分少的，多吃蔬菜！</t>
  </si>
  <si>
    <t>不会的哦。面包中的脂肪含量是很低的，而且其中还同时含有纤维。实际上，相对于题主所说的吃面包会发胖，相反的是面包有助于你控制自己的体重。当然，如果你吃的面包都是那种附带黄油、人造奶油、奶酪等的话，你就会发胖了。所以，单纯只吃面包的话，是不会让人发胖的。</t>
  </si>
  <si>
    <t>会，非常会，保证会。</t>
  </si>
  <si>
    <t>会的。面包是一种食品，属碳水化合物类。</t>
  </si>
  <si>
    <t>4k电视支持3d吗</t>
  </si>
  <si>
    <t>现在3D片源就没有4K版本的，你买了4K电视机，放3D片子也是当2K电视机在用。</t>
  </si>
  <si>
    <t>4K电视，是一种高清晰高分辨率的电视。3D电视是可以看立体节目的电视。是电视机的两个功能。有的4K电视，没有3D功能。有的3D电视不是4K分辨率的。有的4K电视同时也具备3D功能。要根据自己的需要选择购买。</t>
  </si>
  <si>
    <t>三星HU7000系列电视不支持3D功能，这是因为三星针对不同系列的电视，会设置不同的功能，这也是用差异化销售来满足不同用户的需求。不过三星今年HU7500及其以上的型号还是支持3D的。</t>
  </si>
  <si>
    <t>吃了中药可以怀孕吗</t>
  </si>
  <si>
    <t>具体要看用的什么药，可以问问开药的医生。</t>
  </si>
  <si>
    <t>中医讲究辨证施治，药吃对了是可以怀孕的。</t>
  </si>
  <si>
    <t>看吃的什么中药，如果是调理怀孕的，是可以要的</t>
  </si>
  <si>
    <t>可以，但是你得开对药</t>
  </si>
  <si>
    <t>活血化瘀的中药是孕妇慎用的药物，在孕早期用可能会对胎儿造成影响。建议你最好是停药后两个星期在考虑怀孕的问题。</t>
  </si>
  <si>
    <t>西兰花可以生吃</t>
  </si>
  <si>
    <t>可以生吃的</t>
  </si>
  <si>
    <t>没吃过不过应该不好吃吧</t>
  </si>
  <si>
    <t>西兰花没煮熟生吃是没有什么危害的。＃＃可以，可以用来做蔬菜沙拉，但是每个人的口味不一样</t>
  </si>
  <si>
    <t>不太好，因为：西兰花上有可能有残留物蔬菜不煮熟会有细菌西兰花生吃对胃不好</t>
  </si>
  <si>
    <t>不宜生吃，十字花科蔬菜如西兰花、菜花等，这些富含营养的蔬菜焯过后口感更好，其中丰富的纤维素也更容易消化。</t>
  </si>
  <si>
    <t>不能，最好是用水焯一下，再吃。</t>
  </si>
  <si>
    <t>可以，我就生吃了</t>
  </si>
  <si>
    <t>西兰花原产于地中海东部沿岸地区，我国有少量栽培，主要供西餐使用。不可以生吃。最好是用热水烫一下。</t>
  </si>
  <si>
    <t>现在的魔兽世界还好玩吗</t>
  </si>
  <si>
    <t>魔兽世界现在比以前上手容易，练级也快，获取战场装和竞技场装也相对简单了。但是游戏的可玩性个人感觉不如以前了，现在你只要上线打战场和混竞技场，就能拿到710的装备。同时战场装的属性不像以前那么明显输给副本装，所以团队和公会的必要性大不如从前，玩起来感觉比较孤单。</t>
  </si>
  <si>
    <t>魔兽世界的世界观很全，剧情也很好，建议玩玩看，画风可能一开始不适应，玩久了就好了。我虽然不是早期玩家，中途也多多少少断断续续在玩，但是每次一大更新我就必回归，我舍得卖其他游戏的号，唯独魔兽舍不得，而且现在也还在玩着的。</t>
  </si>
  <si>
    <t>有时间的话，比以前的版本好玩。</t>
  </si>
  <si>
    <t>玩还是可以的，融合了暗黑三的元素，可玩性，仁者见仁智者见智吧。</t>
  </si>
  <si>
    <t>还是好玩，适合时间比较多的玩家，说不好玩，只是没有以前玩魔兽那种虽然不方便但都比较纯真的年代了，现在什么都方便了，大家都在追求极速升级，然后极速拿装备。还有，老玩家多了，新玩家有点不好融入。</t>
  </si>
  <si>
    <t>好玩是好玩的，因为它始终是这类游戏的经典和巅峰之作，永远是最好的，没有之一！现在野外人少了，因为游戏机制的变更，所以大家现在游戏里也很宅，大多足不出城就开始排本，升级也排随机，满级初期也排随机，总之，游戏的繁琐度是降低了。另外，你要是新玩，最好是找有认识的朋友在的服务器一起玩，没人带你玩，你要上手会花浪费一些时间还有可能走一些弯路。不过，不用担心，WOW可以说是目前网游中友好度比较高的一款游戏。</t>
  </si>
  <si>
    <t>澳门苹果6支持电信吗</t>
  </si>
  <si>
    <t>根据小璟的了解，澳门版的iPhone6是支持电信卡的的。因为从iPhone5s开始，澳门版的iPhone都是全网通的产品，就是可以完美支持电信、移动、联通的电话卡。</t>
  </si>
  <si>
    <t>澳门版本的iphone手机是不可以使用大陆的电信手机卡的</t>
  </si>
  <si>
    <t>是否可以使用电信卡，要根据你的手机网络制式来看，如果支持CDMA网络制式，则可以使用电信卡，否则无法使用电信卡。</t>
  </si>
  <si>
    <t>可以。但可以用2g</t>
  </si>
  <si>
    <t>您可以查看手机的网络制式，如果支持电信CDMA、电信LTE网络一般是可以使用电信4G手机卡的，否则是不能支持的。</t>
  </si>
  <si>
    <t>澳门电信版是三网通版本，支持大陆三家运营商2、3、4g网络，楼主放心。</t>
  </si>
  <si>
    <t>最好的版本，澳门是全网通</t>
  </si>
  <si>
    <t>脑疝能治好吗</t>
  </si>
  <si>
    <t>脑疝会引起很严重的症状，随时有生命危险，如果及时去除颅压过高等危险因素，是可以治疗的，但是治愈的人很少</t>
  </si>
  <si>
    <t>脑疝是很难会治疗好的</t>
  </si>
  <si>
    <t>能否用光杠杆法测量一块薄金属片的厚度</t>
  </si>
  <si>
    <t>角钢/罗纹钢/型钢</t>
  </si>
  <si>
    <t>光杠杆就是用来测量微小距离量的，所以是可以的</t>
  </si>
  <si>
    <t>奥巴马厉害吗</t>
  </si>
  <si>
    <t>是个不错的adc</t>
  </si>
  <si>
    <t>赶集网兼职靠谱吗</t>
  </si>
  <si>
    <t>绝大多数都是骗人的，尤其是那种待遇好活轻松的，只要让你交押金保证金什么的，千万别交，基本可以确定是骗子</t>
  </si>
  <si>
    <t>收费的别信就行了</t>
  </si>
  <si>
    <t>大多数是可以的，你可以多查查信息确认一下。</t>
  </si>
  <si>
    <t>是不是可靠谁都不好说的，毕竟这样的网站只是一个平台性质的网站，里面的信息都是有真有假的，没有人会为这个信息的真实性负责，所以说还是自己小心点的好呀。</t>
  </si>
  <si>
    <t>赶集网上的简直不可靠。</t>
  </si>
  <si>
    <t>牙齿影响脸型吗</t>
  </si>
  <si>
    <t>显而易见的，来个龅牙，你看脸型会不觉得难看？</t>
  </si>
  <si>
    <t>如果牙齿向外向前凸，下巴就会显得靠后，而不够翘。嘴唇也会因为被牙齿顶出，显得唇厚(有点类似嘟嘴的情况)。等到往外凸得厉害时，就是所谓龅牙，矫正能让这块得到缓解，但不能让脸瘦，或者说是让脸由圆变尖。</t>
  </si>
  <si>
    <t>　在牙齿矫正中，大部分的牙齿移动方向是前后移动，所以对侧脸部的改变很大。最明显的就是龅牙矫正。龅牙矫正时，嘴唇因为门齿往后移动会变得较容易闭牢，而门齿也就不不容易外露，所以，无论从侧面或者是从正面来看，脸型都会比较好看。因为牵涉到以后的稳定度，一般矫正牙齿对牙弓宽度改变都不大。纵然在部分青少年病例，可能会采取快速上颚扩张术把过窄的上颌牙弓矫治，但对脸部宽窄应该不会有太大影响</t>
  </si>
  <si>
    <t>有影响，但肯定是好影响</t>
  </si>
  <si>
    <t>乐泰胶囊好不好</t>
  </si>
  <si>
    <t>乐泰胶囊是一种保健品，主要功效是缓解体力疲劳，本产品为保健品不可替代药物。</t>
  </si>
  <si>
    <t>乐泰胶囊由我国久负盛名科研机构—中国科学院上海生命科学研究院研制，是具有专业技术水平的主动激活型免疫产品，绿色生物保健领域的佼佼者。乐泰胶囊丰富的免疫球蛋白直接在呼吸道 消化道参与人体的免疫反应,抑制和中和入侵病菌,病毒,阻断其向细胞,血液的侵入. 同时特有神奇的ISP因子(免疫激活肽) 能直达根本，明显改善机体状态，帮助人体修复受损的免疫系统，促进免疫系统淋巴专一抗体的生成及活性提升,稳固人体免疫防线,提高免疫能力。乐泰胶囊的免疫调节功能独特，具有相当广泛性，对免疫失调和衰退人群有着良好的辅助作用，如上呼吸道感染、支气管炎、哮喘、肺炎、慢性胃炎、慢性结肠炎、慢性腹泻、多发性口腔溃疡等，对免疫力低下者及易疲劳者也到一定的调节作用,是新一代天然安全的成人口服免疫增强剂。</t>
  </si>
  <si>
    <t>年轻人姚励志立志理智，人生还有很多事情等着你去做，摒弃这些不良的杂念、习气吧</t>
  </si>
  <si>
    <t>最终幻想13:雷霆归来好玩吗</t>
  </si>
  <si>
    <t>本人还是挺喜欢的 人物 特效 剧情方面都做得不错</t>
  </si>
  <si>
    <t>对于FF13雷霆归来我的看法是不好玩，FF13三部曲都不好玩</t>
  </si>
  <si>
    <t>小米蓝牙耳机能不能听歌</t>
  </si>
  <si>
    <t>小米蓝牙耳机的蓝牙是4.1版本的，应该可以听音乐。</t>
  </si>
  <si>
    <t>当然可以听音乐,不过效果没那么好,主要还是用来打电话多一点.</t>
  </si>
  <si>
    <t>小米蓝牙耳机支持听音乐的。只要手机和小米蓝牙耳机成功配对，音乐就会通过小米蓝牙耳机里面传出来。</t>
  </si>
  <si>
    <t>盗墓之王电视剧好看吗</t>
  </si>
  <si>
    <t>盗墓之王 好看,考察归途。</t>
  </si>
  <si>
    <t>只要你觉得好看就行</t>
  </si>
  <si>
    <t>个人觉得还是《盗墓笔记》好，《盗墓之王》太失真了……</t>
  </si>
  <si>
    <t>台湾女孩开放吗</t>
  </si>
  <si>
    <t>也不一定喔</t>
  </si>
  <si>
    <t>开放也不代表随便 比起以前当然比较开放 但不代表你去和台湾或任何其他国家的女人接触时，你可以随便的不尊重对方</t>
  </si>
  <si>
    <t>穿著前卫不代表性观念开放</t>
  </si>
  <si>
    <t>相对来说台湾女性更传统更保守,穿著病不代表开放</t>
  </si>
  <si>
    <t>伤口缝合期能喝酒吗</t>
  </si>
  <si>
    <t>忍一忍吧。有利于伤口恢复……</t>
  </si>
  <si>
    <t>嗜酒是一种不可治愈、逐步恶化、足以致命的疾病</t>
  </si>
  <si>
    <t>喝酒麻痹神经系统，影响伤口正常愈合，如果有伤口，拒绝刺激性食物，远离水风。</t>
  </si>
  <si>
    <t>不能喝酒</t>
  </si>
  <si>
    <t>最好不要喝酒不然会发炎的</t>
  </si>
  <si>
    <t>泡脚能瘦小腿吗</t>
  </si>
  <si>
    <t>告诉你是可以的</t>
  </si>
  <si>
    <t>泡脚是可以瘦腿的，有点效果</t>
  </si>
  <si>
    <t>不会瘦腿</t>
  </si>
  <si>
    <t>泡脚有助于血液循环，有助于瘦腿</t>
  </si>
  <si>
    <t>月子能吃老母鸡吗</t>
  </si>
  <si>
    <t>必须可以吃啊，老母鸡炖汤最好喝了。</t>
  </si>
  <si>
    <t>当然可以，在北方最讲究月子吃老母鸡汤滋补</t>
  </si>
  <si>
    <t>可以适当食用老母鸡，建议哺乳期期要注意营养的均衡，多吃蔬菜水果，另外要保证充足的蛋白质等营养的摄入，可以多喝汤水类，如鱼汤、鸡汤等，有助于乳汁的分泌，给小孩提供充足的奶水。</t>
  </si>
  <si>
    <t>当然分娩10天以后，在乳汁比较充足的情况下，可以炖老母鸡吃，对增加产妇营养、增强体质是大有好处的。</t>
  </si>
  <si>
    <t>产妇7～10天以内不宜吃，防止回奶。当然分娩10天以后，在乳汁比较充足的情况下，可适当吃些老母鸡（包括母鸡）对增加产妇营养，增强体质是大有好处的。另外，因老母鸡多肥腻，产妇产后体质较差，胃肠消化功能相对较弱，如过早吃老母鸡，容易影响胃肠的消化功能从而影响营养物质的消化吸收</t>
  </si>
  <si>
    <t xml:space="preserve">当然能吃 </t>
  </si>
  <si>
    <t>韩后是纯植物的吗</t>
  </si>
  <si>
    <t>不是哦</t>
  </si>
  <si>
    <t>排卵后还有小卵泡吗</t>
  </si>
  <si>
    <t>有小卵泡也是可能的</t>
  </si>
  <si>
    <t>市盈率越大越好吗</t>
  </si>
  <si>
    <t>看到公式就会发现比值越小利润就越大。</t>
  </si>
  <si>
    <t>以色列恨德国吗</t>
  </si>
  <si>
    <t>以色列对现在的德国谈不上深仇大恨，但是以色列真正恨的是纳粹德国，对于现在的德国，连它的宿敌法国都不敌视它，以色列这是从民族感情和过去的历史对于现在的德国有一种理性的抵触心理，并不是敌视。</t>
  </si>
  <si>
    <t>当然，不过别人比较理智</t>
  </si>
  <si>
    <t>如今以色列和德国的关系很好，德国从二战以后，都积极认错，甚至德国总理施罗德在犹太人的墓前下跪谢罪，并进行对遇难的犹太人进行补偿，赢得了犹太人以及整个世界的谅解。</t>
  </si>
  <si>
    <t>c照可以考教练证吗</t>
  </si>
  <si>
    <t>C1驾照满5年驾龄，具备高中文化学历就可以去市运输管理局报名考教练证。</t>
  </si>
  <si>
    <t>教练证一年考2次，一般上半年3月份一次，下半年10月份一次，具体报名时间关注当地运管部门官方网站。＃＃需要五年驾龄</t>
  </si>
  <si>
    <t>孕妇可以吃丝瓜吗?</t>
  </si>
  <si>
    <t>可以，但不要过多。</t>
  </si>
  <si>
    <t>怀孕早期可以吃丝瓜。</t>
  </si>
  <si>
    <t>丝瓜是一种比较常见的蔬菜食物，孕期适当吃点没关系的。注意掌握饮食的多样化、营养的均衡搭配、充足供应即可。</t>
  </si>
  <si>
    <t>可以的 吃丝瓜有通经络之效果 有助于下奶。</t>
  </si>
  <si>
    <t>孕妇可以适量吃丝瓜</t>
  </si>
  <si>
    <t>微店好用吗</t>
  </si>
  <si>
    <t>我就是微商，护肤品的。已经半年了，觉得挺好的</t>
  </si>
  <si>
    <t>开微店当然没有开淘宝店好啦。只不过现在移动端的流量越来越大，我们想着法子来找流量而已，微店就是这个平台下的产物</t>
  </si>
  <si>
    <t>2015一建难吗</t>
  </si>
  <si>
    <t>80道题目，30道计算题。这么说吧，15年的计算题比11-14年题目中所有加起来的计算题都多。计算题量多是其一，题干的问法也更加灵活，不再是死板的直来直去的提问，难度上适中其实，但是2个小时题量实在太多，难度也文字逻辑题也较往年提高。</t>
  </si>
  <si>
    <t>我的感觉不难</t>
  </si>
  <si>
    <t>一建的实务这个是笔答题，很变态，题很偏。</t>
  </si>
  <si>
    <t>武汉大学有专科吗</t>
  </si>
  <si>
    <t>武汉大学有专科，例如口腔、护理专业，但是不在武汉大学本部，而在汉口医学部。</t>
  </si>
  <si>
    <t>武汉大学本校是没有专科的，但是它的其他分校会有专科</t>
  </si>
  <si>
    <t>武大没有专科</t>
  </si>
  <si>
    <t>武汉没有专科</t>
  </si>
  <si>
    <t>云歌失忆了吗</t>
  </si>
  <si>
    <t>云歌明白刘弗陵知道自己假装失忆，问他为什么不拆穿自己，刘弗陵说若是这样能让她好受，那么他愿意成全，希望她能留下来，云歌说他贵为一国之君，有很多无法推卸的责任，她也不愿伤害小妹。</t>
  </si>
  <si>
    <t>她并没有失忆</t>
  </si>
  <si>
    <t>云歌没有失忆，她一直在找刘弗陵</t>
  </si>
  <si>
    <t>龟鹿二胶丸长期吃可以吗</t>
  </si>
  <si>
    <t>这又不是什么禁药，没有关系</t>
  </si>
  <si>
    <t>浙江枸杞岛好玩吗</t>
  </si>
  <si>
    <t>简直不堪入目，一间房间400，都不如乡下，真的很不开心</t>
  </si>
  <si>
    <t>喝苏打水好吗</t>
  </si>
  <si>
    <t>苏打水是碳酸氢钠的水溶液，其性状含有弱碱性，医学上外用可消毒杀菌，饮用可中和人体内的酸碱平衡，改变酸性体质。</t>
  </si>
  <si>
    <t>不能长期喝，苏打水就是碳酸氢钠的水溶液，长期大量喝，血液里的钠离子大量增加，由于人血液钠离子浓度稳定在1%左右，就会大量增加肝脏肾脏负担，等于食盐吃多了一样。</t>
  </si>
  <si>
    <t>苏打水有利于养胃，因为苏打水能中和胃酸。</t>
  </si>
  <si>
    <t>少喝,因为那对人物不利！</t>
  </si>
  <si>
    <t>不好.</t>
  </si>
  <si>
    <t>苏打水外用可消毒杀菌，内服可综合人体内的酸碱平衡，改变酸性体质。</t>
  </si>
  <si>
    <t>长期服用苏打水可能会引起碱中毒，轻则厌食、恶心、头痛、抽搐，重则昏迷，尤其老年人及肾脏病患者，长期服用更易发生碱中毒。</t>
  </si>
  <si>
    <t>苏打水能中和胃酸、强化肠胃吸收、健胃。但是，长期服用苏打水可能会引起碱中毒，轻则厌食、恶心、头痛、抽搐，重则昏迷，尤其老年人及肾脏病患者，长期服用更易发生碱中毒 。</t>
  </si>
  <si>
    <t>lols6要重新定位吗</t>
  </si>
  <si>
    <t>2017赛季正式开始，段位级别还原(预计2月下旬)。</t>
  </si>
  <si>
    <t>段位重置应该在一月份中旬。</t>
  </si>
  <si>
    <t>巧迪尚惠粉饼好用吗</t>
  </si>
  <si>
    <t>粉饼一定要亲自试用，才知道适合自己与否，适合别人的不一定适合自己。</t>
  </si>
  <si>
    <t>巧迪尚惠粉饼挺好用的。</t>
  </si>
  <si>
    <t>哈 哈哈哈 ~ 我 最 近就迷 上 了巧迪尚 惠的棉花糖 粉 饼</t>
  </si>
  <si>
    <t>我 定妆用 的就是 巧迪 尚 惠 的 棉花 糖粉 饼，定 妆效果 杠杠滴，而 且一点都不 闷 ， 透气性 好，</t>
  </si>
  <si>
    <t>不好用，浮粉，易脱妆，其实就是中国牌子打的国外名字</t>
  </si>
  <si>
    <t>下面毛太多能剪吗</t>
  </si>
  <si>
    <t>可以剪掉的，毛太多了容易滋生细菌的。</t>
  </si>
  <si>
    <t>不能随便剪，因为剪了长的更加快。阴毛多少没有特别标准。</t>
  </si>
  <si>
    <t>可以，但是剪后就长的更快</t>
  </si>
  <si>
    <t>可以去掉，但是不建议用剪刀剪有专门的脱毛膏的，专脱比基尼部位的脱毛膏比较安全哦。</t>
  </si>
  <si>
    <t>能啊!</t>
  </si>
  <si>
    <t>可以的，这个不影响的！</t>
  </si>
  <si>
    <t>可以适当修剪</t>
  </si>
  <si>
    <t>中山大学与武汉大学哪个好</t>
  </si>
  <si>
    <t>武汉大学在中山大学之上，除去地理位置，武大综合实力完胜中山</t>
  </si>
  <si>
    <t>看专业，不要看学校的名气。中大的医学、经济、管理学、物理、化学、生物等专业还是相当有实力的。物理化学生物都有中科院院士。我是中山大学的，但还是要说，中大的工科、工程类的学科，还是很次的。武大的话，在工程类、水利等实力还是比中大强劲很多的。同学，看你像是高三的学生。作为一个在校生，还是想说一句，211学校是底线，关键是专业。女怕嫁错郎，男怕入错行！</t>
  </si>
  <si>
    <t>建议你考虑中山大学。学校之间，比较因素有很多，绝对不像一些用1+1=2》1大学排名那样简单化。除了综合实力比较，还有拔尖学科或专业建设、地域、就业、学校所在城市发达程度等多种因素。就比如广东外语外贸大学、上海立信会计金融学院等非211高校的录取分数高于众多211高校一样，有时候学科、地域、就业的影响比所谓综合实力的影响要大得多。武汉大学和中山大学，都是国内985高校，本身处于一个层次上。但很多毫无根据的大学排名，人为的将同层次的学校非要比较出123来不可，而且最误导考生的是好似第一名好，第二名就是差，这种非此即彼的概念是一种陈旧的惯性思维。这也是很多同类型综合高校包括财经类大学为排名大费口舌的原因。</t>
  </si>
  <si>
    <t>同一个层次的大学比较，真的是很难的事情。从很多大学排名看，武汉大学比中山大学排名要略高一些，但任何大学排名都不是科学的，耶鲁大学的校长就认为“对于排名接近的高校，根本看不出来高下之分，由于高校所处地域、特色不同，那种所谓的排名差距实际是统计学的精确性误差”。</t>
  </si>
  <si>
    <t>综合排名来看的话，武汉大学稍微好一些。但是这两个学校有自己的优势专业啊。生物学和工商管理在中山大学就很牛。</t>
  </si>
  <si>
    <t>精液射在外阴会怀孕吗</t>
  </si>
  <si>
    <t>不会的，没有与卵子结合。</t>
  </si>
  <si>
    <t>算算是你的安全期范围内，还没有排卵，加上体外射精，概率很小很小，所以放心吧，不会怀孕，也不要吃药。以后爱爱记得带套。</t>
  </si>
  <si>
    <t>有可能的，看看具体情况</t>
  </si>
  <si>
    <t>有一定几率怀孕</t>
  </si>
  <si>
    <t>怀孕的可能性是有的，但不是很大。</t>
  </si>
  <si>
    <t>java 常量池 是在堆中吗</t>
  </si>
  <si>
    <t>java常量池不在堆中也不在栈中，是独立的内存空间管理。</t>
  </si>
  <si>
    <t>常量池全部在栈里</t>
  </si>
  <si>
    <t>不是吧，常量池不在栈里吧，应该是数据区吧</t>
  </si>
  <si>
    <t>饥荒有门吗</t>
  </si>
  <si>
    <t>就在刚刚我在杀人蜜巢的后面找到冒险模式的大门了，大门附近有一圈儿树木环绕，才玩了十天好奇的就进去了，感觉我好方qwq除了冒险之门其他的就是收集传送零件到下一个世界的传送门，不过这没卵用顶多只是换个世界其他的就没别的了。</t>
  </si>
  <si>
    <t>不可以，饥荒不像我的世界，没有类似屋子的东西，用不同围墙搭配可以做出门的样子，内部建筑搭配好了有豪华营地的效果。想建家可以搜索 饥荒家布局 。</t>
  </si>
  <si>
    <t>单机ROG巨人国版在地图上找</t>
  </si>
  <si>
    <t>二代身份证过期了能买飞机票</t>
  </si>
  <si>
    <t>不能直接买飞机票</t>
  </si>
  <si>
    <t>乘机当天，距离身份证过期有没有超过半年。如果没有，可以持该过期的二代身份证照常办理值机手续、过安检登机，但前提是身份证必须完好无缺，且之前未曾申请办理新身份证。</t>
  </si>
  <si>
    <t>根据民航规定，身份证有效期限过期6个月以内的中华人民共和国居民身份证是可作为直接乘机的有效证件。所以在超过有效期6个月以内的身份证也是可以直接购买借票的。</t>
  </si>
  <si>
    <t>机票是肯定可以购买的</t>
  </si>
  <si>
    <t>不能购买。二代身份证过期不能买飞机票。过期证件不能作为有效证件正常使用！</t>
  </si>
  <si>
    <t>海市蜃楼是真的吗</t>
  </si>
  <si>
    <t>是真的，因为可以看见，夏天在炎热的马路上，就可以看得到，但是无法接近。</t>
  </si>
  <si>
    <t>小米有苹果数据线吗</t>
  </si>
  <si>
    <t>是的，还生产的数据线的</t>
  </si>
  <si>
    <t>化橘红药店有卖吗</t>
  </si>
  <si>
    <t>大的中药房应该有的.</t>
  </si>
  <si>
    <t>正宗的化州橘红比较贵，药店出于成本考虑，一般拿广西的假橘红，惠州上排有一家专业做化州橘红的专卖店，化州人开的，很地道正宗的化州橘红</t>
  </si>
  <si>
    <t>好像只有专卖店才有卖的</t>
  </si>
  <si>
    <t>一般正规的药店就能买的到。</t>
  </si>
  <si>
    <t>橘红很多产品不能放在药店卖的，所以一般没有，可以选择上网买，例如香橘源化州橘红茶等牌子</t>
  </si>
  <si>
    <t>三星s6有id锁吗</t>
  </si>
  <si>
    <t>三星s6有id锁的。</t>
  </si>
  <si>
    <t>有，可以绑定三星账户，以及重新激活锁定。</t>
  </si>
  <si>
    <t>没有吧 应该！~</t>
  </si>
  <si>
    <t>三星S6支持三星账户锁</t>
  </si>
  <si>
    <t>不能，目前只有苹果手机可以。其他手机都是软锁，刷机就没了。</t>
  </si>
  <si>
    <t>胶原蛋白可以和葡萄籽一起吃吗</t>
  </si>
  <si>
    <t>葡萄籽和胶原蛋白可以一起吃，</t>
  </si>
  <si>
    <t>葡萄籽和胶原蛋白可以一起吃，且一起吃的效果比单吃一种的效果更好。</t>
  </si>
  <si>
    <t>葡萄籽胶囊是随餐或者餐后立即服用。 因为它是脂溶性的， 必须有油水才容易被人体吸收。 较远蛋白最好是早晨空腹服用。</t>
  </si>
  <si>
    <t>葡萄籽胶囊和胶原蛋白都属于保健品，可以一起吃的，能增强人体抵抗力。</t>
  </si>
  <si>
    <t>可以。葡萄籽主要成份就是维生素c</t>
  </si>
  <si>
    <t>胶原蛋白是皮肤的主要成分，占皮肤干重的70—80%，而葡萄籽具有超强的抗氧化的作用，最大限度的清除自由基给人体带来的伤害，抵抗自由基对人体各器官细胞的损害，延缓衰老，起到美容滋润皮肤的功效，而且人体随着年龄的增长，体内的自由基会聚集激活，转变成一种叫做金属蛋白酶的东西，它会大量的去破坏分解胶原蛋白，而葡萄籽就可以大量消灭自由基，从而使服用的胶原蛋白在人体合成吸收而不会被破坏掉，所以两者服用效果更佳。</t>
  </si>
  <si>
    <t>人排一次尿膀胱排空吗</t>
  </si>
  <si>
    <t>没有排空的</t>
  </si>
  <si>
    <t>理论上是都排干净的</t>
  </si>
  <si>
    <t>会留一些。如果排干净了膀胱会感觉刺痛。</t>
  </si>
  <si>
    <t>正常人排尿干净后膀胱大约会有5ml尿液,具体情况还得参照身高，总之是不会大于10ml.</t>
  </si>
  <si>
    <t>逆战飓风之龙值得买吗</t>
  </si>
  <si>
    <t>可以啦，打什么都好，塔防，猎场，变异，团队都不错</t>
  </si>
  <si>
    <t>很好！打什么模式都行</t>
  </si>
  <si>
    <t>那个禁魔岛没有纪元之光根本打不过去。还是买纪元之光吧</t>
  </si>
  <si>
    <t>直接买，便宜</t>
  </si>
  <si>
    <t>肾结石能吃白菜吗</t>
  </si>
  <si>
    <t>还没有看到相关报道肾结石患者不能吃白菜的。</t>
  </si>
  <si>
    <t>可以，但不要吃豆腐。</t>
  </si>
  <si>
    <t>面瘫能吃海鲜吗</t>
  </si>
  <si>
    <t>适当的吃点没关系的，主要是必须是完全熟的</t>
  </si>
  <si>
    <t>面瘫患者不能经常吃海鲜</t>
  </si>
  <si>
    <t>肯定是不行的</t>
  </si>
  <si>
    <t xml:space="preserve">你好，没有直接关系。 </t>
  </si>
  <si>
    <t>关系不大!可能吃腥的海鲜刺激了面部神经元。</t>
  </si>
  <si>
    <t>面瘫治疗中个人认为是不适合吃海鲜的</t>
  </si>
  <si>
    <t>面瘫患者饮食方面不能吃辣椒、胡椒、姜等辛辣刺激性的食物油腻、油炸的也不能吃。</t>
  </si>
  <si>
    <t>客厅屋顶有横梁好不好</t>
  </si>
  <si>
    <t>风水上来说，客厅里横着的房梁是“刀”，有切断的意思，所以沙发最好不要放到横梁下方，而应该让横梁下中间部位空着，而靠墙壁的两边放2个柜子，如果因为空间问题，已经放了，建议沙发下需要放五帝这种专门的化煞风水物品。</t>
  </si>
  <si>
    <t>这在风水上讲是不好的，容易使人在潜意识里有深受压迫的感觉，睡不踏实，容易做噩梦。对人精神系统产生一些不利的影响，严重的会造成性格上的偏差，产生孤僻症。而居住者又长时间在该处休息或工作，便会造成横梁压顶之局，造成身体痛症。</t>
  </si>
  <si>
    <t>肯定不好，因为它能压你财运。</t>
  </si>
  <si>
    <t>客厅最忌讳屋中间有横梁了。</t>
  </si>
  <si>
    <t>微信手机可以解绑吗</t>
  </si>
  <si>
    <t>在新的手机设备上需连续登录72小时后才能操作解绑。</t>
  </si>
  <si>
    <t>现在微信只能更换绑定的手机，不能直接解除绑定。</t>
  </si>
  <si>
    <t>目前微信想要解绑那个绑定的手机号码，必须用另一个手机号码来绑定，才可以解绑以前绑定的手机号，不像以前的可以绑定别的来解绑手机号码。</t>
  </si>
  <si>
    <t>可以，解绑后就不算是自己的微信号了。</t>
  </si>
  <si>
    <t>可以更换不能解绑。要是不想用这个的话只能用别的号替代。</t>
  </si>
  <si>
    <t>甲状腺结节可以吃虾吗</t>
  </si>
  <si>
    <t>临床上患有甲状腺结节的患者是非常多的,只是要甲状腺的功能是正常的,这个海产品是可以正常吃的.</t>
  </si>
  <si>
    <t>这一般考虑是可以的，建议宜多食含碘丰富的食物如海带,紫菜等,定期做好复查,同时可以使用中药进行调理</t>
  </si>
  <si>
    <t>海鲜类食品中含较大免疫源性物质，容易加重甲状腺结节症状。最好不要食用。</t>
  </si>
  <si>
    <t>刷qb的网址是真的吗</t>
  </si>
  <si>
    <t>假的，刷q币几乎没有真的，有的话商人早就自己刷了</t>
  </si>
  <si>
    <t>刷qb的网址是假的</t>
  </si>
  <si>
    <t>牙掉了一块能补吗</t>
  </si>
  <si>
    <t>比较少就可以补，如果掉的比较多，就需要做牙套才可以。</t>
  </si>
  <si>
    <t>可以修补的，就是容易掉，或者做贴面，如果牙齿是健康得到不建议做冠，冠比较伤害牙齿，建议去专业医疗机构把门牙修复好，尽量做到保全自然牙</t>
  </si>
  <si>
    <t>是可以补的。</t>
  </si>
  <si>
    <t>应该不需要治疗。可以补。我同学小学时撞掉半颗门牙补了半颗，一直到高中都用的好好的，而且不仔细看基本看不出来。不过后了为了更好做了烤瓷牙</t>
  </si>
  <si>
    <t>护肤品含铅吗</t>
  </si>
  <si>
    <t>不是什么样的护肤产品都会含铅，而是看产品是否可靠。好的品牌绝不会含铅</t>
  </si>
  <si>
    <t>v</t>
  </si>
  <si>
    <t>护肤品里很少含铅</t>
  </si>
  <si>
    <t>云中歌赵丽颖戏份多吗</t>
  </si>
  <si>
    <t>赵丽颖在《云中歌》只是个配角，戏份并不 是很 多，但是她的演技还是很好</t>
  </si>
  <si>
    <t>外地可以在北京买车吗</t>
  </si>
  <si>
    <t>持有有效《北京市工作居住证》的非本市户籍人员。持有本市有效暂住证且连续五年(含)以上在本市缴纳社会保险和个人所得税的非本市户籍人员。其他的一样，有合格驾照。就可以网上申请摇号了。外地户口都是这个标准</t>
  </si>
  <si>
    <t>可以!具体情况还要和当地的银行协商.</t>
  </si>
  <si>
    <t>不可以，外地人买车须具备5项规定</t>
  </si>
  <si>
    <t>养殖土鳖是真的吗</t>
  </si>
  <si>
    <t>土鳖是可以养殖的</t>
  </si>
  <si>
    <t>土鳖虫的生命力极强，只要不暴露室外，无风吹雨打，无阳光直晒，土鳖虫均可成活。疏松的土壤，阴暗潮湿的环境，便可使土鳖虫生长得很好，土鳖虫人工养殖形式可多种多样</t>
  </si>
  <si>
    <t>榨菜可以带上飞机吗</t>
  </si>
  <si>
    <t>可以的，零食只要不是液体的就可以携带上飞机。</t>
  </si>
  <si>
    <t>小包装榨菜可以携带，不过应少量携带。</t>
  </si>
  <si>
    <t>一般榨菜可以直接随身带上飞机（小包装的袋装榨菜）。</t>
  </si>
  <si>
    <t>可以带榨菜。</t>
  </si>
  <si>
    <t>可以的，具体看看是什么公司的航班，这类按液体算，有不同要求。不过国际航班入境前要全消灭，否则不让入境。</t>
  </si>
  <si>
    <t>没有人规定不允许带食品上飞机的。</t>
  </si>
  <si>
    <t>带食品上飞机可以，但是得申报。</t>
  </si>
  <si>
    <t>玩英雄联盟qq上显示吗</t>
  </si>
  <si>
    <t>不会，亲自试验过</t>
  </si>
  <si>
    <t>不会，别人看见的是忙碌中</t>
  </si>
  <si>
    <t>如果你想彻底消除这个顾虑，就在你的qq里边的游戏人生里个人首页的“设置游戏显示”，在选择你的游戏显示，把不想显示的游戏不选择就可以了。</t>
  </si>
  <si>
    <t>不显示，QQ还没有设置英雄联盟的显示效果，别的如飞车，音速，炫舞，斗地主什么的都会显示</t>
  </si>
  <si>
    <t>自己设置 我的都不显示</t>
  </si>
  <si>
    <t>开始显示了</t>
  </si>
  <si>
    <t>免关税汽车会降价吗</t>
  </si>
  <si>
    <t>理论上讲会，到时候对国内重工业和轻工业冲击比较大，但国内会想其它办法征税，来保护自主品牌汽车，即使进口关税降到零，外资车企也会哄抬价格加价售车。</t>
  </si>
  <si>
    <t>随着关税的见面，进口车价格肯定会有一定的下调</t>
  </si>
  <si>
    <t>零关税后（或者降关税后），进口汽车会降价，国产车未必降价，除非受到进口车竞争激烈的情况下国产车降价。</t>
  </si>
  <si>
    <t>能用邮箱注册微信吗</t>
  </si>
  <si>
    <t>不可以，之前可以用邮箱、QQ号、腾讯微博注册微信，现在都不可以了，只能用手机号注册#创建新帐号只可以使用手机或者QQ注册，因为注册项目只有这两项</t>
  </si>
  <si>
    <t>1首先，需要将手机上新版本的微信软件卸载。因为微信目前还是存在兼容性的。2电脑百度安智市场，搜索微信，点击微信图标，进入微信下载界面。3选择历史版本，在弹出的对话框中选择5.0以下的版本都可以的，点击下载，直接一键安装到手机上去。4在手机上找到安装的微信，进入微信，点击用QQ、邮箱等注册一个账号。然后再更新版本到最新版本就可以了。</t>
  </si>
  <si>
    <t>不可以#不可以吗吧</t>
  </si>
  <si>
    <t>以前是可以，十年前可以用邮箱注册微信，五年前可以用QQ注册微信，两年前，就算只能用手机号注册微信，可注册完再解绑就可以再去注册微信，可是今时不同往日了，时代变化太快，这个小号泛滥的世界，这个充满诈骗的网络世界，导致多数软件都必须用手机号才能注册，导致手机号就只能注册一个账号。手机号必要得实名认证才能正常使用，必须要身份证才能买到手机号，这些事情你也知道吧，因为社会太乱了，现实上跟网络上都得要这么严格才行的。</t>
  </si>
  <si>
    <t>need可数吗</t>
  </si>
  <si>
    <t>可数 meet the needs of 满足···的需要</t>
  </si>
  <si>
    <t>need为需要，必需时，不可数，例 There's no need to do that.不需要做那事；为必需要品，要求时，为可数， 例 We have to do hard to meet the people's needs.我们不得不 为满足人们的需求而努力工作。</t>
  </si>
  <si>
    <t>小孩37.2度算不算发烧</t>
  </si>
  <si>
    <t>算是低烧</t>
  </si>
  <si>
    <t>儿童体温波动比成人稍大，因为体温调节中枢尚不稳定，所以婴幼儿体温在36-37.5度之间都为正常体温。</t>
  </si>
  <si>
    <t>正常小儿体温是腋下36—37摄氏度，37.5—38摄氏度算低温，所以您的孩子不算发烧</t>
  </si>
  <si>
    <t>你孩子的这个体温是正常的表现的</t>
  </si>
  <si>
    <t>算低烧</t>
  </si>
  <si>
    <t>你好，正常体温在36-37.2度之间属于正常的。</t>
  </si>
  <si>
    <t>养狗对孕妇的影响大吗</t>
  </si>
  <si>
    <t>因为老一辈的观念是狗狗有某种寄生虫，会影响胎儿，所以怀孕了不能养狗。</t>
  </si>
  <si>
    <t>如果处理的干净一些的话，孕妇是可以养狗的。前提是杜绝几种人和狗狗都会得的病，并且伤害小孩子的。1.弓形虫，这个在猫身上比较多见，狗狗身上也有，要定期驱虫。2.布鲁氏杆菌，这个会流产的，建议定期检查。3.钩端螺旋体，这个在6联或者8联疫苗中有2价的，可以防止狗狗传染给人。只要这几种都能杜绝的话，怀孕期间是可以养狗狗的哦。</t>
  </si>
  <si>
    <t>弓形虫对胎儿影响非常大，容易造成流产和死胎。但是弓形虫一般都是由猫来携带，狗、牛、人等只是宿主而已。一般不会直接传播，只有接触含有卵囊的猫粪便才会感染，所以孕妇要避免收拾粪便，不食用未完全煮熟的肉类，就能把感染的几率减至最低。确保狗狗的健康才能确保母婴的健康。</t>
  </si>
  <si>
    <t>要孩子就不能养狗，打算孕育下一代的家庭不能养宠物，如果正在养，必须马上送走，因为宠物身上都携带弓形虫，这会导致胎儿发育畸形和智力低下。</t>
  </si>
  <si>
    <t>不会很大影响，就是别让狗狗伤到你就行＃＃有影响的，流产是一个问题，也有可能生出畸形的胎儿，其实这都要看萨摩有没有弓形虫，可以带萨摩去检查下身上没有弓形虫，再检查下妻子是否已经感染，还有，如果真的不想把狗狗先寄养或者送走，可以一起养着，但妻子不要碰狗狗哦，更不要清理狗狗便便等等</t>
  </si>
  <si>
    <t>台风苏迪罗会影响浙江吗</t>
  </si>
  <si>
    <t>苏迪罗对舟山的影响不大，和灿鸿台风不可同日而语。</t>
  </si>
  <si>
    <t>对台州有影响，不过没那么大，苏迪罗大概8号左右撞台（湾）</t>
  </si>
  <si>
    <t>预计台风苏迪罗将于今晚在福建登陆，今明两天，浙江、江西、广东、安徽等南方多地将有大到暴雨。</t>
  </si>
  <si>
    <t>台风苏迪罗的影响已经结束受台风苏迪罗影响的区域有台湾、福建、浙江、江西、安徽、江苏以及上海！</t>
  </si>
  <si>
    <t>江苏省邮电规划设计院是国企吗</t>
  </si>
  <si>
    <t>是的，纯国企。</t>
  </si>
  <si>
    <t>5173上买dnf号安全吗</t>
  </si>
  <si>
    <t>千万别在5173上买dnf账号，买了就后悔，不多说，亲身经历.</t>
  </si>
  <si>
    <t>最好是不要买号，哪怕你去修改了密码，修改了密保等等，他一样可以申述回来的，如果你买了他的帐号，他等你玩了2-3个月之后申述，然后填写了他之前注册时的时间密码等等信息去申述，然后把帐号找回来，并且把密码密保什么的修改了，你的钱就白费了</t>
  </si>
  <si>
    <t>买什么都不安全。</t>
  </si>
  <si>
    <t>5173身份证未设置的意思是 QQ没有绑定身份证 跟防沉迷没关系，5173卖出的账号 找回之后是不能够再卖的 必须是购买者才能再次出售。所以 卖家成交笔数20笔以上的可以信任 尽量买 QQ级数低的 身份证未设置的 ，如果卖家是2星以上的，那就是完全可信的，没有被骗的风险。</t>
  </si>
  <si>
    <t>这个是安全的</t>
  </si>
  <si>
    <t>炉石传说是不是有外挂</t>
  </si>
  <si>
    <t>有挂的，不过会被封号</t>
  </si>
  <si>
    <t>没有的 如果你说的是悬牌的话 那个是BUG 现在比以前少了</t>
  </si>
  <si>
    <t>没有这种外挂 某些技能本身就是随机目标的</t>
  </si>
  <si>
    <t>没有这种东西，不然所有网络游戏都可以这么整了，大家都别玩了。</t>
  </si>
  <si>
    <t>没，有插件可能</t>
  </si>
  <si>
    <t>怀孕能带金银首饰</t>
  </si>
  <si>
    <t>怀孕的时候，就最好不要戴任何首饰了。</t>
  </si>
  <si>
    <t>孕期的准妈妈们还应以自身健康为重，尽量去除身上的首饰</t>
  </si>
  <si>
    <t>孕妇是可以带金银首饰的，金银首饰不会对人造成辐射作用的，佩戴的时候最好不要戴很尖的首饰，防止被刮伤。</t>
  </si>
  <si>
    <t>医生一般强调怀孕的时候不要戴首饰。</t>
  </si>
  <si>
    <t>水流急的地方有鱼钓么</t>
  </si>
  <si>
    <t>流水中垂钓比静水垂钓要复杂一些、难度大一些，又由于各地河流千差万别，每个水域的鱼类又不相同，所以说很难用某一种具体方法，到处可以钓到鱼。</t>
  </si>
  <si>
    <t>没有高中毕业证能考初级会计吗</t>
  </si>
  <si>
    <t>应该是不可以的</t>
  </si>
  <si>
    <t>你若是有从业资格证 那么恭喜你 你可以报考初级考试</t>
  </si>
  <si>
    <t>无会计初级职称必须要高中及高中以上学历才可以报名的.同时还要有会计从业资格证书</t>
  </si>
  <si>
    <t>不可以，必须有高中及以上学历证书</t>
  </si>
  <si>
    <t>原则上不可以，但是其实是可以的，作为一名仁和的课程老师，我可以明确告诉你：因为高中学历在学信网上面是查不到的，所以你只需要在报名的时候填写你的学历为“高中”（千万别傻不拉几的填大专或者本科之类的高学历，这样你在领证的时候是需要审核你的毕业证的）就可以，如果你幸运通过了考试，去领证的话是不需要带高中毕业证的，因为没法辨别，网上也查不到信息，这样说你可以明白吧，反正我们陕西这边是样的。</t>
  </si>
  <si>
    <t>如果你没有高中毕业证书，有教育部门承认的中专毕业证书，或是专科毕业证书，本科毕业证书都是可以的</t>
  </si>
  <si>
    <t>会计从业资格证的报考要求学历，都是高中及以上文凭！初级职称也是需要高中及以上文凭！中级职称需要大专及以上文凭！你这样的情况，我可以很明确的告诉你，考不了！</t>
  </si>
  <si>
    <t>初级会计职称是要有会计证和高中毕业证的，没有高中毕业证可以到外面随便办个毕业证，初级对学历要求审核不是很严格的，2014年初级会计职称2013年4月10日至5月10日。2014年考试报名时间也差不多，考试时间是在10月份，如果是在机考地方考试有一个阶段，具体以打印的准考证为准＃＃是的，初级的条件就是 高中毕业以上学历。如果你的年龄还小的话也不要灰心，你现在可以考个成人的高校学习提升你的学历就行了，祝你好运！</t>
  </si>
  <si>
    <t>宫外孕算产假吗</t>
  </si>
  <si>
    <t>扩刮、病理流产或者患宫外孕的，产假为30天</t>
  </si>
  <si>
    <t>女职工怀孕未满4个月流产的，享受15天产假；怀孕满4个月流产的，享受42天产假。</t>
  </si>
  <si>
    <t>女职工劳动保护特别规定》，宫外孕无特别规定。 第七条 女职工生育享受98天产假，其中产前可以休假15天;难产的，增加产假15天;生育多胞胎的，每多生育1个婴儿，增加产假15天。 女职工怀孕未满4个月流产的，享受15天产假;怀孕满4个月流产的，享受42天产假。</t>
  </si>
  <si>
    <t>2015年12月20日搬家好吗</t>
  </si>
  <si>
    <t>宜搬家，</t>
  </si>
  <si>
    <t>您可以下载八字算命。</t>
  </si>
  <si>
    <t xml:space="preserve">家注意事项： 1. 搬家时间尽量在午前。 2. 不可空手入屋。搬家的那一天，第一次走进去的时候，手上一定拿一些贵重的东西。如拿着米桶、存款簿等，不可以空手走进去。 3. 入宅后不再修造施工。搬进去之后，尽量就不要再修造施工了。搬东西可以。如果要再做的话，就一定要择日了。 4. 家有孕妇不搬家。可以请孕妇先回娘家住一阵子，等搬好后才入新居。孕妇尽量不要参加搬家的整个过程。 5. 新屋要"火庵"。搬进去之前的前三天，家里的灯要全部打亮，亮三天三夜，到你第三天搬进去，这叫火庵。 6. 当天或事后请客。入伙当天请客，如果当天太忙可事后选个日子请客。搬了新家之后，常请好朋友来泡茶，让家里人气更旺一点。 7. 搬家时主人要亲自在场。 8. 当天开火煮汤圆甜茶。搬家那天"灶"一定要开火，不要冷灶。可以煮些甜的东西，像甜汤圆或甜茶，吃点甜，求个喜气。 </t>
  </si>
  <si>
    <t>可以查查黄历，如果信这个的话。</t>
  </si>
  <si>
    <t>快过期的牛奶能喝吗</t>
  </si>
  <si>
    <t>当然不好</t>
  </si>
  <si>
    <t>快过期的牛奶只要储存在干燥的环境还是能喝的</t>
  </si>
  <si>
    <t>不能，牛奶里的营养物质已经变质。</t>
  </si>
  <si>
    <t>可以喝，前提条件是：从感官判断没有发黄、发黑、发酸、发臭就可以喝。</t>
  </si>
  <si>
    <t>青岛有宜家家居吗</t>
  </si>
  <si>
    <t>有.</t>
  </si>
  <si>
    <t>你说的是IKEA吧，青岛没有，北上广深等地有，整个山东省没有IKEA的分店.</t>
  </si>
  <si>
    <t>现在青岛海没有宜家家居，不过有很多卖家具的，可以向你推荐 元丰国际家居，档次高，风格品种多，在崂山区</t>
  </si>
  <si>
    <t>没有。 有11家在中国大陆</t>
  </si>
  <si>
    <t>应该是有的。</t>
  </si>
  <si>
    <t>青岛有</t>
  </si>
  <si>
    <t>芝麻信用分可以贷款吗</t>
  </si>
  <si>
    <t>可以，具体详情如下，支付宝可以使用借呗来进行小额贷款，芝麻信用分值不低于600，若用户符合条件，只需将自己的支付宝钱包升级至最新版本，在支付宝钱包的财富一栏中即可使用借呗功能。</t>
  </si>
  <si>
    <t>600分以上有机会，不是600分以上一定能贷款</t>
  </si>
  <si>
    <t>可以支付宝借条借款</t>
  </si>
  <si>
    <t>看电视要开灯吗</t>
  </si>
  <si>
    <t>开灯看电视保护视力</t>
  </si>
  <si>
    <t>贷款只能贷整数吗</t>
  </si>
  <si>
    <t>没有明文规定必须是整数，银行只是为了方便，一般给出的额度都以整数来算即多少多少万来算</t>
  </si>
  <si>
    <t>一般只能贷整数，若您所在城市有招行，可通过招行尝试申请贷款，针对您具体申请贷款的执行利率、金额、贷款期限以及贷款还款方式的信息，需要您申请贷款后经办行在具体审核您的综合信息，贷款审核通过后才能确定。</t>
  </si>
  <si>
    <t>可以有零头。</t>
  </si>
  <si>
    <t>贷款金额一般为整数</t>
  </si>
  <si>
    <t>基本如此，便于计算本息</t>
  </si>
  <si>
    <t>尖锐湿疣患者能共用洗衣机吗</t>
  </si>
  <si>
    <t>不能一起用，这个是尖锐湿疣，一种性病，由人乳头瘤病毒感染所致，注意个人卫生，内衣裤烫洗后曝晒。</t>
  </si>
  <si>
    <t>有一定几率会传染，这属于间接接触，最好内裤内衣秋衣秋裤不要放一起洗，尖锐湿疣患者要每天用开水烫洗内裤减少自体传播的机率</t>
  </si>
  <si>
    <t>性病(尖锐湿疣)是病毒感染造成的！传染方式，就是接触传播！所以，应该分洗衣机洗衣！</t>
  </si>
  <si>
    <t>病人的衣物，不能使用洗衣机了，以防传染给其他人。</t>
  </si>
  <si>
    <t>还是分开洗(不要放入洗衣机)安全，别间接传染给了家人，就是治愈后，内裤最好全部换新的，</t>
  </si>
  <si>
    <t>有这种病的人，他的内衣裤一定不能放在洗衣机内洗，要单独用其他工具洗，还要用开水烫，这样对自己和家人都好。</t>
  </si>
  <si>
    <t>绿色的青蛙有毒吗</t>
  </si>
  <si>
    <t>绿色的无毒，有毒的颜色鲜艳，或呈红色。</t>
  </si>
  <si>
    <t>没有毒，因为有毒青蛙只有在南美的热带雨林才有。</t>
  </si>
  <si>
    <t>这是树蛙，毒到是没有，到是蛮大个的．</t>
  </si>
  <si>
    <t>没毒哦</t>
  </si>
  <si>
    <t>无毒，可能是雨蛙。</t>
  </si>
  <si>
    <t>没有的，放心吧.</t>
  </si>
  <si>
    <t>颜色越鲜艳，越毒</t>
  </si>
  <si>
    <t>宝珠笔是签字笔吗</t>
  </si>
  <si>
    <t>中性笔，现在基本上都喜欢用中性笔，圆珠笔笔芯太硬，经常用这个写字，手容易变形</t>
  </si>
  <si>
    <t>前期胎心慢 后正常吗</t>
  </si>
  <si>
    <t xml:space="preserve">胎心慢一般是需要进行吸氧，导致原因比较多，比如脐带绕颈或者羊水异常问题。 </t>
  </si>
  <si>
    <t>婴儿长马牙会痛吗</t>
  </si>
  <si>
    <t>不疼</t>
  </si>
  <si>
    <t>起马牙子是好多新生儿的多发病，疼是肯定的</t>
  </si>
  <si>
    <t>微信数据文件可以删除吗</t>
  </si>
  <si>
    <t>最好不要删除</t>
  </si>
  <si>
    <t>看你自己需要不，比如视频，图片等，要看你是否需要，不需要的可以清理</t>
  </si>
  <si>
    <t>2015一级建造师难吗</t>
  </si>
  <si>
    <t>有一定的难度</t>
  </si>
  <si>
    <t>应该不算难吧</t>
  </si>
  <si>
    <t>还可以，就是小问题太多了</t>
  </si>
  <si>
    <t>一级建造师肯定难</t>
  </si>
  <si>
    <t>考试难度是很大的</t>
  </si>
  <si>
    <t>如果自己经过了学习，掌握了相关的知识点，2015年的建筑实务考试不难，主要是题目看着很熟，就是平时看书少，没有记住。</t>
  </si>
  <si>
    <t>现在的暖气片区分进水口和出水口吗</t>
  </si>
  <si>
    <t>暖气片安装进水方式有同侧上进下出，异侧上进下出，异侧下进下出、底进底出四种方式，那个是进水口，选暖气片的时候跟厂家定好，是可以按照家中水管走向定做的，暖气片内有挡片的，是区分进口和出口的，如果接反了，暖气片就会不热。</t>
  </si>
  <si>
    <t>暖气片有些型号是不分进水口和出水口的，而部分型号则是严格区分的</t>
  </si>
  <si>
    <t>如果可以将就使用的话 看看2边的温差 高温进低温出 建议 也不是太懂</t>
  </si>
  <si>
    <t>低进高出。</t>
  </si>
  <si>
    <t>城管协管员累吗</t>
  </si>
  <si>
    <t>城管协管员频频离职，在杭州非常普遍。原因除了辛苦外，还有一点，就是薪水太低，和工作强度无法对等</t>
  </si>
  <si>
    <t>黑莓z10 淘宝有正版吗</t>
  </si>
  <si>
    <t>这有可能是假，你去淘宝的天猫买、里面全是正品</t>
  </si>
  <si>
    <t>跟店家多聊聊这个手机的来路，如果聊得来一般不会问题太大。如果到手后跟店家说的有出入，聊天记录这可以作为后期维权的证据。</t>
  </si>
  <si>
    <t>剑刃风暴好玩吗</t>
  </si>
  <si>
    <t>这个游戏的最低配置需求如下：系统：Windows Vista / 7/8 / 8.1 (64bit)处理器：CPU Core i7 870 2.8GHz 或更高内存：2GB或更多显卡：Geforce GTS 450或更高 显存1G或更高 兼容DX11硬盘：12GB或更多（三张DVD） 而推荐的配置是:CPU：Core i7 870 2.8GHz以上(推荐Core i7 2600 3.4GHz以上)内存：2GB以上(推荐4GB以上)显卡：Geforce GTS 450以上(推荐 Geforce GTX 660以上</t>
  </si>
  <si>
    <t>ugg贵吗</t>
  </si>
  <si>
    <t>之所以那么贵是因为正品UGG都采用真材实料！</t>
  </si>
  <si>
    <t>ugg价位相差大，是因为分澳大利亚生产的专柜正品和中国的产品。中国的产品又分：纯澳洲进口羊皮毛一体材质制作的，英国皮制作的，牛皮+ 羊毛制作的，牛皮+假毛制作的。</t>
  </si>
  <si>
    <t>所谓一分钱一分货，UGG保证了质量，而且贵有贵的道理！</t>
  </si>
  <si>
    <t>主要看是哪个品牌的UGG，价格不一。</t>
  </si>
  <si>
    <t>英国的UGG产地是澳洲，相对来说很贵，美国的才是made in china，所以便宜些!</t>
  </si>
  <si>
    <t>英国确实要100多磅</t>
  </si>
  <si>
    <t>其实差不多吧</t>
  </si>
  <si>
    <t>秃顶会不会遗传</t>
  </si>
  <si>
    <t>秃顶大多数是遗传的，而且由于导致秃顶的基因是位于Y染色体（男性染色体）上的显性基因，所以秃顶是“传男不传女"且"代代相传”的,只有极少数基因突变的情况下才会发生女性有秃顶的现象，而男性除去后天病变的情况不会遗传，那么如果父亲有，儿子就会有，所以现实中我们经常会看到秃顶的男人而极少看到秃顶的女人。</t>
  </si>
  <si>
    <t>秃顶是伴性染色体隐性遗传，一般秃顶会隔代遗传。</t>
  </si>
  <si>
    <t>秃顶不是伴性遗传，是常染色体遗传，并且男性呈显性遗传，女性呈隐性遗传。</t>
  </si>
  <si>
    <t>秃顶是属于雄性脱发；雄性脱发不发生在不携带秃顶遗传基因的群体中，若没有家族遗传史就不会遗传给下一代；</t>
  </si>
  <si>
    <t>如果父亲是秃顶，母亲头发正常，那么后代男孩脱发几率大约在70%以上；后代是女性，脱发几率大约只有15%（这种情况比较复杂，取得是近似值）。如果父亲不秃顶，目前头发正常，那么后代男孩脱发几率小于25%；后代是女性，一定是不会脱发的。</t>
  </si>
  <si>
    <t>丝瓜是发物吗</t>
  </si>
  <si>
    <t>不是发物，丝瓜是清凉解毒的。</t>
  </si>
  <si>
    <t>不是发物</t>
  </si>
  <si>
    <t>丝瓜不是发物丝瓜是比较常见的一种蔬菜的，里面的营养物质是比较多的，尤其是蛋白质和碳水化合物的含量是很多的，同时丝瓜也是一种止血消肿止痛的食物。</t>
  </si>
  <si>
    <t>丝瓜是凉性的，不属于发物</t>
  </si>
  <si>
    <t xml:space="preserve"> 你好，丝瓜是凉性的，不是发物，因此理论上是可以吃的，不要担心了</t>
  </si>
  <si>
    <t>上古世纪画面好吗</t>
  </si>
  <si>
    <t>我觉得很好看的。</t>
  </si>
  <si>
    <t>感觉上游戏的画面风格或者华丽程度没有重大突破，不过依旧相当华丽绚烂。但是游戏性，可玩性，团队性都有重大的突破。相信上古世纪作为第一款第三代网游，将会给你不一样的游戏体验和视觉冲击。</t>
  </si>
  <si>
    <t>要看画面美观华丽，那就是上古世纪.</t>
  </si>
  <si>
    <t>小米丢了补卡还能找回吗</t>
  </si>
  <si>
    <t>手机丢了或者被偷了，找回来的几率是很低的，就像大海捞针一样低，道高一尺，魔高一丈，你懂的！只能请你根据下面尝试一下：如果你开启了查找手机功能，可以参考以下进行操作。 “查找手机”的使用方法是：1.在手机遗失前应绑定小米账号、开启“查找手机”选项，并开启网络。2.前往i.xiaomi.com，使用绑定的小米账号登陆后，点击“查找手机”。3.可以进行“定位”、“锁定手机”、“发声”、“擦除数据”等操作。（注意，擦除数据包括SD卡，尝试需谨慎）查找手机功能仅仅是一项辅助功能，不能保证在手机丢失后一定能够帮助失主查找手机。</t>
  </si>
  <si>
    <t>不可以的。小米手机丢了，你要赶在人家没有把你手机关机或者拔掉手机卡之前，登录i.xiaomi.com进去，进行定位，锁定手机，清除所有数据， 如果他人捡到手机在(关机状况，拔掉手机卡， 手机刷机，手机清除所有数据，）这些情况下你是定不了位的，说白了这个功能就是娱乐，实际意义不大</t>
  </si>
  <si>
    <t>没有了小米帐号和补办手机卡之间没有如何联系，如果是身份证有问题，可以去县级以上营业厅补办，只要验证经常通话的几个电话号码就可以了</t>
  </si>
  <si>
    <t>找不回来的。因为手机里面的卡已经停用了。</t>
  </si>
  <si>
    <t>一键刷机需要root吗</t>
  </si>
  <si>
    <t>如果是卡刷，刷第三方的刷机包，则需要root。如果是线刷，刷的是官方的包，则不用root就可以刷了。</t>
  </si>
  <si>
    <t>需要的 但是刷机精灵里面集成了root功能</t>
  </si>
  <si>
    <t>要看是用什么工具刷机了，要是线刷就不用，卡刷就要。线刷一般都是官方的ROM刷机包，不用ROOT也可以刷机的。卡刷一般都是网友制作的第三方ROM刷机包，用刷机大师、刷机精灵、卓大师等一键刷机很方便的，就是要ROOT。此外，可能不同品牌的机器之间也有区别。</t>
  </si>
  <si>
    <t>一般刷机是不需要手机root权限的</t>
  </si>
  <si>
    <t>这个不需要的，要是卡刷的话。直接刷入中文rec，下载刷机包刷入就好了。</t>
  </si>
  <si>
    <t>刷机不需要ROOT</t>
  </si>
  <si>
    <t>香港驾照可以在美国用吗</t>
  </si>
  <si>
    <t>不同州的法律不同，一般的州都能用非美国驾照的，但会有一个期限，让你限期去考本地驾照，我现在的州是一年。另外，用本地驾照，在给车买保险的时候，会便宜很多。</t>
  </si>
  <si>
    <t>香港驾照不能在美国及加拿大使用。</t>
  </si>
  <si>
    <t>不可以, 但若持有有效的香港驾驶执照,可向香港运输处申办一张国际驾驶执照後, 便可在美国或其他国家开车.</t>
  </si>
  <si>
    <t>小琉球好玩吗</t>
  </si>
  <si>
    <t xml:space="preserve">碧海蓝天的海洋世界是小朋友最爱的探险园地，全台唯一不受东北季风影响的小琉球，不仅有着清澈见底的蔚蓝海洋，丰富的珊瑚资源与海洋生物更令人大饱眼福，岛上空气清新，步调慵懒闲适，散发异国度假氛围，足让爸妈放松心情、放慢脚步好好休息，带着孩子环岛探险、品尝私房美食，或是来个浮潜体验穿梭在鱼群间，解开大海深处的秘密！ </t>
  </si>
  <si>
    <t>小琉球：浮潜（绝对绝对赞，有时间一定要去，比垦丁的海还漂亮）台中的小吃比较地道，我是在这里做交换生哦~所以玩的很深入，这是觉得很值得去的地方，很多很有名的景点不一定好玩，祝你玩得开心哦</t>
  </si>
  <si>
    <t>跨省可以办护照吗</t>
  </si>
  <si>
    <t>为进一步便利公民申办出入境证件，公安部决定自2013年7月1日起，施行非户籍地居民就近办理出入境证件的便民利民措施。</t>
  </si>
  <si>
    <t>在非户籍地，你需要有当地的居住证才能办理护照。没有居住证的话只能回你自己的户籍所在地才能办理</t>
  </si>
  <si>
    <t>一般在外地不可以办护照，办理护照应该到户籍所在地县级公安局出入境管理局申请办理。如果有外地居住证则可以在外地申请，有关规定是：第四条　公民申请普通护照，应当由本人向其户籍所在地县级以上地方人民政府公安机关出入境管理机构提出，并提交下列真实有效的材料：（一）近期免冠照片一张以及填写完整的《中国公民因私出国（境）申请表》（以下简称申请表）。（二）居民身份证和户口簿及复印件；在居民身份证领取、换领、补领期间，可以提交临时居民身份证和户口簿及复印件。（三）未满16周岁的公民，应当由其监护人陪同，并提交其监护人出具的同意出境的意见、监护人的居民身份证或者户口簿、护照及复印件。</t>
  </si>
  <si>
    <t>部分地区可以</t>
  </si>
  <si>
    <t>办理护照要带身份证户口本和照片到户籍所在地县级公安局出入境管理局申请办理，如果有异地居住证可以异地办理护照。一般情况下不可以异地办理护照。</t>
  </si>
  <si>
    <t>一般办理护照须到户籍所在地申请，不过为进一步便利流动人口就近办理出入境证件，公安部在2013年出台规定可以在居住地就近办理出入境证件： 一是符合条件的内地居民可以在暂(居)住地就近提交普通护照 北京、天津、上海、南京、杭州、宁波、福州、厦门、南昌、济南、青岛、郑州、武汉、长沙、广州、深圳、南宁、海口、重庆、成都、西安等31个城市的本市户籍居民的外地户籍配偶、未满16周岁子女，以及在本市暂(居)住的外地户籍的就业、就学人员及其配偶、未满16周岁的子女可以就近提交大陆居民往来台湾通行证及签注申请。上述31个城市以及无锡、常州、苏州、温州、嘉兴、舟山、泉州、株洲、湘潭、珠海、东莞、佛山12个流动人口较多的城市(共计43个城市)的上述范围人员可以就近提交普通护照申请。二是60周岁(含)以上老人可以在暂(居)住地就近提交普通护照 全国各地年满60周岁(含)且在暂(居)住地居住6个月(含)以上的内地居民，可以就近提交普通护照、大陆居民往来台湾通行证及签注申请。三是内地居民可以在暂(居)住地就近提交换发、补发普通护照 全国各地在暂(居)住地居住6个月(含)以上的内地居民可以就近换发、补发普通护照和大陆居民往来台湾通行证以及申请再次赴台相同种类签注</t>
  </si>
  <si>
    <t>支付宝可以收美金</t>
  </si>
  <si>
    <t>支付宝国际账户alipay account是支付宝为从事跨境交易的国内卖家建立的资金账户管理平台，包括对交易的收款退款提现等主要功能。支付宝国际账户是多币种账户，包含美元账户和人民币账户。</t>
  </si>
  <si>
    <t>支付宝国际版</t>
  </si>
  <si>
    <t>不行的，支付宝是国内的交易平台，只支持人民币交易，还没有外汇业务不能存取美金。</t>
  </si>
  <si>
    <t>将美元转到支付宝上就可以。</t>
  </si>
  <si>
    <t>你要是能转帐到支付宝上面就能</t>
  </si>
  <si>
    <t>支付宝目前只支持人民币交易。</t>
  </si>
  <si>
    <t>涡轮增压会坏吗</t>
  </si>
  <si>
    <t>涡轮增压器会损坏发动机</t>
  </si>
  <si>
    <t>对是涡轮增压，是很容易坏的，一般在跑完高速的情况下不要立即灭车，要让它在怠速的情况下着个十分钟这样就不容易坏了</t>
  </si>
  <si>
    <t>家养的蝈蝈能过冬吗</t>
  </si>
  <si>
    <t>每年冬天都可以养的，因为现在都是人工养殖的冬蝈蝈，就是适合冬天养的，肯定能过冬，但是冬天饲养一定减少它的活动，不然影响寿命，不要喂含水量太多的食物，尽量就两天喂一次毛豆就可以，没有毛豆就水泡黄豆。</t>
  </si>
  <si>
    <t>白猫计划 好玩吗</t>
  </si>
  <si>
    <t>好玩的手游，还是高人气的。</t>
  </si>
  <si>
    <t>好玩，就是不耐玩，玩的时间长了有点累。</t>
  </si>
  <si>
    <t>画风和剧情好，可以试下。</t>
  </si>
  <si>
    <t>成都发展的过深圳吗</t>
  </si>
  <si>
    <t>沿海城市容易与外国交流做大生意，深圳还是金融中心，发展特区没法比。</t>
  </si>
  <si>
    <t>其实任何地方都是一样的，只好挣到钱就好</t>
  </si>
  <si>
    <t>离职工资要交税吗</t>
  </si>
  <si>
    <t>离职一次性补偿金不需要缴纳个人所得税。</t>
  </si>
  <si>
    <t>按国家规定：离职获得的经济补偿金当地上年职工平均工资3倍数额以内的部分，免征个人所得税，超过的部分才需要征税。</t>
  </si>
  <si>
    <t>如果你们公司是正规公司，那么根据国家法律规定，员工每个月都是需要缴纳社保公积金，个人所得税，尤其是个人所得税，这个只要超出了3500的部分都是要缴纳的，不光是辞职的这个月，你要跟他们问清楚，缴纳的是何种税，不要被忽悠了</t>
  </si>
  <si>
    <t>毕业后进入的是小企业对于以后的发展是否不利</t>
  </si>
  <si>
    <t>本人认为还是在小企业打工有发展潜力，大型企业已经有了比较坚定的基础了，再发展能有多大的效果！而小企业很需要这方面的人才，去壮大自己。</t>
  </si>
  <si>
    <t>中小型企业，特别是刚开始的那种企业，找准了，也是一种比较好的机会。</t>
  </si>
  <si>
    <t>饭后能坐吗</t>
  </si>
  <si>
    <t>吃完马上坐着问题不大，或者躺下也可以，休息片刻再起来散步消食。</t>
  </si>
  <si>
    <t>一般饭后20~30分钟之后坐下比较好。 其实饭后不是不可以坐，只是饭后即坐对肠胃的压力大，比较影响健康，而且还容易长肚子。</t>
  </si>
  <si>
    <t>吃完饭后，坐着休息半小时最科学。</t>
  </si>
  <si>
    <t xml:space="preserve">吃饱就坐着不利于胃肠消化的 长期这样可能引起胃炎等 </t>
  </si>
  <si>
    <t>色盲可以考驾照吗? 法律经验</t>
  </si>
  <si>
    <t>【色盲是否可以考取驾驶证】我国法规规定，红绿色盲不能申领驾驶证。其他色盲暂未规定不能申领驾驶证。</t>
  </si>
  <si>
    <t>不能。体检不能通过啊。</t>
  </si>
  <si>
    <t>色盲不可以考驾照，因为通不过体检的，所以也就无法完成报名注册的。</t>
  </si>
  <si>
    <t>色盲不能考取驾照。</t>
  </si>
  <si>
    <t>贴梗海棠生长快吗</t>
  </si>
  <si>
    <t>海棠花生长比较快，一年就可以长满盆。</t>
  </si>
  <si>
    <t>冒险岛尖兵需要洗血吗</t>
  </si>
  <si>
    <t>暗影双刀属于飞侠职业，血很少，需要洗血。</t>
  </si>
  <si>
    <t>暗影双刀其实就是飞侠，血少，飞侠洗血很累，很花钱，几千块需要，如果你是一个追求完美， 又有经济实力！而且是老玩家，有人带你升级，你可以洗血，因为前期的能力值加到了HP跟智力上，你攻击少的可怜，建议你洗血，因为完美嘛。冒险的乐趣，最后还是无挂才是王道</t>
  </si>
  <si>
    <t>要打BOSS就去洗，玩玩而已就不用洗，你升级后要吧能力点全部加到智力，每次经验到99%要换一套加智力的装备然后去商城买洗点的，把蓝洗到血</t>
  </si>
  <si>
    <t>没钱就别洗了网上说什么的都有我相信战士洗雪的是少数没必要在意＃＃没钱最好别洗！</t>
  </si>
  <si>
    <t>qq聊天会被盗号吗</t>
  </si>
  <si>
    <t>如果只聊天是不会被盗的，需要注意不要接受他传给你的任何文件。</t>
  </si>
  <si>
    <t>不会，不要接收该好友发来的不明文件，尤其是exe结尾的。</t>
  </si>
  <si>
    <t>6pm 直邮吗</t>
  </si>
  <si>
    <t xml:space="preserve"> 6 p m 基 本 不 能 直 邮</t>
  </si>
  <si>
    <t>在美国基本不能直邮回中国，要经过转运公司。我在6pm上海淘是走小C转运回来的，也很方便，速度很快。</t>
  </si>
  <si>
    <t>豆浆适合每天喝吗</t>
  </si>
  <si>
    <t>豆浆是由黄豆制成的，所含的蛋白质是植物蛋白质中最好的一种。有条件的话，买个家用的小型豆浆机，或者每天在外面买新鲜的豆浆饮用。</t>
  </si>
  <si>
    <t>阿里速卖通是免费的吗</t>
  </si>
  <si>
    <t>收费了 以前免费的</t>
  </si>
  <si>
    <t>这些都是收费的</t>
  </si>
  <si>
    <t>速卖通开店需注册公司，入驻类目需要交年费，年费一般5000-30000不等</t>
  </si>
  <si>
    <t>开店是免费的，但要有生意必须要花钱，因为竞争太大。</t>
  </si>
  <si>
    <t>孕妇可以吃生瓜子吗</t>
  </si>
  <si>
    <t>孕妇在怀孕期间是非常要注重营养的，只有营养丰富作为孕妇自身还有腹中的胎儿才会健康的生长发育的，首先说生瓜子对人体的营养是非常大的，它属于坚果类的，里面含有脂肪酸，丰富的DHA对宝宝的大脑发育是非常有好处的，所以说每天要适当的吃一些生瓜子是非常好的，另外还要吃一些含维生素较多的食物，比如说像新鲜的蔬菜了，新鲜的水果了，这些对孕妇和腹中的胎儿作用都是非常大的。</t>
  </si>
  <si>
    <t>可以吃的，您好,瓜子属于坚果类是事物,吃瓜子是可以吃的,适量就可以了</t>
  </si>
  <si>
    <t>生瓜子对人体的营养是非常大的，它属于坚果类的，里面含有脂肪酸，丰富的DHA对宝宝的大脑发育是非常有好处的，所以说每天要适当的吃一些生瓜子是非常好的</t>
  </si>
  <si>
    <t>炒货容易上火，引发口腔溃疡。所以不宜吃炒货。</t>
  </si>
  <si>
    <t>适当服用是可以的</t>
  </si>
  <si>
    <t>三星s6 edge有双卡吗</t>
  </si>
  <si>
    <t>6 Edge+（G9280）是一款全网通公开版双卡手机</t>
  </si>
  <si>
    <t>三星GALAXY S6 Edge系列手机均为单卡手机，不是双卡双待手机</t>
  </si>
  <si>
    <t>三星S6 Edge支持双卡双待,国行Galaxy s6 Edge公开版型号是SM-G9250，是全网通机型，支持电信联通移动3大运营商的2/3/4网络，同时Galaxy s6 Edge公开版（SM-G9250)是双卡机型。</t>
  </si>
  <si>
    <t>S6 Edge(G9250)是全网通公开版单卡手机。不支持双卡双待。</t>
  </si>
  <si>
    <t>合伙企业能否破产</t>
  </si>
  <si>
    <t>合伙企业无法宣告破产。</t>
  </si>
  <si>
    <t>人类登陆火星了吗</t>
  </si>
  <si>
    <t>火星和地球都在围绕太阳的轨道上运行，两者的距离不断变化。根据计算，从地球飞往火星，最近的距离是5600万千米，最远的距离为3.2亿千米。从地球不能“直达”火星。从地球飞到火星是一个相当复杂的问题，目前技术上还无法实现载人登陆火星。</t>
  </si>
  <si>
    <t>人类有望于100年内在火星上种上树木</t>
  </si>
  <si>
    <t>没有，人类只登陆过月球。</t>
  </si>
  <si>
    <t>孕妇能喝石斛汤吗</t>
  </si>
  <si>
    <t>假发票能认证吗</t>
  </si>
  <si>
    <t>假增值税发票不能通过认证。</t>
  </si>
  <si>
    <t>非深圳户口可以在深圳领结婚证吗</t>
  </si>
  <si>
    <t>不是深圳户口不能在深圳领取结婚证，要回双方任何一方户口所在地的民政局办理。</t>
  </si>
  <si>
    <t>外地户口不可以在深圳领结婚证，如果有一方深圳户口，可以在深圳办理，若没有，不能办理。</t>
  </si>
  <si>
    <t>不是深户 无法在深圳办理结婚证!</t>
  </si>
  <si>
    <t>不可以，在户籍双方中任意一方的户口所在地办理都可以，如果双方都不是深户在深圳是办不了的</t>
  </si>
  <si>
    <t>要办理结婚证，非深户不能在深圳办理结婚证，需要在男女双方户口所在地办理，按照婚姻登记条例的规定，需要在男女任何一方户口所在地乡镇，区政府或县市民政局婚姻登记处办理。</t>
  </si>
  <si>
    <t>怀孕早期可以做阴道b超吗</t>
  </si>
  <si>
    <t>怀孕初期不可以做阴道B超。</t>
  </si>
  <si>
    <t>可以做的，不用担心，阴道的B超准确度比腹部的B超高，而且操作正确的话对胎儿完全没有影响。</t>
  </si>
  <si>
    <t>怀孕初期可以做阴道B超的。只要次数不是太多。一般做b超次数不是很多的话对身体的影响可以忽略不计。</t>
  </si>
  <si>
    <t>非孕妇有流血问题及怀孕至中晚期的孕妇不适合做。</t>
  </si>
  <si>
    <t>56还能制作相册视频吗</t>
  </si>
  <si>
    <t>功能下架了.</t>
  </si>
  <si>
    <t>网站运营方向已经转变，相册视频不再是主营项目。</t>
  </si>
  <si>
    <t>56网在去年就已经关闭制作相册视频的服务了。</t>
  </si>
  <si>
    <t>iphone4s联通版能用电信卡吗</t>
  </si>
  <si>
    <t>联通版的iphone4s是无法进行使用电信卡。</t>
  </si>
  <si>
    <t>iPhone4s联通版行货机型是不支持电信卡的。</t>
  </si>
  <si>
    <t>这个是不行的，iPhone4s联通版支持移动2g，支持联通2gg3g，不支持电信的，所以无法使用。</t>
  </si>
  <si>
    <t>元宝大豆油是地沟油吗</t>
  </si>
  <si>
    <t>是地沟油</t>
  </si>
  <si>
    <t>元宝大豆油不是地沟油。</t>
  </si>
  <si>
    <t>玉兰大豆油是不是地沟油是要通过食品安全认证的上面是不是有食品认证的正规厂家生产的品牌</t>
  </si>
  <si>
    <t>大器宗好看吗</t>
  </si>
  <si>
    <t>完本修真小说</t>
  </si>
  <si>
    <t>玄幻、科幻、异界小说</t>
  </si>
  <si>
    <t>连载修真小说</t>
  </si>
  <si>
    <t>魔天纪，末世新世界，最后人类，修真世界，慢慢仙途</t>
  </si>
  <si>
    <t>我当道士那些年，和我当阴阳师那些年，文笔很好，虽然不是武侠的，，</t>
  </si>
  <si>
    <t>滑膜炎用护膝行吗</t>
  </si>
  <si>
    <t>是可以的！带护膝有利于滑膜炎的愈合！但是要配合专业医院的治疗！ 单单带护膝是不能治愈滑膜炎的</t>
  </si>
  <si>
    <t>可以带的</t>
  </si>
  <si>
    <t>短期内能缓解帮助膝关节的是佩戴护膝，可以选择前面髌骨开孔的护膝，带支撑条的更好，我一直用的是台湾是必优护具，他家专做运动护具的，很专业，戴上护膝后膝盖负担能少点，能增加膝关节力量</t>
  </si>
  <si>
    <t>oppo是国产吗</t>
  </si>
  <si>
    <t>OPPO是国产手机</t>
  </si>
  <si>
    <t>OPPO品牌是国产的</t>
  </si>
  <si>
    <t>对 OPPO是国产手机，是步步高的一个手机牌子，vivo也是步步高的</t>
  </si>
  <si>
    <t>是的，中国的自主品牌</t>
  </si>
  <si>
    <t>OPPO是国产手机品牌呢。</t>
  </si>
  <si>
    <t>OPPO是国产机，中国企业，民族品牌。</t>
  </si>
  <si>
    <t>你好，OPPO是国产手机的，OPPO公司成立于2004年10月，公司全称为：广东欧珀移动通信有限公司，是广东一家致力于研发数码电子产品的公司。</t>
  </si>
  <si>
    <t>是，OPPO隶属于步步高旗下，中国不错的品牌</t>
  </si>
  <si>
    <t>是，OPPO是国产的</t>
  </si>
  <si>
    <t>信用卡负债影响房贷吗</t>
  </si>
  <si>
    <t>信用卡负债只要是按期还款，没有逾期记录，对你申请贷款还是有益的。若有逾期还款则会产生不良影响，要么通不过审批，要么适用较高利率或是较低额度。</t>
  </si>
  <si>
    <t>要说影响的话，其实也不大，最主要的是你按时还了就没事。毕竟房子是个不动产，更何况你还要给首付的嘛！别担心基本不会影响你申请房屋贷款的！希望能帮到你</t>
  </si>
  <si>
    <t>信用卡负债不会影响房贷，前提是你没有逾期，如果已经办下来的房贷也没啥影响，如果还没办理有影响</t>
  </si>
  <si>
    <t>当然有影响</t>
  </si>
  <si>
    <t>不会的！负债多少不影响房贷！但是不按时还款，有不良记录的话就一定会影响房贷。记得按时还款即可</t>
  </si>
  <si>
    <t>负债多没有影响，但是，一定要在规定的还款日之前还款。（至少要把“最小还款额”还清）如果逾期没有还款， 那么就会产生不良信用记录，就会影响贷款了。</t>
  </si>
  <si>
    <t>没有逾期的情况，一般是不影响的。</t>
  </si>
  <si>
    <t>信用卡的欠款过高是会影响贷款的总金额的。</t>
  </si>
  <si>
    <t>贝德玛的卸妆水好用吗</t>
  </si>
  <si>
    <t>贝德玛卸妆水的优势还有一点就是，如果回家之后只是卸妆没 有准确清洗的话，是非常适合的，因为很多人习惯回家就卸妆，然后还要看电视或者上网什么的，到了要睡觉的时候才去洗脸或者洗澡然后保养肌肤，用贝德玛卸妆水擦拭之后，不上其他保养品，大多数时候也不会觉得肌肤干燥或者油腻，还是不错的一款卸妆产品。</t>
  </si>
  <si>
    <t>还不错，它最大的卖点就是方便、有效。用一张化妆棉，沾上卸妆水，一擦就能卸妆，更重要的是擦完以后，还不用马上进行保养工序，方便你下班回到家，就马上卸妆，但又不用擦保养品，可以等到晚上睡觉前再做·～～很方便哦～～～如果是太晚回家，不想洗脸，就擦一下就可以直接睡了，脸也不会觉得干，这就是这个卸妆水的最大卖点：方便，又有有效卸妆！</t>
  </si>
  <si>
    <t>我用过贝德玛卸妆水，现在给你介绍下下! 贝德玛卸妆水是有两种的，区别在于，一种是给敏感肌用的，透明五色的，就是LZ说的舒妍，另外一种，就是给普通肌肤用的，蓝色的，就是LZ说的净妍。 刚巧两种都用过，来说一下我的感觉吧。 我夏天混油冬天中性，偶尔发豆，没有敏感现象。刚开始买的是蓝色的，就是普通的那个，因为我不敏感，所以就直接选了这个。卸妆力足够的，因为我一般就是防 晒粉底散粉腮红，妆不浓，直接擦拭，没有问题的。不过偶尔懒的时候也顺便用这个卸眼妆，觉得还是有一些刺激性，至少眼部不是那么舒服。所以第二瓶再买的时 候我直接买的是透明的，给敏感肌用的。感觉上，两者在卸妆的时候的清洁力上，都是足够的，没有太大的差别。味道上也类似。用量大致相同的情况下，对于我来 说都可以卸干净脸上的粉妆，偶尔卸眼妆的时候，比蓝色的普通版本的要一些，没有什么刺激的感觉。 所以，根据我自己的肌肤状况，我觉得，保险一点，还是选择透明的贝德玛卸妆水给敏感肌使用。</t>
  </si>
  <si>
    <t>其卸妆水具备卸妆、洁面和爽肤的多重功效，使用后即可直接护肤，但还是建议卸妆后用洗面奶洁面，再用化妆水，效果要更好也更清爽。</t>
  </si>
  <si>
    <t>4gd5一定比2gd5厉害吗</t>
  </si>
  <si>
    <t>同显卡位宽4G显存的好。</t>
  </si>
  <si>
    <t>在同样是GTX960的前提下推荐选择大容量显存的4GD5，价格和2GD5的差不了多少</t>
  </si>
  <si>
    <t>4GB显存容量你绝对用不上的</t>
  </si>
  <si>
    <t>南山南是许巍的吗</t>
  </si>
  <si>
    <t>杭州地铁能到机场吗</t>
  </si>
  <si>
    <t>截止2016年7月，杭州东站到杭州萧山国际机场没有直达地铁，需要转车。</t>
  </si>
  <si>
    <t>在杭州东站乘坐地铁1号线到杭州站城站下车，然后乘坐机场大巴到机场</t>
  </si>
  <si>
    <t>s6赏金猎人天赋叠加吗</t>
  </si>
  <si>
    <t>可以，把对面杀一圈最高加5%</t>
  </si>
  <si>
    <t>当然可以叠加了，不过现在新版本刚出，我自己是adc，主玩vn，查看了不少的网上的推荐，我选择的是赏金，具体到其他的可以关注一些比较好的网站推荐，毕竟新版本刚出，还么到定型主流天赋配置，先将就着打打，体验体验再说。</t>
  </si>
  <si>
    <t>没有，不用问了</t>
  </si>
  <si>
    <t>出口退税算收入吗</t>
  </si>
  <si>
    <t>不算收入</t>
  </si>
  <si>
    <t>纳税人按规定取得出口退税款不需要计入收入总额计征企业所得税。</t>
  </si>
  <si>
    <t>不能形成收入，也不能计入本年利润。也不能和亏损相抵。</t>
  </si>
  <si>
    <t>税法上出口退回的增值税计入“应交税金-应交增值税（出口退税）”不并入企业利润。但是出口退回的消费税，要冲减“主营业务税金及附加”账户，相应就增加了企业的会计利润。</t>
  </si>
  <si>
    <t>secondary logon可以禁止吗</t>
  </si>
  <si>
    <t>可以禁用。</t>
  </si>
  <si>
    <t>Secondary logon 给与administrator 以外的用户分配指定操作权。可以禁用</t>
  </si>
  <si>
    <t>银行换港币需要预约吗</t>
  </si>
  <si>
    <t>不需要预约,不要手续费.</t>
  </si>
  <si>
    <t>不需要预约</t>
  </si>
  <si>
    <t>不需要预约,</t>
  </si>
  <si>
    <t>可以当天就兑换，不需要提前申请</t>
  </si>
  <si>
    <t>不需要提前预约，带上身份证就好了。不过要是兑换的太多估计需要。早点去一般的银行每天定量的下午去剩的很少了。</t>
  </si>
  <si>
    <t>工商银行网上银行人民币兑换外汇流程：　　1，需要去工行网点柜台签约网上银行；　　2，办好网上银行后，登录工行网银，进入网银菜单；　　3，在网银页面上方有一个“个人外汇业务”，点击进入以后，选择“小额购汇”，在出现的页面，选择港币即可。（港币的最低购买金额为：400.00）</t>
  </si>
  <si>
    <t>渠道销售出差忙不忙</t>
  </si>
  <si>
    <t>每天都上班忙的要命，从早上8点上班除过中午和下午吃啥，一直上到晚上11点</t>
  </si>
  <si>
    <t>花呗可以充值游戏吗</t>
  </si>
  <si>
    <t xml:space="preserve">不行的 </t>
  </si>
  <si>
    <t>楼主你好，以下类目和场景暂时不支持花呗服务。（1）虚拟类目以及黄金珠宝等具有投资理财属性的类目：腾讯QQ专区；网店/网络服务/软件；网络游戏点卡；网游装备/游戏币/帐号/代练；手机号码/套餐/增值业务；本地化生活服务；网游垂直市场根类目；珠宝/钻石/翡翠/黄金,理财。（2）分阶段付款的商品、天猫国际商品、司法拍卖等暂不支持。充值游戏的点卡，货币，都是不可以用花呗支付的呢。希望能解决你的问题噢~</t>
  </si>
  <si>
    <t>可以，我帮你</t>
  </si>
  <si>
    <t>要代充。。</t>
  </si>
  <si>
    <t>花呗是无法直接充值游戏的</t>
  </si>
  <si>
    <t>开网店有风险吗</t>
  </si>
  <si>
    <t>任何商业化经营都存在风险，开网店也一样</t>
  </si>
  <si>
    <t>现在很多做这个的。。不靠谱的也多。。最好是能找个熟人做过的去做这样会安全些 叩275..048..96..48</t>
  </si>
  <si>
    <t>当然有风险 ，现在做什么没风险？</t>
  </si>
  <si>
    <t>这个看你卖什么了 如果你一下子进好多货 又没有卖掉的话 那也有风险的啊</t>
  </si>
  <si>
    <t>创业都有风险的</t>
  </si>
  <si>
    <t>做生意投资花钱肯定都是有风险的，只是相对来说封信大和小的问题</t>
  </si>
  <si>
    <t>武汉会不会限牌</t>
  </si>
  <si>
    <t>还没有消息显示武汉2017年限牌。</t>
  </si>
  <si>
    <t>看到很多说武汉机动车已经快达到230万辆至250万辆的限牌红线，我感觉永远不会限牌的，因为马路越修越宽，所以不会限牌的，全中国比武汉大的城市多的是，都没有一个敢限牌的，武汉它会敢限牌</t>
  </si>
  <si>
    <t>什么时候限牌我说不很准确，但感觉应该是不远了吧</t>
  </si>
  <si>
    <t>武汉目前没有对机动车限牌</t>
  </si>
  <si>
    <t>你我贷合法吗</t>
  </si>
  <si>
    <t>合法，但利息很高</t>
  </si>
  <si>
    <t>岩棉防火吗</t>
  </si>
  <si>
    <t>岩棉防火800℃</t>
  </si>
  <si>
    <t>岩棉是A1级不燃材料，如果要说防火的等级，和不燃性能是不太相同的概念，那要看你的用法和厚度，北京费普福</t>
  </si>
  <si>
    <t>开体育用品店赚钱吗</t>
  </si>
  <si>
    <t>不一定，需要多方面讨论，既然致力于个体经营，首先需要做市场调查，没有市场就不会有商机，更不会赚钱。</t>
  </si>
  <si>
    <t>我不知道你说的是什么地方，不知道那里繁荣不，但始终一句话，投资是有风险的，我就建议你先观察下市场，例如附近已经有几家体育专卖了，那你就得三思了，如果没的话，你也可以试试，说不定你能开拓个新的市场，赚你人生中的一桶金。</t>
  </si>
  <si>
    <t>当然了！找个在学校旁边的地方！ 学生喜欢运动！人超多！ 找个好一点的品牌！卖东西不卖假的就可以了！来的人就多了！</t>
  </si>
  <si>
    <t>我发现现在喜欢运动的人越来越少了,就连学生都越来越少了,更多的人喜欢玩电脑都不喜欢运动了!我认为现在的体育用品店经济效益不怎么理想,除非能在体育学校比较集中的地方经营,效益会高很多!</t>
  </si>
  <si>
    <t>开体育用品店最主要的是选位置。学校，体育场等地方。其它的都是次要的。</t>
  </si>
  <si>
    <t>行车自动落锁有必要吗</t>
  </si>
  <si>
    <t>这个行车自动落锁基本都是标配的，车速超过20码就能自动落锁</t>
  </si>
  <si>
    <t>个人觉得还是很有必要的，毕竟上车经常会忘记锁车，自动落锁可以提高安全性。</t>
  </si>
  <si>
    <t>这个没有必要安装啦，原厂没有的话就直接这样使用，注意一下就可以啦。</t>
  </si>
  <si>
    <t>一般城市用车，自动落锁利大于弊，安全性好</t>
  </si>
  <si>
    <t>有必要，可以一定程度防盗抢</t>
  </si>
  <si>
    <t>那要看你有没有需要</t>
  </si>
  <si>
    <t>学美甲有前途吗</t>
  </si>
  <si>
    <t>当然有前途啦，现在男生都有前途更别说女生，随着时代的高速发展，大家都越来越爱美，对这方面需求的人也越来越多，所以学美甲是有前途的</t>
  </si>
  <si>
    <t>这是要看你的工作经验的，如果你能混成知名美甲师，或者有固定高端客户，那你的收入就可想而知了。</t>
  </si>
  <si>
    <t>肯定有的，如果没有那街上那么多的美甲店怎么开得下去，现在人都爱美的，美甲行业利润也高，学好了技术就不怕没前途</t>
  </si>
  <si>
    <t>前途？这玩意有啥前途？？也就是凑合混口饭吃罢了！</t>
  </si>
  <si>
    <t>痛风能吃螃蟹吗?</t>
  </si>
  <si>
    <t>螃蟹属于高嘌呤食物，患有痛风是不可以吃螃蟹的。海鲜、啤酒都属禁忌食物</t>
  </si>
  <si>
    <t>坚决不能，</t>
  </si>
  <si>
    <t>痛风不建议吃螃蟹</t>
  </si>
  <si>
    <t>最好是不吃。如果要吃的话，一点点就好，不能过量。</t>
  </si>
  <si>
    <t>不可以吃螃蟹，海鲜都不可以吃。</t>
  </si>
  <si>
    <t>天下3能赚人民币吗</t>
  </si>
  <si>
    <t>大致分三种，第一种，苦力型，这种对电脑要求比较高，最少也要个5开。天天种树，刷化雪，刷钻甘露。要是有个20个号左右，搞完了再去挖点矿，一天至少也是四五百金。第二种就是挂机摆摊。特别是活动材料的收购。还一种就是赚钱比较多也可能亏得多的就是倒腾号和搞珠子。这个要看运气遇到低价有料的号就搞到手慢慢弄。</t>
  </si>
  <si>
    <t>战斗之旅.100+金。做完战斗之旅，做海寂200+金。</t>
  </si>
  <si>
    <t>那些都是商人，现在天下3赚钱也不那么容易了，首先你要懂得省钱，慢慢存把。</t>
  </si>
  <si>
    <t>2016事业单位加薪吗</t>
  </si>
  <si>
    <t>涨，可能要等到退休人员涨完以后。</t>
  </si>
  <si>
    <t>有消息说涨。</t>
  </si>
  <si>
    <t>以本次事业单位工资改革调整办法为例，本次改革将调整事业单位工作人员基本工资标准，同时将部分绩效工资纳入基本工资。专业技术人员的岗位工资标准，将由现行的550元至2800元分别提高到1150元至3810元，管理人员由现行的550元至2750元分别提高到1150元至3770元;薪级工资标准，专业技术人员、管理人员由现行的80元至2600元分别提高到170元至5795元。将部分绩效工资纳入基本工资后，绩效工资水平相应减少。专业技术人员的减少金额，从最低岗位等级到最高岗位等级减少金额为220元至655元。管理人员绩效工资从最低到最高岗位等级减少金额为220元至650元。那么，经过增加基本工资和减少绩效工资，事业单位工作人员扣除养老金前实际收入如何变化?经过简单计算得知，技术人员与管理人员工资由低至高分别增加470左右至3500左右。当然，这部分增加的工资，将大部分用来支付个人养老保险与职业年金。个人需缴纳工资8%的养老险和4%的职业年金，12%的总比例至少有360元。</t>
  </si>
  <si>
    <t>空调主机挂外墙安全吗</t>
  </si>
  <si>
    <t>用加长的膨胀螺丝就可以了</t>
  </si>
  <si>
    <t>3匹空调主机挂外墙安全不安全要看外墙的质量，墙为结实的砖体等安全可靠，如是轻质砖等一类型墙体则不安全。</t>
  </si>
  <si>
    <t>按要求安装就没问题，要是楼房外墙带保温层的要注意能否挂结实。</t>
  </si>
  <si>
    <t>外墙加保温层的楼房，一般物业是不容许空调室外机挂墙上的，建筑设计时就考虑这个问题了，室外机应该有位置放的。现在什么问题都是要安全放第一位！</t>
  </si>
  <si>
    <t>确实很危险。尤其是在一些沿海地区，台风较多，空调外机外挂墙面，年岁久了支架腐蚀严重，一旦强台风来袭，很容易导致空调室外机脱落伤人。但现在在这方面没有强制性的规范、规章可以约束开发商、空调安装商和用户的选择行为。</t>
  </si>
  <si>
    <t>全民超神英雄等级在pvp里有影响吗</t>
  </si>
  <si>
    <t>有的，你英雄等级越高，装备越好，宝石越好在对战中占优势的。</t>
  </si>
  <si>
    <t>交通事故 对方掉了一颗牙 保险公司配吗</t>
  </si>
  <si>
    <t>任何保险都是治疗费赔，安装假牙不赔。</t>
  </si>
  <si>
    <t>牙撞掉了，只能是修牙或者安装假牙，这个保险公司是赔偿的。</t>
  </si>
  <si>
    <t>赔，一般有医疗费，误工，后续治疗，住院的话还有护理，伙食。</t>
  </si>
  <si>
    <t>牙医，不走保险。</t>
  </si>
  <si>
    <t>一、根据道路交通事故处理规定，交通事故责任者应当按照所负交通事故责任承担相应的损害赔偿责任。此外应在医疗机构申请伤害鉴定，此外医院出具的治疗证明都是对方应赔偿的依据。二、除了参照以上条款赔偿外，还有修复牙齿的费用。</t>
  </si>
  <si>
    <t>这个保险公司会理赔的</t>
  </si>
  <si>
    <t>英雄联盟mk盒子会封号吗?</t>
  </si>
  <si>
    <t>MK盒子现在不是要钱买吗，以前用MK盒子玩外服被封过。</t>
  </si>
  <si>
    <t>不会的，不可能，封号系统不管这个</t>
  </si>
  <si>
    <t>如果被检测出来有可能会被封号</t>
  </si>
  <si>
    <t xml:space="preserve">。。。最近有过用皮肤软件然后被封号的例子 =。= 小心点为好 </t>
  </si>
  <si>
    <t>一切第三方工具都会封号</t>
  </si>
  <si>
    <t>按理说不会的，但是有可能出现错误容易卡掉，但一般出现第三方软件不会封号</t>
  </si>
  <si>
    <t>有可能会封号，官方不认可这些辅助工具的</t>
  </si>
  <si>
    <t>好像是会封号了，本人前天和昨天用了MK盒子，今天下午一登就被封号一个月。</t>
  </si>
  <si>
    <t>索尼耳机好吗</t>
  </si>
  <si>
    <t>SONY大部分耳机音质好是耳机自身造价及调音，还有品牌，当然SONY耳机并不是所有耳机音质都很好，低价位的耳机也有现在。</t>
  </si>
  <si>
    <t>日月人鱼电影出来了吗</t>
  </si>
  <si>
    <t>还没有上映</t>
  </si>
  <si>
    <t>2017年10月7日北美全球首映。</t>
  </si>
  <si>
    <t>这部电影不断延期，一直没有上映</t>
  </si>
  <si>
    <t>满阴满绿的星月好不好</t>
  </si>
  <si>
    <t>好不好看个人喜欢，但是如果是满绿阴皮星月太难得了，价格也高的很，市场上基本见不到，见到的都是花皮~</t>
  </si>
  <si>
    <t>品种不一样，绿皮星月满绿满阴的，而普通阴皮星月淡绿半绿半阴的。所以绿皮满绿星月菩提也是目前所有星月中价格最高的。</t>
  </si>
  <si>
    <t>北地风暴有特效吗</t>
  </si>
  <si>
    <t>没有 只有衣服变了 熊的皮肤只有警察那个有特效 好像是Q的时候警灯会闪两下</t>
  </si>
  <si>
    <t>特效不太明显</t>
  </si>
  <si>
    <t>没什么特效，新出的符文战熊也不好看，LZ要买熊的皮肤吗</t>
  </si>
  <si>
    <t>韩国电视剧是拍一集播一集吗</t>
  </si>
  <si>
    <t>对的一集一集的时刻关注观众的反应及时修改剧本如果反响特别不好就会马上结束停拍编剧有很大的压力所以在韩国编剧的地位还是挺高的记得以前好几个电视剧的女主角职业都是编剧~人鱼小姐吧好像就是＃＃韩国是边拍边播的，不像中国似的整部剧拍完才播的，他们会根据收视率改剧本的。＃＃韩国是边拍边播的，不像中国似的整部剧拍完才播的，他们会根据收视率改剧本的。</t>
  </si>
  <si>
    <t>韩剧是边拍边播的，</t>
  </si>
  <si>
    <t>一般是一周拍两集，然后放送后看观众反映＃＃一般是全部拍完 因为要剪辑加有些特效的</t>
  </si>
  <si>
    <t>当然是呀</t>
  </si>
  <si>
    <t>韩国的电视连续剧一般都属于边拍边播的模式</t>
  </si>
  <si>
    <t>是啊，偶像剧都是这样。一般十几集的样子，一个小时一集。像什么人鱼小姐的就不是了，属于家庭伦理片。</t>
  </si>
  <si>
    <t>一边拍一边放，目前更新到第14集，总共16集，每周两集，周二和周三。</t>
  </si>
  <si>
    <t>ipad上有闹钟吗</t>
  </si>
  <si>
    <t>在时钟里，打开时钟即可看到</t>
  </si>
  <si>
    <t>ipad没有自带的闹钟功能，需要另外下载应用</t>
  </si>
  <si>
    <t>系统自带：时钟，打开，下面有闹钟选项。</t>
  </si>
  <si>
    <t>ipad上是有闹钟的。</t>
  </si>
  <si>
    <t>docker会取代虚拟机吗</t>
  </si>
  <si>
    <t>不会，docker其实就是虚拟机的一种。</t>
  </si>
  <si>
    <t>openstack,docker ,kvm这些都是并存的。</t>
  </si>
  <si>
    <t>合约机机卡分离对手机有影响吗</t>
  </si>
  <si>
    <t>合约生效后前6个月需机卡绑定使用，第7个月可分离。如提前机卡分离，将会影响分月返还赠费不到账，iphone手机停号锁机，建议不要提前机卡分离。</t>
  </si>
  <si>
    <t>一般是没有问题的，只要合约期继续使用，手机卡就没有问题了。在合约期一定不要停止使用，否则会产生额外的费用和罚款</t>
  </si>
  <si>
    <t>在合约期机卡分离使用，会影响你的话费返还</t>
  </si>
  <si>
    <t>不会在赠你话费，会影响你的信誉度！</t>
  </si>
  <si>
    <t>没事 卡继续用就行了 只要卡不停就好</t>
  </si>
  <si>
    <t>如要求必须机卡匹配使用(如6个月)您未按照要求绑定使用，一般都是会影响您的话费返还的。</t>
  </si>
  <si>
    <t>采购拿回扣犯法吗</t>
  </si>
  <si>
    <t>给采购回扣属于违法行为，数额达5000元以上属于犯罪行为。购员拿回扣是商业潜规则，是上不了台面的，违法与否你可以查阅相关法规，和工商管理条例，只要是有供货凭据，和欠款凭据。你完全可以通过司法程序解决。</t>
  </si>
  <si>
    <t>拿回扣算犯法。</t>
  </si>
  <si>
    <t>私企公司的采购拿回扣,要具体看待发生的情形，如果该回扣公司是作为他个人的工资看待的，那么，就不能算得上违法，如果是作为其私人性质的获益行为，超过一定得数额就属于违法行为。</t>
  </si>
  <si>
    <t>以前不算，不过最近新出的一个法律条款，规定超过五千就算犯法了</t>
  </si>
  <si>
    <t>我国刑法明确规定,收受回扣以受贿论处 。如果你是国家机关或者国有公司工作人员的话，构成受贿罪， 如果你是非国有公司工作人员的话构成公司企业人员受贿罪。</t>
  </si>
  <si>
    <t>这个要看你是什么身份了，如果是国家工作人员，非法收受回扣，数额达到5000元的，有可能构成受贿罪。如果你是商业人员，吃回扣计入公司的帐的话，那没事；如果不记账，自己吞了，那有可能构成非国家工作人员受贿罪。</t>
  </si>
  <si>
    <t>违法，但是这个是潜规则了，你不拿对方反而会怀疑你的诚意了！拿了人家才安心，吃人嘴短拿人手短，给人一种同一条船上的自己人了。</t>
  </si>
  <si>
    <t>加油卡打折充值靠谱吗</t>
  </si>
  <si>
    <t>不可信，为了安全还是去中石化统一发卡点或者加油站购买。</t>
  </si>
  <si>
    <t>自助洗车机有市场吗</t>
  </si>
  <si>
    <t>有，汽车后市场份额高达数千亿，供应不足，已成爆炸式增长，90%的空白市场，几亿消费大军。洗车难，洗车贵，排队久，谁能解决洗车难题，谁将掌舵财富。</t>
  </si>
  <si>
    <t>洗车机的市场太大了，你可以看下每个月的汽车销量，基本上都在几万辆以上，尤其是前三每个月总量达到12万辆以上，平均这些车一周洗一次，一个月洗4次，也就是48万次，这还不算已经有车的和即将买车的，这个市场太大的了，只要选个差不多的店面就能挣钱，关键是看挣大钱还是挣小钱。</t>
  </si>
  <si>
    <t>现在汽车的使用量逐渐增多，传统的手工洗车方式已经不能满足消费者的需求了。雷龙机器人洗车机还不错，自主研发生产和销售，整店输出模式</t>
  </si>
  <si>
    <t>洗车机的前景肯定是不错的，现在基本家家都有车，利润也相当可观</t>
  </si>
  <si>
    <t>自助洗车机前景很不错，今年的洗车机做的都不错，我觉得明年会更突出</t>
  </si>
  <si>
    <t>int是类吗</t>
  </si>
  <si>
    <t>int是基本数据类型，不算是一个类</t>
  </si>
  <si>
    <t>当然有啊 int a的话就是 一个数字，而带int [ a ] 是集合 是数组</t>
  </si>
  <si>
    <t>int 指4个字节来显示的一个数据，int【n】指n个int型数据构成的数据</t>
  </si>
  <si>
    <t>它们是基本数据类型, 最简单的数据结构一般指数组. int 在32位系统32位长, 等于4byte, double在32位系统64位长, 等于8byte, 在不同语言int和double不一定能够互相赋值. 例如java就不可以, 但是c可以.</t>
  </si>
  <si>
    <t>int是C#的关键字，实际对应Int32结构类型，所以int不是类。</t>
  </si>
  <si>
    <t>int是JAVA缺省的8中基本数据类型之一，不是类的对象。</t>
  </si>
  <si>
    <t>团泊大桥通车了吗</t>
  </si>
  <si>
    <t>西青区交通队</t>
  </si>
  <si>
    <t>属于西青吧</t>
  </si>
  <si>
    <t>计划5月底通车</t>
  </si>
  <si>
    <t>荣马高速公路 小孙庄收费站出口 就是 省道S108 沿省道直走约 3公里 就到 西青区的团泊大桥</t>
  </si>
  <si>
    <t>就在 省道108线和荣乌高速 交叉口下高速 这个地方属于小孙庄地域</t>
  </si>
  <si>
    <t>韩国润膏好用吗</t>
  </si>
  <si>
    <t>还不错，香味很高档的感觉，洗完头发很顺滑！</t>
  </si>
  <si>
    <t>我洗了还不错，头屑很少.</t>
  </si>
  <si>
    <t>王水能喝吗</t>
  </si>
  <si>
    <t>你是眼睛不好还是鼻子不好，王水会冒黄色烟雾并且有氯气的气味，只要不是幼儿或是弱智应该不会吃下去的。当然你如果真的吃下去，现在嘴里、喉咙、食道、胃里都不痛吗？不赶快去医院洗胃？恐怕去了也来不及了。我告诉你，喝了王水五脏六腑都会烂掉。</t>
  </si>
  <si>
    <t>五脏六腑会烂掉</t>
  </si>
  <si>
    <t>信用卡额度可以调低吗</t>
  </si>
  <si>
    <t>可以的，只要你致电8008205555，并根据客服人员进行操作就行。</t>
  </si>
  <si>
    <t>这个估计比较困难，不过你可以自己设置信用卡消费限额。</t>
  </si>
  <si>
    <t>如果是招商银行信用卡，是可以的，也可以自己调降额度。登录掌上生活客户端，在额度管理里面调降。</t>
  </si>
  <si>
    <t>若是招行信用卡，您可为名下任一张信用卡（含附属卡）设定每个账单周期内可使用的额度，无论还款与否，该卡每个账单周期内的消费无法超过所设限额。您可登录信用卡网上银行</t>
  </si>
  <si>
    <t>真目明能治疗近视吗</t>
  </si>
  <si>
    <t>如果是真近视，这样是无法恢复的。唯一有效的矫正方法就是近视手术，要做好术前各项检查，选择适合自己的手术方式效果才会更好。</t>
  </si>
  <si>
    <t>效果好的一笔，真的，一直在用，刚抹完看到就回你了</t>
  </si>
  <si>
    <t>仅供参考。真性近视无药可治。两百多度近视可以在需要时戴，平时不戴。</t>
  </si>
  <si>
    <t>实话实说。任何药物都不能治愈近视。</t>
  </si>
  <si>
    <t>腰疼发烧吗</t>
  </si>
  <si>
    <t>肾盂肾炎，有细菌经尿道上行至肾盂引起。</t>
  </si>
  <si>
    <t>肌肉男好不好</t>
  </si>
  <si>
    <t>不一定了，性能力和肌肉没有直接的联系不过肌肉是锻炼出来的话，经常锻炼性能力应该可以，阳痿不会，但早泄就不一定了，早泄的问题可以经过两个人努力慢慢减轻的。</t>
  </si>
  <si>
    <t>每个人的眼光都不一样，毕竟萝卜青菜各有所爱，我个人喜欢彭于晏那种身材</t>
  </si>
  <si>
    <t>新鲜枸杞子能吃吗</t>
  </si>
  <si>
    <t>新鲜枸杞子可以吃的；新鲜枸杞不仅能直接嚼着吃，还能榨汁；放在冰箱冷冻，拿出来可以直接当枸杞冰沙吃；泡酒、泡水；炖汤。只是由于新鲜枸杞皮比较薄脆，保存和运输的要求较高，所以一般在枸杞产地的人们才能吃到新鲜的枸杞。</t>
  </si>
  <si>
    <t>新鲜枸杞子可以吃但是要熟透的才好吃甜甜的汁液挺多.</t>
  </si>
  <si>
    <t>最好不要。晾干煲水喝</t>
  </si>
  <si>
    <t>可以。把枸杞的营养价值发挥的最好的方式就是直接干吃。有补肾、滋阴、养肝、明目、益气等功效。</t>
  </si>
  <si>
    <t>新鲜枸杞可以直接食用，但是每次食用最好不要超过50克。</t>
  </si>
  <si>
    <t>能吃，直接吃或者煮水喝，煮粥吃都行。</t>
  </si>
  <si>
    <t>可以的，枸杞子可以当饭吃对身体没坏处，当然那就最好结合菊花吃，因为当吃容易上火</t>
  </si>
  <si>
    <t>色弱能做平面设计吗</t>
  </si>
  <si>
    <t>可以，只是会有影响！想做就做呗，你看梵高还是神经病呢，不也是大艺术家虽然我看不懂他的画。只想说，如果做设计是你的梦想，就没有什么做不到的！</t>
  </si>
  <si>
    <t>色彩只是设计的一部分。图形、构图、韵律、节奏等等是更重要的部分。设计的境界越往高处越依靠综合知识体系和心灵的感悟！用心去做设计将更有内涵。要相信自己可以做好，在实践中发挥自己的优势，弥补、回避自己的弱势。设计大师韩家英和陈少华的很多作品都是单色的同样很棒。还有贝多芬也是榜样！只要你内心真正喜欢这个行业就，</t>
  </si>
  <si>
    <t>有点困难，你可能对色彩搭配的话有点障碍。其实不是很适合从事设计行业</t>
  </si>
  <si>
    <t>看情况，可能你你能创造出不一样的色彩组合和体系!如果你喜欢，色弱是你面试找工作的绊脚石，但不会影响你的个人事业!</t>
  </si>
  <si>
    <t>游侠网有毒吗</t>
  </si>
  <si>
    <t>基本无毒</t>
  </si>
  <si>
    <t xml:space="preserve">有啊，不要以为游侠网没毒（没毒是吹出来的），因为游侠网下载游戏有个特点就是大多游戏站内是搜索得来，而大多游戏是别人上传或复制的网址并不是游侠网本身收藏的，这些游戏资源可以说大多是别人提供的 游侠网只是做个代理提供下载的，你懂吗终上所述可以这样总结有的有,有的没有 </t>
  </si>
  <si>
    <t>一般是没毒的，建议下载完杀毒确保安全。</t>
  </si>
  <si>
    <t>苏州离上海近吗</t>
  </si>
  <si>
    <t>上海市和苏州市是挨着</t>
  </si>
  <si>
    <t>4g内存能不能玩巫师3</t>
  </si>
  <si>
    <t>跑不动的。巫师3狂猎最低配置要求都要6G内存。</t>
  </si>
  <si>
    <t>最好是6G 当然4G也完全可以 画质稍调低点就好(其实调不调都无所谓 没有什么影响的)</t>
  </si>
  <si>
    <t>首先内存和游戏性能没什么太大关系，大型单机游戏主要看显卡，巫师3这种显卡杀手建议选择gtx965m或者以上的显卡。</t>
  </si>
  <si>
    <t>可以，全低配</t>
  </si>
  <si>
    <t>不可以8GB推荐</t>
  </si>
  <si>
    <t>物业经理人上岗证书是否还可以用</t>
  </si>
  <si>
    <t>有用的。这个在物业上岗都能用上</t>
  </si>
  <si>
    <t>野猫进家风水上好不好</t>
  </si>
  <si>
    <t>猫是通灵之物，说明你家里灵气还是很好的,用风水来讲气场是稳定和没有任何阴涩之物！</t>
  </si>
  <si>
    <t>来猫去狗越过越有，野猫叼它的4个孩子进家来属于好事情，寓意家宅兴旺。</t>
  </si>
  <si>
    <t>对迷信的人来说，不好！对喜爱小动物的人来说，很好！</t>
  </si>
  <si>
    <t>只有夫妻一方签字的卖方合同有效吗</t>
  </si>
  <si>
    <t>夫妻共同财产属双方共同所有，因此处分必须双方共同签字。一切以房本为标准，如房本是两人姓名签定买卖合同时必须夫妻双方到场签不可代签与委托</t>
  </si>
  <si>
    <t>夫妻一方卖房签订的合同，是完全有效的。因为夫妻双方对共有财产，有平等的处置权。</t>
  </si>
  <si>
    <t>合同有法律效力</t>
  </si>
  <si>
    <t>合同有效。如果因此不能过户，承担违约责任即可。</t>
  </si>
  <si>
    <t>一般情况下属未成立合同，单方签字对方未认可的该合同无效。但在当事一方签字或者盖章之前，当事另一方已经履行合同中的主要义务，且持有已履行义务的相关证据，对方认可的，该合同法律将予以支持。</t>
  </si>
  <si>
    <t>警察有加班费吗</t>
  </si>
  <si>
    <t>没有加班费，他们是月薪的，但可以轮休，可有补贴。</t>
  </si>
  <si>
    <t>人民警察没有加班工资。</t>
  </si>
  <si>
    <t>没几个经常加班的，电视上是美化的，真正加班不仅有工资还有宵夜，任务完成后还有奖金</t>
  </si>
  <si>
    <t>警察法定工作日之外工作应当补休，不能补休的给予补助。</t>
  </si>
  <si>
    <t>洗手液过期了还能用</t>
  </si>
  <si>
    <t>不建议使用</t>
  </si>
  <si>
    <t>如果有清洁作用就继续用。</t>
  </si>
  <si>
    <t>过期的洗手液可以一直用啊，不会对身体有什么伤害。</t>
  </si>
  <si>
    <t>最好是不要用了</t>
  </si>
  <si>
    <t>现在的人越来越多的使用洗手液，但是很多公共场所的洗手液并不干净安全，如果是过了期的洗手液还是不用为妙。</t>
  </si>
  <si>
    <t>没事，可以用的，但效果就不一定好。</t>
  </si>
  <si>
    <t>主要是现在的人越来越讲究的。以前住农村时哪来洗手液，连自来水也没有，随便河水洗一洗就好了，河水里还有被扔了死老鼠和死猪的，还要淘米做饭吃呢……</t>
  </si>
  <si>
    <t>洗手液过期可能杀菌效果没有了，用来洗手可能起不到消毒作用了</t>
  </si>
  <si>
    <t>过期时间太长就不要用了，继续使用的话，可能会引起皮肤过敏。</t>
  </si>
  <si>
    <t>能同时在两个地方交社保吗</t>
  </si>
  <si>
    <t>可以缴纳的。</t>
  </si>
  <si>
    <t>一个人只能上一份保险，不能同时在两地办理社保.</t>
  </si>
  <si>
    <t>按照我国现有社保法的规定，每个人在同一时间只能缴纳一份社保。但由于我国社保实行，地方缴纳，而且没有联网，这样实际上就会造成同一个人在同一时间在两个地方缴纳社保。</t>
  </si>
  <si>
    <t>社保是企业按照国家强制要求给员工缴纳的保险，一个员工只能和一家企业签订劳动合同，也就是说只有一家企业可以给该员工缴纳保险。不可以两个地方同时缴纳的。</t>
  </si>
  <si>
    <t>根据规定，每个人只能参加、享受一份社保 .</t>
  </si>
  <si>
    <t>后庭好吗</t>
  </si>
  <si>
    <t>可以做,只要对方愿意就行</t>
  </si>
  <si>
    <t>当然不好容易肛裂做多了更空间会大便失禁。</t>
  </si>
  <si>
    <t>剪刀剪胡子会变粗吗</t>
  </si>
  <si>
    <t>不会变粗 用刮的才会 而且张的很快</t>
  </si>
  <si>
    <t>小时候听人家讲过，不过我觉得这没什么科学根据吧，用剃须刀也是一样刮阿？还有头发也是用剪刀剪的头发也没变粗不是？</t>
  </si>
  <si>
    <t>会！但剪了就只会更短不会更长！我下爬的胡子一寸多长了，嘴唇上方的不见长长！</t>
  </si>
  <si>
    <t>最好不要用剪刀，那样会长的更长。</t>
  </si>
  <si>
    <t>最好不要剪，否者以后长的更多。</t>
  </si>
  <si>
    <t>笔记本是否支持sata3</t>
  </si>
  <si>
    <t>判断笔记本是否支持SATA3.0设备的方法，第一是通过参数说明或者软件识别出主板的北桥芯片组的型号，或者sandy bridge平台的主板已经只有一个主板芯片的芯片型号，根据型号到网上查询该芯片组支持的SATA设备标准，或者是直接致电官方客服询问就可以了。</t>
  </si>
  <si>
    <t>一般新电脑都是支持的。</t>
  </si>
  <si>
    <t>在系统下运行Everest，检测系统硬件，如果sata口测试是3GB的，就是sata2，如果是6GB的，就是sata3.这样测试的比较准确。</t>
  </si>
  <si>
    <t>性格内向适合做老师吗</t>
  </si>
  <si>
    <t>性格内向其实有些是天生的，但无所谓了，性格内向的人成为交际高手也是有方法的。</t>
  </si>
  <si>
    <t>性格内向更注重细节，教学方式也不会比外向的差，各有优点。</t>
  </si>
  <si>
    <t>适合</t>
  </si>
  <si>
    <t>一样可以，和学生在一起，你会慢慢改变自己的。</t>
  </si>
  <si>
    <t>我是老师，我开始做这份职业的时候也内向，但是没影响我好好的教书。现在教书10年了，感悟很多，性格也培养得外向了。大胆去从事这个事业吧，你不会后悔的。</t>
  </si>
  <si>
    <t>没有人天生外向，你可以去尝试一下，就定个两三个月，如果到时候你觉得你可以和学生正常交流，并且能胜任这份工作了，你就继续做，如果这两个条件你有一个不能满足，你就不适合</t>
  </si>
  <si>
    <t>不一定，善于表达就好</t>
  </si>
  <si>
    <t>qq信息被复制 骗了别人钱 需要承担责任吗</t>
  </si>
  <si>
    <t>那肯定啊，不要以为是网络别人查不到，你看那些微信散步谣言的都被逮了</t>
  </si>
  <si>
    <t>这个没有法律责任，既然是被盗了，任何人也无法预料啊，这个不在法律保护范围之内</t>
  </si>
  <si>
    <t>如果是你的号被盗，你不用承担法律责任，</t>
  </si>
  <si>
    <t>根据《侵权责任法》第三十七条第二款规定：因第三人的行为造成他人损害的，由第三人承担侵权责任，管理人或者组织者未尽到安全保障义务的，承担相应的补充责任。最高人民法院《关于审理人身损害赔偿案件适用法律若干问题的解释》第六条也规定：因第三人侵权导致损害结果发生的，由实施侵权行为的第三人承担赔偿责任。安全保障义务人有过错的，应当在其能够防止或者制止损害的范围内承担相应的补充赔偿责任。安全保障义务人承担责任后，可以向第三人追偿。</t>
  </si>
  <si>
    <t>从法律上来讲不负法律责任。</t>
  </si>
  <si>
    <t>如果你不能证明是别人发布的，那就是你了，</t>
  </si>
  <si>
    <t>网银周末不能转吗</t>
  </si>
  <si>
    <t>周六周日 网上银行是可以转账的</t>
  </si>
  <si>
    <t>可以。网银不收周末限制。</t>
  </si>
  <si>
    <t>可以转账。网上银行上网服务时间是7*24小时。</t>
  </si>
  <si>
    <t>建设银行双休日可以汇款或转帐，仅限于个人业务。</t>
  </si>
  <si>
    <t>厨房需要铺地暖吗</t>
  </si>
  <si>
    <t>建议是不要铺，要铺也可以，反正可以关，但是浪费钱啊。因为厨房本来在做饭的时候就很热，还需要开窗通风，不需要地暖了。</t>
  </si>
  <si>
    <t>一般都是挂式暖气的最好，如果个人有需求，也可以要求对方装上地暖。</t>
  </si>
  <si>
    <t>厨房可以不做，洗手间要做，洗澡是大事。现在好的防水没有问题选择，要做两层防水分别在地暖下和上。</t>
  </si>
  <si>
    <t>厨房和卫生间因为经常使用水，所以不能也不需要铺设地暖。</t>
  </si>
  <si>
    <t>不建议安装地暖·厨房有出水管是热的·做饭使用燃气灶也并不需要再加热。卫生间去得比较少·安装有热水就可以了</t>
  </si>
  <si>
    <t>厨房，设计温度一般为15度，如果厨房基本能在这个温度，就可以不装。</t>
  </si>
  <si>
    <t>支付宝能不能还信用卡</t>
  </si>
  <si>
    <t>支付宝是可以还信用卡的，＃＃可以的。</t>
  </si>
  <si>
    <t>一般来讲，A和B要同时绑定信用卡和储蓄卡，A用信用卡购买东西支付后，相当于A利用B提现，B提现到储蓄卡中后，利用支付宝的信用卡还款功能还B的信用卡，但是，前提是B的虚拟店要同时符合以下条件；开店半年以上，店铺达到一定等级，然后才有资格开通信用卡交易的服务，买家才能用信用卡进行大额的交易，一般来说：支付宝为了防止提现，虚拟产品现在可能不支持信用卡交易。</t>
  </si>
  <si>
    <t>可以，电脑操作还信用卡有手续费，手机操作没有手续费。＃＃</t>
  </si>
  <si>
    <t>可以的，支付宝余额只能工商银行的！但是可以通过支付宝用网上银行还其他银行的信用卡都是不收手续费的！＃＃如果你有中国工商银行 中国银行 中国建设银行 中国农业银行交通银行 招商银行 中信银行 中国民生银行 中国光大银行 上海浦东发展银行 广东发展银行 深圳发展银行 平安银行宁波银行 的网银，就可以为中国工商银行 中国银行 中国建设银行 中国农业银行交通银行 招商银行 中信银行 上海浦东发展银行广东发展银行 深圳发展银行 兴业银行平安银行宁波银行 的信用卡还款，</t>
  </si>
  <si>
    <t>孕妇能喝抹茶星冰乐吗</t>
  </si>
  <si>
    <t>不要喝了，又不营养，不喝对身体更好。</t>
  </si>
  <si>
    <t>上海第九人民医院周日有门诊吗</t>
  </si>
  <si>
    <t>周日不上班的。</t>
  </si>
  <si>
    <t>星期天没有专家门诊的，很多普通门诊也没有.</t>
  </si>
  <si>
    <t>山竹属于凉性水果吗</t>
  </si>
  <si>
    <t>凉性水果(适合热性体质）:火龙果、梨、苹果、杨桃、山竹、葡萄柚、草莓、枇杷.</t>
  </si>
  <si>
    <t>山竹是属于凉性的水果，但是吃多了山竹也是会上火的，山竹含有的营养物质也比较的多，尤其是含有人体所必须的营养物质蛋白质，所以食用是可以补充人体缺乏的蛋白质，因为营养丰富，对于营养不良的人，有很好的补充作用，除此之外山竹还能够加快燃烧人体的脂肪，所以对于想要减肥的人来说，吃一些山竹还可以达到减肥的目的，同时还有美白护肤的效果。</t>
  </si>
  <si>
    <t>山竹就是典型的凉性水果.</t>
  </si>
  <si>
    <t>山竹属凉性水果，一次不能多吃</t>
  </si>
  <si>
    <t>当然是凉性的，被称为水果王后</t>
  </si>
  <si>
    <t>山竹为中性水果，稍偏凉，具有降燥、清凉解热的作用</t>
  </si>
  <si>
    <t>乙肝病毒很高需治疗吗</t>
  </si>
  <si>
    <t>这种情况是否需要治疗，要看有没有肝脏损害，如果没有肝脏损害单纯乙肝病毒感染，不管病毒载量高低，都不需要治疗，如果有肝脏损害，也就是引起了乙型肝炎才需要治疗，这种情况应该定期到医院检查，如果有肝脏损害，就应该进行治疗了。</t>
  </si>
  <si>
    <t>乙肝患者病毒高是需要做抗病毒治疗的，但是治疗之前建议做下病毒基因分型检查了解清楚病毒的情况，然后再做，能保障治疗效果。</t>
  </si>
  <si>
    <t>乙肝病毒量高，此时传染性强，发病率高，遗传 机率也相对较大，是可以考虑抗病毒治疗的。</t>
  </si>
  <si>
    <t>吃鱼对皮肤好吗</t>
  </si>
  <si>
    <t>恩，吃鱼对皮肤很好，尤其是夏天，据说只要一周吃三次鱼的话不仅对皮肤好，而且它还会有益于皮肤不会被晒黑。</t>
  </si>
  <si>
    <t>鱼油中的不饱和脂肪酸，可使人的皮肤光滑润泽，所以有 “美容酸”之称。</t>
  </si>
  <si>
    <t>变白嫩！鱼富含蛋白质。</t>
  </si>
  <si>
    <t>吃鱼会对皮肤很好哦</t>
  </si>
  <si>
    <t>鱼肝油和d3能一起吃</t>
  </si>
  <si>
    <t>鱼肝油是补充维生素d的，维生素d是帮助钙吸收的，所以两个通常一块儿补。但是本质上，鱼肝油不是一定要和钙一起才发挥效果，相反，钙一定要维生素d才能发挥效果。</t>
  </si>
  <si>
    <t>不要一起，吃鱼肝油是因为里面有d.你这样维生素d会超标噢，还是单纯吃d3最合适</t>
  </si>
  <si>
    <t>不要一起</t>
  </si>
  <si>
    <t>月经期间可以足疗吗</t>
  </si>
  <si>
    <t>因为足部按摩的作用是消除气血运行的障碍，疏通经络，促进人体正常生理功能的恢复。如果女性月经期间进行足部按摩，不仅不会缓解疲劳，反而会月经量多，还会给身体带来危害。因此，女性月经期间尽量避开足部按摩。</t>
  </si>
  <si>
    <t>最好不做</t>
  </si>
  <si>
    <t>可以，但是要注意时间，可以有助于血液循环通畅，对舒缓经痛是好的</t>
  </si>
  <si>
    <t>正确的做法是，因人而异。如果，血热型+血虚型。月经易提前、经量大、烦热等症的，经期最好不要做足疗</t>
  </si>
  <si>
    <t xml:space="preserve">女性经期慎做足疗，通过经络按摩来对抗衰老、嫩肤去皱、内调保健，是时兴的美容养生项目。女性在经期是否适宜做此类按摩，需要根据自身原有的身体状况，以及在经期表现出的实际情况，进行具体分析。 </t>
  </si>
  <si>
    <t>足疗能够消除疲劳，缓解身体不适，但月经期间最好不要做足疗，否则可能会影响经期的身体健康</t>
  </si>
  <si>
    <t>女孩在家里裸体有事吗</t>
  </si>
  <si>
    <t>个人观点 在家可以穿宽松睡衣呀 毕竟是女生嘛</t>
  </si>
  <si>
    <t>没什么大不了，看见了也没怎么样，过去就过去了，不要老放在心上。</t>
  </si>
  <si>
    <t>没有问题的，自己注意卫生就好了</t>
  </si>
  <si>
    <t>卡拉赞的马能飞吗</t>
  </si>
  <si>
    <t>卡拉赞的马就是午夜，地面坐骑，能飞的是无头骑士的缰绳，万圣节刷无头出的。</t>
  </si>
  <si>
    <t>午夜就是KLZ的马。能飞的同外型的是无头骑士的缰绳，万圣界才能开出。</t>
  </si>
  <si>
    <t>是不能飞的</t>
  </si>
  <si>
    <t>除了无头骑士马，其他都不能飞</t>
  </si>
  <si>
    <t>心脏不好能不能坐飞机</t>
  </si>
  <si>
    <t>许多的心脏病老年人询问可否乘坐飞机回家过节?医院陈维主任指出老年人和心脏病患者旅行时，只要身体一般状况较好，心脏功能没有明显的障碍，也没有出现发生心脏急症的先兆，是完全可以坐飞机的，而且在长途旅行时应尽量选择坐飞机，但必须注意只能选择大型和中型的客机，绝对不要坐小型客机</t>
  </si>
  <si>
    <t>心脏不好的可以坐飞机，但是有很多注意事项：“心脏病患者在万米高空发病危险性很大”，但心脏病患者乘坐飞机时只要身体一般状况较好、心脏功能没有明显的障碍，也没有出现发生心脏急症的先兆，是完全可以坐飞机的。而且在长途旅行时应尽量选择乘坐飞机，但必须注意只能选择大型和中型的客机，绝对不要坐小型客机。</t>
  </si>
  <si>
    <t>心脏不好，还是不要坐飞机了</t>
  </si>
  <si>
    <t>心脏病人术后只要恢复正常，是可以乘坐飞机的。其中包括：\x0d先天性心脏病、瓣膜性心脏病\x0d、缺血性心脏病以及动脉瘤手术后的患者。\x0d需要注意的是，替换了机械瓣的患者，建议随身携带人造瓣膜植入的证明材料，以免在您通过安检时遇到不必要的麻烦。</t>
  </si>
  <si>
    <t>可以乘飞机</t>
  </si>
  <si>
    <t>但是如果正是在发病期，血压没有控制住、心脏病正在不稳定期，最好不要劳累。乘飞机第一不要让她感到紧张，第二防止晕机，带上常备急救药品。</t>
  </si>
  <si>
    <t>宫颈癌前病变能治好吗</t>
  </si>
  <si>
    <t>能的，首先你要清楚，癌前病变还不是癌，而且也分癌前病变几期的，不要给自己太大的心理负担。</t>
  </si>
  <si>
    <t>要看严重程度和hpv的情况的，轻度的大多可以恢复</t>
  </si>
  <si>
    <t>宫颈癌前病变包括低度病变和高度病变，完全可以通过一些方法（如手术治疗或药物治疗等）将病变阻断，只要随访及时完全可以治愈。</t>
  </si>
  <si>
    <t>可以治愈，但是要根据你的病变程度。</t>
  </si>
  <si>
    <t>患者的情况为宫颈癌前病变，则是需要采取利普刀治疗或宫颈锥形切除的，切除后的病理确诊疾病，以免出现癌变的可能性，如果存在癌变的话则是需要采取全子宫切除的。</t>
  </si>
  <si>
    <t>洗牙 医保报销</t>
  </si>
  <si>
    <t>可以报销，</t>
  </si>
  <si>
    <t>在能用医保的医疗机构使用，且在额度之内就能报销。</t>
  </si>
  <si>
    <t>不能用医保报销</t>
  </si>
  <si>
    <t>看病报销的比例也是根据医院不同，病况等等而报销不同</t>
  </si>
  <si>
    <t>有姓伍的吗</t>
  </si>
  <si>
    <t>伍姓在大陆与台湾均未进入前一百大姓。伍姓起源古老。传说伍姓起源于上古时期，黄帝有臣子伍胥，他的后代非常兴旺。其子孙后代就以他名字中的“伍”为姓。</t>
  </si>
  <si>
    <t>伍华（大爱他，嘻嘻，最喜欢枫林残忆，超好听的说）伍佰 （不介绍了，想必都认识）伍咏薇 （1989年参加亚洲小姐竞选获得"最上镜小姐奖"）伍迪艾伦 （美国电影导演、编剧、演员、喜剧演员、作家、音乐家与剧作家）伍思凯 （台湾著名歌手、作曲家、音乐制作人）伍仕贤 （美籍男导演，中国电影导演协会会员）伍洲彤 （著名主持人、乐评人）</t>
  </si>
  <si>
    <t>伍姓是当今较常见的姓氏</t>
  </si>
  <si>
    <t>姓氏源流，伍姓出自芈姓。</t>
  </si>
  <si>
    <t>大专毕业是干部身份吗</t>
  </si>
  <si>
    <t>有的。只要你参加普高录取的学生就有这个身份了。但有个前提是毕业时所在学院会给你一张报到证。这张报到证必须在一个月之内到你想就业的城市的市人事局报到。没去报到一个月之后你自然会失去这个身份。也叫失去安排工作和国家计划就业名额了。又回到所谓的农民工身份。</t>
  </si>
  <si>
    <t>没有这样的说法</t>
  </si>
  <si>
    <t>未办理房产证前更名</t>
  </si>
  <si>
    <t>要根据不同情况来判断</t>
  </si>
  <si>
    <t>世界上还有原始部落吗</t>
  </si>
  <si>
    <t>存在的。</t>
  </si>
  <si>
    <t>1、真实的地方第一要数非洲，非洲原始部落非常多，因为非常穷的缘故，有很多地方交通超级落后，汽车都不通。这是原始部落存在的主要原因。2、在四大洋上有一些神奇的小岛，有些人类足迹未能到达的地方。3、百慕大三角区，这地方神奇之处，百度上一搜一箩筐。主要是无缘无故地扰乱磁场，且力量巨大，还有就是以无限大的异能量吸取金属等物质。4、地底暗穴。不知道具体是否存在穴居人类，但是巨大天坑及洞穴是存在的，贵州、四川一带都有这样的，而且至今无人能探索到十之一二。至多是下了几十米就很难再前进，一是空气稀薄，二是心理承受极限不足。5、深海。深海之谜至今仍为人类最大的探索空间，未来亦是。</t>
  </si>
  <si>
    <t>多数原始部落都是处于人迹罕至的原始森林,与外界联络不便,同样也不受外界的影响,古老的习俗代代相传,采用他们原有的生活方式就已经可以满足生活的基本需要了,既然多数欲望都可满足,他们也就不需要进化来获得更好的生活了.与外界的联络断绝,也是外面的日新月异不能对他们产生影响,正是没有新的欲望引诱他们,这也是原始部落得以保存的条件之一。</t>
  </si>
  <si>
    <t>有，原因是非洲一些国家并没有真正的国家体制，保持着原始部落形态。</t>
  </si>
  <si>
    <t>因该有37个部落</t>
  </si>
  <si>
    <t>无线路由器桥接需要网线吗</t>
  </si>
  <si>
    <t>不要接，接后会引起网络风暴的。①首先，用IP地址输入浏览器地址栏，设置主路由器：SSID、固定信道、无线密码，联通。②然后，再将副路由器开启桥接，固定信道和主路由器一样，搜索主路由器。③副路由器桥接设置界面填上主路由器的SSID，密码，信道等讯息。④副路由器关闭DHCP，关键是副路由器要具备DWS功能，并开启。两台路由器不能接网线，否则会发生广播风暴！</t>
  </si>
  <si>
    <t>不需要网线连接的，只有两个路由器再信号覆盖范围内就可以的。这个设置属于无线桥接，网上可以找到很多相关的教程的，去看看吧。还有一种办法就是是随身wifi扩大无线信号，效果还是可以的。我只用过腾讯全民wifi，这个信号强度还是可以的，连接稳定也没有掉过线。总体说，功能多，适合的人群使用多，市场广等。即使没有路由器也是可以使用这种随身wifi发送无线网络，提供无线给手机免费上网。</t>
  </si>
  <si>
    <t>不需要了，无线桥接无需网线的！B-LINK 路由器BL-855R</t>
  </si>
  <si>
    <t>不需要接网线的</t>
  </si>
  <si>
    <t>用带桥接功能的无线路由器，第二个不用插网线</t>
  </si>
  <si>
    <t>桥接可以有线，也可以无线。有线的可靠，无线的省去排线。设置时候也一样，用网线设置简单可靠，无线设置较繁琐，还需设备支持。</t>
  </si>
  <si>
    <t>中国好声音抽奖活动是不是骗人的</t>
  </si>
  <si>
    <t>是骗人的尊敬的观众朋友们：近日，社会上出现不法分子以诈骗短信、邮箱、传真等形式，假借浙江卫视《梦想秀》和《好声音》栏目组的名义发送钓鱼网址，诱骗观众登陆所谓的“中奖”网站，输入私密信息，并向观众收取费用。浙江卫视在此特别提醒，我频道从未发布,也从未委托社会机构发布过这类信息,如您接到此类信息，请高度警惕，谨防受骗。</t>
  </si>
  <si>
    <t>你发短信给中国好声音了吗，你给中国好声音打电话了嘛，没有，那就是假的</t>
  </si>
  <si>
    <t>不要相信，这些都是假的，这种节目很少做这种有奖的活动，一定要相信电视台，不要凭着一个短信而轻易相信，这种骗子太多了，一定要辨别信息的正确性</t>
  </si>
  <si>
    <t>不要相信，这些都是假的，这种节目很少做这种有奖的活动，一定要相信电视台，不要凭着一个短信而轻易相信，这种骗子太多了</t>
  </si>
  <si>
    <t>n年前的招数了，骗子</t>
  </si>
  <si>
    <t>护照可以直接去香港吗</t>
  </si>
  <si>
    <t>可以用护照前往香港，但是有一定的限制</t>
  </si>
  <si>
    <t>不可以的，你要去你户口当地办理港澳通行证，第一次办理需要本人亲自去。</t>
  </si>
  <si>
    <t>持护照不可以直接去香港。</t>
  </si>
  <si>
    <t>可以去香港的</t>
  </si>
  <si>
    <t>持有护照，还有有第三方国家的有效签注，以及机票过境证明，才可以停留香港7天，否则是不符合法律法规的。一般情况下大陆居民前往香港，必须办理港澳通行证以及注签。</t>
  </si>
  <si>
    <t>可以的，可以用护照去香港，但是首先得去旅行社订一张飞往第三国的机票行程单，过关的时候工作人员要看的，必须要有行程单，不然单单有护照是去不了香港的。用护照去香港是以出国的名义去香港转机，所以只能在香港停留7天，7天之内务必返回，如果逾期不返回被查到是有记录的，这个会影响下一次的签证。</t>
  </si>
  <si>
    <t>有第三国的签证可以直接拿着护照去 停留期7天</t>
  </si>
  <si>
    <t>大陆护照去香港要办个港澳通行证，才可以过去。</t>
  </si>
  <si>
    <t>有第三国的签证可以直接拿着护照去，停留期7天</t>
  </si>
  <si>
    <t>腊月羊好不好</t>
  </si>
  <si>
    <t>都说腊月的羊命不好（因为腊月没有草，羊是吃草的）。</t>
  </si>
  <si>
    <t>蛮好的</t>
  </si>
  <si>
    <t>好，有什么不好呢？天生我材必有用</t>
  </si>
  <si>
    <t>韩国人看动漫吗</t>
  </si>
  <si>
    <t>他们看国产动漫的多</t>
  </si>
  <si>
    <t>丝芙兰官网是真的吗</t>
  </si>
  <si>
    <t>官网的东西还是比较可信</t>
  </si>
  <si>
    <t>丝芙兰是不会有假冒的，毕竟是连锁店了。我线下购物的话，一般都会选择他们家的。网络购物，我一般只相信官网的，像我用的肌肤森林和英国AA都是在她们官网买哒。</t>
  </si>
  <si>
    <t>丝芙兰官网是专业卖中高档化妆品的的地方，个人认为蛮好的。全球有好多分店，都是正品。</t>
  </si>
  <si>
    <t>是的，丝芙兰如今早已加入法国LVMH集团，大财团还是可信赖的。</t>
  </si>
  <si>
    <t>智齿会自己掉吗</t>
  </si>
  <si>
    <t>智齿长出来了就不会掉了。以后老了就会掉了。</t>
  </si>
  <si>
    <t>智齿一般跟自己的其他牙齿是一样的，自己是不会脱落的，除非是智齿长了蛀牙，然后才会慢慢的被虫蛀掉。</t>
  </si>
  <si>
    <t>不太可能自然脱落，感觉到难受的话最好就拔掉。</t>
  </si>
  <si>
    <t>智齿本来就不是长在牙槽骨上的，所以自己脱落很正常，</t>
  </si>
  <si>
    <t>借贷宝扫码安全吗</t>
  </si>
  <si>
    <t>苹果的不会</t>
  </si>
  <si>
    <t>会变成别人的下线的</t>
  </si>
  <si>
    <t>不是骗人的，只是个商家宣传的噱头。</t>
  </si>
  <si>
    <t>童欣死了吗</t>
  </si>
  <si>
    <t>死了的，说没死的都是自欺欺人，一种圆满爱情片的希望而已，实际上根本不可能或者，南叔最后说的一起送，仅仅是和别的快递一起而已，而最后的那个女孩是一个和童新一样性格的人。男主自然就把她当做了童欣</t>
  </si>
  <si>
    <t>死了#死亡#是的</t>
  </si>
  <si>
    <t>童心没死，她就是楠叔 首先电影是一个喜剧 一般比较轻快，</t>
  </si>
  <si>
    <t>没死，要考虑剧情发展。</t>
  </si>
  <si>
    <t>没死，死了后期还怎么拍续集</t>
  </si>
  <si>
    <t>现在dota1还有人玩吗</t>
  </si>
  <si>
    <t>有，还有很多，11平台网易平台这些都是dota1的</t>
  </si>
  <si>
    <t>刀1还是挺多的，怀旧</t>
  </si>
  <si>
    <t>支气管炎需要拍片吗</t>
  </si>
  <si>
    <t>一般要拍片检查，拍x光dr，几十块钱。</t>
  </si>
  <si>
    <t>需要拍胸片来确诊</t>
  </si>
  <si>
    <t>拍胸片就行啦</t>
  </si>
  <si>
    <t>顺丰两天能到吗</t>
  </si>
  <si>
    <t>一般是次日或隔日到</t>
  </si>
  <si>
    <t>看远近</t>
  </si>
  <si>
    <t>google在中国还能用吗</t>
  </si>
  <si>
    <t>还能用的，谷歌没有通过条款、法律禁止中国人使用 Chrome，我国 政府没禁止使用 Chrome，Chrome 的同步等功能依旧正常</t>
  </si>
  <si>
    <t>可以。谷歌的某些产品还是可以使用的，如谷歌翻译。</t>
  </si>
  <si>
    <t>2010年Google公司与中国政府交涉未果，最终转用香港域名及服务器为大陆用户提供简体中文服务的事件。2010年1月12日，Google公司声称遭到中国的黑客攻击[1]，并将与中国政府谈判，要求取消对谷歌中国搜索引擎的内容审查，否则Google会退出中国大陆市场。</t>
  </si>
  <si>
    <t>所谓的推出中国大陆地区是指Google总部不在中国大陆设置办事处.. 但是网络是一个共享的世界 Google退出中国大陆并不等于它同工的服务不能在内地使用 除非Google刻意封锁大陆地区的ip或者中国政府封锁Google 不然不管它有没有在大陆有办事处 它的服务我们都是可以使用的~</t>
  </si>
  <si>
    <t>Google翻译能用</t>
  </si>
  <si>
    <t>去下载一个乐游加速器，然后使用上面的国外节点就可以直接打开google使用的</t>
  </si>
  <si>
    <t>建行有没有小额账户管理费</t>
  </si>
  <si>
    <t>建设银行储蓄账户可能被收取小额账户管理费，上海分行小额账户管理费收取标准为：人民币个人活期存款小额账户是指统计期内日均存款余额小于500元(不含)的人民币个人活期存款账户。每季度3元收取小额账户管理费，结算时间是每个季度末月20或21日。</t>
  </si>
  <si>
    <t>账余日均存款余额低于300元时扣收小额账户管理费。假如你的账户每天都保留300元的余额，就不会扣收。</t>
  </si>
  <si>
    <t>建行小额账户管理费收费标准：1、账余日均存款余额低于300元时扣收小额账户管理费。假如你的账户每天都保留300元的余额，就不会扣收。</t>
  </si>
  <si>
    <t>建行卡每年收取10元年费，不管里面余额多少均免收取小额管理费。</t>
  </si>
  <si>
    <t>玻璃楼梯好不好</t>
  </si>
  <si>
    <t>玻璃楼梯玻璃楼梯符合透明的潮流，更受前卫人群的欢迎。玻璃楼梯的优点是轻盈，线条感性，耐用，不需任何维护，缺点是会给人一种冰冷的感觉。用于踏板的玻璃一般是钢化玻璃，承重量大，以透光不透明的玻璃为最佳。</t>
  </si>
  <si>
    <t>玻璃楼梯要注意防滑，对安装的技术要求也高，安全性上肯定不如木板，但玻璃楼梯新颖时尚，特别美观，具有强烈的现代气息。如果家里的装修设计是这个风格的，玻璃楼梯真是很美观。</t>
  </si>
  <si>
    <t>这个嘛，不怎么好说，玻璃楼梯比木板楼梯好看。</t>
  </si>
  <si>
    <t>所以说如果想用玻璃材质的话，安全问题可以不用考虑了。</t>
  </si>
  <si>
    <t>一般不如金属木质的耐用，而且可能不太好看，造价更高。需要磨砂处理。说真的个人喜欢就好了，可以尝试看看样品。</t>
  </si>
  <si>
    <t>也可以，但是最好用实木。</t>
  </si>
  <si>
    <t>最好不要做，因为你要做玻璃就需要钢化处理，钢化玻璃有一定几率自爆，要是不做钢化就会很危险，容易伤人。</t>
  </si>
  <si>
    <t>移动4g的手机可以用联通的卡吗</t>
  </si>
  <si>
    <t>可以使用，但能否使用联通的4G网络就要看这个手机是否还支持联通4G。</t>
  </si>
  <si>
    <t>不能用！移动的机要培移动的卡！看一下你的手机支不支持联通3G，支持就能用，不支持就不能用！</t>
  </si>
  <si>
    <t>一般说的移动手机是只支持移动网络模式和信号频段的手机。可以使用联通卡，但只能拨打和接听电话及2G业务，但无法使用3G、4G业务。</t>
  </si>
  <si>
    <t>网络制式不同，不建议使用。</t>
  </si>
  <si>
    <t>可以使用联通卡，但不能使用联通4G，如果能使用联通4G的话就叫双4G手机了。</t>
  </si>
  <si>
    <t>可以用，但是无法实现4G功能。</t>
  </si>
  <si>
    <t>美国亚马逊会买到假货吗</t>
  </si>
  <si>
    <t>有假货的</t>
  </si>
  <si>
    <t>一般存在于第三方，买他们的自营的商品一般没问题</t>
  </si>
  <si>
    <t>自营比较安全，第三方谨慎购买。</t>
  </si>
  <si>
    <t>刘雯不走秀了吗</t>
  </si>
  <si>
    <t>刘雯的级别已经不需要走秀了 一般就受邀或者和哪个设计师关系好才会出来扭一扭 另外维密算平价内衣品牌 刘雯现在签了意大利的la perla 所以就没再和维密续约 总的来说当然现在的选择会更好</t>
  </si>
  <si>
    <t>当然走</t>
  </si>
  <si>
    <t>卵巢囊肿可以艾灸吗</t>
  </si>
  <si>
    <t>卵巢囊肿可以艾灸。卵巢囊肿是可以用艾灸的。卵巢囊肿与内分泌失调或湿热淤积等有关，中医认为与肝肾虚弱，肝郁气滞，血虚，血瘀，湿热积结，盆腔瘀阻，痰浊等有关，建议配合中医中药治疗。找有经验的中医或中医妇科医生辨证配合用中药治疗。</t>
  </si>
  <si>
    <t>艾灸以下穴位可明显改善症状：1、三阴交 定位：在小腿内侧，当足内踝尖上3寸，胫骨内侧缘后方。2、曲骨 定位：在下腹部，当前正中线上，耻骨联合上缘的中点处。3、中极 定位：在下腹部，前正中线上，当脐中下4寸。</t>
  </si>
  <si>
    <t>可以艾灸的，并且该疾病属于卵巢肿瘤中的一种，较小时不需要处理的，必要时可以考虑手术来改善的。</t>
  </si>
  <si>
    <t>肾俞、八髎穴、关元穴、水道，中脘穴、足三里、三阴交、涌泉穴等。</t>
  </si>
  <si>
    <t>不一定的，一般可以外用中医药，比如外敷 个有会，多休息，别生气。</t>
  </si>
  <si>
    <t>克罗地亚狂想曲好听吗</t>
  </si>
  <si>
    <t>节奏虽然急促。但是却透漏不了那深沉的哀伤。无奈，与希望。</t>
  </si>
  <si>
    <t>但是很好听</t>
  </si>
  <si>
    <t>花千骨会出第二部吗</t>
  </si>
  <si>
    <t>应该不会有第二部吧。</t>
  </si>
  <si>
    <t>应该不会,原著小说也完结很久了＃＃好像是没有了，因为第一部的结局已经完结了。</t>
  </si>
  <si>
    <t>花千骨还有第二部，因为小说和电视剧播的有很大的差别，所以他们还有第二部</t>
  </si>
  <si>
    <t>花千骨没有第二部了，电视里演了和小说结局差别很大，</t>
  </si>
  <si>
    <t>没有，已然结局了，</t>
  </si>
  <si>
    <t>我会死吗</t>
  </si>
  <si>
    <t>是人都会死，不过是时间问题而已！</t>
  </si>
  <si>
    <t>天灵盖中毒 必死无疑</t>
  </si>
  <si>
    <t>当然会，谁都会死包括皇帝</t>
  </si>
  <si>
    <t>不会的，你很健康。</t>
  </si>
  <si>
    <t>每个人都会死的，只是时间问题</t>
  </si>
  <si>
    <t>放心死不了</t>
  </si>
  <si>
    <t>有10位数的电话号码吗</t>
  </si>
  <si>
    <t>我用过的网络电话是十位数的，外国电话也是有可能的 但是路边ic电话是不可能的</t>
  </si>
  <si>
    <t>肯定没有十位数的</t>
  </si>
  <si>
    <t>在中国，手机号是没有10位数的，都是11位，并且都是以1开头。10位可能是漏掉了1位，或者是国外的手机号，但通常都不是以1开头。</t>
  </si>
  <si>
    <t>特殊机构的号有吧，一般都10以上的</t>
  </si>
  <si>
    <t>家用的是没有，像你说的这种大概是某些公司或者什么不三不四的、</t>
  </si>
  <si>
    <t>基督再临好看吗</t>
  </si>
  <si>
    <t>不知你是否是基督徒，基督再临不是真正意义上的基督教电影，因为他的基督观、救恩观等乱七八糟，更偏向“耶和华见证人”这个异端的思想，名称《基督再临》就看得出来，我们没有在电影中看到耶稣（可能很多观众以为最后诞生的婴儿是耶稣再临），其实电影给我们看到的是米迦勒为人类死而复活及至再临，正如“耶和华见证人”所宣扬的教义——耶稣基督是天使长米迦勒。这是异端思想不可信，不过如果你不是基督徒就算了。</t>
  </si>
  <si>
    <t>婴儿咳嗽吃燕窝</t>
  </si>
  <si>
    <t>从婴儿6个月以上的年龄就可以吃燕窝。燕窝对于治疗咳嗽哮喘等呼吸道疾病有很很好的疗效。如果咳嗽也发烧的话，不宜食用燕窝。单单是咳嗽的话，可以食用燕窝。吃药须和吃燕窝间隔2个小时以上，避免药物破坏燕窝的营养成分和降低人体对燕窝的吸收。</t>
  </si>
  <si>
    <t>完全可以，燕窝具有养颜美容的功效。唾液酸和胶原蛋白为主要成分。因为燕窝 的水溶性蛋白质含有促进细胞分裂激素，它可以促进细胞再生，调节内分泌，改善皮肤。有润肺止咳的功效，燕窝，喜欢燕妞妞燕窝。</t>
  </si>
  <si>
    <t>可以的不过最好还是要注意的</t>
  </si>
  <si>
    <t>不可以，会加重病情，好了再吃</t>
  </si>
  <si>
    <t>可以的，燕窝可以止咳润肺的功效，但是因感冒引起的咳嗽就不行</t>
  </si>
  <si>
    <t>美丽南方要门票吗</t>
  </si>
  <si>
    <t>这个可能在200左右的</t>
  </si>
  <si>
    <t>不用门票</t>
  </si>
  <si>
    <t>南宁市西乡塘区石埠街美丽南方游乐项目收门票</t>
  </si>
  <si>
    <t>不收门票的， 随便玩，坐一号线到是石埠，然后打的过去就好，目前没有公车，或者自驾的话开车一直走江北大道往西就到了。很漂亮呢。</t>
  </si>
  <si>
    <t>美丽南方不收费</t>
  </si>
  <si>
    <t>专升本同时专插本可能吗</t>
  </si>
  <si>
    <t>可以。专科在读期间专套本，可在大三下学期的时候报考普通专升本。两者同属国民教育系列，文凭国家承认，不同在于普通专升本是第一学历，专套本是第二学历，普通专升本的含金量优于专套本。两者选其一就可以了。</t>
  </si>
  <si>
    <t>专升本和专插本是不冲突的，全凭你自身的能力而已。一般考专插本没有信心的话，才会两个都报。</t>
  </si>
  <si>
    <t>可以专升本和插本一起报考的，一个全日制的一个是成人或者自考，两种不冲突的可以同时都考.</t>
  </si>
  <si>
    <t>专升本有四种类型，包括普通专升本、自考专升（套）本、成考（成人高考）专升本、网络教育专升本。专插本属普通专升本。如果你是在学期间参加自考专升本，可在大三下学期时候报考普通专升本，普通专升本（专插本）的含金量优于其它几种专升本。</t>
  </si>
  <si>
    <t>月经期能做乳腺手术吗</t>
  </si>
  <si>
    <t>月经期是不建议手术的</t>
  </si>
  <si>
    <t>来月经期间的不允许做手术。</t>
  </si>
  <si>
    <t>要避开月经期做手术，因为月经期抵抗力下降，伤口容易感染，不易愈合</t>
  </si>
  <si>
    <t>孕妇可以吃朝鲜面吗</t>
  </si>
  <si>
    <t>不可以，注意胎教</t>
  </si>
  <si>
    <t>怀孕期间可以吃朝鲜面,不会影响正常的身体健康.怀孕营养要丰富些。</t>
  </si>
  <si>
    <t>多数孕妇是可以吃的。只要不是高龄产妇以及身体特别不好的孕妇都可以吃</t>
  </si>
  <si>
    <t>3ds好不好</t>
  </si>
  <si>
    <t>值得呀···就是没有破解···效果很好···</t>
  </si>
  <si>
    <t>主要是看有没有你喜欢的游戏.</t>
  </si>
  <si>
    <t>差。开最大亮度、最大3D效果只能玩3小时左右。毕竟他的机能在那摆着。如果亮度调低、不开3D，我估计能玩上5~6小时。不过有一种nyko外挂电池，可以加倍续航能力，而且看上去挺漂亮</t>
  </si>
  <si>
    <t>南瓜饼可以用烤箱烤吗</t>
  </si>
  <si>
    <t>当然可以用烤箱烤</t>
  </si>
  <si>
    <t>南瓜饼可以烤</t>
  </si>
  <si>
    <t>告诉你关键问题吧，要想皮薄湿润就要大火短时间烤，这是诀窍，小火慢慢考只会把水分烤干且皮厚，参考经验为190度，烤10分钟＃＃那是你用的温度比较高，所以饼本身的水分就这样在你拿出烤箱一会儿之后，由于水气的散发会导致饼干发硬，介意阴凉置放。</t>
  </si>
  <si>
    <t>剖腹产安全吗</t>
  </si>
  <si>
    <t>剖腹产相对于顺产来说还是比较安全的，剖腹产的话您大可以放心其安全，在手术过程中不易出现意外情况，即使有意外也可以很容易解决，剖腹产安全性还是非常高的</t>
  </si>
  <si>
    <t>不安全，还是顺产好！</t>
  </si>
  <si>
    <t>剖腹产很安全的，只要医生处理得当完全没危险，手术不成功的案例还是很少很少的。</t>
  </si>
  <si>
    <t>相当于是个手术，应该是安全的，技术已经很成熟，去正规医院。</t>
  </si>
  <si>
    <t>看遇到的医生了，还要看自己的身体素质。</t>
  </si>
  <si>
    <t>姜发芽了能吃吗</t>
  </si>
  <si>
    <t>生姜发芽后可以吃.</t>
  </si>
  <si>
    <t>发芽的姜可以吃.</t>
  </si>
  <si>
    <t>生姜发芽了还是可以吃的，但是营养成分已经被芽苗给消耗了一部分了，所以营养物质会少一些。</t>
  </si>
  <si>
    <t>发芽的生姜可以吃。</t>
  </si>
  <si>
    <t>可以吃！ 植物生长发育过程中遇到不良环境条件时，有的会暂时停止生长，这种现象称作休眠。</t>
  </si>
  <si>
    <t>本草益肤汤好用吗</t>
  </si>
  <si>
    <t>我去年跟我老丈人买过，他70多岁了，用了一段时间神经性皮炎好了</t>
  </si>
  <si>
    <t>青岛红房子医院好吗</t>
  </si>
  <si>
    <t>aza有实体店吗</t>
  </si>
  <si>
    <t>是个买包的淘宝店，好像是没有实体店得把</t>
  </si>
  <si>
    <t>注册造价师会被取消吗</t>
  </si>
  <si>
    <t>造价工程师不会取消，目前造价工程师仍然是稀缺</t>
  </si>
  <si>
    <t>目前准备 取消的是部分职业资格类，不是执业资格类。</t>
  </si>
  <si>
    <t>不会的，这个不存在的。</t>
  </si>
  <si>
    <t>非公开发行股票通过是利好吗</t>
  </si>
  <si>
    <t>　非公开发行股票申请获得通过是利好，公司得到了现金，可以扩大经营，增加流动资金，增加了公司的活力；另一方面有人（往往是大股东或者有实力的财团）愿意买公司的股票，说明他们看好公司的未来，可增加全体股东（包括持有公司股票的小散户）的信心，对二级市场的股票也有利好刺激</t>
  </si>
  <si>
    <t>非公开发型股票对上市公司来说，本身是一件利好的事情。因为股市通过定向发行股票募集了资金，可以扩大生产、改善资本结构、并购其他资产等等。</t>
  </si>
  <si>
    <t>但是发行股票价格一般是不低于前二十个平均交易日股价。就算说现在估计是10元，定向发行股票股价是9元，那么存在二级市场套利的机会，股价可能下跌的。具体是涨还是跌，要看股东对上市公司未来业绩是否看好。</t>
  </si>
  <si>
    <t>一般来说非公开发行股票，获得证监会审核通过，是可以认为是利好的。</t>
  </si>
  <si>
    <t>表面上看是好事，但需要注意的是非公开发行的价格，另外要具体看募集资金用在什么上面。</t>
  </si>
  <si>
    <t>荣耀7有红外功能吗</t>
  </si>
  <si>
    <t>有的，用手机代替遥控器，来遥控常用的家电，如空调、电视等，而且一个手机可以储存很多信息，可以控制所有遥控家电，只要在手机里切换即可。</t>
  </si>
  <si>
    <t>支持的，红外线技术</t>
  </si>
  <si>
    <t>你好，荣耀7支持红外遥控功能。</t>
  </si>
  <si>
    <t>荣耀机子一般都会有红外功能</t>
  </si>
  <si>
    <t>荣耀7带了红外遥控</t>
  </si>
  <si>
    <t>带</t>
  </si>
  <si>
    <t>您好，支持红外功能，祝您生活愉快。</t>
  </si>
  <si>
    <t>您好，荣耀7红外是标配哦</t>
  </si>
  <si>
    <t>阑尾炎吃消炎药有用吗</t>
  </si>
  <si>
    <t>阑尾炎不管用。</t>
  </si>
  <si>
    <t>阑尾炎保守治疗，用药要早，最好在炎症未发展成腹膜炎时能控制住。</t>
  </si>
  <si>
    <t>这些消炎药虽然效果比较快，但根治阑尾炎的概率比较低，而且还有很大的副作用，对胃肠刺激较大，严重时还会引起消化道出血甚至穿孔，最好不用或少用。</t>
  </si>
  <si>
    <t>要确诊一下是慢性阑尾炎还是急性的如果是急性阑尾炎是需要做手术，慢性阑尾炎是可以吃青霉素、甲硝唑、头孢氨苄等消炎药。要是阑尾炎疾病比较严重还是需要去医院手术来根治的，服用药物最好是在医生的指导下服用，不要随便服药，以免引起一些不良的症状和反应。</t>
  </si>
  <si>
    <t>世界上有吸血鬼么</t>
  </si>
  <si>
    <t>信则有，不信则无</t>
  </si>
  <si>
    <t>吸血鬼是没有</t>
  </si>
  <si>
    <t>世界范围内不超过4000只， 其中在中国大约有五分之一。</t>
  </si>
  <si>
    <t>欧洲中世纪14世纪左右，教会公开对外承认确实有吸血鬼存在。</t>
  </si>
  <si>
    <t>世界上是没有吸血鬼的。吸血鬼是西方传说中的超自然生物，早期吸血鬼的传说流传于巴尔干半岛与东欧斯拉夫一带，现在主要出现在小说、恐怖电影之中。</t>
  </si>
  <si>
    <t>有增值税必有附加税吗?</t>
  </si>
  <si>
    <t>有增值税必然有附加税，这是税法中规定的。</t>
  </si>
  <si>
    <t>除外商投资企业和外国企业外，有增值税纳税义务的纳税人都要缴纳相应的城建税和教育费附加，免征增值税的，一并免征。</t>
  </si>
  <si>
    <t>低价二手车是真的吗</t>
  </si>
  <si>
    <t>二手车信息绝大部分都是不可信的。价格超低是诱饵，这种诱饵吸引力还是蛮大的。</t>
  </si>
  <si>
    <t>明显低于市场实际行情价格的情况下还是建议您提高警惕的好，现在低价二手车的陷阱太多了。</t>
  </si>
  <si>
    <t>建议找合格的平台进行交易。</t>
  </si>
  <si>
    <t>有些还是很便宜的，但是不管是什么车，车况才是最主要的.</t>
  </si>
  <si>
    <t>开房纪录算出轨证据吗</t>
  </si>
  <si>
    <t>如果能够证明 当然是算的！</t>
  </si>
  <si>
    <t>开房记录的证据效力，最基本得有三性，即真实性，关联性和合法性。开房记录属于个人隐私，非经合法程序和途径无法取得，如果在法庭上你亲戚的老婆不能证明其取得证据的合法性，该证据将被排除。所以，原告方还要多搜集直接有力的证据。</t>
  </si>
  <si>
    <t>采用监控证据比较可靠，光是你所说的根本不能作为依据，法院不会支持你请求事项</t>
  </si>
  <si>
    <t>算吧</t>
  </si>
  <si>
    <t>这么不好界定，看是谁身份证登记了，如果只有登记你自己的身份证或者只有登记和你同住的身份证，没有证据可查！要是都登记，就不好说了，如果对你的开房记录调查是合法手续取得，可以作为证据的，要是不合法，就不行！</t>
  </si>
  <si>
    <t>南京公积金强制缴纳吗</t>
  </si>
  <si>
    <t>南京市的住房公积金不是强制性缴纳的</t>
  </si>
  <si>
    <t>当然不强制</t>
  </si>
  <si>
    <t>不强制，</t>
  </si>
  <si>
    <t>完全不强制。</t>
  </si>
  <si>
    <t>住房公积金缴存范围：机关、事业单位；国有企业，城镇集体企业，外商投资企业，港澳台商投资企业，城镇私营企业及其他城镇企业或经济组织；民办非企业单位、社会团体；外国及港澳台商投资企业和其他经济组织常驻代表机构。</t>
  </si>
  <si>
    <t>单位录用职工的，应当自录用之日起30日内到住房公积金管理中心办理缴存登记，并持住房公积金管理中心的审核文件，到受委托银行办理职工住房公积金账户的设立或者转移手续。</t>
  </si>
  <si>
    <t>蓝罐曲奇有假货吗</t>
  </si>
  <si>
    <t>淘宝上有种丹麦蓝罐曲奇标榜港澳地区专售，包装盒跟罐子跟真品一模一样，但是里面的饼干根本不是正宗的蓝罐曲奇，卖家还包邮，上当了！真不该贪小便宜。</t>
  </si>
  <si>
    <t>我家今年买的一盒，香港屈臣氏的，好难吃，一样是很大的羊骚味。怀疑是假的，包装盒背面印刷的制造商“制”是简体，有网友反应是假货</t>
  </si>
  <si>
    <t>香港买的是真的，但是代购的就不一定了</t>
  </si>
  <si>
    <t>昆凌身材好吗</t>
  </si>
  <si>
    <t>身材太好了，感觉不是昆凌，倒像混血儿</t>
  </si>
  <si>
    <t>xbox手柄能连电脑吗</t>
  </si>
  <si>
    <t>有线手柄可以，无线手柄要买个无线接收器</t>
  </si>
  <si>
    <t>可以很确定的告诉你，电脑上一样可以用XBOX360机器上的手柄，电脑上不但可以用来玩游戏，还可以当鼠标，无线耳机+MIC（用来打电话），非常方便。</t>
  </si>
  <si>
    <t>可以直接连电脑（windows系统），把驱动装好就行。</t>
  </si>
  <si>
    <t>如果是一代，那需要一个转接头，如果是后来的产品，那可以直接连接电脑。</t>
  </si>
  <si>
    <t>阅兵老百姓可以看吗</t>
  </si>
  <si>
    <t>可以。本身就是阅给人民百姓看的，目的是增加爱国心和对人民军队的信心。</t>
  </si>
  <si>
    <t>可以，不过外围</t>
  </si>
  <si>
    <t>不可以，有请帖多可以</t>
  </si>
  <si>
    <t>不可以 。</t>
  </si>
  <si>
    <t>现在是全民通过虚拟现实设备，全民一起参加大阅兵</t>
  </si>
  <si>
    <t>我觉得肯定是不可以的。因为那时为了阅兵式的安全顺利进行，北京会控制外地人员进京的，尤其是现在的反恐形势非常严峻，所以一般人不可能随便去看的。</t>
  </si>
  <si>
    <t>恢复出厂设置会删除联系人吗</t>
  </si>
  <si>
    <t>恢复出厂设置，是让手机的所有功能都回到最原始的状态（不包括root权限删除的软件），如果联系人是在手机里储存的会被删除，在SIM卡里的话应该不会</t>
  </si>
  <si>
    <t>存在在SIM卡上的联系人是不会被删的，被删的是您存在手机里的联系人，建议恢复之前先把手机联系人移到SIM卡上</t>
  </si>
  <si>
    <t>手机号存到手机卡里就不会，存到手机里就没了！还是备份一下吧！数据很容易丢失的</t>
  </si>
  <si>
    <t>平面设计好学吗</t>
  </si>
  <si>
    <t>现在教育界对这个问题认识应该说相当肤浅，认为入门门槛低，其实设计对人的素养要求特别高，不会是你会几个软件就可以了。</t>
  </si>
  <si>
    <t>非常好学的.</t>
  </si>
  <si>
    <t>还是比较好学的，平面的设计不是很抽象，计算机操作的较好的，自学都能学好，学好PHOTOSHOP，就能很好的处理照片了</t>
  </si>
  <si>
    <t>平面设计这个专业刚开始比较好学，无非就是软件操作和设计原理，但是到了后期的创意完全靠自身的综合能力和学习创意能力！</t>
  </si>
  <si>
    <t>现在平面设计不好做了仁兄，不瞒你说我就是学平面设计的！现在的人都搞平面，都以为很好做所以，做平面类设计的人特别多说白了现在学这一行除非你有天赋的没什么发展潜力了真的！顶多去个小公司当个软件技师！</t>
  </si>
  <si>
    <t>只要认真去学，也不难，身边也有好多做平面设计的，工作还不错，但是觉得如果想走的远，首先要学一些美术基础，当然也并不需要多精通，例如：三大构成——《平面构成》、《色彩构成》、《空间构成》；色彩学原理、基本的美术史素养这些。</t>
  </si>
  <si>
    <t>这个主要考验你的思维能力 专业还是比较简单的＃＃你对画画感兴趣，学平面是可以的，学平面设计，一般喜欢画画的人色彩掌握得很好，是一种优势，平面设计说难也难说不难也不难，它涉及到很多个行业，＃＃软件易学，审美难求。</t>
  </si>
  <si>
    <t>运动一个月体重没变正常吗</t>
  </si>
  <si>
    <t>单次运动很难看出效果，不可能做过运动体重就会少很多那么明显，做运动减肥是一个漫长的过程。</t>
  </si>
  <si>
    <t>运动使身体内脂肪减少，肌肉增加，故体重并不下降。</t>
  </si>
  <si>
    <t>健身只是塑形的过程，并不能减轻体重，但会让身体更匀称，比例更协调。</t>
  </si>
  <si>
    <t>是不是你饮食没有怎么控制，吃的比较多</t>
  </si>
  <si>
    <t>甄子丹打得过吴京吗</t>
  </si>
  <si>
    <t>实战来说肯定打不过，吴京只是花式武术好看，实战能力较弱，甄子丹具有实战力量型的。</t>
  </si>
  <si>
    <t>吴京是全国武术冠军虽然武术冠军是花架子实战不太形事，但比起甄子丹的纯影视明星，因为拍电影要做到花哨好看甄子丹更花架子，他俩对比武术冠军含金更高些，吴京是枪术，对练全国武术冠军秒甄子丹没问题</t>
  </si>
  <si>
    <t>吴京赢</t>
  </si>
  <si>
    <t>觉得吴京耐力不行</t>
  </si>
  <si>
    <t>打不过，甄子丹那是中西武术融合的，具有相当的实战能力 吴京虽然也是自小习武，但表演性太强，实战能力捎逊</t>
  </si>
  <si>
    <t>酷狗可以播放ape吗</t>
  </si>
  <si>
    <t>长春禁摩吗</t>
  </si>
  <si>
    <t>解放大路人民大街禁摩的。别的地方一般没事。</t>
  </si>
  <si>
    <t>大部分区域禁，没有高峰平峰，只要你开上街就有被捉的可能。</t>
  </si>
  <si>
    <t>是的，最好能避开高峰期。</t>
  </si>
  <si>
    <t>乙肝大三阳可以吃牛肉吗</t>
  </si>
  <si>
    <t>可以吃牛肉的，脂肪肝患者不建议吃。</t>
  </si>
  <si>
    <t>牛肉是可以吃的</t>
  </si>
  <si>
    <t>乙肝大三阳可以吃牛肉</t>
  </si>
  <si>
    <t>牛肉是绝对可以吃的，因为大三阳患者不能吃高脂肪食物，应多摄取蛋白累食物。牛肉不属于高脂肪食物，难道你们说不能吃牛肉的人还以为牛身上长脂肪（肥肉）么？要明白瘦肉的主要成分是蛋白质。所以可以吃。</t>
  </si>
  <si>
    <t>肝功正常可以吃牛肉，肝功异常的少吃，肝功高度异常的禁吃。</t>
  </si>
  <si>
    <t>肾炎治好后会复发吗</t>
  </si>
  <si>
    <t>慢性肾炎易复发。</t>
  </si>
  <si>
    <t>不能彻底治愈，可以临床治愈，就是和正常人一样，但有复发的可能，</t>
  </si>
  <si>
    <t>急性肾炎属于自限性疾病，一般情况下都是可以自行痊愈的，一般是不复发的，但极少数会发展为慢性肾炎。</t>
  </si>
  <si>
    <t xml:space="preserve">慢性肾炎又称慢性肾小球肾炎，可发生于不同年龄，青少年为多，男性多于女性。慢性肾炎不是一个独立的疾病，只是任何原发或继发性的肾小球肾炎进入终末期肾衰的进展阶段，此时不同类型的肾小球肾炎的病理和临床表现趋于一致，肾脏缩小肾功能减退，肾脏损害呈不可逆性。所有终末期肾衰病例约60%由慢性肾小球肾炎引起。 </t>
  </si>
  <si>
    <t>急性的肾炎是可能治愈的，但是慢性的肾炎绝大多数是没有办法治愈的，这个要看病理类型，还要看是不是肾病综合征。肾炎是不会遗传的。</t>
  </si>
  <si>
    <t>pvc是什么材料有毒吗</t>
  </si>
  <si>
    <t>是塑料。聚氯乙烯。毒性还是有的，不能高温下使用。 最好不跟食物接触</t>
  </si>
  <si>
    <t>PVC就是聚氯乙烯，既然里面有氯，多少是有点毒性的，如果你要使用，得先确认这个产品是否做了无毒处理。</t>
  </si>
  <si>
    <t>PVC塑料本身是无毒的，但聚合PVC用的氯乙烯(VCM)单体是有致癌作用的。通常规定VCM含量在1PPM以下是无毒的卫生级树脂。所以看PVC是否有毒第一是看树脂是否是卫生级脂。第二，看助剂，PVC加工中要大量使用助剂，助剂有有毒的也有无毒的，特别是稳定剂，不透明的用铅盐、镉盐、钡盐等是有毒的，其它的无毒。其它肋剂也一样，都有有毒也有无毒的。所以说，PVC是无毒的，但PVC制品是否有毒，要看具体产品说了，不一定的，象PVC片大量用在药品包装上的，一次性输液管全是PVC的。PVC的热稳定性不是太好，受热易分解，但温度至少也要在170度左右了，而且光不会引起PVC分解的，目前建筑用排水管全是PVC的，所以说它很不稳定极不准确。分解是产生HCL，气味很刺鼻，一般只有生产过程中有，使用中是不会出现的，这个大家是可以放心。 所以小编建议大家直接触碰的，还是不要购买pvc材料的，例如杯子、汤勺这类的建议大家还是购买陶瓷的或者是铁制的比较安全。</t>
  </si>
  <si>
    <t>PVC是由氯乙烯单体（VCL）聚合而成，学名叫聚氯乙烯的一种高分子化合物，国内常根据聚合度的大小来命名产品的名称，如700，800，1000，1300等，国外常根据MI来评价如60，65，70等可以很负责任的告诉你，PVC本身没毒！</t>
  </si>
  <si>
    <t>建筑用排水管，无毒</t>
  </si>
  <si>
    <t>聚氯乙烯，高分子材料，有毒，高温和长时间曝晒会放出氯化氢</t>
  </si>
  <si>
    <t>有通用级也有卫生级，产品有医用级、食品级，当然也有有毒的</t>
  </si>
  <si>
    <t>聚氯乙烯，有食品级的医用级的，定位不同</t>
  </si>
  <si>
    <t>自动挡的车需要磨合吗</t>
  </si>
  <si>
    <t>有磨合期，磨合期一般是3000-5000公里，要根据自己车的使用手册决定。</t>
  </si>
  <si>
    <t>所有车都需要。</t>
  </si>
  <si>
    <t>不需要磨合</t>
  </si>
  <si>
    <t>不需要磨合 直接开</t>
  </si>
  <si>
    <t>自动挡新车磨合期注意事项1.在使用时不可让发动机的转速过高。　　2.不可长时间保持一个档位或是长时间低速档行驶。　3.车身不能负荷太重行驶。　4.避免过长时间行车。</t>
  </si>
  <si>
    <t>当然要啊，新车都要磨合。</t>
  </si>
  <si>
    <t>你好！现在出产的自动挡新车是不需要磨合的当你把档位挂在d位时它会随着油门加大而自动调整档位的</t>
  </si>
  <si>
    <t>山药可以炖鱼吗</t>
  </si>
  <si>
    <t>易语言能做外挂吗</t>
  </si>
  <si>
    <t>可以是可以，不过要知道的知识还是挺多的，同样，对于免杀技术还要了解。</t>
  </si>
  <si>
    <t>当然是能的</t>
  </si>
  <si>
    <t>我可以明确地告诉你，几乎是不可能的。</t>
  </si>
  <si>
    <t>pp5可以微波炉加热吗</t>
  </si>
  <si>
    <t>可以的，pp5就是耐热塑料，可以用于微波加热的。</t>
  </si>
  <si>
    <t>PP5是可以进微波炉的。</t>
  </si>
  <si>
    <t>PP5是材料等级的标识，这种材料的制品时可以直接用于食品包装，可以和食品直接接触的材料。</t>
  </si>
  <si>
    <t>最好不要用.</t>
  </si>
  <si>
    <t>打包盒最好别用，但pp5理论上是耐热塑料，如果短时间加热没有问题的。因为塑料不适合高温遇油，所以不管什么材质的塑料都不能加热油多的食物，建议把饭菜食物倒入陶瓷碗里加热。或者你可以用其它微波适用容器来加热食物。</t>
  </si>
  <si>
    <t>被别人狗咬了没出血用不用打狂犬疫苗</t>
  </si>
  <si>
    <t>如果没破皮可以不用打疫苗，有没破皮很难看出来的，最好去打疫苗。</t>
  </si>
  <si>
    <t>无论狗狗打没打疫苗，也无论狗狗得没得狂犬病，只要被抓咬导致出现破口或划伤（损伤），不管是否出血都得打疫苗。</t>
  </si>
  <si>
    <t>最好打，不知道是否有病毒。</t>
  </si>
  <si>
    <t>一定要打狂犬疫苗</t>
  </si>
  <si>
    <t>没破皮不用打针 要及时用清水清理被咬的地方。</t>
  </si>
  <si>
    <t>确定没破皮（酒精擦拭无刺痛感），就不需要打针。</t>
  </si>
  <si>
    <t>红糖水可以天天喝</t>
  </si>
  <si>
    <t>红糖水最好适量喝</t>
  </si>
  <si>
    <t>红糖水不可以天天喝。红糖的甜度高，特别是建议不要在睡前喝，那样很可能会使体内糖储量过大，长期如此有可能会导致糖尿病，同时还可能出现发胖、龋齿等症状。</t>
  </si>
  <si>
    <t>每天喝适量的红糖水对身体是有好处的，它能促进血红细胞的分裂，使身体内血液的质量得到保证。</t>
  </si>
  <si>
    <t>红塘是女性最佳的保养品。 但是要做到食而有道。凡事过犹不及啊。</t>
  </si>
  <si>
    <t>经期那几天喝喝就好了,平时偶尔喝一次还可以</t>
  </si>
  <si>
    <t>适量最好，每天不超过30克。除糖尿病患者都可食用。</t>
  </si>
  <si>
    <t>不可以的，每人每天摄取的糖不能过多，否则引起糖尿病，我们每天吃的大米饭，面食里都含糖的，所以健康饮食为好</t>
  </si>
  <si>
    <t>珍珠粉能被皮肤吸收吗</t>
  </si>
  <si>
    <t>可以被皮肤吸收了呢</t>
  </si>
  <si>
    <t>太粗了，小机器的珍珠粉是没用的。大公司，大厂的珍珠粉才能达到护肤级别。</t>
  </si>
  <si>
    <t>大概就是15-20分钟</t>
  </si>
  <si>
    <t>您皮肤如果很好，千万别用，会被害，我用过，请相信</t>
  </si>
  <si>
    <t>他与月光为邻 好看吗</t>
  </si>
  <si>
    <t>还不错吧，很有丁墨风格的言情小说，男主是个在地球生活的外星人，挺萌的，女主在图书馆工作，她也有异能，能梦见未来，两个人认识之后有一系列事好像是男主要收回流落在外的晶石，也有反派。有些悬疑色彩，重在言情。后面的发展出乎意料。</t>
  </si>
  <si>
    <t>王传君会说日语吗</t>
  </si>
  <si>
    <t>不懂的,是演的.</t>
  </si>
  <si>
    <t>平时说的是中文，他说日语时那些话确实是日语。</t>
  </si>
  <si>
    <t>只是日语说的好而已。</t>
  </si>
  <si>
    <t>六胜肽回春膏有效果吗</t>
  </si>
  <si>
    <t>骗人的你还真信啊</t>
  </si>
  <si>
    <t>六胜肽是不错的，能让胶原增生，增加皮肤弹性，所以，用了会有抗老化的作用，氨基酸是我们皮肤中本来就有的物质，它能激发皮肤的活力，所以这个产品是安全的。</t>
  </si>
  <si>
    <t>我用过，去年买的，不怎么好用。</t>
  </si>
  <si>
    <t>延边好玩吗</t>
  </si>
  <si>
    <t xml:space="preserve">延边是著名的旅游风景区，被联合国确定为“人与生物圈”的长白山自然保扩区、千里图们江畔独特的自然景观、别具一格的“一眼看三国”的边境风光、珍贵的古渤海国遗址，浓郁的朝鲜民族风情，都使人流连忘返。 目前，延边已经开辟的7个旅游开发区是：长白山自然风光游览区，延吉民俗风情游览区，珲春边境风貌游览区，龙井历史遗迹游览区，图们江边城游览区，和龙龙王山游览区，敦化六项顶山游览区；已开通的12个旅游项目是，长白山风光游，长白山冬季游，满族发源地游，延边朝鲜族民俗游，中朝边境游，中俄边境游，图们江水上游，图们渤海古迹游，龙井历史遗迹游，和龙药物健身游，直升飞机航空游，打靶旅游；主要（温泉），银环湖（小天池），谷底林海（地下森林）天女浴躬池（圆池），鸟瞰三疆（防川风貌），敦化正觉寺，和龙仙景台，雁鸣湖，龙井民俗博物馆，安图红旗村，图们桥头国门等。 </t>
  </si>
  <si>
    <t>延边朝鲜族自治州有很多自然风景值得一看首先是长白山，长白山天池、瀑布、美人松都是当地独有的景观，冬天去和龙老里克湖看天然雪景，老里克湖入冬到来年开春覆盖的雪一直不融化，原始的森林树上覆盖的雪景，犹如童话世界。州府延吉市饮食，娱乐丰富多彩，各种朝鲜族风味，韩食一应俱全，去年延吉市列为全国十大消费城市，可见延吉市饮食娱乐业的发达，延边还有一个地方叫珲春，到珲春你会看到各种商铺写三国语言俄罗斯，朝鲜，中国到珲春方川能遥望三国，今年珲春到北京高铁已开通，交通方便值得一去</t>
  </si>
  <si>
    <t>虽然在东北 但是延吉市的消费水平也挺高的。韩食到处都是 紫菜饭店的比较便宜 其他 觅斯特鸡排 全州拌饭 服务大楼冷面 三千里冷面 丰茂串成 一家人香辣虾 啤酒屋等等比较出名。旅游观光的话 帽儿山 延吉公园 金达莱广场（晚上）延西桥（晚上）汗蒸房 延边大学 龙井滑雪场等。延吉主要的高消费在娱乐消费上 练歌房 汗蒸房 啤酒屋晚上都很受欢迎</t>
  </si>
  <si>
    <t>多酚片对身体有害吗</t>
  </si>
  <si>
    <t>是药三分毒，而且反弹作用很大。</t>
  </si>
  <si>
    <t>一般都是运动节食为主，实在需要的话配合药物为辅，最好不用药物减肥，副作用大发</t>
  </si>
  <si>
    <t>咳嗽可以吃杏仁吗</t>
  </si>
  <si>
    <t>润肠通便、仅适宜于风邪、肠燥等实证之患杏仁为一味中药，苦温宣肺。单纯止咳不常用，主要功用为镇咳平喘、润肠通便、抗炎镇痛，需辨证加减来用</t>
  </si>
  <si>
    <t>可以，有润肺的作用</t>
  </si>
  <si>
    <t>杏仁为一味中药，苦温宣肺，润肠通便、仅适宜于风邪、肠燥等实证之患，主要功用为镇咳平喘、润肠通便、抗炎镇痛。</t>
  </si>
  <si>
    <t>货到付款要加钱吗</t>
  </si>
  <si>
    <t>不用加钱的，相对于在线付款，只是一个先后问题，没有其他费用的＃＃不会加钱的，请放心</t>
  </si>
  <si>
    <t>京东自营商品基本都支持货到付款，满79元包邮不另收费用。第三方卖家就不一定了，但是商品页面会标明收费标准。</t>
  </si>
  <si>
    <t>不用！只要卖家支持货到付款即可</t>
  </si>
  <si>
    <t>因为货到付款签收之后还要收一点手续费，</t>
  </si>
  <si>
    <t>满了一定的价钱就不用多加钱了，没满的话要收邮费的。</t>
  </si>
  <si>
    <t>帕萨特好吗</t>
  </si>
  <si>
    <t>帕萨特的这个车辆还是很出色的。</t>
  </si>
  <si>
    <t>新款的帕萨特性能很好的，车子操控性好，油耗低，内部配置比较时尚，也比较实用，基本是没有什么问题的。</t>
  </si>
  <si>
    <t>帕萨特，稳重大气，空间比较好，配置丰富，保有量比较大，动力充沛，后期维修方便，成本低。</t>
  </si>
  <si>
    <t>帕萨特还不错。现在算是性价比蛮高的一款车了。</t>
  </si>
  <si>
    <t>如果是普通的家用，还是帕萨特更适合。CC低矮和4人坐的设计更适合追求运动和个性的驾驶需求。</t>
  </si>
  <si>
    <t>激光去妊娠纹的效果好吗</t>
  </si>
  <si>
    <t>建议不要用</t>
  </si>
  <si>
    <t>激光祛除妊娠纹是激光发射特定波长脉宽激光选择性穿透表皮，刺激受损的胶原层，产生新的胶原组织，新胶原组织以正常的速度生长改善皮肤的纹理和状态，显著的减少减轻皱纹的外观。因此激光祛除妊娠纹的效果是很好的。</t>
  </si>
  <si>
    <t>点阵激光治疗主要参考的依据：面积大小，按每平方厘米计算。我们世纪正方公司有体验馆，你可以来试试，效果、安全绝对有保障，并且价格比美容院要低很多。</t>
  </si>
  <si>
    <t>银耳能炒菜吗</t>
  </si>
  <si>
    <t>就当黑木耳一样用。配色鲜艳点儿。</t>
  </si>
  <si>
    <t>能炒菜。</t>
  </si>
  <si>
    <t>银耳炒蛋就是一道很爽口的菜</t>
  </si>
  <si>
    <t>可以的，但是我感觉不如凉拌的好吃＃＃不可以</t>
  </si>
  <si>
    <t>hpv阳性值100多严重吗</t>
  </si>
  <si>
    <t>不一定，比值的高低与病变程度不成正比，比值高说明病毒处于活跃期，进展的可能性会大</t>
  </si>
  <si>
    <t>HPV感染，没什么大不了的，30岁以上，即便发现有高危型HPV感染也不必太紧张，因为虽然是高危型的病毒，但是不等于你得了宫颈癌，此时重要的是筛查宫颈刮片，若是宫颈刮片没有问题，是可以不必太担心的，只是需要继续随访下去就好，当然若是有HPV分型检测的结果，若是发现16和18亚型阳性，也有些学者建议直接进行阴道镜检测和活检除外宫颈癌。</t>
  </si>
  <si>
    <t>HPV阳性的判断标准定为：即检测样本的RLU/CO≥1.0,诊断为宫颈HPV感染阳性.rlu/co比值越高越严重!</t>
  </si>
  <si>
    <t>HPV代表的是病毒的载量，越高代表的是病毒量越多</t>
  </si>
  <si>
    <t>痔疮可以根治吗 寻医问药网</t>
  </si>
  <si>
    <t>当然是可以的。</t>
  </si>
  <si>
    <t>关于痔能不能根治,可引用学术界权威人士的话,"准确的说痔是不可能痊愈的."这就说明痔是不可能根治.治疗的目的是解决症状的问题.</t>
  </si>
  <si>
    <t>可以根治的，最好是手术治疗的，虽然是一个小手术，但是肛门部位的肌肉和组织长的很缓慢，从做完手术到完全恢复，至少需要一个月的时间，在这段时间除了用药之外，还需要加强肛门的护理，每次便后要要保证肛周清洁，用流水清洗肛门。</t>
  </si>
  <si>
    <t>痔疮无法根治，好了也会再长的。</t>
  </si>
  <si>
    <t>只能是控制</t>
  </si>
  <si>
    <t>很多疾病能够做到“没有症状、不再发展”，也就可以算是“治愈”了，痔疮就是其中一种。针对痔疮，轻者保守控制，重者就要手术治疗，术后也要注重护理才可保证不复发。题主如果是1期（有便血，痔疮没有脱出）或者2期（有便血，并且大便时候痔疮脱出，但便后痔块能自行缩回去的），最好的治疗方式，首先要改变诱发痔疮的不良生活习惯，如经常性便秘、久坐久站、喜食辛辣等，然后再辅以药物治疗。肛肠专科医院，一般会给病人开一个肛肠康复包，里面有方便患者随时用水清洁肛门的手持式卫洗丽，还有可以放在马桶上坐浴的肛部水疗器，以及可以架空肛门痔疮疼痛部位，让患者坐着不疼的无痛透气垫。这些都是改善生活方式的保守治疗，在此基础上，还会开一些洗剂、痔疮膏、痔疮栓等药物治疗。1/2期的痔疮不用手术，一定要严格遵医嘱用药，使用肛肠康复包里面的护理用品保护肛门，否则难免挨上一刀。</t>
  </si>
  <si>
    <t>怀孕能吃芥末</t>
  </si>
  <si>
    <t>怀孕吃芥末的话，就有些不合适了。芥末这超强的刺激作用，会刺激到孕妇的子宫，造成子宫收缩不正常，孕初期易造成流产，孕末期易造成早产。芥末会刺激到孕妇肠胃，易导致孕妇便秘。 因为生理的原因，胎儿的逐渐增大，会对孕妇肠胃造成压力，引起排便不畅。</t>
  </si>
  <si>
    <t>芥末的刺激性较大，不适合在怀孕的时候吃.</t>
  </si>
  <si>
    <t>怀孕期间不应吃辛辣刺激的食物。</t>
  </si>
  <si>
    <t>刺激性强最好不吃</t>
  </si>
  <si>
    <t>随意，想吃什么就吃什么吧</t>
  </si>
  <si>
    <t>小孩可以喝胖大海吗</t>
  </si>
  <si>
    <t>胖大海性味甘寒，功效为开肺气、清肺热、润肠通便、利咽解毒等，尤适于“开音治暗”。临床上常用来治疗发音突然嘶哑伴有咳嗽、口渴、咽痛或高声呼叫而致的声音嘶哑等症 植物化学研究发现，胖大海种子外层含西黄芪胶粘素，果皮含半乳糖、戊糖等成分。还有研究表明，胖大海能促进小肠蠕动，产生缓和的泻下作用，肠胃不好的人不要长期服用;该药还具有降压作用，因此，血压正常或者血压偏低的人长期服用的话，可能会有血压过低的危险;另外，胖大海外皮、软壳、果仁的水浸出提取物有一定镇痛功效，果仁的作用最强，其镇痛原理目前尚未得知，但可以肯定的是，如果是因为抑制中枢而产生的止痛作用的话，长期服用胖大海也具有潜在的危险。 胖大海可清宣肺气、利咽解毒，适于发音突然嘶哑并伴咳嗽、口渴、咽病等症，但其主要还是适于因风热邪毒引起的音哑，不适于烟酒过度引起的嘶哑，对于一些突然失音或脾虚者，还会导致咽喉疼痛。小孩没有上述症状就不必服用了，是药三分毒。</t>
  </si>
  <si>
    <t>是可以喝一点的，但是请记住，千万不能让小孩服用过多，因为这本身就不可以长期服用。特别是小孩如果腹泻，长期服用胖大海,则将使病情进一步加重。如果长期服用,可能出现血压过低的危险。</t>
  </si>
  <si>
    <t>胖大海是药食同源的中药材，具有清肺热、利咽喉、解毒、润肠通便之功效，一岁多的宝宝是可以喝的，最好是在医生的指导下使用为好，一般小孩吃中药材就是量的问题。</t>
  </si>
  <si>
    <t>如果是热气感冒引起的一天喝两次就行，拉肚子的宝宝不能喝，胖大海是有一定毒性的，见好就停，且不能常喝！</t>
  </si>
  <si>
    <t>最好不喝</t>
  </si>
  <si>
    <t>胖大海是食同源的中材，具有清肺热、利咽喉、解毒、润肠通便之，一岁多的宝宝是可以喝的，最好是在医生的指导下使用为好。一般小孩吃中材就是量的问题。</t>
  </si>
  <si>
    <t>有散光能做激光手术吗</t>
  </si>
  <si>
    <t>当然可以，激光近视手术一般是对近视散光一次到位的矫正。</t>
  </si>
  <si>
    <t>近视，远视，散光都属于屈光不正，都是可以做激光治疗的。</t>
  </si>
  <si>
    <t>做了激光手术之后，最普遍的毛病就是干眼，眼睛总是干干涩涩的。这些都是因为做完手术之后眼角膜细胞没有恢复好，然后就变成干眼了，最起码也得半年才能恢复。有些人慢的话得要一年才能好。</t>
  </si>
  <si>
    <t>很负责任的告诉你，不但能做，还能把散光一并解决掉</t>
  </si>
  <si>
    <t>q5烧机油还严重吗</t>
  </si>
  <si>
    <t>不厉害</t>
  </si>
  <si>
    <t>机油本身是有一定的消耗的，消耗过量就是出现了烧机油的问题。影响烧机油的因素很多比如：燃油品质、行驶路况、驾驶习惯、保养习惯等等，以上原因会加剧机油消耗导致烧机油，</t>
  </si>
  <si>
    <t>人的性格会遗传吗</t>
  </si>
  <si>
    <t xml:space="preserve"> 什么是性格 人们所说的性格是指一个人对现实的态度和他习惯的行为方式。在实际生活中性格往往是最明显的人格特征。所以西方心理学把性格和人格当作同义词。性格特征一是表现在对人对事的态度上，是热情关注参与还是冷漠无情甚至冷酷；二是表现在意志上，是坚强勇敢果断，还是懦弱邋遢，办事拖泥带水；三是表现在情绪上，是稳定还是极易波动；四是表现在智力上，是自信心强，勇于钻研、创造、攀登，还是无主见、不自信、在困难面前总是灰心丧气。总之每个人的性格特征表现是相当复杂的，它与人的气质、智慧及能力密切相关。这些特征都以高级神经活动作为生理基础。心理学认为，性格的形成既有遗传因素的作用，又有环境因素的影响。如果说一个人的气质主要以高级神经活动的类型为基础，遗传因素起着决定性作用；那么性格的形成似乎是后天环境因素起着更多的作用，</t>
  </si>
  <si>
    <t>最新的科学证据表明,遗传基因对人的性格起着至关重要的作用。</t>
  </si>
  <si>
    <t>性格是后天培养出来的，所以不会遗传。</t>
  </si>
  <si>
    <t>人的内向性格（本质）很大程度是受父母遗传所致，也有间接性遗传因素。人的外向性格（表象）大部分是受成长环境，个人境遇而形成的。</t>
  </si>
  <si>
    <t>这是一个非常复杂而争议颇大的问题。一般理论都倾向认为，遗传因素通过气质和智力而影响人的性格。在遗传因素的作用形成的气质，按照自己的活动方式，使性格具有独特的色彩。</t>
  </si>
  <si>
    <t>我不相信性格也会遗传</t>
  </si>
  <si>
    <t>一个人的性格类型是由遗传、成长环境决定的，约25岁以后，性格类型很难改变（存在有个别人在经历过特殊处境（如：濒临死亡）后性格类型有改变的例外情况），只有性格偏好的程度会随着年龄的增长而有所变化。 相对于生理特点来说，人的性格本质似乎是流动性的。它随着周围环境的变化而发生微妙的变化，以致于对它的测验使心理学家们费尽心机。</t>
  </si>
  <si>
    <t>不会 但是可能会在孩子的成长中有一定影响。</t>
  </si>
  <si>
    <t>智力可以通过训练来提高吗</t>
  </si>
  <si>
    <t>决定智商高低的因素有：基因、身体、后天的学习或训练。通过训练可以提高智商</t>
  </si>
  <si>
    <t>可以哦，想要开发智力的话可以通过平时的一些小习惯来锻炼右脑，毕竟人的右脑开发的还是很少的</t>
  </si>
  <si>
    <t>待核验 能买票吗</t>
  </si>
  <si>
    <t>待核验不可以在网上买票，但到售票窗口可以买票</t>
  </si>
  <si>
    <t>买火车票时维护联系人身份证显示待核验不能购票。</t>
  </si>
  <si>
    <t>待核验意味着你需要去火车站窗口进行身份证验证，这个状态下是不能网络购票的，但是不影响窗口购票。</t>
  </si>
  <si>
    <t>去火车站是可以直接购票的，另外在火车站窗口购物的时候，告诉他们下待核验状态，他们会给激活的，以后就可以网上购票了</t>
  </si>
  <si>
    <t>150176会下折吗</t>
  </si>
  <si>
    <t>如果持续下跌，银华恒生国企指数分级B（150176）当然也存在下折可能。</t>
  </si>
  <si>
    <t>150176是没有下折的，详情看下基金的发行说明书。</t>
  </si>
  <si>
    <t>专门以港股为投资对象的基金，</t>
  </si>
  <si>
    <t>港股基金以投资港股为题材的基金。</t>
  </si>
  <si>
    <t>唐山奇楠沉香是传销吗</t>
  </si>
  <si>
    <t>涉嫌诈骗犯罪，数额较大的，可以判处三年以下有期徒刑、拘役或者管制，并处或者单处罚金。具体量刑看情节。</t>
  </si>
  <si>
    <t>gts450能玩天涯明月刀吗</t>
  </si>
  <si>
    <t>能玩是能玩，但是画质不高，天刀优化还是比较好的。</t>
  </si>
  <si>
    <t>最低勉强可以带的动</t>
  </si>
  <si>
    <t>显卡不行，换二手GTS450或GTX550TI，200--300左右，电源要求额定350W以上。</t>
  </si>
  <si>
    <t>不够，进不去，就算进去了也卡的不行。</t>
  </si>
  <si>
    <t>精子质量不好会影响孩子吗</t>
  </si>
  <si>
    <t>精子质量不好的话生出的孩子体弱多病，畸形，或者有天使之心的疾病。</t>
  </si>
  <si>
    <t>会影响</t>
  </si>
  <si>
    <t>精子质量不好，只会影响受孕，一旦受孕成功，精子质量低不会影响胎儿健康。由于当下生活节奏加快，大部分男性都存在精子质量低的情况。</t>
  </si>
  <si>
    <t>男人精子质量不好肯定会影响到小孩的健康发育的，毕竟决定是否怀孕成功的是男人的精子。</t>
  </si>
  <si>
    <t>精子质量差怀孕几率低，对胎儿发育有一定影响，可以吃养精三宝改善了再怀孕。</t>
  </si>
  <si>
    <t>没什么事的</t>
  </si>
  <si>
    <t>北京公积金可以在外地贷款吗</t>
  </si>
  <si>
    <t>北京可以用公积金异地买房</t>
  </si>
  <si>
    <t>北京的住房公积金可以在北京或者户籍所在地买房贷款</t>
  </si>
  <si>
    <t>公积金异地贷款又传来喜讯。昨天，北京住房公积金管理中心发布了《关于进一步规范住房公积金提取业务等工作的通知》征求意见稿，其中首次提出，在京工作并缴存公积金的非京籍职工，可以申请使用公积金在户籍所在地购房。</t>
  </si>
  <si>
    <t>note4edge停产了吗</t>
  </si>
  <si>
    <t>全新机应该很难买到了，大多都是三星原厂翻新机，</t>
  </si>
  <si>
    <t>应该还可以买到</t>
  </si>
  <si>
    <t>仓鼠可以带上动车吗</t>
  </si>
  <si>
    <t>不管是动车、高铁还是普速列车，都不可以携带宠物上车。</t>
  </si>
  <si>
    <t>完全没事的</t>
  </si>
  <si>
    <t>按照铁路部门规定，是不允许的。</t>
  </si>
  <si>
    <t>可以的，你先分开拿然后在弄，这没关系。</t>
  </si>
  <si>
    <t>可以的,我带过，你可以把SS装在乌龟盒里,外面套一个袋子拎在手上,安检的时候这种小袋子一般是不需要通过设备检验的.火车站人流量较大,不会有人注意这个小小的袋子</t>
  </si>
  <si>
    <t>没票可以上火车吗</t>
  </si>
  <si>
    <t>上火车都要火车票的</t>
  </si>
  <si>
    <t>根据铁路部门的规定，乘客在无票乘车、持站台票乘车、车票丢失、到站后要求继续乘车，或者购买了不符合规定的车票等情况下，需要补票。乘客上车时，需要及时向列车上的工作人员说明情况，工作人员会为乘客办理补票手续。不过，补票是需要手续费的。卧铺补票手续费为5元，其他席位2元。如果乘客是在下车后补票的，那么可能会被认为是无票乘车，除了要补车票票价和手续费外，还要收取票款的50%。</t>
  </si>
  <si>
    <t>如果您能进站上车的话是可以在火车上补票的。</t>
  </si>
  <si>
    <t>铁路部门严禁先上车后买票的行为，但特殊情况下是可以先上车后补票的：上车之后，车票丢失；上车之后，临时决定延长自己该趟车次的乘车区间；所购车次已无票，但又有紧急情况必须乘坐该趟火车，向车站工作人员说明情况并经允许后，可以先上车后补票。</t>
  </si>
  <si>
    <t>吃鸡蛋补钙吗</t>
  </si>
  <si>
    <t>可以，鸡蛋中也是含有微量钙的。</t>
  </si>
  <si>
    <t>鸡蛋不可以补钙。含钙丰富的食物：豆制品，海带，虾皮，牛奶，黑芝麻，绿色蔬菜，骨类等。</t>
  </si>
  <si>
    <t>不能，是补蛋白质的，要想补钙喝骨头汤吧。</t>
  </si>
  <si>
    <t>怀孕染发吗</t>
  </si>
  <si>
    <t>一些中国的医生认为，由于目前市场上的染色剂说明不详尽，在孕妇期货</t>
  </si>
  <si>
    <t>美国致畸信息服务组织是一个提供有关潜在生育风险信息的机构，他们表示尽管数据有限，但在怀孕期间染发可能是安全的。他们指出这些化学物质已经存在了很长时间，而且没有研究表明，它们会导致新生儿缺陷。再说，事实上，只有极少量的化学物质会被吸收进入你的身体内。一些专家推荐，准妈妈们在怀孕期间用植物染发剂代替合成的化学染发剂。你可以在一些大型超市和网上看到相当多这些所谓的植物染发剂。但是消费者需要注意的是：除了所列出的各种"天然"成分以外，许多这样的植物性染发剂中也包含了一些和化学染发剂相同的合成成分（比如：对苯二胺、苯二酚和氨基苯酚）——这些化学物质是主流化妆品公司在生产永久性染发剂和半永久性染发剂时需要添加的成分。</t>
  </si>
  <si>
    <t>染发剂都是化学品制成的，多少点残留。所以孕妇应该回避，以免影响脆弱的宝宝神经发育《主要是大脑》及器官发育</t>
  </si>
  <si>
    <t>不行，因为化学物太多了，对宝宝不好</t>
  </si>
  <si>
    <t>您好怀孕期间最好不要进行拉发，染发烫发。由于烫发剂大多含有有毒重金属，如：汞，铅等。容易被头皮吸收入血。胎儿是靠吸收母体血液的营养来维持正常生长。所以有毒重金属也会通过血液被胎儿吸收。对胎儿的发育有一定的影响.包括哺乳期也最好不要烫发及染发。</t>
  </si>
  <si>
    <t>你好，怀孕期间最好不要进行拉发，烫发。由于烫发剂大多含有有毒重金属，如：汞，铅等。容易被头皮吸收入血。胎儿是靠吸收母体血液的营养来维持正常生长。所以有毒重金属也会通过血液被胎儿吸收。对胎儿的发育有一定的影响.但不是绝对的。包括哺乳期也最好不要烫发及染发。不要过于紧张 ，祝你健康。</t>
  </si>
  <si>
    <t>为了把孕期染发的风险降到最低，可选择在孕中期染发。为了降低胎儿发生，孕早期是关键时期最好不要染发。后期孕妇的头发会比较脆弱，分娩后会掉落较多的头发，而染发则会加剧这种现象。tips：孕期不可反复染发，以免药物积累，造成身体的适应。如果很想染，建议使用植物染发剂，植物染发剂相较于一般化学成分多的而言，伤害最少，比如指甲草、何首乌等等的花茎提取物，此种染发剂能将伤害降低。</t>
  </si>
  <si>
    <t>宫颈囊肿会怀孕吗</t>
  </si>
  <si>
    <t>宫颈囊肿是慢性宫颈炎的一种，一般无明显症\x0d状，而宫颈囊肿的症状主要是白带增多，由于病原菌的不同，白带的颜色、量也\x0d有所不同。白带可为粘稠的或脓性的，有时可带有血丝或少量血液，也可有接触\x0d性出血。下腹或腰骶经常出现疼痛，盆腔部可发生下坠痛或痛经，常于月经期、\x0d排便或性交时加重，此外，可出现月经不调和不孕，建议及时治疗。</t>
  </si>
  <si>
    <t>如果你有宫颈囊肿，是不影响怀孕的，这个你不用担心，但建议你最好是把宫颈囊肿治疗好后再怀孕，平时注意休息，调节好心情。</t>
  </si>
  <si>
    <t>检查出来患有宫颈囊肿首先要看囊肿长在什么部位,如果正好长在宫颈内口的话,就有可能会有一定的影响。</t>
  </si>
  <si>
    <t>通常宫颈囊肿是不会影响怀孕的。</t>
  </si>
  <si>
    <t>卧铺可以补票吗</t>
  </si>
  <si>
    <t>上车后马上找列车长，找的及时的话应该补得到。</t>
  </si>
  <si>
    <t>不会存在不给你补票的问题的。</t>
  </si>
  <si>
    <t>能上车就没问题。</t>
  </si>
  <si>
    <t>上车就去找列车长补票，幸运的话可以补到</t>
  </si>
  <si>
    <t>你可以在上车前马上去补硬坐，然后去卧铺车箱上去就不下来了。也别到餐车去。哪怕换卡还票回来你不下车在卧铺车箱里坐着也没事的，只要不影响别人就行了， 拿烟给列车员抽打好关系就什么事都没了</t>
  </si>
  <si>
    <t>只能补硬座票。到站去硬座车厢里乘坐。</t>
  </si>
  <si>
    <t>现在还有黑胶唱片吗</t>
  </si>
  <si>
    <t>有是有，现在并不多，唱片公司要发型还要分析该歌手综合素质和市场定位在看值不值的发，有没有人买，连周杰伦这么大牌都没发过LP，LP定位是在那种对欣赏品质有超高要求的音乐发烧友。</t>
  </si>
  <si>
    <t>有，但很少，现在都是数字唱片多</t>
  </si>
  <si>
    <t>黑胶唱片现在只流行于发烧友当中</t>
  </si>
  <si>
    <t>几乎没有了....制造商都倒成做光盘的了...</t>
  </si>
  <si>
    <t>铜钱草能放鱼缸里吗</t>
  </si>
  <si>
    <t>是可以放的</t>
  </si>
  <si>
    <t>钱铜草可以当水草养的，叶子需要在水面上的吧，这样直接沉水里会不会烂掉阿，水培是根放水里，不是整个植物放水里的。因为它可以当做前景草，那就意味着肯定是要完全在水中而且不能太高的那种，其实有些草是既可以陆生也可以水生的，不过需要转水，就是需要重新适应环境。</t>
  </si>
  <si>
    <t>不可以的，金鱼属于杂食性鱼类，所以他会吃水草的。</t>
  </si>
  <si>
    <t>铜钱草可以养在水里，但叶面一定要在水面上，否则会烂。另外，铜钱草需要阳光，在鱼缸里很难满足对阳光的需要</t>
  </si>
  <si>
    <t>可以的，水培铜钱草相对比较干净</t>
  </si>
  <si>
    <t>悦诗风吟好用么</t>
  </si>
  <si>
    <t>感觉还好的吧 比较温和的 好多小伙伴也在用的。</t>
  </si>
  <si>
    <t>不敢买这种，怕是钱花了货是假的。</t>
  </si>
  <si>
    <t>挺好的。一直在用。</t>
  </si>
  <si>
    <t>纯天然的</t>
  </si>
  <si>
    <t>想要知道innisfree悦诗风吟怎么样，就一定要先看看自己是属于什么肤质啊。innisfree悦诗风吟怎么样？对于这个问题，每个人的肤质不一样，对于innisfree悦诗风吟怎么样的评价也不一样。</t>
  </si>
  <si>
    <t>要看个人肤质</t>
  </si>
  <si>
    <t>拨牙痛吗</t>
  </si>
  <si>
    <t>打针的时候会痛</t>
  </si>
  <si>
    <t>建议不痛时拔牙</t>
  </si>
  <si>
    <t>打麻药会疼，拔牙不疼。</t>
  </si>
  <si>
    <t>牙动了拔牙就不疼</t>
  </si>
  <si>
    <t>三国志12不好玩吗</t>
  </si>
  <si>
    <t>玩过9.10.11的人都不会喜欢12，太弱智，除了人物头像精细了些更新了一些头像界面现代了点外，在游戏内容上太简单。</t>
  </si>
  <si>
    <t>看你喜欢复杂的还是简洁的，喜欢复杂的玩11，喜欢简洁的玩12。</t>
  </si>
  <si>
    <t>威力加强版的电脑AI会略强些 内政选项也多些 但说实话 打的完全没有压力 还不如11游戏性高</t>
  </si>
  <si>
    <t>三国志12要攻打一个城是很容易的。但是你就没有部队去守一座城了。因为伤兵恢复是很慢的。招募部队更慢。而且兵粮容易耗光。一直打人，或是被打，一下子就会把兵粮耗光。特别是你部队多的时候。但是你部队少又扛不住电脑的疯狂进攻。所以三国志12值得有耐心的人玩下去，一座城你可以守一天~~~威力加强版更是强化了这一点。也修改了很多策略内政。值得要挑战你智商玩家</t>
  </si>
  <si>
    <t>一般，不是很推荐</t>
  </si>
  <si>
    <t>三国12换了全新的系统，而且系统感觉一点也不完善，还耗时这么长制作，玩起来像玩了个半成品！！！兵种太少，内政系统全自动，感觉烂死了！！！！！！</t>
  </si>
  <si>
    <t>无语-----这么好的游戏被说成这样-----可惜啊-----我玩过三国志第一到第十二部，就是这第12部，最好玩，画面好，战略方式更是让人怀念，说这游戏烂的，真没品味。哎~</t>
  </si>
  <si>
    <t>西红柿回奶吗</t>
  </si>
  <si>
    <t>西红柿不会导致回奶</t>
  </si>
  <si>
    <t>全天麻胶囊能长期吃吗</t>
  </si>
  <si>
    <t>全天麻胶囊主要成分是天麻，天麻为多年生草本植物，分布于全国大部分地区。其干燥块茎亦称天麻，是一味常用而较名贵的中药，临床多用于头痛眩晕、肢体麻木、小儿惊风、癫痫、抽搐、破伤风等症。 全天麻胶囊为胶囊剂，内容物为黄白色至黄棕色的细粉;气微，味甘。主治平肝，息风，止痉。用于头痛眩晕，肢体麻木，癫痫抽搐。</t>
  </si>
  <si>
    <t>上海周浦浴场有服务吗</t>
  </si>
  <si>
    <t>周浦地区环境档次最好的是“白金水岸”，性价比最高的是亲水神龙，价格最便宜的是“天赐泉”，小浴室不算！不过目前南汇地区最好的应该是新开的“南美水疗”在薛家宅，装潢，环境，服务都是一流的，不过价格也是一流的。人均消费100元左右可以含洗澡，看演出，豪华自助餐！</t>
  </si>
  <si>
    <t>第一次去的浴场给我印象很好</t>
  </si>
  <si>
    <t>换子疑云好看吗</t>
  </si>
  <si>
    <t>好看，安吉转型 我跟同学一起看的 ，据说是真实事件改编 ，剧情挺感人 演员 表现都不错 安吉 把一个失去儿子的母亲塑造的栩栩如生，最后也是充满希望的结局</t>
  </si>
  <si>
    <t>lol智能施法好用吗</t>
  </si>
  <si>
    <t>有些技能需要智能会方便许多</t>
  </si>
  <si>
    <t>看你对各种技能英雄技能水平的理解了。拿光辉来说，你手动施法摁出去Q，是束缚人。在别人切你的时候，手动施法还得去瞄准一下。可能耽误0.几秒。但是就这0.几秒。你就可能完蛋了。但是智能施法。是在你玩的很溜的基础上用的话。摁Q，在意识的方位里扔出去。就能省下这0.几秒。总结起来就是、手动施法很好瞄准，但是慢。智能施法快。在逃命时候和团战啊，对线啊有太多的好处。新手的话还是得手动施法。了解英雄技能范围在用智能施法。</t>
  </si>
  <si>
    <t>你如果只是单纯为了玩游戏不是打职业什么的，你觉得你手速一般般那就智能施法（比如瞎子的Q摸眼R闪Q 不设置智能施法一般玩家根本到达不了这个手速要求无法快速完成连招）。不过可以将非指向性技能譬如机器人的Q锤石的Q之类的还是设置成手动施法，这样精准度更高。主要还是看你觉得哪个用的比较习惯罢了。</t>
  </si>
  <si>
    <t>有些英雄比较关键性的技能可以常规，有些小技能比如要快速起手，关键时候保命，考验手速的技能，还是智能比较好</t>
  </si>
  <si>
    <t>指向性技能最好用常规，</t>
  </si>
  <si>
    <t>要看你用什么英雄.应该因人而异.如果英雄有指向性技能那就把指向性的技能改智能施法.那样释放速度快.当然.非指向性技能如果你觉得可以操作就智能,不能的话就不要智能了.</t>
  </si>
  <si>
    <t>梅长苏死了吗</t>
  </si>
  <si>
    <t>江左盟宗主江左梅郎梅长苏最后隐居了。江左梅郎，林殊的结局并没有死。</t>
  </si>
  <si>
    <t>《琅玡榜》有电视剧、实体书、网络版小说三版。网络版的结局比较清楚、简单，表述的是景琰一遍一遍抄写阵亡名单到最后一个时总会大哭不止，表明梅长苏最后还是死去了。</t>
  </si>
  <si>
    <t>死了，梅长苏最终还是没能再回到金陵。数年过后，景琰已为天子，大梁国泰民安。琅琊阁上，飞流为蔺晨泡茶，蔺晨会心一笑，将一只茶杯递向身后的屏风里的人</t>
  </si>
  <si>
    <t>梅长苏最后死在战场上</t>
  </si>
  <si>
    <t>死得真真儿的</t>
  </si>
  <si>
    <t>麦粒肿严重吗</t>
  </si>
  <si>
    <t>麦粒肿会对形象有一点影响，平常出门可以戴墨镜</t>
  </si>
  <si>
    <t>不严重，麦粒肿一般容易治愈，对视功能没有影响。</t>
  </si>
  <si>
    <t>针眼”在医学上叫麦粒肿，又叫眼睑炎。是睫毛毛囊附近的皮脂腺或睑板腺的急性炎症，相当于皮肤的疖肿。最常发生此病的就是那些患脂溢件皮炎的患者，少数病例是因为细菌或病毒感染引起。1）麦粒肿又有内、外两种：1.内麦粒肿，是指眼睑里的睑板腺的急性化脓性炎症。其症状与外麦粒肿相似。但因炎症位于较坚实的睑板组织内，故疼痛较剧，炎症持续的时间也较长，数日后在睑结合膜面出现黄色脓点，最后溃破睑结合膜排脓，炎症逐渐消失而痊愈。2.外麦粒肿，是指睫毛根部的皮脂腺或毛囊的急性炎症。它的特点是眼睑局限性红肿、疼痛、局部有小硬结，并有压痛。严重时整个眼睑红肿，患侧耳前淋巴结肿大、压痛。数日后，毛囊根部出现黄色脓点，不久溃破排脓，症状消失而痊愈。</t>
  </si>
  <si>
    <t>麦粒肿是眼睑腺体的一种急性化脓性炎症，麦粒肿切忌挤压或用未消毒的针挑及过早切开.因为眼睑血管丰富,其静脉与眼眶静脉及颜面静脉相通,而且没有静脉瓣来阻止其血液回流,又与颅腔静脉相通,炎症一旦扩散,轻者引起眶蜂窝织炎,重者能导致海绵窦血栓形成败血症,危及生命.</t>
  </si>
  <si>
    <t>根据你的照片来看不严重</t>
  </si>
  <si>
    <t>mac air装双系统好吗</t>
  </si>
  <si>
    <t>macbook安装双系统可以弥补macos的不足，推荐安装，可以自行安装</t>
  </si>
  <si>
    <t>个人使用经验，不建议安装双系统，毕竟air的硬盘空间很少，128G和256G，分MAC和WIN7分区就没有多少了！</t>
  </si>
  <si>
    <t>依照个人需求决定。优点显而易见，可以在一台电脑上试用两个系统，尝试新的东西。另外，一旦一个系统有问题，可以进入另一个系统，不会因为系统崩溃而无法开机进入电脑工作的尴尬情况。缺点就是占用硬盘一些空间，双系统必须安装在不同的盘，这自然会占去一定的硬盘空间。其它没什么缺点。一个mac一个win7就比较难做到。毕竟黑苹果不是那么容易装的。缺点很明显了，两个系统的软件不能通用，操作习惯也不同。</t>
  </si>
  <si>
    <t>防治大气雾霾污染跟我有关吗?</t>
  </si>
  <si>
    <t>有，和每个人都切身相关。</t>
  </si>
  <si>
    <t>信用卡买机票有积分吗</t>
  </si>
  <si>
    <t>只要是刷卡，就有积分，网上支付，没有积分</t>
  </si>
  <si>
    <t>办理信用卡的时候可以选择银行与航空公司的联盟卡，这种卡可以累积积分或免费里程。</t>
  </si>
  <si>
    <t>看你买的是不是银行信用卡合作的航空公司</t>
  </si>
  <si>
    <t>需要航空公司柜台办理里程积分</t>
  </si>
  <si>
    <t>看发卡行，有的银行只要是网上支付都没有积分，例如建行信用卡。其他银行部分的网上支付也算消费积分的。</t>
  </si>
  <si>
    <t>信用卡消费都是有积分的。</t>
  </si>
  <si>
    <t>具体是要看选哪个航空公司的，具我所知招行有和星空联盟合作的信用卡，如果办理此卡则相当于是星空联盟的会员，乘坐他们的航班都有积分。</t>
  </si>
  <si>
    <t>香港有直飞帕劳的航班吗</t>
  </si>
  <si>
    <t>差不多是4个小时。飞行的时间其实是3个半小时，加上起飞和到达的时间刚好4个小时左右。</t>
  </si>
  <si>
    <t>香港有直飞帕劳的航班</t>
  </si>
  <si>
    <t>现在包机的还是有好几家航空公司，结合起来平均每天都至少有一家直飞的航班。</t>
  </si>
  <si>
    <t>直接到香港机场订票就可以的联合航空2个航班22:55香港国际机场T121:15+1天埃莱机场</t>
  </si>
  <si>
    <t>在深圳上班有必要买车吗</t>
  </si>
  <si>
    <t>看收入和经济情况。</t>
  </si>
  <si>
    <t>为了提升生活质量，还是要买车的。对于上班族，代步为主，娱乐休闲为辅。婚恋必须品。有车，谈恋爱时更加惬意和具有竞争力。居家过日子，还是少不了要用的。接送孩子老人，外出办事。</t>
  </si>
  <si>
    <t>市区建议不买车，地铁和电动车都比私家车来得便捷、经济又环保。郊区建议买车，因为郊区的路况比较好，的士也不多，公交车间隔比较长，地铁也不是随处可见，有些线路很早就没公交车，所以有私家车更方便。如果从舒适感来说还是建议买私家车，因为地铁实在是太挤了，尤其是上下班高峰时间。</t>
  </si>
  <si>
    <t>多囊闭经可以试管吗</t>
  </si>
  <si>
    <t>多囊卵巢一般排卵都不好，可以做试管婴儿,但要用排卵药帮助卵泡发育.</t>
  </si>
  <si>
    <t>首先，输卵管造影不要再查了，你可以把原来的资料保存好，如果多囊的患者有过多次促排治疗后仍不怀，也可以考虑做试管，但你有一个特殊的问题是男方精液不液化，所以也可能是男方因素，如果你输卵管很好，也可以考虑做人工受精，既简单费用又低。如果仍有问题也可以电话咨询，来诊前可以电话预约。祝你好孕！</t>
  </si>
  <si>
    <t>试管是多囊最佳的选择</t>
  </si>
  <si>
    <t>多囊卵巢不建议做试管婴儿</t>
  </si>
  <si>
    <t>可以的，多囊卵巢对自然受孕有影响，对试管婴儿是没有影响的！</t>
  </si>
  <si>
    <t>几率有，但是得看医生。给你什麽样的治疗方安。</t>
  </si>
  <si>
    <t>卫生间改衣帽间好不好</t>
  </si>
  <si>
    <t>卧室内卫生间可以改成衣帽间，但要做防水吊顶，防止漏水。卫生间的竖向管道是楼上下住户集体公用，禁止改动以免造成严重后果且难以恢复。自己家的地漏，地面排水孔可以封堵</t>
  </si>
  <si>
    <t>不好！ 楼上楼下都有排污管道，多少对衣物有影响。</t>
  </si>
  <si>
    <t>主卧你摆设得当的话没有大的问题，</t>
  </si>
  <si>
    <t>win10不需要杀毒软件吗</t>
  </si>
  <si>
    <t>平心而论，如果只用电脑办理不需要连接网络和USB的工作，那么可以不用安装杀毒软件，但是首先要确保电脑里没有原有的病毒；如果经常浏览网页、使用USB设备，那么杀毒软件肯定是需要安装的，毕竟病毒和木马是真的存在，有时候会造成损失，杀毒软件也确实能够帮助我们阻止一些病毒的破坏，避免更大的损失。</t>
  </si>
  <si>
    <t>从安全角度讲，win10自带windows defender，完全没有必要再安装任何防御软件。2017年对“永恒之蓝”的防御就是很好的例子。windows defender优势</t>
  </si>
  <si>
    <t>不安装杀毒软件，有内置的杀毒软件</t>
  </si>
  <si>
    <t>不需要再安装第三方杀毒软件和管理软件。WIN10 自带的Windows Defender就行了。静默运行，无弹窗。占用资源少。如果安装了第三杀毒软件容易造成不可知的系统故障。</t>
  </si>
  <si>
    <t>一般血液检查能查出来hiv吗</t>
  </si>
  <si>
    <t>血常规检查不能检查艾滋病，按正常情况来看，如果是艾滋病发作后血常规检查会出现异常，其中淋巴细胞低于正常情况，但是很难根据单一的情况作出判断，也不能作为诊断艾滋病的依据。</t>
  </si>
  <si>
    <t>你说的检查血液是血常规吧，是无法检测是否感染艾滋病！</t>
  </si>
  <si>
    <t>最常见的艾滋病病毒检测是血液检测。比较新的检测方法是检测口腔液中的艾滋病病毒抗体（与唾液不同），从面颊内部擦拭，或尿液中的抗体。</t>
  </si>
  <si>
    <t>可以。血可以化验。要另收费的</t>
  </si>
  <si>
    <t>可以，现在主要就是查血</t>
  </si>
  <si>
    <t>乐视1s是大猩猩屏吗</t>
  </si>
  <si>
    <t>是的，采用的了大猩猩第三代钢化玻璃，防刮花能力性能非常不错。</t>
  </si>
  <si>
    <t>是个屁，20厘米高度一摔就碎你敢买？</t>
  </si>
  <si>
    <t>月经期间可以吃青枣吗</t>
  </si>
  <si>
    <t>经期最好不要吃青枣</t>
  </si>
  <si>
    <t>可以吃,没任何影响.</t>
  </si>
  <si>
    <t>月经期间可以吃青枣的。</t>
  </si>
  <si>
    <t>sony a25音质好吗</t>
  </si>
  <si>
    <t>索尼Walkman A25搭载了降噪功能，声音依然是保持A系列风格取向。音场宽度尚可，不会有拥挤的感觉，这次它的低频表现似乎收敛了很多，没有索尼Walkman ZX100那种强劲有力，拳拳到肉的感觉，显得温和不少，力度和下潜表现都比较一般，完全就是点到即止的感觉，只是弹性依然不错，高频解析方面的表现也算是基本到位，中频人声方面也是比较中性温润。另外，索尼Walkman A25的TF卡槽的密合度不是很紧，很容易打开，但是也没遇到会自动掉出的情况。</t>
  </si>
  <si>
    <t>肯定索尼nw a25音质好。索尼nw a25为专业播放器，在音频播放上有优化电路（硬件级）。</t>
  </si>
  <si>
    <t>觉得这个播放器放整个手机界算是最好的</t>
  </si>
  <si>
    <t>可能比vivo某几个产品差一点</t>
  </si>
  <si>
    <t>朝鲜人可以拥有手机吗</t>
  </si>
  <si>
    <t>朝鲜的手机很普遍.</t>
  </si>
  <si>
    <t>朝鲜全面停止了最近允许党政军高层干部和富裕阶层使用的移动电话服务。消息人士表示：“龙川爆炸之后，除了居住在平壤的外国人外，朝鲜政府禁止所有居民使用手机。”</t>
  </si>
  <si>
    <t>梯田软件好使吗</t>
  </si>
  <si>
    <t>这个软件是假的，别控制者的手机不允许你看，你是看不到的，我800块钱隐藏的，买了后悔了，根本没有这个功能。</t>
  </si>
  <si>
    <t>梯田软件就是个骗子，软件可以安装，但是用不了，蜜蜂也是。</t>
  </si>
  <si>
    <t>单独所有产权 属于婚后财产吗</t>
  </si>
  <si>
    <t>如果房子是婚后购买的，那么，无论写谁的名字，均属于夫妻共同财产。</t>
  </si>
  <si>
    <t>算，婚后财产</t>
  </si>
  <si>
    <t>要婚内财产论产权证或两名字都列夫妻共同财产虽婚姻司解释三另外规定夫妻作利益特定关系完全据实提主</t>
  </si>
  <si>
    <t>属于夫妻共同财产，当然最好办理共有权证，或拟定协议进行约定</t>
  </si>
  <si>
    <t>申请人为图省事简单化处理，将房产登记为“单独所有”。房屋登记机构依询问结果记载房屋共有情况。共同共有的，需要提供共有的证明材料;按份共有的，需要提供按份共有的共有份额约定书;单独所有的，依申请人的申请登记为单独所有。相比较而言，单独所有登记较为简便。有的申请人为图省事方便，省略提供共同共有的证明材料或按份共有的共有份额约定书，直接填写为申请人单独所有。</t>
  </si>
  <si>
    <t>搪瓷锅好吗</t>
  </si>
  <si>
    <t>各种搪瓷制品制作时,在铁制品外表镀一层珐琅,珐琅含有珐琅铅等铅化物,是对人体有害的物质.如果用搪瓷制品盛食物,食物中所含的酸,碱,盐等成分,极易与搪瓷制品中的铅化物起化学反应.同时,也极易与搪瓷制品表面涂的釉彩起化学反应,使铅,镉等进入食物中.人如果经常食用含铅,镉等有毒物质,往往在不知不觉中使机体含铅量超标,久而久之有些人会引起慢性中毒.因此,不要用搪瓷制品盛放和烧煮食物.</t>
  </si>
  <si>
    <t>搪瓷里面含有铅，搪瓷用具没有破损是没问题的，破损了就注意不要用来盛放食物和水了，尤其是热的食物和酸性的东西，如泡菜和醋。</t>
  </si>
  <si>
    <t>搪瓷表面的彩釉层含有重金属铅，烹饪时，尤其烹饪酸性食物，会少量析出，铅进入人体后很难排出，富集到一定程度，便会发病，最典型的是血液疾病。</t>
  </si>
  <si>
    <t>搪瓷是经过高温烧制而成，耐酸、耐磨、防锈等各方面都比较好</t>
  </si>
  <si>
    <t>要看煮什么了。煲汤用搪瓷的好。</t>
  </si>
  <si>
    <t>若是炖排骨，熬汤的话，还是搪瓷锅</t>
  </si>
  <si>
    <t>月经第二天能洗澡吗</t>
  </si>
  <si>
    <t>如果是这样的话我觉得最好还是不要洗了，</t>
  </si>
  <si>
    <t>来月经期间最好不要洗澡或洗头，</t>
  </si>
  <si>
    <t>痛经，那还是不要洗澡了</t>
  </si>
  <si>
    <t>根据你的描述，月经第二天可以洗，但要用热水，不可用冷水，洗澡只能洗淋浴，不可洗盆浴。</t>
  </si>
  <si>
    <t>可以，最好淋浴</t>
  </si>
  <si>
    <t>月经第二天可以洗，但要用热水，不可用冷水，洗澡只能洗淋浴，不可洗盆浴</t>
  </si>
  <si>
    <t>2015年12月31日放假吗</t>
  </si>
  <si>
    <t>不放，</t>
  </si>
  <si>
    <t>汪峰人品到底有问题吗</t>
  </si>
  <si>
    <t>虚伪</t>
  </si>
  <si>
    <t>他跟一个女的在一起好久，给他生了一个女孩，连一个名分都没给过人家，私生活也很乱。</t>
  </si>
  <si>
    <t>汪峰老师确实可能有各种人品上的缺点,但人无完人。</t>
  </si>
  <si>
    <t>不是都讨厌汪峰</t>
  </si>
  <si>
    <t>周免能打排位吗</t>
  </si>
  <si>
    <t>不能，排位只能有自己购买的英雄，就连寒冰，德玛，瑞兹基础英雄都不可以用，所以最好就是练习自己的英雄然后在排位上分、</t>
  </si>
  <si>
    <t>不行的，必须用自己已买的英雄</t>
  </si>
  <si>
    <t>不能呀，亲</t>
  </si>
  <si>
    <t>不可以 周免永远不能玩排位</t>
  </si>
  <si>
    <t>咳嗽能喝凉茶吗</t>
  </si>
  <si>
    <t>如果是内热引起的咳嗽，喝凉茶王老吉等清火饮料会有帮助的。</t>
  </si>
  <si>
    <t>看是什么咳，要是凉咳就不能，要是上火热气就可以</t>
  </si>
  <si>
    <t>凉茶是可以喝的，但是咳嗽有时是炎症引起的，抗炎治疗才是治疗的关键，</t>
  </si>
  <si>
    <t>你这是呼吸道感染，建议你多喝水，可用清热解毒的药物金银花颗粒或是牛黄解毒片，头孢克洛左氧氟沙星口服治疗，</t>
  </si>
  <si>
    <t>岩龙吃落穴吗</t>
  </si>
  <si>
    <t xml:space="preserve">岩龙： 麻痹陷阱与落穴有效，濒死时会逃跑换区。 </t>
  </si>
  <si>
    <t>病毒性荨麻疹传染吗</t>
  </si>
  <si>
    <t>荨麻疹不会传染，但是会遗传。</t>
  </si>
  <si>
    <t>荨麻疹本身是没有传染性的，急性病人往往呈红色浮肿片块，有的急性皮损上可有水疱、大疱，称大疱性荨麻疹，因此这是一种过敏性皮肤病，不会传染。</t>
  </si>
  <si>
    <t>没有，这是一种免疫力性疾病，是种常见的皮肤过敏性疾病，是由多种不同原因所致的一种常见皮肤、粘膜血管反应性疾病，具有迅速发生与消退的特性</t>
  </si>
  <si>
    <t>淘宝模特招聘靠谱吗</t>
  </si>
  <si>
    <t>有真实的，拍照用的，</t>
  </si>
  <si>
    <t>招聘淘宝模特的，如果不是直接使用模特的淘宝店家，而是模特公司、传媒公司，那就是骗子。</t>
  </si>
  <si>
    <t>这个真的不靠谱，小心被骗</t>
  </si>
  <si>
    <t>要交什么试镜费啊，那肯定是骗子。</t>
  </si>
  <si>
    <t>全部都是诈骗钱财的假招聘</t>
  </si>
  <si>
    <t>不靠谱，58同城、赶集网等等网站上面，所有招聘演员模特艺人相关职位的信息，全部都是诈骗钱财的假招聘，一个真的也没有，你连碰都不要碰它们，只要你去看看，他们就有办法让你乖乖掏钱。而真实的公司只收取你的活动提成，不收你的其他任何费用，模特卡也是免费帮你做的。</t>
  </si>
  <si>
    <t>橙子能治咳嗽吗</t>
  </si>
  <si>
    <t>蒸橙子的确能一定程度缓解咳嗽症状，但专家并不建议在蒸橙子的过程中加盐。专家也指出，蒸橙子吃是可以的，但是在感冒生病期间，不提倡用蒸吃橙子的方法来代替药物治疗，还是应该及时去医院治疗。</t>
  </si>
  <si>
    <t>橙子中性偏凉，可理气、化痰、润肺，橙皮里有两种成分具有止咳化痰的功效，一个是那可汀，一个是橙皮油。那可汀是比较常用的镇咳药成分，现在西医处方里很多药物都会加入。橙皮油可以起到止咳化痰的作用。</t>
  </si>
  <si>
    <t>无论是“盐蒸橘子”还是“盐蒸橙子”，这两个食疗偏方都有一定的道理，橙子在《本草纲目》中也叫做金球，从中医的角度来看，橙子入肺经，主要是生津止渴健脾胃的功效，对于阴虚干咳的咳嗽患者，适量吃些有一定的缓解症状的作用。橘子相对橙子而言，除了可以生津止渴，还有润肺、止咳、化痰的功效，所以从这个角度来说，“盐蒸橘子”的版本很能是原版且更靠谱一点。至于为什么要用盐蒸，这个与盐的食疗作用有关系，盐本身有一定的杀菌消炎作用，盐蒸之后温热效果增强，对于寒性咳嗽效果更好，但是也有刺激呼吸道的弊端，所以使用前还是最好咨询医生，该吃药的时候还是要吃药。对于因为因吸入污染物刺激呼吸道诱发的咳嗽，多吃一些富含维生素C的橙子和橘子也有帮助。</t>
  </si>
  <si>
    <t>橙子性寒，有清热降逆之功、善清肺胸之热，由于肺中蕴热，或外感风热，热灼津液为痰，痰热结于胸中，气机痹阻，引起胸部疼痛，咳喘，咯痰黄稠，甚则咳血，或痰腥臭，烦闷发热，苔黄腻，脉象滑数，治宜用橙子，泄热涤痰，宽胸开结，凉血止血，功效显著。</t>
  </si>
  <si>
    <t>玩花园战争要钱吗</t>
  </si>
  <si>
    <t>因为只支持联网游戏，所以需要买帐号…而且因为服务器在外国，所以想玩的舒服还得挂vpn</t>
  </si>
  <si>
    <t>不一定，pc版有时会开限时活动，活动的那几天可以玩ps4版在去年ps20周年的那一天永久过，当然仅此一天，现在没了xbox就不清楚了一般来说，如果确实想玩，找个打折的时间，买下来就好，顺便，pc版已经没有多少人玩了，当然是要钱的</t>
  </si>
  <si>
    <t>不一定，pc版有时会开限时免费活动，活动的那几天可以免费玩。ps4版在去年ps20周年的那一天永久免费过，当然仅此一天，xbox就不清楚了。一般来说，如果确实想玩，找个打折的时间，买下来就好，顺便，pc版已经没有多少人玩了，当然是要钱的。</t>
  </si>
  <si>
    <t>当然要花钱 不是随便下一个就能玩的</t>
  </si>
  <si>
    <t>不一定，pc版有时会开限时免费活动，活动的那几天可以免费玩ps4版在去年ps20周年的那一天永久免费过，当然仅此一天，现在没了xbox就不清楚了一般来说，如果确实想玩，找个打折的时间，买下来就好，顺便，pc版已经没有多少人玩了，当然是要钱的</t>
  </si>
  <si>
    <t>成都铁路局有编制没有</t>
  </si>
  <si>
    <t>铁路上叫职工，是不是有编制看你从事什么职业。如果是铁路下属饭店的服务员（打个比方），那肯定没有编制。</t>
  </si>
  <si>
    <t>没有编制。</t>
  </si>
  <si>
    <t>嘉娜宝美肌精面膜好吗</t>
  </si>
  <si>
    <t>不到一百块，我是在韩国的网站上买的， 个人觉得效果一般，</t>
  </si>
  <si>
    <t>挺不错的，用完有美白的效果，也很保湿。</t>
  </si>
  <si>
    <t>硫磺可以吃吗</t>
  </si>
  <si>
    <t>有毒的，不可以吃。</t>
  </si>
  <si>
    <t>硫磺就是一味中药，是一种矿物质.它性酸，温，有毒。内服主要是补肾壮阳通便。工业硫磺除外</t>
  </si>
  <si>
    <t>可以，但是硫磺为大热药且有大毒，内用可大补肾阳，但不能生用，必须要经过特殊的炮制。最常用的炮制法是与豆腐同煎去其毒性。请在医师指导下使用。</t>
  </si>
  <si>
    <t>不要吃,越吃会越厉害的。</t>
  </si>
  <si>
    <t>硫磺可以吃的，此类方子很多，著名的锡类散就有硫磺组方。</t>
  </si>
  <si>
    <t>不能直接食用，但是微量的硫化合物是人体需要的。</t>
  </si>
  <si>
    <t>硫磺可以吃的，此类方子很多，著名的锡类散就有硫磺组方。硫磺本身不活泼，内服后变为硫化物或硫化氢，刺激胃肠黏膜使之兴奋蠕动，导致下泻，同时屁多。硫磺、半夏等份，入生姜汁同熬，再加干馒头末搅匀，杵捣数百下，丸如桐子大，【用法】空心温酒或生姜汤下15~20丸。【功效】治肠梗阻。用于疥疮多外用，因其可以杀死疥虫。内服主要是补阳助火、通便。</t>
  </si>
  <si>
    <t>硫磺里除了硫，里面会有硫的氧化物，还有少量的磷、砷等伴生物，都会有毒</t>
  </si>
  <si>
    <t>国珍松花粉有激素吗</t>
  </si>
  <si>
    <t>松花粉是松树的雄性生殖细胞，自身含有植物生长促进因子，是存在植物体内的天然有机化合物，促进植物生长，对人体无不良影响。 松花粉保健品是否含有激素要看生产厂家与品牌了 如果按照国家行业标准和企业标准生产 就是安全无毒副作用的保健食品</t>
  </si>
  <si>
    <t>这个是不含激素的，松花粉是植物提取，纯天然的营养物质。</t>
  </si>
  <si>
    <t>松花粉不含任何动物激素，但是松花粉可以健脾胃，促进吸收，会令体重有所增加，不过形体一般保持不变，大部分体重是提高了肌肉密度和骨密度。</t>
  </si>
  <si>
    <t>植物性激素对人体无害.我们食用的瓜果蔬菜都含有.</t>
  </si>
  <si>
    <t>不含，因为它是纯天然的。</t>
  </si>
  <si>
    <t>袁姗姗有没有整容</t>
  </si>
  <si>
    <t>开眼角了。</t>
  </si>
  <si>
    <t>袁姗姗好像是没整，我听我们班同学说的，她是袁姗姗的粉丝</t>
  </si>
  <si>
    <t>袁姗姗没大整，但是肯定打了什么美容针什么的，脸有点僵硬</t>
  </si>
  <si>
    <t>4驱有必要吗</t>
  </si>
  <si>
    <t>城市suv没必要购买四驱的，基本用不到的，这个建议两驱就可以了。</t>
  </si>
  <si>
    <t>买SUV的话个人认为预算足够还是有必要上4驱的，就算不为了越野，四驱SUV在雨雪等湿滑路面还有车子爬陡坡的话还是比较有优势的。</t>
  </si>
  <si>
    <t>没必要，4驱还要耗油些，对于家用当然是选个经济些的了。</t>
  </si>
  <si>
    <t>老虎和猴子犯冲吗</t>
  </si>
  <si>
    <t>书上有寅申相冲，地支相冲但天干不一定哦</t>
  </si>
  <si>
    <t>虎属于木，猴属于金，寅木对申金，阳克阳，同性相克最为无情。</t>
  </si>
  <si>
    <t>虾虎鱼能吃吗</t>
  </si>
  <si>
    <t>虎鱼的营养大部分在内脏和鱼头中。连内脏一起吃掉和单单吃肉相比维生素A多十五倍钙多六倍；热量约多四倍。而且鱼头和内脏味道都不错。虾虎鱼含有丰富的维生素A和绿叶蔬菜所含的维生素A完全不相同。虾虎鱼含的的维生素A人体内可以直接吸收利用，可以说如同服用维生素A药丸。绿色蔬菜含的胡萝卜素不能被身体直接利用，需在肝脏中转化成维生素A才能发挥作用，也就需像炒菜那样用油炒一下。</t>
  </si>
  <si>
    <t>虾虎鱼是一种较小的鱼，其营养丰富，用来酱炖很是美!</t>
  </si>
  <si>
    <t>这东西号称淡水刺身，味道鲜美，营养丰富。</t>
  </si>
  <si>
    <t>得了梅毒可以做爱吗</t>
  </si>
  <si>
    <t>不要 ，会传染</t>
  </si>
  <si>
    <t>梅毒是病菌，轻重都会传染。治愈前不能过性生活。</t>
  </si>
  <si>
    <t>您好梅毒患者的皮肤、粘膜中含梅毒螺旋体，未患病者在与梅毒患者的性接触中，皮肤或粘膜若有细微破损则可得病。极少数可通过输血或其它途径传染。获得性梅毒（后天）早期梅毒病人是传染源，95%是通过不洁性交传染，少数通过接吻，握手、输血、接触污染的内衣湿毛巾、茶杯、烟斗、哺乳、尿布等传染。你的情况建议禁止性生活，不排除配偶感染的可能。＃＃梅毒是性病，主要是通过性传播的，所以患病期间不能性生活，抓紧时间到正规的医院检查治疗，</t>
  </si>
  <si>
    <t>购买地下室有产权证么</t>
  </si>
  <si>
    <t>有的地下室有，有的没有。看当时开发商怎么办的手续了。</t>
  </si>
  <si>
    <t>鸡蛋能不能和牛奶一起吃</t>
  </si>
  <si>
    <t>可以一起吃 但不能煮在一起 会影响吸收</t>
  </si>
  <si>
    <t xml:space="preserve">牛奶中含乳糖，乳糖是半乳糖与葡萄糖的二聚体，其中半乳糖就是其营养所在。鸡蛋含有很多蛋白质，分解为氨基酸，氨基酸的吸收耗能(小肠壁上的主动运 输)。此时，血液中可利用的葡萄糖较少，半乳糖就会被氧化供能。鸡蛋里的某种蛋白会和牛奶里的某中营养成分相互反应，使营养价值下降，所以不宜同食。 </t>
  </si>
  <si>
    <t>可以吃的，没问题。</t>
  </si>
  <si>
    <t>并不适合同食。原因只是营养价值下降而已。</t>
  </si>
  <si>
    <t>女人来月经可以泡脚吗</t>
  </si>
  <si>
    <t>指导意见：这是可以泡脚的</t>
  </si>
  <si>
    <t>可以撒，最好用热水</t>
  </si>
  <si>
    <t>经期，女性可以洗脚，但是不宜按摩。足部按摩的作用主要是保障气血运行、疏通经络，从而促进人体正常生理功能运转。而此举和活血化淤药殊途同归，同样可能进一步导致女性月经量的增加。</t>
  </si>
  <si>
    <t>经期是可以泡脚的</t>
  </si>
  <si>
    <t>泡脚可以促进血液循环，例假要想来的像潮水一般汹涌，就多泡一会儿！</t>
  </si>
  <si>
    <t>五险一金买不买</t>
  </si>
  <si>
    <t>要买五险一金。从用人单位角度而言，为公司职工缴纳五险一金是其法定义务；从劳动者角度而言，缴纳五险一金有利于维护其合法权益。</t>
  </si>
  <si>
    <t>如果是工作上公司购买的话，建议还是购买。如果是个人的话，还是等到以后工作了再购买。</t>
  </si>
  <si>
    <t>工作之后必须购买五险一金的，是劳动法对每个单位的要求，也保障了每个劳动者的合法权益。</t>
  </si>
  <si>
    <t>小厂可以不买。大厂管制严。</t>
  </si>
  <si>
    <t>买了有好处，干嘛不买。</t>
  </si>
  <si>
    <t>建议交，看病可以用，买房可以用，以后退休也有退休金，而且现在很多城市买房和这个挂钩的。</t>
  </si>
  <si>
    <t>看所在企业好不好，能不能长期干下去，不然可能就白买了。</t>
  </si>
  <si>
    <t>在单位上班，单位是整体一个帐户，社保局是规定五险是必须缴纳的，单位也没有办法把这三种险种分开缴纳，不过你已交了，受益的是你个人，如果不交单位也乐意少出这部分钱，只有你自己受损失</t>
  </si>
  <si>
    <t>福建莆田假鞋值得买吗</t>
  </si>
  <si>
    <t>我是莆田人，我奉劝你一句。非常不值得买！！</t>
  </si>
  <si>
    <t>莆田做的鞋子从整体上来说要低于正品1个到2个档次。但是相差也并不是太明显，莆田的做的鞋子同样也是选择真皮，只是大多是边角料而已，不过穿在叫上舒适度还是可以的</t>
  </si>
  <si>
    <t>国庆放假有没有工资</t>
  </si>
  <si>
    <t>法定假日是带薪假，当然应该发工资。国庆假期不扣工资。如果国庆假期里上班了，还应该发三倍工资。</t>
  </si>
  <si>
    <t>有工资。国庆属于国家法定假期。而国家法定节假日是带薪放假。法定节假日期间安排劳动者加班，应当按照不低于劳动者本人日或小时工资的300%支付加班工资。</t>
  </si>
  <si>
    <t>国庆是法定节假日，工资照拿，要是上班的话工资得翻倍。</t>
  </si>
  <si>
    <t>看是什么职业，国家正式工人和公务员放假了也有。其他的如有承诺开工资的有再其他的没有。</t>
  </si>
  <si>
    <t>国庆节三天假期，属于国家规定的全民假期，按照《劳动法》规定，法定休假日应该支付工资。</t>
  </si>
  <si>
    <t>中国劳动法规定，法定节假日放假并且会有工资，如果节假日上班的话，是得到3倍的平时工作日的工资的。</t>
  </si>
  <si>
    <t>大公司，而且有人性化的公司会有的，但是像一些只讲利益的公司倒是不会发钱的。</t>
  </si>
  <si>
    <t>吃螃蟹能吃药吗</t>
  </si>
  <si>
    <t>螃蟹蛋白质较多，尽量不要吃和蛋白质有冲突的药。一般在药品说明书上都会说明是不是忌海鲜之类的。建议还是不要吃。</t>
  </si>
  <si>
    <t>最好间隔开时间，你把吃药和吃螃蟹的时间错开，就是间隔长一些（4个小时以上），就没什么问题。</t>
  </si>
  <si>
    <t>不能 ，最好不要</t>
  </si>
  <si>
    <t>螃蟹不会影响感冒或是这个感冒药的效果的，你可以放心的吃的</t>
  </si>
  <si>
    <t>吃螃蟹之后是可以吃感冒药的，没有什么冲突</t>
  </si>
  <si>
    <t>可以吃，但是建议中间隔半个小时到一个小时的时间。</t>
  </si>
  <si>
    <t>只要不会对海鲜过敏就可以的，不会影响药物的质量，可以放心吃的。</t>
  </si>
  <si>
    <t>自考文凭国家承认吗</t>
  </si>
  <si>
    <t>有用，国家承认学历</t>
  </si>
  <si>
    <t>国家承认学历包括：统招，自考，成考，网络教育。自考是成人教育系列中含金量最高的。仅次于统招。</t>
  </si>
  <si>
    <t>自学考试学历是国家承认的。法律依据：《中华人民共和国高等教育法》第二十一条     国家实行高等教育自学考试制度，经考试合格的，发给相应的学历证书或者其他学业证书。</t>
  </si>
  <si>
    <t>是的，自考就是国家组织的考试，是国家甚至欧美国家都承认的。在学信网上也可以查到的</t>
  </si>
  <si>
    <t>天天吃黑木耳好吗</t>
  </si>
  <si>
    <t>黑木耳是一种营养丰富的食用菌，又是我国传统的保健食品和出口商品。天天吃不会对身体有什么不好。</t>
  </si>
  <si>
    <t>好 食用黑木耳，好处多多</t>
  </si>
  <si>
    <t>适量的吃，每天所食蔬菜的颜色要差不多5种。</t>
  </si>
  <si>
    <t>黑木耳作为一种食品，天天吃是没任何问题的</t>
  </si>
  <si>
    <t>不好，因为木耳中的一些营养成分过旺之后会物极必反。</t>
  </si>
  <si>
    <t>可以，只要不是忌感人群就可以</t>
  </si>
  <si>
    <t>不过也不可多食，每天不要超过500g，最好是每天100g左右就可以了。</t>
  </si>
  <si>
    <t>离婚已经生效,想修改离婚协议,能修改吗</t>
  </si>
  <si>
    <t>除非双方协商一致，否则无法修改，而且修改的内容仅限于子女抚养和财产分割，对离婚部分双方无权修改，若和好只能通过复婚的形式。若双方无法协商一致，则只能通过诉讼。</t>
  </si>
  <si>
    <t>离婚登记完成后，当事人要求更换离婚协议书或变更离婚协议内容的，婚姻登记机关不予受理。根据《婚姻登记工作规范》规定：第五十六条婚姻登记员受理离婚登记申请，应当按照下列程序进行：一）分开询问当事人的离婚意愿，以及对离婚协议内容的意愿，并进行笔录，笔录当事人阅后签名。（二）查验本规范第五十五条规定的证件和材料。申请办理离婚登记的当事人有一本结婚证丢失的，当事人应当书面声明遗失，婚姻登记机关可以根据另一本结婚证办理离婚登记；申请办理离婚登记的当事人两本结婚证都丢失的，当事人应当书面声明结婚证遗失并提供加盖查档专用章的结婚登记档案复印件，婚姻登记机关可根据当事人提供的上述材料办理离婚登记。（三）双方自愿离婚且对子女抚养、财产及债务处理等事项协商一致的，双方填写《申请离婚登记声明书》；《申请离婚登记声明书》中“声明人”一栏的签名必须由声明人在监誓人面前完成并按指纹；婚姻登记员作监誓人并在监誓人一栏签名。（四）夫妻双方应当在离婚协议上现场签名；婚姻登记员可以在离婚协议书上加盖“此件与存档件一致，涂改无效。XXXX婚姻登记处XX年XX月XX日”的长方形印章。协议书夫妻双方各一份，婚姻登记处存档一份。当事人因离婚协议书遗失等原因，要求婚姻登记机关复印其离婚协议书的，按照《婚姻登记档案管理办法》的规定查阅婚姻登记档案。离婚登记完成后，当事人要求更换离婚协议书或变更离婚协议内容的，婚姻登记机关不予受理。</t>
  </si>
  <si>
    <t>一：未办理离婚手续前双方可以协商更改，协商不成，可以由法院裁决二：已办理离婚手续或已通过法院判决调解离婚，要在一年内提出更改。而且，法院受理并核实后，发现没有存在欺诈、胁迫等情形的，会驳回诉讼请求，不予处理！</t>
  </si>
  <si>
    <t>不能更改</t>
  </si>
  <si>
    <t>双方当事人领取离婚证后，还可以双方一起协议修改离婚协议书。只要修改的离婚协议书是双方真实意思体现，没有在胁迫或欺骗前提签署，协议内容没有违法，这份协议就是合法有效的，对双方当事人都有法律约束力。</t>
  </si>
  <si>
    <t>可以双方协议补充条款，对之前协议未进行协商内容进行补充。单方改变是无效的。因为先前协议不存在欺诈等行为，原协议书有效。</t>
  </si>
  <si>
    <t>食色天下完结了吗</t>
  </si>
  <si>
    <t>完了</t>
  </si>
  <si>
    <t>这本书，没写完，被和谐了</t>
  </si>
  <si>
    <t>食色天下没写完就被起点和谐了，石章鱼开新书了。</t>
  </si>
  <si>
    <t>被封了，扫黄扫的，我建议你去下个电驴搜一下就有了</t>
  </si>
  <si>
    <t>电脑打印遗嘱仅有签名的遗嘱有效吗</t>
  </si>
  <si>
    <t>随着电脑的普及，打印遗嘱在生活中越来越多见，打印遗嘱如果只有签名和手印也不一定是有效的。</t>
  </si>
  <si>
    <t>只要是当事人的真实意思表示，签署时当事人意志清醒，是完全民事行为能力人就可以。</t>
  </si>
  <si>
    <t>如果遗嘱是由电脑打印的，虽然末尾有被继承人的亲笔签名，但主文并非他本人亲笔书写，不符合继承法规定的自书遗嘱构成要件</t>
  </si>
  <si>
    <t>基本上，无效。只要有人质疑就完了。拿它去办什么也办不了。</t>
  </si>
  <si>
    <t>打印的遗嘱由立遗嘱的人签字具有法律效力。</t>
  </si>
  <si>
    <t>无犯罪记录证明能代办吗</t>
  </si>
  <si>
    <t>可以代办。你让亲戚带上你的户口本到户籍所在地派出所开具无犯罪记录证明，然后送交公证处做公证。</t>
  </si>
  <si>
    <t>可以委托家人代办，需要双方身份证。委托申请。</t>
  </si>
  <si>
    <t>不能。需本人持身份证才能开。</t>
  </si>
  <si>
    <t>可以，是要到当地派出所开，但一般他们都会让你到居住地居委会开，然后拿着居委会开的证明到派出所换信。</t>
  </si>
  <si>
    <t>可以，到居住地派出所开就是了！</t>
  </si>
  <si>
    <t>无犯罪记录证明是不能委托他人代开的，需要本人亲自去户籍所在地派出所办理，需要携带本人身份证，户口本，并填写无犯罪记录证明申请表。</t>
  </si>
  <si>
    <t>可以的，带户口本去派出所开</t>
  </si>
  <si>
    <t>可以不过需要跟公安协商一下说明用途。</t>
  </si>
  <si>
    <t>吃橘子上火吗</t>
  </si>
  <si>
    <t>凡事有个度，过量吃易上火！内火旺的人，建议少吃。</t>
  </si>
  <si>
    <t>吃橘子上火.但是橘子中富含的维生素也是很多的,对身体有好处。</t>
  </si>
  <si>
    <t>从中医上讲，橘子味甘、性温，入肺、胃经，具有开胃理气，止渴润肺的功效。但是，橘子性温，多吃易上火，会出现口舌生疮、口干舌燥、咽喉干痛、大便秘结等症状，可见，古代人对橘子的认知程度，所以，橘子虽好吃，但也要适量。</t>
  </si>
  <si>
    <t>上火最好不要吃橘子，橘子吃多本身就使人上火。</t>
  </si>
  <si>
    <t>橘子好处虽多，但宜常吃而不宜多吃，中医认为橘子性温，多吃易上火，会出现口舌生疮、口干舌燥、咽喉干痛、大便秘结等症状。</t>
  </si>
  <si>
    <t>桔子中含有大量糖分,吃1千克桔子能产生1400卡热量。当过多吃桔子后产生的大量热量不能及时转化为脂肪贮存,人体活动的需求又消耗不掉时,就会造成体内热量供过于求的状况,引起肌体功能的紊乱而出现舌干燥、咽喉痛、便秘等现象,也就是人们常说的“多吃桔子会上火”。</t>
  </si>
  <si>
    <t>胡兵是同性恋吗</t>
  </si>
  <si>
    <t>胡兵不是同性恋这种八卦有很多人为的因素在炒作</t>
  </si>
  <si>
    <t>人家都半出柜的好吧，他不是gay天理难容嘛。他老公是陈冠希的爸爸，胡兵是陈冠希的继母，反正关系很乱。</t>
  </si>
  <si>
    <t xml:space="preserve">胡兵不是同性恋 </t>
  </si>
  <si>
    <t xml:space="preserve">娱乐圈的同性恋实在是太多了，就我目前所知道的，毛宁，红豆，高枫，亚宁，孙浩，陈坤，李学庆，戴军，何炯，李唯嘉，张宏民，赵忠祥，杨样和金彪，巍子，罗中旭，胡兵，屠洪刚，蔡国庆，黄格选，原来央视主持“12演播室”的那个男主持人，王喜（香港），罗文，黄耀明，张国荣，光良，品冠，费玉清（台湾），叶锦添（香港著名服装指导），关锦鹏，张信哲，女同性恋有韩红，白雪，刘若英，粱静茹。外国的有：织田裕二（日本），Elton John（英国），男孩地带中的Stephen（英国），裴勇俊（韩国）。 </t>
  </si>
  <si>
    <t>峨眉山下雨能爬吗</t>
  </si>
  <si>
    <t>下雨最好别去</t>
  </si>
  <si>
    <t>需要一定的天气条件，这个只有看你的运气</t>
  </si>
  <si>
    <t>有点危险但也不是不能爬</t>
  </si>
  <si>
    <t>可以进</t>
  </si>
  <si>
    <t>峨眉山其实下雨晴天都好玩的</t>
  </si>
  <si>
    <t>是怀男孩都特别能吃吗</t>
  </si>
  <si>
    <t>怀孕时，吃的多不多，妊娠反应严重不严重，这些都是孕期的正常表现的，和宝宝性别是一点关系也没有呢，不能证明宝宝是男宝宝的。</t>
  </si>
  <si>
    <t>我怀我儿子的时候什么都吃,都挺正常,</t>
  </si>
  <si>
    <t>生男生女是由男方决定的，与能吃不能吃没有半毛钱关系。</t>
  </si>
  <si>
    <t>是男是女是由男方基因决定的，生男生女一样宝。</t>
  </si>
  <si>
    <t>生男生女是由男方决定的，与能吃不能吃没有半毛钱关系。每个人的遗传基因中都有23对染色体，其中有一对是决定胚胎性别的性染色体。女人的这对性染色体是XX，男人的这对性染色体是XY。</t>
  </si>
  <si>
    <t>灰指甲能食闻自愈好吗</t>
  </si>
  <si>
    <t>灰指甲是不会自愈的，如果任其发展，只会滋生真菌越来越快，越来越多，直到所有的指甲变成灰指甲</t>
  </si>
  <si>
    <t>灰指甲不会自愈。</t>
  </si>
  <si>
    <t>杀手5配置要求高吗</t>
  </si>
  <si>
    <t>杀手5要求不高</t>
  </si>
  <si>
    <t>身份证消磁可以坐飞机吗</t>
  </si>
  <si>
    <t>可以，身份证消磁不影响坐飞机。</t>
  </si>
  <si>
    <t>身份证消磁不影响坐飞机。</t>
  </si>
  <si>
    <t>有。自助登机牌是拿不了了。只能去 托运柜台办。1代身份证都能坐。＃＃有影响</t>
  </si>
  <si>
    <t>身份证消磁了可以乘坐飞机。</t>
  </si>
  <si>
    <t>身份证无法识别的话，可以通过手工输入身份证号进入系统查询，核对对信息符合不会影响坐飞机。</t>
  </si>
  <si>
    <t>可以，身份证本身没磁，不存在消磁的问题</t>
  </si>
  <si>
    <t>塑料是绝缘体吗</t>
  </si>
  <si>
    <t>塑料大多数是电的不良导体，但是，能称得上具有绝缘性能必须是专门的绝缘塑料才行。</t>
  </si>
  <si>
    <t>一般的塑料都是绝缘的，但有特殊塑料例如导电塑料就是可以导电的，不过这种导电塑料很少见价格不便宜，生活中的塑料基本上都是绝缘的。</t>
  </si>
  <si>
    <t>塑胶通常情况下是绝缘体，如果湿了的话就是导体。导体和绝缘体是可以相互转化的！</t>
  </si>
  <si>
    <t>无塑料多是聚乙烯具有良好的电绝缘能</t>
  </si>
  <si>
    <t>普通塑料都是绝缘体，但是现在已经研究出了一种会导电的塑料。</t>
  </si>
  <si>
    <t>塑料是绝缘的，但塑料也分好多种，各种塑料的电学性能都不同，介电强度也不一样。</t>
  </si>
  <si>
    <t>不一定的，塑料就是树脂和填加剂混合在一定温度压力条件下塑化冷却成型的物质。所以吗如果不同塑料中的填加剂成分不同的话，那么其介电性（导电性、绝缘性）质是不同的。</t>
  </si>
  <si>
    <t>不一定的，有些塑料就是树脂和填加剂混合在一定温度压力条件下塑化冷却成型的物质，所以如果不同塑料中的填加剂成分不同的话，那么其介电性（导电性、绝缘性）质是不同的。</t>
  </si>
  <si>
    <t>日常接触的塑料是不导电的 但经过改造的塑料可以导电</t>
  </si>
  <si>
    <t>诸葛理财安全吗</t>
  </si>
  <si>
    <t>我是从三月份开始投这个的，一直到现在，感觉他们很不错。安全性的话更不用担心了，那是相当的安全</t>
  </si>
  <si>
    <t>人类是否有灵魂</t>
  </si>
  <si>
    <t>世界科学最重要的新探索：澳大利亚的约翰埃克尔斯爵士就是向过去300年自然科学对人性认识开火最伟大的生理学家。他对大脑的“突触”进行了开拓性的研究，证明了人有灵魂。</t>
  </si>
  <si>
    <t>死后的灵魂，佛教叫中阴身，是真有，六道轮回投胎，因果报应和鬼神都是真有</t>
  </si>
  <si>
    <t>当然有。是一直都存在的</t>
  </si>
  <si>
    <t>有的，灵魂是千真万确的。</t>
  </si>
  <si>
    <t>很科学的讲法，人死后是有灵魂的！地球是正负极的！正极——阳间 负极——阴间 人死后还是在世的，只是处于负极！</t>
  </si>
  <si>
    <t>灵魂到底存在与否，还待科学的进一步研究中。</t>
  </si>
  <si>
    <t>哺乳期可以擦活络油吗</t>
  </si>
  <si>
    <t>活络油虽然可以通过皮肤吸收进入血液循环，但对乳汁的影响是很小的，可以继续喂奶，不会影响宝宝健康的。但是大家在使用的时候避免双手以及乳头沾上活络油，以免宝宝误食。</t>
  </si>
  <si>
    <t xml:space="preserve">建议哺乳期间不要使用。 </t>
  </si>
  <si>
    <t>活络油属于是外用的药物，有活血散瘀的作用，哺乳期间是可以使用的，不影响给孩子喂奶。</t>
  </si>
  <si>
    <t>哺乳期的妈妈不可能用活络油的，会影响宝宝的发育，建议你平时多吃蔬菜水果，多晒太阳。</t>
  </si>
  <si>
    <t>局部应用活络油一般不会有什么不良影响。</t>
  </si>
  <si>
    <t>给去世的人烧东西能收到吗</t>
  </si>
  <si>
    <t>收不到的完全是一种心理寄托自我安慰而已</t>
  </si>
  <si>
    <t>mp3有图像吗</t>
  </si>
  <si>
    <t>mp3是没图像的，纯声音。</t>
  </si>
  <si>
    <t>有的MP3格式音乐里内嵌入专辑封面了，有的没有，一般情况下到谷歌下载的音乐都是带有专辑封面的，百度的一般都没有。</t>
  </si>
  <si>
    <t>维生素e能涂在脸上吗</t>
  </si>
  <si>
    <t>维生素E是一种脂溶性维生素，如果用来选择涂脸，最好在晚上，白天涂脸上油油的容易吸附空气中的灰尘。</t>
  </si>
  <si>
    <t>电脑蓝屏和系统有关系吗</t>
  </si>
  <si>
    <t>蓝屏的原因有可能是软件异常，也可能是因为硬件故障。 检查一下内存条或者主板上各种板卡是否牢固，有无松动。重新插牢有时候就解决问题了</t>
  </si>
  <si>
    <t>你下个驱动精灵 把 驱动都更新下 看看还蓝屏不</t>
  </si>
  <si>
    <t>有关系。硬件、软件方面都可能存在关系。一般软件层面的较多，硬件一般就内存，硬盘容易出现蓝屏故障。</t>
  </si>
  <si>
    <t>蓝屏主要从两个方面分析： 一、硬件，即内存方面有问题。 二、软件，这就有多方面的问题了。</t>
  </si>
  <si>
    <t>不论是什么原因你先要确定你安装的系统程序过程以及驱动等软件，是否有出过错误信息，这会使系统蓝屏的几率很高。多方面问题，你先检查驱动信息，用驱动精灵2010查看，或者更新一遍，</t>
  </si>
  <si>
    <t>你的主板 完全支持500G 就是2T也没问题 只要系统支持就行 不是你BIOS的事 如果硬盘没有坏道 系统启动文件没有缺失 那就直接换一根 SATA的数据线 换另外一个SATA槽也插插试试</t>
  </si>
  <si>
    <t>九寨沟冬季旅游好玩吗</t>
  </si>
  <si>
    <t>冬天的九寨沟，离天堂更近，向往九寨沟天堂般的美景,可一想到游人如织的情景便倒了胃口。朋友说,要体会九寨沟的清幽宁静,只有冬天了,因为可以避开游人的高峰。虽然这时的九寨沟比不上春夏的烂漫,秋日的绚丽</t>
  </si>
  <si>
    <t>冬季九寨沟景区主要以看雪景为主，对于我们南方人来说是非常值得前往欣赏的，另外冬季九寨沟旅游价格很便宜，门票实行淡季门票，住宿费用也很低，并且游客也比较少，能更好的游玩景区</t>
  </si>
  <si>
    <t>冬天的九寨沟 离天堂更近 向往九寨沟天堂般的美景,可一想到游人如织的情景便倒了胃口。朋友说,要体会九寨沟的清幽宁静,只有冬天了,因为可以避开游人的高峰。</t>
  </si>
  <si>
    <t>冬季去九寨沟可以欣赏到雪景。不过到九寨沟旅游以春末至秋初为宜，九月底至十月为最佳，而秋季九寨以它独特的景观魅力。冬季去九寨沟可以欣赏到雪景。不过到九寨沟旅游以春末至秋初为宜，九月底至十月为最佳，而秋季九寨以它独特的景观魅力。</t>
  </si>
  <si>
    <t>每个季节去感觉都是不一样的，如果是我，秋天跟夏天。</t>
  </si>
  <si>
    <t>九寨沟冬季旅游好玩</t>
  </si>
  <si>
    <t>九寨沟最好秋天去，五颜六色非常绚烂多彩。冬天特别冷，一片白色没什么看头。</t>
  </si>
  <si>
    <t>唐嫣是不是处女</t>
  </si>
  <si>
    <t>开什么玩笑啊，当然不是了啊</t>
  </si>
  <si>
    <t>她还处？不可能吧！</t>
  </si>
  <si>
    <t>正常途径出名，绝对是.</t>
  </si>
  <si>
    <t>肯定不是了.</t>
  </si>
  <si>
    <t>肯定不是</t>
  </si>
  <si>
    <t>感冒咳嗽能吃水果吗</t>
  </si>
  <si>
    <t>可以的。 需要服用药物治疗的，喝什么汤是不行的。</t>
  </si>
  <si>
    <t>您好，感冒期间吃水果是可以的，并且水果里面富含维生素C，是增强抵抗力的有效成分，对治疗及预防感冒会起到很好的效果。</t>
  </si>
  <si>
    <t>可以多吃苹果、橘子、梨、香蕉等都是可以吃的，并且还要根据具体情况，积极治疗感冒，祝您早日康复</t>
  </si>
  <si>
    <t>感冒可以吃水果，</t>
  </si>
  <si>
    <t>不吃酸性类的如柑橘等，香梨，苹果，香蕉都可以吃</t>
  </si>
  <si>
    <t>如果是热咳，吃梨比较好；如果寒凉咳嗽，尽量少吃生冷东西</t>
  </si>
  <si>
    <t>台湾有康师傅吗</t>
  </si>
  <si>
    <t xml:space="preserve">台湾有康师傅的，上传一张去年10月顶新在台湾使用假油、馊油、饲料油后，民间全面抵制顶新产品的图片，里头就有康师傅泡面（方便面）。 </t>
  </si>
  <si>
    <t>有的，三年43万吨越南地沟油卖给大陆康师傅，４万吨卖给台湾，台湾查出来了。越南大幸福地沟油厂，厂长杨振益，康师傅董事长的同乡，根据董事长的指示去越南开了地沟油厂。３年内４万吨卖给了台湾顶新，然后43万吨卖给了大陆康师傅。</t>
  </si>
  <si>
    <t>统一比较多一般便利店可见,康师傅就要去大卖场买,但是现在台湾康师傅解散了</t>
  </si>
  <si>
    <t>康师傅是原本在台湾经营</t>
  </si>
  <si>
    <t>可以连续射精吗</t>
  </si>
  <si>
    <t>一般连续性的在3次左右，如果间断性的可以很多次，我原来间断性的做也就是5次左右，太多了太伤身</t>
  </si>
  <si>
    <t>前几次可以，，以后就不行了</t>
  </si>
  <si>
    <t>不能!至少也要半小时</t>
  </si>
  <si>
    <t>那得看你行不行了</t>
  </si>
  <si>
    <t>不能，你的精力恢复不了这么快。</t>
  </si>
  <si>
    <t>这个是可以的，但不要太频繁。</t>
  </si>
  <si>
    <t>银耳可以隔水炖吗</t>
  </si>
  <si>
    <t>可以的，但是隔水炖比较慢，花的时间要比普通炖锅长很多</t>
  </si>
  <si>
    <t>隔水炖银耳一般需要3小时左右完成。</t>
  </si>
  <si>
    <t>放入切好的梨块、银耳和单晶冰糖，开锅后转小火炖20--30分钟</t>
  </si>
  <si>
    <t>大概30分钟就可以了。</t>
  </si>
  <si>
    <t>砂锅炖</t>
  </si>
  <si>
    <t>6s plus值得购买吗</t>
  </si>
  <si>
    <t>那要看实不实用和经济能力。</t>
  </si>
  <si>
    <t>iPhone 6splus确实值得买，6splus的性能比6plus强太多，A9处理器性能是A8处理器的1.7倍以上，跑分能够达到13万，在高通骁龙820面世以前是一颗傲视群雄的超强手机处理器。</t>
  </si>
  <si>
    <t>从性价比看，还是6splus根值得购买。</t>
  </si>
  <si>
    <t>经常看视频，玩游戏注重续航的时尚达人，建议可以入手6sp，现阶段价格还是很实惠的，也可以考虑过段时间等8出来后看看，价格应该又会大跌，6s/6sp相对来说还是比较经典的一个机型</t>
  </si>
  <si>
    <t>如果你喜欢单手操作，那在iPhone 6s Plus上简直就是自虐—又大又重。而iPhone6s则相对更均衡，重量和体积都刚好合适，所以iPhone6s可能更适合大多数人选择。iPhone6s/plus加入了玫瑰金配色，经过一段时间使用，还是觉得很耐看（不要以为只有国人喜欢新配色，国外销量最好的也是玫瑰金版）。然而后背的白带依然义无反顾的异常，除了这个槽点，外观上我真找不出更多的毛病了。</t>
  </si>
  <si>
    <t>易拍网是真的吗</t>
  </si>
  <si>
    <t>不是这么回事的</t>
  </si>
  <si>
    <t>看排名，一天才三四百个浏览量的网站 怎么可能有这么多产品在拍，都是机器人在拍，看到别的帐号拍下低价，那是机器人，你充值后去拍，机器人一个接一个的围着消耗你的拍点，直到你拍光为止，你不可能赢的，不像以前闪拍网那么多产品，真的是诚信可惜倒了，，易拍网是真的拍人的</t>
  </si>
  <si>
    <t>假的，非正品</t>
  </si>
  <si>
    <t>我也是这几天才进入速易拍的，是真的，很多人在拍，有些东西很值得，你去看看就知道了。</t>
  </si>
  <si>
    <t>至尊宝审核难通过么</t>
  </si>
  <si>
    <t>不用等三天，我的一天就好了，每个人不一样，就这两天的事，不用急</t>
  </si>
  <si>
    <t>主要是人脸要拍的清晰，资料填写自己的</t>
  </si>
  <si>
    <t>月经期可以吃绿豆汤吗</t>
  </si>
  <si>
    <t>在经期是可以喝的</t>
  </si>
  <si>
    <t>专家建议在月经期间可以喝绿豆汤。</t>
  </si>
  <si>
    <t>只要不是凉的饮品都行。</t>
  </si>
  <si>
    <t>加红糖比较合适。</t>
  </si>
  <si>
    <t>在月经期间不益吃或喝淡凉的东西，会肚子痛,对身体也不好，但偶尔喝一次应该没什么问题。如果实在想喝，那就在喝完后，喝点老姜汤，老姜去寒。(生姜切片和红枣一起煮，如果肚子疼的时候喝老姜汤，过一会就不疼了，我刚试过哦。)</t>
  </si>
  <si>
    <t>最好不要喝。绿豆汤偏凉，容易引起痛经</t>
  </si>
  <si>
    <t>没有问题---可以喝</t>
  </si>
  <si>
    <t>生理期最好不要食用绿豆汤，绿豆汤容易太寒凉了，饮料也最好不要食用。</t>
  </si>
  <si>
    <t>多肉喷水吗</t>
  </si>
  <si>
    <t>不能，浇水最好不要浇在身上，就是靠着叶片、茎的土面，都最好是干的，这样就不容易腐烂。</t>
  </si>
  <si>
    <t>可以但是要喷表面</t>
  </si>
  <si>
    <t>个人发票可以抵税吗</t>
  </si>
  <si>
    <t>发票是不可以抵个人所得税的。</t>
  </si>
  <si>
    <t>不可以，无论买什么，都是不能抵个税的。</t>
  </si>
  <si>
    <t>nexus5能用电信么</t>
  </si>
  <si>
    <t>谷歌Nexus5并不支持电信的CDMA网络，无法使用电信卡的</t>
  </si>
  <si>
    <t>谷歌Nexus5并不支持电信的CDMA网络，无法使用电信卡的。</t>
  </si>
  <si>
    <t>新入的美版32G，试了中国电信CDMA卡，显示无服务</t>
  </si>
  <si>
    <t>不可以的，LG Nexus 5手机不能支持电信CDMA网络，不能使用电信手机卡的。</t>
  </si>
  <si>
    <t>根据文献和工信部制定的频率，中国电信CDMA频率与Band Class 0一样，就意味着可以使用谷歌5打电话，由于很多地方的电信使用CDMA2000/EV-DO网络模式，能不能上网还是一马事。如果谷歌5内置高通的CDMA的控制芯片就可以，如果没有，那不好说。也许可以也许不可以，看测试报告把。</t>
  </si>
  <si>
    <t>红字发票就是负数发票吗</t>
  </si>
  <si>
    <t>手工版发票时代退货时用红色笔和红色复写纸开具增值税专用发票。电脑版增值税发票无法开具红色的发票，就以开具负数发票代表退货。</t>
  </si>
  <si>
    <t>红字发票和负数发票，开具的内容是一样的，是一回事。</t>
  </si>
  <si>
    <t>红字发票就是负数发票，也就是红冲。叫法不一样，其实是一件事</t>
  </si>
  <si>
    <t>红字发票本身就是负数发票，是发生退票或者退货时与原来的正数发票不在同一月份，原正数发票无法作废，才需要开具的</t>
  </si>
  <si>
    <t>对，红字发票和负数发票是一个意思。</t>
  </si>
  <si>
    <t>恐怖游泳馆好看么</t>
  </si>
  <si>
    <t>烂片</t>
  </si>
  <si>
    <t>都恐怖了，还能不吓人</t>
  </si>
  <si>
    <t>温暖的弦结局好吗</t>
  </si>
  <si>
    <t>《温暖的弦》结局是看番外。</t>
  </si>
  <si>
    <t>结局是占南弦和温暖在一起的啊~~~~~~没和一心结婚，和温暖结婚</t>
  </si>
  <si>
    <t>墙纸好吗</t>
  </si>
  <si>
    <t>从环保角度，相对于其他内墙装饰材料，壁纸对人体健康的副作用是最低的。</t>
  </si>
  <si>
    <t>壁纸适合卧室一类空间面积稍小的房间，贴上去效果很不错，使用得当会使卧室很有feeling</t>
  </si>
  <si>
    <t>我是专业做墙纸的，墙纸漂亮，温馨，大方，高档，而且耐磨好擦洗，环保。如果选用花纸，国产价位大概在80-200之间/5平方/卷，一般的素色纸，随便用用也比乳胶漆好看，国产价位在60-200元/5平方/卷，进口品的价位一般在300元以上。</t>
  </si>
  <si>
    <t>墙纸好看，显得温馨，但是不耐用。</t>
  </si>
  <si>
    <t>贴墙纸没什么不好的，以为现在贴墙纸的人蛮多的，而且现在墙纸的技术都很不错的，健康环保这些都不用担心的。</t>
  </si>
  <si>
    <t>不怎么好，如果是潮湿环境很容易掀起。还有目前国内用的胶也不怎么环保</t>
  </si>
  <si>
    <t>东营帝景东方好不好</t>
  </si>
  <si>
    <t>质量看起来不错，鑫都置业开发的，好像和帝景东方一家。物业公司不太清楚。</t>
  </si>
  <si>
    <t>嗯，很好，我在海港边，经常去市里，还行吧，房价高点</t>
  </si>
  <si>
    <t>好声音第四季有内幕吗</t>
  </si>
  <si>
    <t>有的，老梁观世界有一期讲的就是关于以好声音为例的节目的策划，他说为什么像塔斯肯这样的好嗓音却没有导师转身，是节目组故意安排的，这样才会激发观众去讨论这个节目，提高收视率，而且导师每次都装作好难抉择的样子，有些人都是安排好了的，老梁说他知道，是因为他参加过的节目也是这样策划的，都类似</t>
  </si>
  <si>
    <t>黑幕从第一季就有了，所以刘欢大师不陪那英玩了。好声音的制作单位是灿星娱乐公司，老板是那英和那辛（那英的亲姐姐，也是那英的经纪人），所有进入复赛的选手都要跟灿星签约，成为灿星赚钱的工具，比如张玮，但是也有没签约的，没签约的肯定进不了决赛，比如吉克隽逸，比如陈冰，陈冰爸爸有钱，不可能“卖女</t>
  </si>
  <si>
    <t>好多</t>
  </si>
  <si>
    <t>能带书籍过美国海关吗</t>
  </si>
  <si>
    <t>坐飞机到美国托运箱里能带书籍和零食，海关不会扣下的</t>
  </si>
  <si>
    <t>只要你不带墨水就没问题。</t>
  </si>
  <si>
    <t>高层需要装纱窗吗</t>
  </si>
  <si>
    <t>很有必要装。高层住户虽然没有或较少有蚊子等有害昆虫的滋扰，但纱窗(纱门)除了能阻挡灰尘、蚊虫外，还可以保证安全，对于住在高楼里的人来说更尤为重要。</t>
  </si>
  <si>
    <t>需要。1.现在的蚊子已经会坐电梯了。2.如果蚊子的爸妈把蚊子生5楼，那么它就有可能飞上12楼，依此内推。3.可能平常盖上马桶盖等有水的器皿。4.前提是你说的高层是我们穷人理解的那种，如果是迪拜塔那种请无视上面</t>
  </si>
  <si>
    <t>需要装的 纱窗不仅可以防蚊子 还可以防灰尘</t>
  </si>
  <si>
    <t>窗纱的作用是防止蚊子虫类飞进来，要是您的楼层够高，没有这些虫类不装也没关系的</t>
  </si>
  <si>
    <t>我个人觉得还是装上的比较好，说到底没多少钱，有备无患，如果是断桥铝门窗的话装上金刚网，可以防止小孩爬上去</t>
  </si>
  <si>
    <t>要的，高层也还是会有蚊子什么的，有了纱窗可以有个保障。</t>
  </si>
  <si>
    <t>尤妮佳拉拉裤偏小吗</t>
  </si>
  <si>
    <t>尤妮佳拉拉裤跟纸尿裤同号一样大</t>
  </si>
  <si>
    <t>爷爷奶奶是否属于直系亲属</t>
  </si>
  <si>
    <t>云南白药牙膏孕妇可以用吗</t>
  </si>
  <si>
    <t>这个是可以用牙膏的,因为你不是吃,而是用,所以说是没有影响的,</t>
  </si>
  <si>
    <t>只要不吃进去，是可以用的。</t>
  </si>
  <si>
    <t>可以，用这样的牙膏不影响孕妇及胎儿的健康，这样的牙膏主要功效是消炎杀菌、止血止痛，增白的功效，孕妇适量使用不会引起任何不良反应。</t>
  </si>
  <si>
    <t>使用云南白药牙膏时，药膏中的药物成分只会在口腔黏膜（主要是牙龈）存留和发挥作用，并不会进入血液；更不会进入孩子体内；所以，孕妇使用云南白药牙膏是安全的。</t>
  </si>
  <si>
    <t>尤卓尔软膏孕妇能用吗</t>
  </si>
  <si>
    <t>孕妇最好不要用尤卓尔的，因为这个是激素类的药，虽然是外用的，不过也是会通过皮肤吸收的，对宝宝影响不好。</t>
  </si>
  <si>
    <t>尤卓尔适应症为用于过敏性皮炎、脂溢性皮炎、过敏性湿疹及苔藓样瘙痒症等。儿童和孕妇慎用，孕妈不要随意用药，去医院看看让医生给你开孕妇专用的湿疹膏沐舒苓，无激素的</t>
  </si>
  <si>
    <t>孕妇、哺乳期妇女、儿童慎用。</t>
  </si>
  <si>
    <t>怀孕42天能检查出宫外孕吗</t>
  </si>
  <si>
    <t>这段时间应该是可以通过局部超声看到迂囊形成的但是应结合血检hcg的具体数值来看，必要时应复查</t>
  </si>
  <si>
    <t>42天还早没有那么早下结论的</t>
  </si>
  <si>
    <t>21*14的无回声考虑是孕囊或是炎症可能。通常情况下卵黄囊是确定孕囊的金标志，所以3-5天再做个超声检查确定其性质是很正确的。通常情况下孕早早期也可以通过观察hcg变化来排除宫外孕可能。所以遵医嘱积极配合检查都是可以确诊的。</t>
  </si>
  <si>
    <t>停经45天左右检查B超了解孕囊情况，排除宫外孕</t>
  </si>
  <si>
    <t>在月经推迟五天的时间，就应该是可以判断的，但是也有一部分女性排卵晚，也有检查出来比较晚的情况的，不过在40天左右，都应该是可以检查出来的。</t>
  </si>
  <si>
    <t>经常献血好吗</t>
  </si>
  <si>
    <t>献血会造成血液功能的弱化甚至丧失。简单的讲，红细胞的减少会使身体各部分器官得不到足够的氧气，细胞的各项生命功能无法正常发挥，献血后产生头晕现象就是因为脑部没有得到足够的氧气。白细胞减少会是身体抵抗病毒的能力下降，容易生病。献血后虚弱就是这个原因，免疫能力的下降就使本来无足轻重的感冒病毒有机可趁。血小板的减少会使伤口难以愈合。白血病产生的最主要原因就是血小板减少。1.献血造成的血管破损是终身无法修复的。2.献血会上瘾。3.献血后，体内血量减少，导致脑部供氧不足，此时，体内会产生一种酸性成分，提高血液带氧量，而这种酸性成分，对人体的脑细胞有巨大的不良作用，所以献血后人会觉得头晕。长期献血者会造成反应迟钝，思维敏捷性降低。所以，对于需要脑力工作者来说，最好不要献血 。4.人体总共大约4000-5000cc的血液，其中脏器存有20％左右的库存血液，在人体发生意外伤害的时候，可以迅速进行补充。但是，人的器官是会老化的，在年龄老化和体质虚弱下，发生意外伤害的时候，体内不再像年轻的时候那样快速的造血。此时，会因为出血量过多而供血不足造成死亡率的增高。5.增加过多的被感染机率，诸如爱滋、乙肝等等高致病性传染性疾病。6.其他：未经科学证明，但网络上有不少献血者表示，经常性献血对体重有促进作用。</t>
  </si>
  <si>
    <t>机场候机厅能过夜吗</t>
  </si>
  <si>
    <t>机场里可以过夜。可以直接在机场候机室过夜，不会清场</t>
  </si>
  <si>
    <t>只要是24小时开放的机场就可以，在航班延误的时候很多人就是在机场过夜的，但是有些机场不是24小时运营，建议准备过夜前咨询一下机场工作人员。</t>
  </si>
  <si>
    <t>登机牌估计你只能在6点时拿到。过夜是可以，公众场所没人赶你走的。</t>
  </si>
  <si>
    <t>候机厅的隔离区不行，但可以在候机楼里</t>
  </si>
  <si>
    <t>可以，候机楼内有专门的过夜旅客休息区，在候机楼内旅客休息区过夜是不用收费的，之前曾经有非法分子在休息区以收过夜费为名，企图骗取旅客金钱。</t>
  </si>
  <si>
    <t>可以过夜</t>
  </si>
  <si>
    <t>刚怀孕坐飞机吗</t>
  </si>
  <si>
    <t>可以，没有任何问题。</t>
  </si>
  <si>
    <t>你刚怀孕提不提供都无所谓，坐飞机没有影响的。</t>
  </si>
  <si>
    <t>最好别坐。刚怀孕才最关键</t>
  </si>
  <si>
    <t>在孕早期(怀孕头3个月)和孕中期(怀孕4~6个月)乘坐飞机是安全的。但如果你在孕期出现点滴性出血、糖尿病、高血压，或者以前有过早产经历，你最好在旅行前咨询一下医生。如果你需要出国，最好也跟医生谈谈，讨论一下旅行过程中可能出现的问题。</t>
  </si>
  <si>
    <t>没有什么问题的</t>
  </si>
  <si>
    <t>中科大少年班好吗</t>
  </si>
  <si>
    <t>少年班绝对不比清北差，甚至更好。</t>
  </si>
  <si>
    <t>山地车要不要装脚撑</t>
  </si>
  <si>
    <t>装上脚撑更方便些，不装也可以，但是这样就要放倒车子或者靠墙了。</t>
  </si>
  <si>
    <t>玩的车都不装。</t>
  </si>
  <si>
    <t>如果骑车不需要经常离开车辆，那就不需要脚撑喽</t>
  </si>
  <si>
    <t>为了方便的在任意平地上让车保持直立状态，脚撑就是一个便携式的停车架。</t>
  </si>
  <si>
    <t>如果骑车不需要经常离开车辆，那就不需要脚撑喽，</t>
  </si>
  <si>
    <t>山地车的脚撑在比如林子里或者什么的地方，不仅会干扰运动员，而且会增大受伤几率。即便不受伤，但是在山地骑的时候，这东西有可能会和树枝之类的磕磕绊绊的，比较碍事。山地车不同于城市，不必担心哪里让放哪里不让放的问题，随便找一棵树靠着就行了。在树林里还用个脚撑支撑着车显得有点虎。很多人根本不去山地骑，只是觉得脚撑看起来比较呆呆，不好看。</t>
  </si>
  <si>
    <t>尘埃3可以双人玩吗</t>
  </si>
  <si>
    <t>可以的，只要在设置里面把分屏开下来就可以了</t>
  </si>
  <si>
    <t>可以的，键盘手柄都行，不过要调一下按键</t>
  </si>
  <si>
    <t>连接2P手柄，点MULTIPLAYER，第一项是联网，第三项是局域网，中间第二项是SPLITSCREEN就是分屏，点击后，用2P手柄按START加入就可以了</t>
  </si>
  <si>
    <t>不可以双人玩 但是可以联机</t>
  </si>
  <si>
    <t>孕妇1号染色体多态会影响宝宝吗</t>
  </si>
  <si>
    <t>染色体多态性是指在同一交配群体中，一条或几条染色体具有不止两种结构形态的现象，是一种正常的现象。</t>
  </si>
  <si>
    <t>公务员是职业吗</t>
  </si>
  <si>
    <t>公务员，是指依法履行公职、纳入国家行政编制、由国家财政负担工资福利的工作人员。公务员职位按职位的性质、特点和管理需要，划分为综合管理类、专业技术类和行政执法类等类别。国务院根据中华人民共和国公务员法，对于具职位特殊性，需单独管理的，可增设其他职位类别。</t>
  </si>
  <si>
    <t>工作稳定。这个必须承认，只要你不违法违纪，这辈子下岗的机会很小。但是不下岗并不意味绝对的稳定，公务员的流动性也很强，虽然都是在体制内流动，但只要流动就意味着周边环境的改变，也都需要一个调节适应的过程，公务员也都是人，不是机器，放在那里都能运转，有时流转不合适，对个人的影响也非常大，不次于在企业间跳槽。</t>
  </si>
  <si>
    <t>南山南 好听吗</t>
  </si>
  <si>
    <t>还可以，对于喜欢民谣的来说还不错。</t>
  </si>
  <si>
    <t>远程教育难吗</t>
  </si>
  <si>
    <t>很简单，基本上就是花钱买学历</t>
  </si>
  <si>
    <t>不难，平时在线作业，还有考试什么的，基本都有参考答案，能占到60%。要注意的是专升本的时候，也是要参加全国统一的计算机和英语的等级考试，这个还是比较难的，如果过不了还是拿不到学士学位证，甚至也拿不到毕业证。</t>
  </si>
  <si>
    <t>网络教育又称现代远程教育，是成人教育的一种形式；网络教育主要以在网上学习平台里自学为主，学习时间不受限制，且不受地域限制，只要有网络就行；网络教育是成人教育里最容易通过的</t>
  </si>
  <si>
    <t>远程教育 还是很好拿证的 你可以登录聚招网看看</t>
  </si>
  <si>
    <t>远程教育一般是通过网络教学，难度没有那么大</t>
  </si>
  <si>
    <t>的确不难，最简单的一种形式，而且还是国家承认学历。</t>
  </si>
  <si>
    <t>iphone6 ios9.0.2卡吗</t>
  </si>
  <si>
    <t>建议到9.3出来后更新，卡顿现象严重，Bug太多了，有些软件不兼容，稍微有点发热，系统有些不稳定</t>
  </si>
  <si>
    <t>不卡，也许会有掉帧，但是总体还可以。实在担心 可以等9.1再升</t>
  </si>
  <si>
    <t>不卡，可以试试升级</t>
  </si>
  <si>
    <t>你好朋友，升级9.0.2卡，建议升级到9.1试试，反正也卡。忘采纳！！</t>
  </si>
  <si>
    <t>感觉有点卡，就刷回去了</t>
  </si>
  <si>
    <t>没发现变卡</t>
  </si>
  <si>
    <t>感冒咳嗽能吃苹果吗</t>
  </si>
  <si>
    <t>最好不要。这倒不是因为吃苹果对于病情有什么不好的影响，问题就在于咳嗽本身，因为咳嗽是一种反射性的保护作用，本来目的是排除气管支气管之内的异物等，但是感冒的时候这个反射是高度亢进的，是高度敏感的，吃苹果这种糖分含量多的东西，会加重刺激，加重敏感，加重咳嗽。</t>
  </si>
  <si>
    <t>可以吃苹果 苹果中的维生素C是心血管的保护神、心脏病患者的健康元素。</t>
  </si>
  <si>
    <t>可以适量吃。</t>
  </si>
  <si>
    <t>能吃，苹果中的多酚能够抑制癌细胞的增殖。苹果中含有的黄酮类物质是一种高效抗氧化剂，它不但是最好的血管清理剂，而且是癌症的克星</t>
  </si>
  <si>
    <t>不吊顶可以安装射灯吗</t>
  </si>
  <si>
    <t>不做吊顶可以装射灯。</t>
  </si>
  <si>
    <t>可以，用外露射灯就好，射灯本身也是很漂亮的，</t>
  </si>
  <si>
    <t>不吊顶装射灯的方法：在顶面开槽，把电线穿管暗埋，射灯位置预留线头就可以了。射灯是典型的无主灯、无定规模的现代流派照明，能营造室内照明气氛，若将一排小射灯组合起来，光线能幻奇妙的图案。由于小射灯可自由变换角度，组合照明的效果也千变万化。射灯光线柔和，雍容华贵，其也可采光，烘托气氛。</t>
  </si>
  <si>
    <t>不做吊顶可以装射灯</t>
  </si>
  <si>
    <t>电脑能安装微信吗</t>
  </si>
  <si>
    <t>电脑能安装微信的。　　</t>
  </si>
  <si>
    <t>在电脑上安装安卓虚拟系统，然后再安装安卓版微信。而且还在有了网页版的微信了，可以直接登陆的。不过需要自己的手机微信二维码确认。</t>
  </si>
  <si>
    <t>可以，微信没有PC客户端，要用的话也只有用手机模拟器吧，然后安装手机客户端，不过电脑qq可以和手机微信交谈，因为微信可以接收qq离线信息</t>
  </si>
  <si>
    <t>电脑上是可以安装微信的！在微信的官网上可以下载电脑版，但是电脑上的微信每一次起动都要用手机确认一下才能登入。其次电脑微信没有手机微信功能这么全面。不能看朋友圈等问题。</t>
  </si>
  <si>
    <t>可以。安装扣扣浏览器就可以了。就可以登录微信网页版了，</t>
  </si>
  <si>
    <t>2016年是黑年吗</t>
  </si>
  <si>
    <t>即农历纪年中,年头年尾都没有“立春”这一节气的年分 “黑年”的说法只是民间的一种迷信的传闻。因为 每年在2月4日立春，为了适应寒署的变化，古人在农历中每 19个年头加入7个闰年，也就是19个年头里有7年里没有立春 ，7年双立春，5年单立春。</t>
  </si>
  <si>
    <t>女比男大好吗</t>
  </si>
  <si>
    <t xml:space="preserve">一个30岁的男性与一位40岁的女性的结合，理论上讲应该是最理想的，因为此时双方都处于生理与心理两方面的成熟季节。不仅情感上容易理解沟通，生活中相得益彰，而且在过程中更臻完美——一方如同涨满力量的征帆，一方则是能持定乾坤的长篙，在狂风巨浪中感受幸福之极致。 </t>
  </si>
  <si>
    <t>有女大抱金砖的说法，适合就好</t>
  </si>
  <si>
    <t>好，女大三抱金砖</t>
  </si>
  <si>
    <t>微信是中国发明的吗</t>
  </si>
  <si>
    <t>微信最早的提出者是腾讯公司的一个总裁，叫做张小龙，</t>
  </si>
  <si>
    <t>这不叫发明，是腾讯微信团队研发的。</t>
  </si>
  <si>
    <t>微信的发明者叫张小龙，中国人，腾讯公司总裁。</t>
  </si>
  <si>
    <t>微信是中国的，是腾迅公司开发出来的。其实严格来说微信没有发明人，微信是借鉴其他软件然后由微信团队开发的。＃＃微信是腾讯出的一款聊天软件</t>
  </si>
  <si>
    <t>就微信名字肯定中国腾讯的。。</t>
  </si>
  <si>
    <t>微信是中国发明的</t>
  </si>
  <si>
    <t>是咱们中国人自己发明的。</t>
  </si>
  <si>
    <t>腾讯的产品，QQ和微信可以说是山寨外国的</t>
  </si>
  <si>
    <t>微信是中国的，是腾迅公司开发出来的。</t>
  </si>
  <si>
    <t>微信？以我印象好像是美国吧</t>
  </si>
  <si>
    <t>足球运动是一项古老的体育活动，源远流长。起源于一个“蹴鞠”古代球戏，后来经过阿拉伯人传到欧洲，发展成现代足球。所以，足球的故乡在中国。据说，希腊人和罗马人在中世纪以前曾从事一种足球游戏。他们是在一个矩形区域，球打在白线，在他们的脚中间把球踢滚到其他场地，那么这场比赛被称为“哈巴风暴。”现代足球在英国的起源，是从12世纪派生它们发生之前和丹麦的战争，战争结束后看到英军士兵在地面上在丹麦的头，正如英国讨厌的丹麦士兵，他们踢了这头。到了19世纪初，足球运动在当时欧洲及拉美一些国家，特别是在资本主义的英国已经相当普及。</t>
  </si>
  <si>
    <t>水是酸吗</t>
  </si>
  <si>
    <t>水不是酸也不是碱</t>
  </si>
  <si>
    <t>不同地域的水，由于含有的杂质或者矿物质的不同，PH可能不同。</t>
  </si>
  <si>
    <t>广义上既是酸又是碱，初高中应该认为不是酸也不是碱</t>
  </si>
  <si>
    <t>手术可以朋友签字吗</t>
  </si>
  <si>
    <t>冒充家人签字即可，和病人商量</t>
  </si>
  <si>
    <t>朋友是不允许手术签字的，手术签字不是只是简单的签字，是要承担责任，需要夫妻或直系亲属才能签字的。</t>
  </si>
  <si>
    <t>不可以，万一出现事情你要担责任的</t>
  </si>
  <si>
    <t>不可以，只有配偶，父母有权利签，万一他出了什么手术意外，你能负责吗？</t>
  </si>
  <si>
    <t>朋友是不可以代替签字的，必须要近亲属。中间关系到责任问题。</t>
  </si>
  <si>
    <t>不行。应为朋友不能对你起到人身‘责任’的保障。而且这必须是要有亲人签字才可进行</t>
  </si>
  <si>
    <t>是不可以的哦，手术必须由可以承担责任的监护人签字。像工作单位的上司，直系亲属</t>
  </si>
  <si>
    <t>必须家属签字，朋友签字的话，必须要家属同意。</t>
  </si>
  <si>
    <t>是的有关安全问题都要这样</t>
  </si>
  <si>
    <t>花旗参有保质期吗</t>
  </si>
  <si>
    <t>应该是有保质期的</t>
  </si>
  <si>
    <t>有加工过的西洋参是没有保质期的，是要不烂就可以使用。加工过的西洋参因为里面掺了其它成份，过保质期后，其它成份就会发生化学反应，不可食用。</t>
  </si>
  <si>
    <t>一般为90天.</t>
  </si>
  <si>
    <t>在常规的保质期为2-3年。也说得是在不受潮的情况下。而且没有加工过的西洋参是没有保质期的，是要不烂就可以使用。</t>
  </si>
  <si>
    <t>土耳其冬天冷吗</t>
  </si>
  <si>
    <t>土耳其的气候类型变化很大。东南部较干旱，中部安纳托利亚高原比较凉爽。一般来说，土耳其的夏季长，气温高，降雨少；冬季寒冷，寒流带来了降雪和冷雨。果园、麦田和水库储有充沛的雨水，葡萄园和去海滩游玩的人有充足的日照。</t>
  </si>
  <si>
    <t>土耳其气候特征迷人的土耳其属于典型的地中海气候，长达八千米的海岸线和多样的地理环境使这里的气候变幻莫测。地中海沿岸地区的冬季湿润且凉爽，到了夏季就略干燥炎热。总的来说，土耳其全年温度变化明显，温差大，最冷的1月气温不足0度，最热的7月平均温在27度左右，年降水量丰富。</t>
  </si>
  <si>
    <t>土耳其的一年四季天气变化较大。土耳其的气候类型变化很大。东南部较干旱，中部安纳托利亚高原比较凉爽。一般来说，土耳其的夏季长，气温高，降雨少；冬季寒冷，寒流带来了降雪和冷雨；春秋季节较短。果园、麦田和水库储有充沛的雨水，葡萄园和去海滩游玩的人有充足的日照。</t>
  </si>
  <si>
    <t>土耳其十二月平均温度是 2℃ ~ 10℃，天气寒冷。</t>
  </si>
  <si>
    <t>谢霆锋会和王菲结婚吗</t>
  </si>
  <si>
    <t>并没有要结婚～媒体乱传的。王菲只是投资在大理海边建了一座别墅，可能未来要在那里安静的养老。结婚传闻不属实</t>
  </si>
  <si>
    <t>装修吊顶贵吗</t>
  </si>
  <si>
    <t>主要看你的选择和配置，比如配花边边角线和灯带什么的，那整体的价位就比较高了！</t>
  </si>
  <si>
    <t>有便宜的也有贵的，根据不同的材料出不同的价格</t>
  </si>
  <si>
    <t>各个价位都有</t>
  </si>
  <si>
    <t>电信手机打10000要钱吗</t>
  </si>
  <si>
    <t>用电信固定电话或电信手机拨打10000号是免费的</t>
  </si>
  <si>
    <t>10000是中国电信的客户服务电话，电信用户的电话包括座机和小灵通拨打这个号都是免费的，其他均按市话费收费。</t>
  </si>
  <si>
    <t>有电信手机和固话用户拨打10000是免费的。</t>
  </si>
  <si>
    <t>中国电信的用户拨打中国电信的客服热线电话10000是免费的</t>
  </si>
  <si>
    <t>10000号本身就是免费电话的。</t>
  </si>
  <si>
    <t>sd高达g世纪 超越世界好玩吗</t>
  </si>
  <si>
    <t>个人认为世界比超越世界更耐玩，机师也更个性化，超越世界每个机师都能学到所有技能，练出来都一个样＃＃超越世界登场机体稍多了一些，一些参数重新调整，倒不是说阉割。三锁并没有取消，只不过后两个目标的威力会减半而已。真要玩当然推荐超越世界，剧情什么其实无所谓，但是超越世界机体机师更多一些，系统其实并没有什么改变。</t>
  </si>
  <si>
    <t>洁面膏可以天天用吗</t>
  </si>
  <si>
    <t>洁面膏一般都可以天天用，但一天最好不要超过2次。</t>
  </si>
  <si>
    <t>洁面膏一般都可以天天用，但一天最好不要超过2次</t>
  </si>
  <si>
    <t>可以天天使用。</t>
  </si>
  <si>
    <t>梦幻神兽能降级吗</t>
  </si>
  <si>
    <t>可以的，你按降级 就降级了</t>
  </si>
  <si>
    <t>飞升是可以降到139级得！我昨晚刚刚降了只5JN的力劈神牛（转生过来的），直接降到139级了，神兽交易时需要接收方提供500W金钱的！我也是CBG买的180级神牛！</t>
  </si>
  <si>
    <t>飞升降一次15级，降到139需要通过飞升降3次就可以了。</t>
  </si>
  <si>
    <t>没可能到，放弃吧</t>
  </si>
  <si>
    <t>任何宝宝都可以随着人物飞升降低等级。</t>
  </si>
  <si>
    <t>宝马后期保养贵吗</t>
  </si>
  <si>
    <t>肯定是宝马，宝马的配件都很贵的【汽车有问题，问汽车大师。4S店专业技师，10分钟解决。】＃＃宝马比奥迪贵好多【汽车有问题，问汽车大师。4S店专业技师，10分钟解决。】</t>
  </si>
  <si>
    <t>用不了40W你听谁说的宝马也分很多种保养一次最多几千而已除非你整天撞树修起来很贵＃＃没那么夸张，贷款买车的人也很多。2.0的还是2.5的还是3.0的？这车子慢慢开，油耗不大。保养一年或1万公里1保养，1年开2万公里算的话，保养2次，小保养1千稍微多点。有些额外的保养可以不必要做，什么发动机养护，什么机油保护润滑的，线速保护什么的。保险的话也就第1年贵点，1万多。以后就7-8基本，越来越少。1年2万公里算的话，油耗算11，汽油算8元的话，一年汽油费用17600左右。保险算1万的话，一周洗车1次，一年7-8百。一年保养2次算3千。这样1年的费用3万多点，所以大概3-4万应该可以了。＃＃能买的起·就不怕养不起</t>
  </si>
  <si>
    <t>个人觉得还是可以接受的，我第一次保养是950，第二次是1300，第三次是1700</t>
  </si>
  <si>
    <t>宝马3系后期保养费用同级别还算可以的，车型配置在市场保有量还算可以</t>
  </si>
  <si>
    <t>保养一般用合成机油好点！维修费相对都差不多，就是材料可能贵点</t>
  </si>
  <si>
    <t>双飞 好玩吗</t>
  </si>
  <si>
    <t>不试一下怎么知道是否好玩么</t>
  </si>
  <si>
    <t>不好玩，玩玩就没意思了。还不如自己打，那才爽。不过这都是个人意见。</t>
  </si>
  <si>
    <t>孕妇hiv抗体初筛阳性医院会通知吗</t>
  </si>
  <si>
    <t>不仅会告知你可疑阳性，而且会把你的血拿到疾控中心复查，但不会给你出报告，因为要等疾控中心确诊。</t>
  </si>
  <si>
    <t>会通知的</t>
  </si>
  <si>
    <t>一定会。并且会询问性生活等可能导致传播的行为，同时医院做出阳性结果后会将血样送到上级疾病预防控制中心再次检测，以确定是否阳性。</t>
  </si>
  <si>
    <t>修女能结婚吗</t>
  </si>
  <si>
    <t>可以结婚的,若上修女和上帝结婚,那上帝重了多少次婚了?</t>
  </si>
  <si>
    <t>修女是不能结婚的，天主教的时候，女子只有以下几种：未婚的少女，已婚的妇女，和永远不结婚的修女。</t>
  </si>
  <si>
    <t>既然是修女和神父，就已将自身献给了主，是不可以结婚的。</t>
  </si>
  <si>
    <t xml:space="preserve">修女是属于基督教天主教派的，终生不能结婚。 </t>
  </si>
  <si>
    <t>可以，只要愿意生。</t>
  </si>
  <si>
    <t>天主教的修女是不可以结婚的，一般都自称“嫁给了上帝”。</t>
  </si>
  <si>
    <t>袁立有没有孩子</t>
  </si>
  <si>
    <t>早就有了</t>
  </si>
  <si>
    <t>袁立现在还没有孩子</t>
  </si>
  <si>
    <t>有生一个男孩子。</t>
  </si>
  <si>
    <t xml:space="preserve">那不是袁立的亲生儿子，而是她认的干儿子。 </t>
  </si>
  <si>
    <t>还没有授衔的兵可以不当了么</t>
  </si>
  <si>
    <t>如果是新兵，在没有授衔之前，通过申请回来的，什么后果也没有，什么责任也不用负，充其量就是名声有点不好</t>
  </si>
  <si>
    <t>想中途退出，只有（1）身体原因（复检时就被淘汰）（2）其他原因（被处分，退兵处理）。</t>
  </si>
  <si>
    <t>部队严格的纪律不是想来就来想走就走的，如果你还没授衔，就可以。</t>
  </si>
  <si>
    <t>不可以，自己回就是逃兵，要受处罚。</t>
  </si>
  <si>
    <t>还没有授衔可以申请回来，去找领导，直接表明说受不了部队的苦，部队喜欢直接的，敢说实话。</t>
  </si>
  <si>
    <t>不能自己主动申请退伍的。可以让你朋友向上级申明个人身体情况，由上级以【体检条件不合格】的理由办理退伍。</t>
  </si>
  <si>
    <t>发票丢了能作废吗</t>
  </si>
  <si>
    <t>只有记账联但没有发票联的发票是不能作废的，也就是要作废只有把记账联、抵扣联、发票联全部拿到之后才能作废的；不然被税务局查到的话会被处罚的。这个最好是咨询主管税务机关，这样以免给公司造成不必要的麻烦来。</t>
  </si>
  <si>
    <t>不能从新开，从新开了就要上两次税了。方案一、应该可以作废的，有些单位就是进行作废，从新开具一套。然后把你的存根联盖上作废的章。也尽量找找，找到了再拿回公司加盖作废章。方案二、跟税局反应，不过反应到税局要被罚款的，不然就实事求是的跟税局反应情况。罚款叫快递公司承担，反正也是快递公司弄丢的。我们之前也是弄丢了发票还是点普通的发票，当时罚款2000元，你可以先查询一下大概要罚款多少，然后跟快递协商，如果快递肯承担，我建议你就上报税务局。如果快递不承担，可以考虑方案一。</t>
  </si>
  <si>
    <t>客户要求的话你肯定要重开，并且不能作废，你买发票的时候税已经交过了，不知道你买的是几个点的，可以以后慢慢抠出来。</t>
  </si>
  <si>
    <t>这个很好解决的，发票不用作废。</t>
  </si>
  <si>
    <t>安宫黄体酮能推迟月经吗</t>
  </si>
  <si>
    <t>孕激素类药物安宫黄体酮（又名甲孕酮）可延迟子宫内膜的脱落而推迟月经的来潮。</t>
  </si>
  <si>
    <t>黄体酮可以推迟月经的</t>
  </si>
  <si>
    <t>口服安宫黄体酮以让子宫内膜不脱落，起到推迟月经的作用。</t>
  </si>
  <si>
    <t>天天特价天猫可以参加吗</t>
  </si>
  <si>
    <t>天猫商家是不可以参加天天特价的</t>
  </si>
  <si>
    <t>不可以的哦，只有C店才能参加的。</t>
  </si>
  <si>
    <t>不可以，天天特价只针对淘宝集市店</t>
  </si>
  <si>
    <t>是可以的，是可以的。</t>
  </si>
  <si>
    <t>天猫店不可以报名天天特价活动的，</t>
  </si>
  <si>
    <t>可以的应该</t>
  </si>
  <si>
    <t>不能，天猫作为提供优质产品的独立平台</t>
  </si>
  <si>
    <t>大金中央空调好吗</t>
  </si>
  <si>
    <t>大金中央空调拥有业内领先的COP，制暖时最高可达4.36，IPLV（C）最高可达5.8，超过国家一级标准</t>
  </si>
  <si>
    <t>通常来说不计较价格的话。还是大金的好。</t>
  </si>
  <si>
    <t>微信个人公众号可以认证吗</t>
  </si>
  <si>
    <t>微信公众号申请个人和企业，都可以，只是个人申请不能认证，企业可以认证</t>
  </si>
  <si>
    <t>个人身份证申请的公众号，不支持微信认证，只能走腾讯微博认证的渠道。</t>
  </si>
  <si>
    <t>如果是15年个人新注册的号认证不了，如果需要认证就必须在注册时候后就找企业资质进行注册并认证，所以在注册时候必须想好。</t>
  </si>
  <si>
    <t>监理员证可以挂靠吗</t>
  </si>
  <si>
    <t>监理员能挂靠。</t>
  </si>
  <si>
    <t>就和特种工操作证、驾驶证一样，是上岗证啊，不是执业资格证。如果你做监理这行，就是最基本的证书，考试很简单的。更别说挂靠给钱了。</t>
  </si>
  <si>
    <t>医保可以借给别人用吗</t>
  </si>
  <si>
    <t>按规定肯定是不行的，不过可能有的医院会为了能刷卡做假账。</t>
  </si>
  <si>
    <t>医保卡不能借给别人用。</t>
  </si>
  <si>
    <t>买药可以，要去医院用的话，除非你身份证也给他，还要年龄相差不多，不然被发现是不给用的。</t>
  </si>
  <si>
    <t>医保卡，只能本人使用，不管亲人或亲戚，不得转借和转l让，:发现，即属骗保，是要重罚的，如果医院有熟人，另当别论。如果是药店刷卡买药是可以的，但卡里的资料信是不会泄漏的。</t>
  </si>
  <si>
    <t>胎盘前壁好生吗</t>
  </si>
  <si>
    <t xml:space="preserve">胎盘的位置只要不是前置，就没有其他区别。前置胎盘指的是胎盘部分或全部堵在子宫颈周围。生产时容易大出血。胎盘位于子宫底最安全。生产时还有众多其他因素影响生产。只要在生产时听从助产士的要求，就可减少麻烦。 </t>
  </si>
  <si>
    <t>吉普衣服和战地吉普一样吗</t>
  </si>
  <si>
    <t>战地吉普和吉普服饰价格相差大</t>
  </si>
  <si>
    <t>天然樟脑有毒吗</t>
  </si>
  <si>
    <t>没有害</t>
  </si>
  <si>
    <t>樟脑，辛、热、有毒。</t>
  </si>
  <si>
    <t>有毒的</t>
  </si>
  <si>
    <t>樟脑丸分为天然樟脑丸和合成樟脑丸，前者是指从樟树枝叶中提炼出来的有芳香味的有机化合物，后者指用萘等化学物质制成的球状物。上海辐射管理所所长陆书玉介绍说：“防蛀剂中的对二氯苯的含量&gt;95%以上，属于有毒性的挥发性有机化合物。</t>
  </si>
  <si>
    <t>有毒、而且是化学合成的，挥发性强、人体长时间吸入回中毒的</t>
  </si>
  <si>
    <t>公积金提取过 还能公积金贷款</t>
  </si>
  <si>
    <t>可以。申请人之前提取过一次住房公积金，在这种情况下，还可以办理住房公积金贷款，但不能提取公积金支付首付款。</t>
  </si>
  <si>
    <t>如果还正常交存公积金就可以继续用公积金贷款。</t>
  </si>
  <si>
    <t>只要公积金有余额就能贷款。</t>
  </si>
  <si>
    <t>没有其他贷款的话，应该可以。不过可以贷出的额度是根据公积金余额的多少倍（不同地方不一样，15倍或25倍）来确定的。</t>
  </si>
  <si>
    <t>符合公积金贷款的条件就可以。</t>
  </si>
  <si>
    <t>公积金取过是可以贷款的，即使公积金存储卡内无余额也可以申请公积金贷款。</t>
  </si>
  <si>
    <t>可以再贷款，如果已成年就不算这个家庭里的成员了，由于父母名下无房产，再贷款属于首套。但是贷款额度跟公积金账户余额是有关系的，如果都提取出来再买房恐怕贷款额度就很低了。</t>
  </si>
  <si>
    <t>通常，公积金提取和贷款是不能同时进行的，如果选择了提取公积金，就不能使用公积金贷款；反之也是一样，如果使用了公积金贷款就不能提取公积金。但是还有一种情况是，之前买首套房时提取了公积金，二套房是可以使用住房公积金的。</t>
  </si>
  <si>
    <t>小儿急疹能见风吗</t>
  </si>
  <si>
    <t>是风疹，用皮炎洗剂1:40（凉水）敷于患处即可。一周之内就可以消除，不留后遗症。平时注意避风寒，调饮食，主要是小儿免疫力差引起的。</t>
  </si>
  <si>
    <t>你好，幼儿急疹不能够见风。</t>
  </si>
  <si>
    <t>幼儿急疹不用避风。</t>
  </si>
  <si>
    <t>阿里云邮箱可以群发吗</t>
  </si>
  <si>
    <t>可以利用阿里云在双翼邮件群发软件上使用。</t>
  </si>
  <si>
    <t>客户数是多少，太多数量是不行的。</t>
  </si>
  <si>
    <t>三本属于全日制本科吗</t>
  </si>
  <si>
    <t>三本是全日制本科。</t>
  </si>
  <si>
    <t>当然属于~~全日制就是你在学校全日制上的</t>
  </si>
  <si>
    <t>肯定是本科啊，是全日制的本科。</t>
  </si>
  <si>
    <t>算！以后可以直接考研</t>
  </si>
  <si>
    <t>三本是本科</t>
  </si>
  <si>
    <t>全日制本科包括三本。</t>
  </si>
  <si>
    <t>算的，三本独立学院，也是国家认可的全日制普通高校，属于“全日制国民教育”高校。</t>
  </si>
  <si>
    <t>驾照6年换10年</t>
  </si>
  <si>
    <t xml:space="preserve">新版机动车驾驶证正证上直接标明有效期，分别是六年、十年或长期。 </t>
  </si>
  <si>
    <t>驾驶证C1年满6年可以申请换10年的</t>
  </si>
  <si>
    <t>　机动车驾驶证有效期分为6年期、10年期和长期。　　第一次换证是六年，如驾驶员在六年的记分周期内均未达到满分，车管所将换发有效期十年的驾驶证，如驾驶员在十年的记分周期内均未达到满分，车管所将换发长期驾驶证。</t>
  </si>
  <si>
    <t>不能。6年无记12分记录换10年，10年无记12分记录换长期。</t>
  </si>
  <si>
    <t>抢生会开除公职吗</t>
  </si>
  <si>
    <t>目前国家只是放开了二胎生育，未经审批的二胎以上生育仍然是违法的。计划生育仍然是国策，只是具体内容有了调整而已。</t>
  </si>
  <si>
    <t>一般不会，不会去死卡那个二胎放开的具体时间的。</t>
  </si>
  <si>
    <t>各地处理情况不一样</t>
  </si>
  <si>
    <t>这要看当地政策</t>
  </si>
  <si>
    <t>违反本条例规定生育或者有其他违反计划生育行为，属国家工作人员的；情节严重的。行政处分包括了开除处分，要结合当地的规定和具体情节确定全面二孩前抢生的公职人员存在被开除可能性，还应当给予行政处分.</t>
  </si>
  <si>
    <t>现在政策放宽了，如果缴纳了社会抚养费，也没必要像前几年抓那么紧开除公职了</t>
  </si>
  <si>
    <t>年龄是离散变量吗</t>
  </si>
  <si>
    <t>是…………</t>
  </si>
  <si>
    <t>年龄应该是连续型变量的呀</t>
  </si>
  <si>
    <t>年龄是离散型变量。</t>
  </si>
  <si>
    <t>按照中国人习惯，年龄一般取整数年龄，如21、22、23、24、25，则属于离散型变量，而如果按照国外习惯，年龄取整数年龄+月+天的形式，如21岁6个月18天，则应该归类于连续型变量。</t>
  </si>
  <si>
    <t>得过药物性肝炎可以买保险吗</t>
  </si>
  <si>
    <t>只要身体已经受损，那么必须告知，有可能让你买，但是此项疾病免赔！</t>
  </si>
  <si>
    <t>应该不行</t>
  </si>
  <si>
    <t>如实告知，等待核保。</t>
  </si>
  <si>
    <t>建议如实告知保险公司，保险公司会根据具体情况来决定是否予以投保，或者增加保费。一般痊愈者投保是可以的，不过保险公司在办理投保的时候都会比较谨慎，不能存在骗保的行为，否则也会影响到投保人的理赔。</t>
  </si>
  <si>
    <t>海藻补水效果好吗</t>
  </si>
  <si>
    <t>海藻面膜补水效果不错。</t>
  </si>
  <si>
    <t>补水是补水就是不持久。</t>
  </si>
  <si>
    <t>个人肌肤不同，看吸收怎么样。</t>
  </si>
  <si>
    <t>有啊。</t>
  </si>
  <si>
    <t>纯海藻，没啥补水效果的！</t>
  </si>
  <si>
    <t>刚敷完海藻颗粒的面膜，皮肤摸起来水水的，但是一定要再擦护肤的水乳才能锁住水分，要不然就干干的。</t>
  </si>
  <si>
    <t>怀孕能吃折耳根吗</t>
  </si>
  <si>
    <t>孕妇是可以吃折耳根的。但是，注意，折耳根因为有特殊的气味，如果孕妇受不了这个味的话，可以选择不吃</t>
  </si>
  <si>
    <t>可以吃，但不可以大量长期吃，正所谓物极必反，折耳根必竟有其偏性。</t>
  </si>
  <si>
    <t>一天最多吃一次，也不能天天吃。　孕妇并不是绝对禁止吃辣椒，但应适量，以免刺激肠胃、引起便秘、加快血流量等。</t>
  </si>
  <si>
    <t>是可以服用的，不要吃一些糖分过高的食物，合理控制饮食。是可以吃的 但是什么东西都要有个度不能过量。</t>
  </si>
  <si>
    <t>慎吃。鱼腥草做蔬菜食用能提高免疫力的作用，孕期食用对健康有一定的好处。但是气味比较严重，有些准妈妈可能适宜不了味道会加重孕吐反应。另外鱼腥草属于寒性草药，准妈妈还是要少吃。</t>
  </si>
  <si>
    <t>圣杯战争好看吗</t>
  </si>
  <si>
    <t>很好看，但本人只喜欢看fate stay night第一季，虐心好看。</t>
  </si>
  <si>
    <t xml:space="preserve"> 很好看的</t>
  </si>
  <si>
    <t>过期的眼影能用吗</t>
  </si>
  <si>
    <t>免疫力强的人就没什么事，免疫差的可能造成眼部皮肤过敏等.......</t>
  </si>
  <si>
    <t>你可以把眼影压碎成粉状，装入小瓶子，日后作眼影粉使用不带亮片的粉色、橙色等暖色眼影可以替代胭脂；黑灰、蓝、咖啡色系眼影可以粘水当下眼线使用；灰、咖啡色与棕色系用作眉粉；亮色眼影可以打在眉骨做调整明暗度使用；红紫色眼影可在油质较多的唇膏中创造雾光或粉质的效果。</t>
  </si>
  <si>
    <t>彩妆过期最主要的表现就是附着力下降，其他也没什么</t>
  </si>
  <si>
    <t>不要用，眼睛周围的皮肤是最脆弱的， 过期的眼影会有大量细菌滋生，再次使用的话，可能会过敏！到时候就得不偿失了！</t>
  </si>
  <si>
    <t>只要还不会掉的很厉害就都可以用吧，没有什么过期不过气的</t>
  </si>
  <si>
    <t>眼影的保质期一般都是很长的，皮肤底子不错的妹子用的话就算是过期也不会发现有什么异常的 。应该是没有太大问题的。但是如果是膏状的那种眼影，过期就不能用了。</t>
  </si>
  <si>
    <t>可以，正规商场，也是重新标签</t>
  </si>
  <si>
    <t>一定不可以使用。</t>
  </si>
  <si>
    <t>正常是可以使用的，因为粉质的东西不会被皮肤吸收，眼影是打在最外层的，化彩妆的时候已经做好了底妆保护，所以是可以使用的。</t>
  </si>
  <si>
    <t>不建议使用，尤其是眼部化妆品，因为眼周肌肤本来就脆弱，上妆前也须必要的护理，晚间也须首先卸妆才能确保安全，过期的护肤品可能会存在更多的隐患，不用为妥。</t>
  </si>
  <si>
    <t>钢化膜是不是很厚</t>
  </si>
  <si>
    <t>比较厚，一般有2毫米和3毫米的</t>
  </si>
  <si>
    <t>钢化玻璃膜厚度一般在0.3mm～0.4mm之间，比普通的膜要后一些也要硬一些，但由于厚度并不大（只是相对于普通膜来说要大些）,所以硬度并没有那么大。</t>
  </si>
  <si>
    <t>不是！是又薄又硬</t>
  </si>
  <si>
    <t>明净多功能清洗剂好吗</t>
  </si>
  <si>
    <t>看你用什么质量 的</t>
  </si>
  <si>
    <t>清洗剂还是得看哪个品牌的吧</t>
  </si>
  <si>
    <t>男人离开情人会难受吗</t>
  </si>
  <si>
    <t>难受是肯定会的，但是如果有家室，本着负责任的态度，再怎么难受也得忍受</t>
  </si>
  <si>
    <t>毕业了还能考教师资格证吗</t>
  </si>
  <si>
    <t>应该是可以的。如果您的学历符合相应的报考层次，另外您有相应的普通话证书就是可以报考的。</t>
  </si>
  <si>
    <t>毕业之后可以继续报考教师资格证，</t>
  </si>
  <si>
    <t>可以的.关注一下各个地区的教师资格证考试网站，那上面很清楚.</t>
  </si>
  <si>
    <t>毕业了也是可以报考教师资格证的，只要学历符合《教师法》中的规定就可以。另外，还需要有普通话等级证（需达到二级乙等以上）。</t>
  </si>
  <si>
    <t>大专及其以上学历即可报名参加教师资格证考试。</t>
  </si>
  <si>
    <t>宝马耐撞吗</t>
  </si>
  <si>
    <t>佐匹克隆有依赖性吗</t>
  </si>
  <si>
    <t>长期服用佐匹克隆片，跟其它安眠药是一样，有依赖性的！</t>
  </si>
  <si>
    <t>这个药是唯一的非处方安眠药，没什么副作用且可以长期服用，不产生依耐性（当然还是有副作用的）。</t>
  </si>
  <si>
    <t>药不存在依赖性，就像桌子不存在依赖性一样，我们不能说药依赖人，依赖是针对人而言的，是指人依赖于药物。</t>
  </si>
  <si>
    <t>具有一定的依赖性</t>
  </si>
  <si>
    <t>会有依赖的</t>
  </si>
  <si>
    <t>比特币现在还有人玩吗</t>
  </si>
  <si>
    <t>有，不是玩的，是可以用的，在国外。。。</t>
  </si>
  <si>
    <t>有，不是玩的，是可以用的，在国外</t>
  </si>
  <si>
    <t>胡歌会上跑男吗</t>
  </si>
  <si>
    <t>可能吧，他也很少参加这种娱乐节目，特别是这种药长期录制的，应该不会的可能性大</t>
  </si>
  <si>
    <t>要看制作方及胡歌双方的意见</t>
  </si>
  <si>
    <t>每天喝益力多好吗</t>
  </si>
  <si>
    <t>我主观的认为,适量喝,好的东西喝多的不一定就对身体好.适量喝才能达到效果.</t>
  </si>
  <si>
    <t>帮助胃肠消化</t>
  </si>
  <si>
    <t>没好处，这款奶添加剂多，喝多比喝可乐还恐怖</t>
  </si>
  <si>
    <t>虽然好喝，不过还是要注意量，就好像鸡蛋一天也不可以多吃，同一个道理的</t>
  </si>
  <si>
    <t>没啥好处</t>
  </si>
  <si>
    <t>滑旱冰能减肥吗</t>
  </si>
  <si>
    <t>滑旱冰能减肥，滑旱冰不仅是一项很时尚的运动，并且是一种有效的瘦身运动方式。它作为一种有氧耐力运动，对人的背肌、臀肌、大腿内侧不但可达到很好的健身效果，并且能有效燃烧这些部位的多余脂肪。</t>
  </si>
  <si>
    <t>可以的。。。。。。。。。。但是要坚持才行的</t>
  </si>
  <si>
    <t>我个人感觉不能</t>
  </si>
  <si>
    <t>可以减肥，溜冰可以使腿、手臂乃至全身得到锻炼。</t>
  </si>
  <si>
    <t>牛皮可以吃吗</t>
  </si>
  <si>
    <t>当然能吃，还非常好吃。</t>
  </si>
  <si>
    <t>可以吃啊</t>
  </si>
  <si>
    <t>牛皮也是可以食用的</t>
  </si>
  <si>
    <t>胎心150正常吗</t>
  </si>
  <si>
    <t>一般胎心率在130～165次/分钟这个区间内都是正常的</t>
  </si>
  <si>
    <t>胎心就是胎儿的心跳，一般在17-20周可以在腹部用一般的听诊器听到胎心。胎心在120－－160次/分，有时还要快些，也不太规律，到怀孕末期就规律多了。有时会有短暂的停跳，或速度达到180次/分，属正常现象。</t>
  </si>
  <si>
    <t>不一定，只是有可能，可能性相对比例较大</t>
  </si>
  <si>
    <t>普通玻璃能做鱼缸吗</t>
  </si>
  <si>
    <t>自制鱼缸全是普通玻璃制作，只是根据缸大小，选择玻璃品种和厚度不一样。</t>
  </si>
  <si>
    <t>厚度要够，玻璃尺寸拉准，涂胶要均匀。</t>
  </si>
  <si>
    <t>自制鱼缸全是普通玻璃制作，只是根据缸大小，选择玻璃品种和厚度不一样</t>
  </si>
  <si>
    <t>普通玻璃做鱼缸，最小厚度在10mm以上安全。</t>
  </si>
  <si>
    <t>小米账号只能用手机注册吗</t>
  </si>
  <si>
    <t>小米帐号只能手机号注册。</t>
  </si>
  <si>
    <t>不是，你买来的时候系统就会有一个的</t>
  </si>
  <si>
    <t>有手机号码注册和电子邮箱注册两种方式</t>
  </si>
  <si>
    <t>不是的，小米账号可以用电子邮箱注册，也可以用手机号注册，不一定要小米手机注册。</t>
  </si>
  <si>
    <t>不需要的，只要有手机号码就可以注册和绑定的，</t>
  </si>
  <si>
    <t>不一定用小米手机进行注册</t>
  </si>
  <si>
    <t>不是。电脑也可以。www.mi.com点击右上角注册。</t>
  </si>
  <si>
    <t>用手机号注册方便一点，也容易记，所以现在的小米账号都是用手机号注册的</t>
  </si>
  <si>
    <t>同房十一天出血是宫外孕吗</t>
  </si>
  <si>
    <t>应该不是。</t>
  </si>
  <si>
    <t>肯定不是宫外孕.</t>
  </si>
  <si>
    <t>京东商城的笔记本是正品吗</t>
  </si>
  <si>
    <t>只是一个电商，是一个网络购买商城，要想买到正品就要看你自己的判断力和老板了。</t>
  </si>
  <si>
    <t>是正品，应该比较放心，但如果屏的边角有3个以下坏点，是无法退换的。</t>
  </si>
  <si>
    <t>京东自营的基本没问题，你可以直接去售后检测下</t>
  </si>
  <si>
    <t>是，有发票</t>
  </si>
  <si>
    <t>京东商城自己提供发货的基本都是正品行货，即便出了问题也可以很方便的解决。如果是京东第三方商家，而非京东提供发货和售后支持质量是很难保证；出了问题也会很麻烦，这个我亲身经历过，体会深刻，必须吐槽京东第三方商家。</t>
  </si>
  <si>
    <t>立秋后还能吃姜吗</t>
  </si>
  <si>
    <t>恩，可以啊，姜可以温脾化湿，秋天不吃姜是因为怕姜的热伤阴，你的体质没事，不要太过就好了，</t>
  </si>
  <si>
    <t>吃姜有两忌，一是“晚不吃姜”，二是“秋不吃姜”。中医指出，一天之内，夜不食姜，一年之内，秋不食姜。夜间，人身阳气收敛，阴气外盛，这时若吃姜就违反生理规律，所以有“夜晚吃生姜，等于吃砒霜”之说。秋天多燥，燥气伤肺，口食生姜，辛温发散，以泻肺气，无异于助纣为虐，故古人说“秋姜夭人天年”。</t>
  </si>
  <si>
    <t>功放功率越大越好吗</t>
  </si>
  <si>
    <t>音响功率越大其保真音量会越大，音色也会越好。</t>
  </si>
  <si>
    <t>从理论上说，是功率越大越好的</t>
  </si>
  <si>
    <t>不是，功放功率太大，功放的晶体管便处于休眠冷电子状态，音质会较差，且越大越差。</t>
  </si>
  <si>
    <t xml:space="preserve">不是 </t>
  </si>
  <si>
    <t>从理论上说，是功率越大越好的。</t>
  </si>
  <si>
    <t>不是的，合适为好。</t>
  </si>
  <si>
    <t>鸿鹤大豆油是地沟油吗</t>
  </si>
  <si>
    <t>目前这个品牌没有发现假冒产品。质量很好，不是地沟油，也不是小企业生产的。</t>
  </si>
  <si>
    <t>不是，现在地沟油如过街老鼠，上面查的那么紧，基本上不会有，除非他不想活了。所以现在的正规油品还是相对比较安全的。</t>
  </si>
  <si>
    <t>阿胶发霉了还能吃吗</t>
  </si>
  <si>
    <t>阿胶长毛就如同食物长毛一\x0d样,是变质了的,不可食用正品阿胶\x0d阿胶膏一般是放冰箱冷藏，冷藏不是冷冻，冷藏不好长了毛就说明霉变了，即使是一\x0d小部分，病菌已经深入所有部位了，包括没长毛的地方。</t>
  </si>
  <si>
    <t>建议不要吃的，本来就是为了补身体的，到时候吃出毛病的划不来的。</t>
  </si>
  <si>
    <t>发生霉变的东西是不能吃的，食物发霉会产生很多有害或无害细菌。</t>
  </si>
  <si>
    <t>吃呀。别浪费了！</t>
  </si>
  <si>
    <t>最好是不要吃了，不管是补药还是其他的东西，发霉了都不要吃了。</t>
  </si>
  <si>
    <t>吃叶绿素好吗</t>
  </si>
  <si>
    <t>挺好的，排毒效果显著！</t>
  </si>
  <si>
    <t>效 果 很 好 的 ，便 秘 一 族 的 福 音 。</t>
  </si>
  <si>
    <t>惩戒可以惩戒英雄么?</t>
  </si>
  <si>
    <t>能 要附魔深寒惩戒或游击者的军刀后就可以打敌方英雄了</t>
  </si>
  <si>
    <t>貌似不能吧！</t>
  </si>
  <si>
    <t>普通惩诫只能对野怪和小兵释放，买打野刀升级成寒冰惩诫后可以对英雄释放</t>
  </si>
  <si>
    <t>打野刀升级成红色或蓝色就能对英雄用</t>
  </si>
  <si>
    <t>太阳能发电能赚钱吗</t>
  </si>
  <si>
    <t>武魂2收费吗</t>
  </si>
  <si>
    <t>虽然说是道具收费 但是比较坑钱。完全不花钱做不到 500块能玩的差不多 需要很高操作的一个游戏＃＃商城，和武魂是一样的，国产游戏就是商城收费模式最赚钱</t>
  </si>
  <si>
    <t>波力海苔可以做寿司吗</t>
  </si>
  <si>
    <t>片状的海苔都能做，能把材料都卷起来，但海苔要是太碎或太薄会破的……</t>
  </si>
  <si>
    <t>可以，片状的海苔都能做。</t>
  </si>
  <si>
    <t>片状的海苔都能做，能把材料都卷起来，海苔要是太碎或太薄会破的</t>
  </si>
  <si>
    <t>美瞳带度数吗</t>
  </si>
  <si>
    <t>度数不准确的美瞳很伤眼睛，度数增加很快。</t>
  </si>
  <si>
    <t>可以有度数</t>
  </si>
  <si>
    <t>正常都有的，度数相差有不一样的</t>
  </si>
  <si>
    <t>有的美瞳是没有度数的</t>
  </si>
  <si>
    <t>一般美瞳的度数区间在0~800度或1000度之间</t>
  </si>
  <si>
    <t>刮宫后第二次耒月经还要吃益母草或者红糖水吗</t>
  </si>
  <si>
    <t>您如果月经量过少的话，可以适当的口服益母草颗粒，可以喝点红糖水，另外注意腹部的保暖，月经干净后可以做个子宫附件超声复查。</t>
  </si>
  <si>
    <t>可以使用益母草类药物治疗的，可以帮助排除宫内残留。</t>
  </si>
  <si>
    <t xml:space="preserve">最好是喝 </t>
  </si>
  <si>
    <t>宜家沙发贵吗</t>
  </si>
  <si>
    <t>宜家家具的贵是显而易见的</t>
  </si>
  <si>
    <t>宜家发源地瑞典的首都，以它命名的系列是一个有着浓厚北欧风格系列的产品，档次偏高。价格是要比其它系列产品贵一些。</t>
  </si>
  <si>
    <t>便宜吧，宜家主打就是实惠，一般商品都不贵。</t>
  </si>
  <si>
    <t>女生需要练胸肌吗</t>
  </si>
  <si>
    <t>女生当然可以练胸肌了，让胸部紧致，显得更健康，更有活力。</t>
  </si>
  <si>
    <t>可以的啊 不过必须要坚持</t>
  </si>
  <si>
    <t>可以啊，好看</t>
  </si>
  <si>
    <t>这个看胸的大小吧</t>
  </si>
  <si>
    <t>汽车发动机保护板有必要装吗?</t>
  </si>
  <si>
    <t>当然有用，除非你能确定你的汽车底盘够高 ，当然你也要确定你装的保护板够好</t>
  </si>
  <si>
    <t>请问你是指发动机车底下的护板吗？如果原车没有的话，严格来说，不需要装，如果想装的话，不建议装金属的，因为会影响车身的碰撞能量吸收。</t>
  </si>
  <si>
    <t>有人说最好不要安装，因为会影响到车辆发生事故时发动机的下沉，也有人说最好安装一下，因为这样可以起到保护作用。</t>
  </si>
  <si>
    <t>这个还是有必要安装的！可以保护部分底盘和发动机，变速箱油底壳，冬天还可以防止老鼠等动物在底盘爬上发动机舱。</t>
  </si>
  <si>
    <t>原车不带的话，不建议安装。</t>
  </si>
  <si>
    <t>建议安装</t>
  </si>
  <si>
    <t>安装发动机护板有好处，但是也有可能有隐患。所以是否选择安装发动机护板，具体看使用情况。</t>
  </si>
  <si>
    <t>吃完螃蟹能吃香蕉吗</t>
  </si>
  <si>
    <t>吃螃蟹是可以吃香蕉的</t>
  </si>
  <si>
    <t>吃螃蟹可以吃香蕉的</t>
  </si>
  <si>
    <t>别，闹肚子</t>
  </si>
  <si>
    <t>可以，没问题</t>
  </si>
  <si>
    <t>不能,香蕉具有通润肠道的作用，如果和大闸蟹一起吃，会加倍的润滑肠胃，导致腹泻。故两者不能一起吃。</t>
  </si>
  <si>
    <t>港龙航空有飞机餐吗</t>
  </si>
  <si>
    <t>国泰和港龙的航班是有餐食的。午餐和晚餐时间有正餐提供，其他时间提供小吃甜点以及饮料</t>
  </si>
  <si>
    <t>飞行时间超过两个小时以上就有餐点，热餐。短途两小时以内，就有饼干和花生等小吃。</t>
  </si>
  <si>
    <t>早上10点包早餐晚上10点包晚餐</t>
  </si>
  <si>
    <t>买房 如果签了合同 但是贷款没有办下来 可以退钱吗</t>
  </si>
  <si>
    <t>如果是你的征信问题被银行拒贷,开发商可以退费,且退回你交的所有钱</t>
  </si>
  <si>
    <t>如果你的贷款放了,是不能退的.退的话就是违约</t>
  </si>
  <si>
    <t>这个问题不能简单回答能不能退，要根据具体的情况进行分析。原则上，合同一经签订，没有约定或法定的解除条件是不能退房的。所谓约定是指合同约定可以退房的情形。法定是指《合同法》及相关司法解释规定的可以解除的合同。</t>
  </si>
  <si>
    <t>大象吃肉吗</t>
  </si>
  <si>
    <t>大象——哺乳动物，是陆地上现存最大的动物，耳朵大，鼻子长圆筒形，能蜷曲，多有一对长大的门牙伸出口外，全身的毛很稀疏，皮很厚，吃嫩叶和野菜等。绝不食肉!</t>
  </si>
  <si>
    <t>以草为食，大象不吃肉</t>
  </si>
  <si>
    <t>大象有时候吃肉！</t>
  </si>
  <si>
    <t>一般不吃</t>
  </si>
  <si>
    <t>csol玩的人多吗</t>
  </si>
  <si>
    <t>人还算多。</t>
  </si>
  <si>
    <t>大约同时在线有个几十来万，电信一区二区都是人特别多的服务器，网通一区也挺多人，网通二区和电信三区都很少人，电信三区堪称鬼服</t>
  </si>
  <si>
    <t>不怎么多，因为画面效果跟不上</t>
  </si>
  <si>
    <t>没有什么人玩了</t>
  </si>
  <si>
    <t>cad中可以插入图片吗</t>
  </si>
  <si>
    <t>视图软件打开图片，复制图片，打开cad，编辑－－－－－选择性粘贴－－－－位图，确定,如此插入，文件在其它电脑上也能看见图片。其它方式会造成在别的电脑上打开cad文件时，不显示图片。</t>
  </si>
  <si>
    <t>CAD中插入图片步骤：1、进入cad操作页面，点击插入--光栅图像2、进入所要插入图片的路径，选择要插入图片；3、点击确定后，在操作页面选择“在屏幕上指定”；4、点击确定cad操作页面点击插入点后，屏幕左下角命令栏中会出现“指定缩放比例因子”，可根据自己需要进行图片大小缩放；5、确定比例因子后，图片将插入在cad页面。</t>
  </si>
  <si>
    <t>将JPG图片导入CAD中： 1、直接对图片进行复制粘贴。 2、用以下命令： imageattach 回车。 寻找路径及图片，导入时指定参照点位置(图的左下角是缺省)，指定比例，回车。 提示：ACAD是矢量图工作软件，而jpg格式是位图，不能直接用ACAD编辑图里面的内容。 3、“插入”——“OLE对象”——“图片”就可以了。 4、将图片转为CAD格式，有两种方法： A. 用Adobe公司的Streamline软件，可直接将像素位元图转为AI线条档，再用Illustrator软件打开AI档，转换为DXF或DWG文件。 B. 直接用Illustrator软件打开像素位元图，步骤如下： a用Illustrator软件打开图片。 b按“V”快捷键，启动选择功能;然后选中图片。 c点开桌面顶部菜单栏下属性栏中的“实时扫摹”旁边小三角，选择选项中的“详细插图”。 d再点属性栏中的“扩展”按钮。此时就会将图片中两种颜色中间的边线转为线条。 e选择“文件”菜单下的“导出”选项， 然后再选择导出文件的类型为“DWG”或“DXF”; 再选择“保存”，会弹出“DWG/DXF选项‘对话框，选择CAD版本、颜色数、栅格文件格式、等，可不用理会，直接选择”确定“即可。 f进入CAD修改线条。 5、从网上找此软件，wintipo</t>
  </si>
  <si>
    <t>其实要想将图片插入CAD中并永久保存，很简单，就是将图像以OLE的方式嵌入到CAD图纸中即可。</t>
  </si>
  <si>
    <t>做胃镜有害吗</t>
  </si>
  <si>
    <t>胃镜检查如果经验不足操作不够轻柔的话，一般对咽喉和胃部粘膜有损伤！</t>
  </si>
  <si>
    <t>插管检查胃，可能刺激消化道粘膜，很快会恢复。胃部疾患，诊断不清，下胃管是最好的办法，直观，为了确诊，下胃管的伤害不算大</t>
  </si>
  <si>
    <t>确切的说是有的,只是大小而已,我曾经做过而且拉伤的我的胃,好几天晚上睡不着觉,而且要吃点面包才能缓解胃疼.＃＃这是一种辅助检查，在一些发达国家甚是常规体检之一，对人体是无害的，只是会有并发症的可能，如消化道出血等（PS：这年头喝水都能呛死人的），大医院的医生经验丰富，并发症可能小，不过做胃镜很难受，建议做无痛的＃＃用仪器对体内做检查，或多或少对身体都有伤害。但这个问题不能简单的用有害和无害回答。做胃镜是医生确诊的一种手段，为了对症下药，在拿不准的情况下，只好借助做胃镜。就像吃药，都知道十药九毒，该吃还得吃。</t>
  </si>
  <si>
    <t>胃镜是检查身体的基本工具，但长长的管道从病人口腔伸延至胃部，过程绝不好受，大部分病人在检查後出现喉咙痛不适，自此对胃镜检查大感害怕。</t>
  </si>
  <si>
    <t>接受胃镜检查没有想像中的可怕,而且非常值得</t>
  </si>
  <si>
    <t>棋牌室合法吗</t>
  </si>
  <si>
    <t>关键看你开的棋牌室里面是否有违法甚至犯罪活动。如果棋牌室里仅提供一般的娱乐活动，则是正当经营，但如果像你所说，进行赌博活动，那肯定是违法的。</t>
  </si>
  <si>
    <t>棋牌室完全走的是法律的边缘，说不上合法也说不上违法。</t>
  </si>
  <si>
    <t>1、如果很小数额的打麻将，属于一种娱乐活动，不属于刑事犯罪；2、虽然不构成犯罪，但是影响居民的正常生活，已经侵犯了其他的居民的休息权，其他人向法院起诉要求棋牌室停止侵害，赔偿精神损失；3、如果打麻将数额较大，有赌博之嫌，则棋牌老板可能涉嫌赌博罪，会被追究刑事责任。</t>
  </si>
  <si>
    <t>在棋牌室打麻将，首先要取得公安机关的许可才可以。否则就是聚众赌博了</t>
  </si>
  <si>
    <t>不算，赌博罪，是指以营利为目的，聚众赌博、开设赌场或者以赌博为业的行为。对于虽然多次参加赌博，但输赢不大，不是以赌博为生活或主要经济来源的；或者行为人虽然提供赌场、赌具，本人未从中渔利的，都不能认定赌博罪。</t>
  </si>
  <si>
    <t>开棋牌室本身不犯法，属正当经营，如果接触到赌博就犯法了</t>
  </si>
  <si>
    <t>360云盘可以断点续传吗</t>
  </si>
  <si>
    <t>可以的，断了后再连接可以接着下载，不用重新开始。</t>
  </si>
  <si>
    <t>360云盘是可以断点续传的，只要不重命名源文件，不更改源文件路径就行。</t>
  </si>
  <si>
    <t>360云盘网页版不支持断点续传。但是本地客户端支持断点续传的。</t>
  </si>
  <si>
    <t>不会上传，只有再次打开继续上传，支持断点传续。</t>
  </si>
  <si>
    <t>360云盘是支持断点续传</t>
  </si>
  <si>
    <t>小孩坐动车要不要买票</t>
  </si>
  <si>
    <t>据新版铁路有关规定，承运人一般不接受儿童单独旅行(乘火车通学的学生和承运人同意在旅途中监护的除外)。随同成人旅行身高1.2～1.5米的儿童，享受半价客票、加快票和空调票(以下简称儿童票)。超过1.5米时应买全价票。每一成人旅客可免费携带一名身高不足1.2米的儿童，超过一名时，超过的人数应买儿童票。儿童票的座别应与成人车票相同，其到站不得远于成人车票的到站。免费乘车的儿童单独使用卧铺时，应购买全价卧铺票，有空调时还应购买半价空调票。</t>
  </si>
  <si>
    <t>随同成人旅行身高1.2～1.5米的儿童，应当购买儿童票。超过1.5米时应买全价票。每一成人旅客可免费携带一名身高不足1.2米的儿童，超过一名时，超过的人数应买儿童票。儿童票的座别应与成人车票相同，其到站不得远于成人车票的到站。</t>
  </si>
  <si>
    <t>不足1.2米的儿童不需要买票，高于1.2到1.5米的需要买儿童票。1.5米以上是成人票。</t>
  </si>
  <si>
    <t>身高1.2米以下儿童，可以免票乘坐火车，无须任何证件，不享有席位。身高1.2-1.5米儿童，可以使用随行成人身份证件购买儿童票乘车，享有席位；硬座儿童票价为成人票价50%，硬卧票价约为成人票价70%。</t>
  </si>
  <si>
    <t>女人60还有性欲吗</t>
  </si>
  <si>
    <t>你身体好就会有性欲！</t>
  </si>
  <si>
    <t>要看保养的好不好</t>
  </si>
  <si>
    <t>绝经期到了，就没有了。</t>
  </si>
  <si>
    <t>每个女人 不大一样的</t>
  </si>
  <si>
    <t>有锁骨好看吗</t>
  </si>
  <si>
    <t>岩棉板有毒吗</t>
  </si>
  <si>
    <t>1、呼吸系统危害: 接触岩棉的工人均可出现x线胸片改变：即尘肺改变。2、皮肤危害: 玻璃纤维工人多发生接触性皮炎，但部分工人可以逐渐耐受，称为"硬化现象。对皮肤损害的程度，依纤维直径和表面粗糙性而异，目前公认，纤维直径超过5μm，才具有明显刺激作用。接触玻璃纤维、岩棉的工人，有少数人出现皮肤过敏。3、眼睛及粘膜危害: 接触玻璃纤维等工人可患结膜炎和角膜炎，严重者可见角膜混浊和局部脓肿。自患者眼内可以冲洗出直径3μm以下的纤维。对患者眼球的病理检查，可见角膜上皮细胞增生，结膜液粘蛋白含量增加，表明是机械性刺激作用。其危害不容忽视，所以工作人员施工的时候要注意个人防护！</t>
  </si>
  <si>
    <t>岩棉是一种无机纤维，具有环保，安全，绿色，对身体是没有害处的</t>
  </si>
  <si>
    <t>岩棉是一种无机纤维，具有环保，安全，绿色，对身体是没有害处的，但是施工人员还是要注意的，因为施工的时候岩棉有细小的纤维，我们少量吸入是不会对人体造成伤害，如果天天施工大量吸入就会对肺产生不利影响，但是我们只要戴个口罩或者用其他的方法适当防护是可以避免岩棉伤害的。</t>
  </si>
  <si>
    <t>岩棉是无毒害的。岩棉一种非晶态的人造纤维，世界卫生组织已经就岩棉纤维是否致癌进行了大量研究，结果清楚表明：岩棉纤维不是致癌物。另外，欧洲权威机构已经在这个问题上有几十年的研究经历，也没有任何证据说明岩棉具有致癌性。</t>
  </si>
  <si>
    <t>怀孕期间可以喝碧生源常润茶吗</t>
  </si>
  <si>
    <t>肯定是不要喝的哦</t>
  </si>
  <si>
    <t>怀孕不能喝碧生源常润茶</t>
  </si>
  <si>
    <t>怀孕期间做好不要喝茶，不管是哪种茶，多喝水，放松心情，定期门诊检查。孕期饮食忌辛辣刺激性食物和生冷食物。避免着凉。</t>
  </si>
  <si>
    <t>孕妇便秘最好不用药物治疗，告别便秘，改变饮食结构就能逐渐缓解。</t>
  </si>
  <si>
    <t>你好，怀孕初期是胎儿生长发育最重要的时期，这个时候服用药物很容易影响胎儿生长发育的。意见建议：建议最好定期做产检等，排除宝宝畸形等情况的可能。</t>
  </si>
  <si>
    <t>ix35好不好</t>
  </si>
  <si>
    <t>车子不错的.</t>
  </si>
  <si>
    <t>韩系车质量实在不怎么样.</t>
  </si>
  <si>
    <t>还不错，我订了2.4两驱版的，自己觉得这款性价比最高。</t>
  </si>
  <si>
    <t>车身钢板薄，底盘轻、高速时飘，连发动机护板都没有。我开始也准备买这个车，也就是这几种原因，我放弃了。同价位的车，建议你买CR-V或途观，实在不行RAV4都比I35</t>
  </si>
  <si>
    <t>车挺好的，省油，漂亮，保养便宜.</t>
  </si>
  <si>
    <t>工程监理专业好吗</t>
  </si>
  <si>
    <t>不好！监理行业已经到了进退两难、举步维艰的境地了。</t>
  </si>
  <si>
    <t>目前，监理这个专业不好！</t>
  </si>
  <si>
    <t>就业前景：工程监理是近年来新兴的一个职业，随着我国对建筑、路桥施工质量监管的日益规范，监理行业自诞生以来就面临着空前的发展机遇，并且随着国家工程监理制度的日益完善有着更加广阔的发展空间。</t>
  </si>
  <si>
    <t>不要在监理干了，学不到东西，没钱，每个月等着施工方给点钱，还担着压力。</t>
  </si>
  <si>
    <t>监理工程师的市场需求仍然旺盛，在未来监理工程师仍是供不应求的，而监理工程师的薪资待遇也会得到很大程度的提高，如果你是一名监理工程师就一定会成为众多监理企业竞相争取的对象。</t>
  </si>
  <si>
    <t>华尔街会死吗</t>
  </si>
  <si>
    <t>道琼斯这几天涨了，他们不用死了。</t>
  </si>
  <si>
    <t>京东可以用财付通吗</t>
  </si>
  <si>
    <t>可以的，您可以在网站上选好您需要的东西，然后按照提示支付，最后只要您选择财付通支付就行了，个人觉得您的选择非常的正确，因为目前财付通支付是最为便宜的一种。</t>
  </si>
  <si>
    <t>目前京东不支持财付通支付，支持的付款方式有：1、京东白条2、可用余额3、银行卡4、合作支持：微信支付、银联在线支付和京东钱包。</t>
  </si>
  <si>
    <t>你从手机QQ的QQ钱包（也就是财付通），进入京东买东西，支付是就可以用财付通支付了</t>
  </si>
  <si>
    <t>不支持的</t>
  </si>
  <si>
    <t>现在京东购物不可以用财付通支付了，财付通是腾讯旗下的，和京东是直接竞争关系，腾讯的财付通就不能在京东用。</t>
  </si>
  <si>
    <t>可以的，京东商城支持用财付通支付的，同时支持的还有支付宝、网银、货到付款等等方式。</t>
  </si>
  <si>
    <t>孙俪和赵丽颖关系好吗</t>
  </si>
  <si>
    <t>我之前看过一篇标题是这样的文章，你想看可以上网页去搜，就讲关于争海润一姐的。但个人觉得纯属瞎扯，哪来那么多是是非非。</t>
  </si>
  <si>
    <t>主要是赵丽颖说话口无遮拦，有一次媒体采访问她对《甄嬛传》怎么看，赵丽颖直接回答一集没看过，估计这就是孙俪讨厌赵丽颖的原因吧</t>
  </si>
  <si>
    <t>谁说她讨厌丽颖？</t>
  </si>
  <si>
    <t>16000充电宝能带上飞机吗</t>
  </si>
  <si>
    <t>完全可以，不超过100Wh就可以，通常换算为20000mah。最多可带2个。</t>
  </si>
  <si>
    <t>20000毫安以下的移动电源是可以带上飞机的。</t>
  </si>
  <si>
    <t>可以带上飞机1，民航局规定：充电宝的额定能量小于100Wh无需航空公司批准即可登机；额定能量值在100至160Wh的充电宝，登机需经航空公司同意方可登机；大于160Wh的不允许登机，但每名旅客不得携带超过两个充电宝。2,16000mAh的充电宝额定能量为 5V*16Ah=80Wh，小于100Wh标准，因此可直接携带登机。</t>
  </si>
  <si>
    <t>可以登机的</t>
  </si>
  <si>
    <t>前列腺钙化要紧吗</t>
  </si>
  <si>
    <t>您好！前列腺的钙化一般多是由于前列腺慢性炎症感染后所形成，同时又容易引起反复发作的前列腺炎症感染。也是前列腺结石的前兆，前列腺部位的病变可以不同程度的影响到您的日常生活及性功能，应该及时治疗。</t>
  </si>
  <si>
    <t>前列腺钙化往往是是前列腺炎引起的，钙化就像身体皮肤的瘢痕一样，不会有什么影响的，不需要针对钙化进行处理。</t>
  </si>
  <si>
    <t xml:space="preserve"> 1、前列腺钙化会加重前列腺炎的症状。前列腺钙化的部位容易让细菌依附，大量繁殖，从而加重前列腺炎的症状，使前列腺炎反复难以治愈。 2、容易发展成前列腺结石。前列腺钙化发展到一定程度就会形成前列腺结石，一旦有前列腺钙化，往往是前列腺结石的预兆，所以要引起足够的重视，不能任其发展。 3、如果被检查出有前列腺钙化，建议患者在做个前列腺液的检查，如果身体出现异常症状，比如尿频尿急尿痛的症状的，严重的尿道口有分泌物，会阴部、大腿、腰骶部、腹股沟耻骨联合部胀痛，还有就是性功能障碍等，则建议到正规医院泌尿科就诊。</t>
  </si>
  <si>
    <t>可能会恶化。建议去医院检查</t>
  </si>
  <si>
    <t>淘宝上的佛牌是真的吗</t>
  </si>
  <si>
    <t>在中国的佛牌都是假的</t>
  </si>
  <si>
    <t>真假参半吧</t>
  </si>
  <si>
    <t>确实是假的，我都是找人代请的</t>
  </si>
  <si>
    <t>有的是假的！有的是真的！先看下信用再看下评价！</t>
  </si>
  <si>
    <t>近视该不该戴眼镜</t>
  </si>
  <si>
    <t>建议你一直戴着，眼镜起到的是一个矫正你视力的作用</t>
  </si>
  <si>
    <t>只是稍微有一点近视，不建议你佩戴眼镜，因为戴眼镜会越戴越严重。如果近视影响到你正常的生活、学习、工作等时，是可以选择戴眼镜的。</t>
  </si>
  <si>
    <t>用眼习惯与生活紧密相连的。首先看你度数高不高，200度左右的话看近处就不用戴眼镜，看远就必须带，300度以上就必须带了，因为你在看远的时候如果看不清楚就会虚着去看东西，使睫状肌一直处于高度调节状态，时间久了睫状肌疲劳了就会失去良好的调节力，久了就会造成弱视，这就以后戴眼镜都没办法挽回了。不要以为带了眼镜度数就会增长，越不戴才会增长。因为带了眼镜他能让你轻松看清楚远处，从而放松眼部肌肉。你说的下课不戴眼镜是因为他们用眼也不需要看太远的视物，如果他们看不清是肯定腰需要带的。然而你说的远视眼不是看远的清楚，然而看近的就不清楚，是因为聚焦成像问题，近视眼是像聚焦在了视网膜前方，而远视眼是聚焦在视网膜后面，所以都会导致看不清楚，所以可以通过凹凸透镜来使像成在视网膜上。</t>
  </si>
  <si>
    <t>尽量不要戴眼镜，眼睛的视力是可以恢复的，那叫做假性近视，如果确实是看不清，必须要佩戴眼镜的话，也请先精确的验光后再配框架眼镜。</t>
  </si>
  <si>
    <t>那要看度数了 100左右的那就平时要用眼和学习的时候戴 两三百的还是要戴下 学生用眼比较多 度数还是会增加的 多注意休息和用眼</t>
  </si>
  <si>
    <t>奥迪a4有红色吗</t>
  </si>
  <si>
    <t>有红色，而且红的很纯正</t>
  </si>
  <si>
    <t>红色的现在比较少，厂家基本上也不生产，比较难买到，而且现款的红色叫做火山红，是暗红色的，并不是所见到的亮红色</t>
  </si>
  <si>
    <t>有红色的。</t>
  </si>
  <si>
    <t>运动</t>
  </si>
  <si>
    <t>1b肺癌能治愈吗</t>
  </si>
  <si>
    <t>如果没有心肝肾等并发症，可以考接受4-6个周期的辅助化疗。不建议行靶向治疗，因为没有证据表明靶向治疗能改善预后</t>
  </si>
  <si>
    <t>首先对于肺癌包括肺腺癌，在临床上面根据转移的情况，进行分期，根据分化程度判断其恶性度，通常高分化代表恶性程度较低，预后较好。低分化则代表恶性程度较高，可能预后不够好。这个病人只知道分化情况，还不够全面，还需要了解分期才好确定术后的治疗方案。如果医生说分期在2期以上，则需要做术后化疗，必要时做放疗。免疫组化只要主要是用来帮助医生做诊断，病人无需过于关注具体数值。</t>
  </si>
  <si>
    <t>肺癌早期及时治疗，治愈的几率很大，但是发展到中晚期就很难说了，中晚期多发生转移，失去手术治疗的机会</t>
  </si>
  <si>
    <t>有治好的可能，现在治疗后五年生存率越来越高。肺癌虽然恶性程度高但是治疗方法也比较成熟，一般通过手术和化疗再配合中药治疗可以达到治疗和控制病情恶化的效果。</t>
  </si>
  <si>
    <t>经过手术治疗的所有1B期非小细胞肺癌患者，5年生存率大约为60%。</t>
  </si>
  <si>
    <t>2015年十一高速公路免费吗</t>
  </si>
  <si>
    <t>是的，2015年十一国庆节高速公路七座（含七座）以下小客车是不收费的，免费时段从10月1日零时开始、至10月7日24时结束共免费通行7天。</t>
  </si>
  <si>
    <t>是的，免费通行</t>
  </si>
  <si>
    <t>十一高速都免费的</t>
  </si>
  <si>
    <t>是的，2015年十一国庆长假高速公路七座（含七座）以下小客车是不收费的，免费时段从10月1日零时开始、至10月7日24时结束共免费通行7天。</t>
  </si>
  <si>
    <t>2015年十一国庆节高速公路七座（含七座）以下小客车是不收费的，免费时段从10月1日零时开始、至10月7日24时结束共免费通行7天。</t>
  </si>
  <si>
    <t>cpb孕妇可以用吗</t>
  </si>
  <si>
    <t>所有的成品面膜，都或多或少有添加剂，不然怎么保质呢。又有人说孕期不保养，衰老13年。这样的话还的保养。所以建议你DIY自制面膜,用我们的CUK果蔬面膜机，做的面膜是天然的无添加的面膜，安全健康！避免了传统面膜的安全隐患，告别荧光粉、告别激素、告别重金属,最主要还是不会对宝宝造成伤害。</t>
  </si>
  <si>
    <t>CPB除美白精华之外的所有产品，孕妇都可以用。</t>
  </si>
  <si>
    <t>最好用些专用的吧，如亲润啊</t>
  </si>
  <si>
    <t>口红是孕妇绝对不能用的</t>
  </si>
  <si>
    <t>最好不要用，想要美白肌肤可以采用激光嫩肤手术，激光嫩肤是新一代无损伤激光嫩肤仪。</t>
  </si>
  <si>
    <t>惠州昶园好吗</t>
  </si>
  <si>
    <t>广州有灰指甲医院吗</t>
  </si>
  <si>
    <t>广州华兴康复医院灰指甲科一般治疗3到5次，一天可以治疗1到2次，平均3到4天左右就可以祛除灰指甲。</t>
  </si>
  <si>
    <t>秒速5厘米好看吗</t>
  </si>
  <si>
    <t>很好的一部恋爱的片子</t>
  </si>
  <si>
    <t>个人感觉不是很好看</t>
  </si>
  <si>
    <t>非常好看，强烈建议你去看看。</t>
  </si>
  <si>
    <t>我个人认为秒速五厘米好看</t>
  </si>
  <si>
    <t>可以的，画面也很精致</t>
  </si>
  <si>
    <t>蛮感人的。 催泪</t>
  </si>
  <si>
    <t>wi10好用吗</t>
  </si>
  <si>
    <t>WIN10比8好用多，毛病少，个人感觉</t>
  </si>
  <si>
    <t>windows10还不太完善</t>
  </si>
  <si>
    <t>还不成熟，要不微软上赶着让你们用，就是为了测试系统，不建议用，等成熟在用，看他们用经常出现问题的，反正不是这出问题，就是那出问题，还蓝屏等。</t>
  </si>
  <si>
    <t>WIN10目前暂时不如WIN7好用，在大众常用的PC平台上，WIN10的兼容性、使用体验等方面暂时不行，在平板系统中，也不如安卓和苹果平台丰富。但WIN10也是一种具有创新理念的系统。</t>
  </si>
  <si>
    <t>好用，用了就知道</t>
  </si>
  <si>
    <t>不好 不稳定.</t>
  </si>
  <si>
    <t>近亲可以做爱吗</t>
  </si>
  <si>
    <t>做这件事只要是一男一女就可以做，</t>
  </si>
  <si>
    <t>不可以，近亲之间做爱有悖于伦理，被社会和家庭所不耻，一旦东窗事发，会让您和对方身败名裂，一辈子在家族和家乡遭人唾弃和鄙视。＃＃当然可以，但是这叫乱伦＃＃当然可以</t>
  </si>
  <si>
    <t>医用酒精含甲醇吗</t>
  </si>
  <si>
    <t>我们生活中常用的酒精是乙醇溶于水的溶液，医用酒精一般不含甲醇的，工业酒精中含有。</t>
  </si>
  <si>
    <t>医用酒精是不含甲醇或甲醛的</t>
  </si>
  <si>
    <t>甲醇是工业酒精，医用酒精</t>
  </si>
  <si>
    <t>医用酒精的主要成份是乙醇。</t>
  </si>
  <si>
    <t>公章可以刻2个吗</t>
  </si>
  <si>
    <t>作为个人来说，绝不能私刻公章，否则就是违法。</t>
  </si>
  <si>
    <t>不可以，一个公司名下只能有一个公章</t>
  </si>
  <si>
    <t>对外的公章只能刻一个，一模一样的公章是不可以刻两个的</t>
  </si>
  <si>
    <t>公司主要的行政公章不允许，主要是容易出现管理上混乱的漏洞。但如果为了工作需要，可以采取对一些如：合同章、业务专用章字后面加（ ），内填阿拉伯数字给予区别，这时合同章或业务专用章之间具备相同的法律效力。</t>
  </si>
  <si>
    <t>公章必须是唯一的，所以不能刻制2枚。</t>
  </si>
  <si>
    <t>只能有一个</t>
  </si>
  <si>
    <t>订婚的人可以当伴娘吗</t>
  </si>
  <si>
    <t>只要没有结婚的都可以当的。</t>
  </si>
  <si>
    <t>可以，订婚还没有结婚，还是女儿身。伴娘的身份是新娘的最好朋友没有结婚女闺蜜，在很多地方当伴娘是要求未婚女性的。</t>
  </si>
  <si>
    <t>可以 只要没结婚就行 但是有年龄限制 过小或过大的人都不可以</t>
  </si>
  <si>
    <t>订过婚能做伴娘。订过婚的不能做伴娘是没有科学依据的。</t>
  </si>
  <si>
    <t>牙肿了能拔牙吗</t>
  </si>
  <si>
    <t>你好,一般牙齿有炎症的时候不拔牙.等急性炎症消除后再考虑拔牙</t>
  </si>
  <si>
    <t>最好不好，容易感染。</t>
  </si>
  <si>
    <t>有炎症期间是不可以拔牙的。建议去口腔科进行局部处理上药，局部处理好的效果要比你自己吃药效果好很多，在局部上药的同时可以考虑口服消炎药或打点滴，一周左右则可以愈合，以避免反复发炎引起间隙感染等情况，一周左右则可以愈合，希望尽快就医，消炎后拔牙的。</t>
  </si>
  <si>
    <t>你好，根据你说的情况，考虑如果牙龈有炎症疼痛的问题。考虑最好先不要拔牙。</t>
  </si>
  <si>
    <t>牙龈有点肿是有炎症感染 这种情况下，一般不建议进行拔牙处理，拔牙后会比较容易出现炎症感染扩散的情况。</t>
  </si>
  <si>
    <t>奶酪可以冷冻吗</t>
  </si>
  <si>
    <t>奶酪是可以冷冻的,但是温度不要太低了。</t>
  </si>
  <si>
    <t>奶油奶酪到底不能冷冻,但是可以冷藏。</t>
  </si>
  <si>
    <t>为了将奶酪保存在最佳状态，在您将奶酪买回家之后，必须马上进行适当的储存和处理。一般而言，如果把未开封的奶酪储存在1℃到3℃之间，能保持质量不变。</t>
  </si>
  <si>
    <t>可以，吃的时候取出来解冻就可以了。</t>
  </si>
  <si>
    <t>芝士片不要冷冻，冷冻会使得芝士片变硬，下次使用时不容易变软，芝士片应该冷藏保存，冷藏可以保持其软度和营养成分。</t>
  </si>
  <si>
    <t>香港人是不是中国人</t>
  </si>
  <si>
    <t>香港本来就是中国的土地，只不过在鸦片战争时期，被清代皇帝无能，割弃给了英国，不过后来还是回归中国，香港人是中国人。</t>
  </si>
  <si>
    <t>淘宝仓库中的宝贝对店铺有影响吗</t>
  </si>
  <si>
    <t>没有的，仓库多少都无所谓的。</t>
  </si>
  <si>
    <t>不会有影响的，这个你放心的。</t>
  </si>
  <si>
    <t>不会的，这个是正常的行为。</t>
  </si>
  <si>
    <t>车上有雪需要及时清吗</t>
  </si>
  <si>
    <t>需要，在你的车子运动过程中，雪与车子发生摩擦，对烤漆不好</t>
  </si>
  <si>
    <t>建议雪停了后一次性清除，避免在反复擦拭的过程中，损伤漆面</t>
  </si>
  <si>
    <t>当然要的啊。因为雪水一般都呈酸性，比较伤车。</t>
  </si>
  <si>
    <t>辅导班能提高成绩吗</t>
  </si>
  <si>
    <t>原因就在于孩子效率太低，表面上把大量时间都花在学习上了，可实际却有很大部分时间里面没有学习效果。</t>
  </si>
  <si>
    <t>江西新课堂远程一对一就非常实用，能够提升你的学习成绩。</t>
  </si>
  <si>
    <t>不一定，要学的孩子提高的可能性比较大，不怎么想学的，还是下沟通好，免得浪费钱财。</t>
  </si>
  <si>
    <t>亚索风墙可以挡小鱼人大吗</t>
  </si>
  <si>
    <t>亚索的风墙可以挡住小鱼人大招</t>
  </si>
  <si>
    <t>可以，但是反应要够快</t>
  </si>
  <si>
    <t>亚索的风墙可以使飞过来的小鱼阻挡在风墙前面。</t>
  </si>
  <si>
    <t>可以挡一切直线过来的技能！但是莫甘娜的W那样直接出现而不是直接过来的技能，就不能档！</t>
  </si>
  <si>
    <t>可以的，直接挡在墙下。</t>
  </si>
  <si>
    <t>爱迪生是残疾人吗</t>
  </si>
  <si>
    <t xml:space="preserve">爱迪生本人说：“有一天，我上火车晚了，两手抱着一大捆报纸，勉强抓住已开动的车的把手， 但力气不足，渐渐下滑。列车员赶忙伸手来拉，不凑巧抓住了我的耳朵，就这样硬把我拉了上来，当时我的耳朵嗡嗡作响，我的生命得救了，但耳朵却聋了。” </t>
  </si>
  <si>
    <t>是的，爱迪生的耳朵听不到声音。</t>
  </si>
  <si>
    <t>可以说是耳聋。爱迪生患了猩红热，病了很长时间，人们认为这种疾病是造成他耳聋的原因。</t>
  </si>
  <si>
    <t>爱迪生7岁时，父亲经营屋瓦生意亏本，将全家搬到密歇根州休伦北郊的格拉蒂奥特堡定居下来。搬到这里不久，爱迪生就患了猩红热，病了很长时间，人们认为这种疾病是造成他耳聋的原因。</t>
  </si>
  <si>
    <t>孕妇能穿皮裤吗</t>
  </si>
  <si>
    <t>普通的皮裤也比较紧。怀孕后因胎儿的逐渐生长母体要提供宽松舒适的环境，不要穿塑身的衣服以利于胎儿发育。所以 宝妈还是穿一些宽松的裤子吧，为了宝宝的健康。</t>
  </si>
  <si>
    <t>只要觉得不紧就可以，你可以买孕妇穿的皮裤，腰可以自由收缩的那种。</t>
  </si>
  <si>
    <t>黑芝麻能不能生吃</t>
  </si>
  <si>
    <t>黑芝麻为胡麻科芝麻的黑色种子，含有大量的脂肪和蛋白质，还含有糖类、维生素A、维生素E、卵磷脂、钙、铁、铬等营养成分，有健胃、保肝、促进红细胞生长的作用，同时可以增加体内黑色素，有利于头发生长，生吃熟吃都好。</t>
  </si>
  <si>
    <t>可以生吃。</t>
  </si>
  <si>
    <t>生的黑芝麻能直接吃，但要注意饮食要适量，因为生芝麻很容易滑肠，尤其会造成大便稀薄的症状，适量食用就很重要。</t>
  </si>
  <si>
    <t>月经第四天可以做爱吗</t>
  </si>
  <si>
    <t>不能，这样子对身体伤害极大，因为这个时候子宫颈口是扩张的，细菌极易进入，身体的免疫系统也比较低，所以要等到彻底干净了在进行。不要急于一时。日子长着呢</t>
  </si>
  <si>
    <t>首先可以确定，经期的第4天不能做爱。原因：一是容易引起妇科病，比如宫颈炎、卵巢感染等，影响以后生育。二是由于月经期间子宫充血，会导致阴道收缩和宫颈口收缩，会感觉很痛很痛，影响性快感，最终导致性兴奋降低和性恐惧。三是容易引起外阴部的感染和病变，男女双方都一样。</t>
  </si>
  <si>
    <t>月经期间不能做的八件事：\x0d捶腰 腰酸腿胀时，我们通过捶打酸胀的肌内来缓解不宜， 同样不少女性在经也会习惯性地捶打腰部来缓解腰部酸胀。 但这么做， 犯了错妇科专家指出， 经期腰部酸胀是盆腔充血引起的此时捶打腰部会导致盆腔更加充血反而加剧酸胀感另外，经期捶腰还不利于子宫内膜剥落后创面的修复愈合，导致流血增多经期延长。</t>
  </si>
  <si>
    <t>月经第四天，此时不可以同房做爱的，此时同房容易造成宫内感染，引起妇科炎症，例如盆腔炎，子宫内膜炎，影响月经周期和导致阴道出血异常的问题。</t>
  </si>
  <si>
    <t>不推荐，在生理期间的时候做，对自己的身体很不好，这是对自己的不负责，女人生理期的时候，是子宫内膜剥离出血而发生月经，这时候做，最容易受到感染！</t>
  </si>
  <si>
    <t>初一女生阴道长毛吗</t>
  </si>
  <si>
    <t>有的发育早会长，有的不会长。长了也算正常</t>
  </si>
  <si>
    <t>女生上了初中一般都长有的了，不过也不是绝对，因为每个人发育的时间也不相同的。有的五六年级就开始长了，有的要到了初二初三，甚至高中才开始长的，更有的甚至成年了都没长的，这个只要身体健康，其他方面发育正常就没有什么关系的，不要担心太多</t>
  </si>
  <si>
    <t>妹妹，我也才13岁，还没长呢。</t>
  </si>
  <si>
    <t>我一个男生都知道，这么小肯定没什么毛的</t>
  </si>
  <si>
    <t>肯定有啊，不然发育迟缓</t>
  </si>
  <si>
    <t>初一就长了</t>
  </si>
  <si>
    <t>谁会发现啊，发现了你还得自豪一下呢，这是成长的标志＃＃正常，不必在意他人看法</t>
  </si>
  <si>
    <t>正常的女孩子都会有的，长毛了来月经后说明你已经发育。被人发现也没什么？每个人都会有的。</t>
  </si>
  <si>
    <t>二手车值得买吗?</t>
  </si>
  <si>
    <t>看车。如果车况好，知根知底，价格合理可以购买二手车，毕竟新车折价率高，二手车已经折过了，再折的空间非常小</t>
  </si>
  <si>
    <t>提供的选择性大，而且做到了车况透明，都是经过专业机构检测的</t>
  </si>
  <si>
    <t>车况好，价格差不多，就值得买</t>
  </si>
  <si>
    <t>同一品牌的汽车，用了几年的二手车价格比新车要便宜得多。毫无疑问，二手车有明显的价格优势。</t>
  </si>
  <si>
    <t>如果懂得看车，是超值。不懂，买的车经常修理。那就亏大了，反而有安全隐患。</t>
  </si>
  <si>
    <t>洗澡可以敷面膜吗</t>
  </si>
  <si>
    <t>我比较图省事，都是洗澡到一半敷面膜，最多的是红酒的和绿泥的，不是贴的是抹的，快洗好的时候就洗掉，省事，洗过澡也可以的。</t>
  </si>
  <si>
    <t>可以呀，洗澡的时候由于水蒸气的作用，毛孔打开更有利于滋养成分的吸收，如果是涂抹的面膜是可以的，面贴膜就不太适合洗澡的时候做了。</t>
  </si>
  <si>
    <t>农行开网银要钱吗</t>
  </si>
  <si>
    <t>注册网上银行不收费，使用动态口令卡收费2元，K宝50元，均为一次性收费。</t>
  </si>
  <si>
    <t>农业银行开通网银不收费的。</t>
  </si>
  <si>
    <t>　开通是免费的。　　一、银行网上银分2种，一种是只具有查询功能的网上银行，可以自助开通，方法是：登录官方网站，点击网银登录，下载相关安全控件，输入正确的银行卡号和密码即可完成自助开通。　　二、另一种网上银行必须去银行才可以开通，具有转账和网上购物等多种功能，开通方法如下：　　1、携带本人身份证及银行卡，到该银行网点填表办理；　　2、在银行柜台开通网上银行及电子商务功能，并办理网银U盾或短信验证等；　　3、首次登录网上银行时，需要下载网银登陆安全控件，登录之后需要更改网上银行用户名和登录密码，并设置一个"预留验证信息"；　　4、注意：牢记网上银行登录密码，避免在网吧等地方登录个人网上银行。</t>
  </si>
  <si>
    <t xml:space="preserve">本人持身份证和卡去银行开通就可以了，网银使用不收费，开网银如果你买K宝收40-50左右！银行卡年费是10元， 如果能够帮助你解决问题,那么希望你点击“采纳”, 举手之劳,将鼓励我们继续解答其他朋友的问题. </t>
  </si>
  <si>
    <t>网银是不收费的, 开不开一样, 但是农行的银联用户每年都会收年费十元.</t>
  </si>
  <si>
    <t>农行开通网银不要钱的</t>
  </si>
  <si>
    <t>农行办网银收费</t>
  </si>
  <si>
    <t>要的，一次性费用三十块</t>
  </si>
  <si>
    <t>四大国有银行都用钱的,</t>
  </si>
  <si>
    <t>鹿晗上过天天向上吗</t>
  </si>
  <si>
    <t>鹿没有上过，我记得上期韩红的鹿哥就是发了个视频，支持一下韩红，不过每次天天向上播广告第一个都是鹿的一叶子的广告</t>
  </si>
  <si>
    <t>那是吴亦凡，鹿晗没上</t>
  </si>
  <si>
    <t>鹿晗从没有参加过天天向上这个节目，这个视频应该是韩红参加该节目时，鹿晗录的支持公益的VCR。</t>
  </si>
  <si>
    <t>经典福克斯4l机油够吗</t>
  </si>
  <si>
    <t>加4L是不够的。</t>
  </si>
  <si>
    <t>不够，要4.3L。</t>
  </si>
  <si>
    <t>九月份工作好找吗</t>
  </si>
  <si>
    <t>任何时候开始都不晚，九月份找工作还是比较容易的，少了毕业季就业高峰期。</t>
  </si>
  <si>
    <t>不是很好找了，但是还是有，耐心点，多问几家。别只问一家，看招满了就放弃了，别气馁，坚持就是胜利。</t>
  </si>
  <si>
    <t>万艾可有延时效果吗</t>
  </si>
  <si>
    <t>万艾可就是常说的伟哥，确实可以壮阳延长时间，但是，长期服用，相当于饮鸩止渴，还是吃中药比较好。中药可以服用六味地黄丸和经匮肾气丸。</t>
  </si>
  <si>
    <t>对于正常人起不来多大效果，阳痿早泄能取得好的效果</t>
  </si>
  <si>
    <t>30分钟左右可以起效果</t>
  </si>
  <si>
    <t>威哥属于壮阳药物，对延时也有一定效果，但是这种东西含有激素，最好远离，否则可能形成依赖。</t>
  </si>
  <si>
    <t>当然有作用了。</t>
  </si>
  <si>
    <t>绝命毒师有没有第六季</t>
  </si>
  <si>
    <t>《绝命毒师》没有第六季</t>
  </si>
  <si>
    <t>没有，去年年底已经宣布终结了，所以第五季就是终结季</t>
  </si>
  <si>
    <t>《绝命毒师》官方公布第五季已经是最终季，不过AMC也有可能会把剧复活的，密切留意官方更新吧。</t>
  </si>
  <si>
    <t>没有了第五季就完了</t>
  </si>
  <si>
    <t>全剧共5季62集，于2008年1月20日开播，2013年9月29日剧终。</t>
  </si>
  <si>
    <t>ems国庆节放假吗</t>
  </si>
  <si>
    <t>邮政快递收件是放假的，投递是采用轮休的方式，不影响投递的。</t>
  </si>
  <si>
    <t>邮政的快递是不休息的 不过他们是轮休的,假日期间送货肯定是有影响的 ,照常运行平邮、快邮和EMS</t>
  </si>
  <si>
    <t>EMS是不放假的，即使是春节也是不放假的。只是快递公司内部实行轮休制度，不过，一到过节还是缺人手，速度会比平时慢很多。</t>
  </si>
  <si>
    <t>ems是全年无休的，即使在春节期间也会正常的接收和派送快件，所以国庆节不会放假的</t>
  </si>
  <si>
    <t>不放假，照常运行平邮、快邮和EMS</t>
  </si>
  <si>
    <t>不放假，EMS每天有很多货物，休息是不可能的，去年过年EMS就没休息，如果你们那下了班，那是他自己给自己放的假，</t>
  </si>
  <si>
    <t>空腹喝泡腾片</t>
  </si>
  <si>
    <t>可以空腹喝维生素C泡腾片。</t>
  </si>
  <si>
    <t>这个是不太好的 容易导致胃肠道刺激的。</t>
  </si>
  <si>
    <t>不太好的</t>
  </si>
  <si>
    <t>淘宝开店一定要保证金吗</t>
  </si>
  <si>
    <t>淘宝开店没规定必须交保证金的，但是交了保证金对店铺经营有好处的</t>
  </si>
  <si>
    <t>不用的，但是不交保证金的话，排名基本都是很靠后的</t>
  </si>
  <si>
    <t>不是所有的要交的，【服装】【鞋子】【裤子】类的不用交，其他的是要交才可以的。</t>
  </si>
  <si>
    <t>也可以不缴纳 但是 ，不缴纳对你店铺里的权重影响非常大</t>
  </si>
  <si>
    <t>保证金是不是消费保障那个，那个不一定要的，只是你交了之后顾客有保障他们才会跟你买，给顾客一个放心而已啦，个人建议交了比较好</t>
  </si>
  <si>
    <t>不是所有的要交的，服装、鞋子、裤子类的不用交，其他的是要交才可以的，所以要根据自己的情况，选择即可。如果要规定要交的，只有交了才可以发布，否则不能发布</t>
  </si>
  <si>
    <t>不是所有的要交的，【服装】【鞋子】【裤子】类的不用交，其他的是要交才可以的</t>
  </si>
  <si>
    <t>有1000的永久保证金，和一年30的，可以选择</t>
  </si>
  <si>
    <t>哺乳期能吃罐头吗</t>
  </si>
  <si>
    <t>当然是可以吃的</t>
  </si>
  <si>
    <t>哺乳期不要吃罐头食品</t>
  </si>
  <si>
    <t>哺乳期间最好还是少吃这些添加过防腐剂的食物会更加有利于奶水质量哦，建议亲多吃新鲜的瓜果蔬菜会比较好。</t>
  </si>
  <si>
    <t>可以的，一般的食物都是可以吃的。</t>
  </si>
  <si>
    <t>最好不要多吃了</t>
  </si>
  <si>
    <t>blablacar安全吗</t>
  </si>
  <si>
    <t>Bla Bla Car是一家汽车共享服务公司，在法国建立。汽车共享，是指许多人合用一辆车，即开车人对车辆只有使用权，而没有所有权，有点类似于在租车行里短时间包车。它手续简便，打个电话或通过网上就可以预约订车。汽车共享一般是通过某个公司来协调车辆，并负责车辆的保险和停放等问题。这种方式不仅可以省钱，而且有助于缓解交通堵塞，以及公路的磨损，减少空气污染，降低对能量的依赖性，发展前景极为广阔。</t>
  </si>
  <si>
    <t>新浪微博可以看最近访客吗</t>
  </si>
  <si>
    <t>1、打开新浪微博，点击“发现”，在点击“周边”。2、点击下面一排的“遇见”，再点击个人头像。3、最后即可在遇见我的人里看到查看过自己微博的人了。</t>
  </si>
  <si>
    <t>网页版的主页上可以看访客数量，但不能看访客是谁</t>
  </si>
  <si>
    <t>原来是不能的，但自从新浪微博出了阅读量这个功能之后，其实是可以间接实现的的。</t>
  </si>
  <si>
    <t>我可以很负责任地告诉你，没有。微博会员也没有。新浪官方已经多次声明了。</t>
  </si>
  <si>
    <t>确定没有这个功能的。哈哈哈 要是能看访客，，不知道多少人会退出。＃＃可以＃＃可以的</t>
  </si>
  <si>
    <t>首先需要登录新浪的微博的账号和密码。进入到了个人的微博的账号的情况下，然后进行点击个人的微博账号头像。进入到了个人的主页中，进行点击菜单中的“管理中心”的选项菜单。然后进行点击左边菜单列表中的“数据中心”的选项。在数据中心有各种的数据的信息，在数据信息中找到一项为页面访问分析一张表。在当前页面访问分析中可以看到是浏览量，如果需要查看可以进行点击独立访客数中，进行查看访客情况。</t>
  </si>
  <si>
    <t>孕妇感冒能吃羊肉吗</t>
  </si>
  <si>
    <t>能吃羊肉的，可供给鲜鱼、嫩鸡、鸡蛋、动物肝、动物血、瘦肉、大豆制品、乳类、大枣、莲子、新鲜水果和蔬菜。</t>
  </si>
  <si>
    <t>感冒后建议饮食清淡，忌油腻辛辣，羊肉容易上火，建议不要食用。</t>
  </si>
  <si>
    <t>这个没有关系的</t>
  </si>
  <si>
    <t>ig赢了吗</t>
  </si>
  <si>
    <t>并没有，由于设备以及网络原因，1.16日只是打了一局比赛，pawn和厂长都没有上场，中单是雅典娜，打野爱萝莉，最终输掉了比赛。但是现在比赛是bo3，剩余两场比赛在今天下午继续开始。比赛延迟公告已经在网上发布了，详细信息可以百度查看官方信息。。。</t>
  </si>
  <si>
    <t>京东旗舰店的东西是真的吗</t>
  </si>
  <si>
    <t>是真的！官方的就是厂家开的店！</t>
  </si>
  <si>
    <t>京东的旗舰店一般都是官方授权的，保证销售的均为真品行货</t>
  </si>
  <si>
    <t>难说啦，京东自营的相对靠谱些</t>
  </si>
  <si>
    <t>不一定，看什么商品了</t>
  </si>
  <si>
    <t>是真的，京东上的第三方旗舰店很靠谱~</t>
  </si>
  <si>
    <t>有些说是假的，但其实是做工不好</t>
  </si>
  <si>
    <t>京东上的官方旗舰店一般都是真的，这个就是现在有这个品牌在京东平台上的开的那个官方的店，所以说这个应该是真的没有其他的问题，可以放心购买。</t>
  </si>
  <si>
    <t>剑网三代付可以打折吗</t>
  </si>
  <si>
    <t>不可以，帮别人代付的话不可以使用任何优惠券，只能你自己买然后打七折。</t>
  </si>
  <si>
    <t>港澳台算海外吗</t>
  </si>
  <si>
    <t>算，因为你得过海关才能去。但那不是“国外“</t>
  </si>
  <si>
    <t>养七彩可以放底砂吗</t>
  </si>
  <si>
    <t>放底砂的好，不仅可以当作装饰，还可以为鱼儿铸造一个生态环境。</t>
  </si>
  <si>
    <t>养彩还是裸缸的比较好,底砂不容易清洗 .</t>
  </si>
  <si>
    <t>养七彩最好不铺底砂，不好清理，还要经常拿出来洗底沙</t>
  </si>
  <si>
    <t>红米note2移动版支持联通3g吗</t>
  </si>
  <si>
    <t>红米note2移动版，经过小米客服证实，是可以支持联通3G和联通4G的。</t>
  </si>
  <si>
    <t>红米note2分为两种，标准版和高配版，高配版支持联通3G，标准版不支持联通3G。</t>
  </si>
  <si>
    <t>不能使用，手机是移动版手机，是不支持中国联通的3G网络</t>
  </si>
  <si>
    <t>红米NOTE2移动版最高只能支持联通2G网络，无法支持联通3G和4G网络</t>
  </si>
  <si>
    <t>红米Note2移动版不支持联通3G</t>
  </si>
  <si>
    <t>qb能送人吗</t>
  </si>
  <si>
    <t>QB不可以直接赠送.你只能买东西赠送给你QQ里面满1个星期的好友.下次冲直的时候最好选择冲直Q点,因为Q点可以兑换成QB</t>
  </si>
  <si>
    <t>QQ账户中的Q币是不可以赠送的，只可以给好友赠送QQ业务</t>
  </si>
  <si>
    <t>Q币充值了以后可以给好友赠送道具或者特权</t>
  </si>
  <si>
    <t>qb是不可以直接赠送给他人的。</t>
  </si>
  <si>
    <t xml:space="preserve">自己号码上已有滴QB不能送人 </t>
  </si>
  <si>
    <t>不可以，，但能送会员之类的</t>
  </si>
  <si>
    <t>不能送QB，只可以送礼物</t>
  </si>
  <si>
    <t>是不可以的，只能，帮人支付</t>
  </si>
  <si>
    <t>on the other hand可以单独用吗</t>
  </si>
  <si>
    <t>是可以单独用的</t>
  </si>
  <si>
    <t>可以单独用的</t>
  </si>
  <si>
    <t>速腾gli停产了吗</t>
  </si>
  <si>
    <t>这方面网上说法不一，官方还一直没动静，静观其变吧。</t>
  </si>
  <si>
    <t>数字电视能上网吗</t>
  </si>
  <si>
    <t>能，拉个网站，买个鼠标和键盘就可以了。</t>
  </si>
  <si>
    <t>不能上网，你买个电视盒子连接网线就可以看电视上网两相宜。</t>
  </si>
  <si>
    <t>sisley眼膜使用后要擦眼霜吗</t>
  </si>
  <si>
    <t>做完眼膜后需要涂眼霜的</t>
  </si>
  <si>
    <t>如果是冬天你做完眼膜之后还觉得干 可以再涂点眼霜 一般夏天不需要，眼膜不需要每天做</t>
  </si>
  <si>
    <t>好的眼膜之后是不需要用眼霜的，因为眼膜的成分应该要比较一般眼霜精致、丰富、完整，分子量比较小，所以不论是在养分的供应上以及渗透的速度上，效果都会比一般的眼部产品好，因此没有必要锦上添花，增加眼周肌肤的负担</t>
  </si>
  <si>
    <t>除非你的肤质很干燥，你可以在眼膜之后再敷一层眼霜(和任何晚霜类产品)，让水分封锁，增加保湿度。</t>
  </si>
  <si>
    <t>用完眼膜后需要涂眼霜的</t>
  </si>
  <si>
    <t>信用卡挂号信会打电话吗</t>
  </si>
  <si>
    <t>邮寄时不会打电话通知，等快件到了才会通知你到哪里去拿！</t>
  </si>
  <si>
    <t>会的.</t>
  </si>
  <si>
    <t>挂号信是不会打电话通知本人的。</t>
  </si>
  <si>
    <t>不会，如果你已经收到短信通知了，里边一般会告诉你挂号信编码，你打11185即可查询到你的挂号信到哪了。</t>
  </si>
  <si>
    <t>银行是用邮政挂号信的方式邮寄信用卡的。不会用电话通知您的。</t>
  </si>
  <si>
    <t>会打电话的，注意接收就好。</t>
  </si>
  <si>
    <t>用保险可以贷款吗</t>
  </si>
  <si>
    <t>可以的，寿险保单贷款利率一分左右</t>
  </si>
  <si>
    <t>可以申请办理。</t>
  </si>
  <si>
    <t>可以，可以用保单向保险公司贷款。</t>
  </si>
  <si>
    <t>具有储蓄性质的保单，可以用来贷款，比如人寿保险、分红型保险、养老保险、年金保险等保单。此外，部分万能型的两全保险、万能型的养老年金保险的保单，也具有储蓄功能，可以用来贷款。</t>
  </si>
  <si>
    <t>保单可以直接在银行办理贷款，且贷款期间正常享受保障。</t>
  </si>
  <si>
    <t>白条分期能提前还款吗</t>
  </si>
  <si>
    <t>可以的，在白条里勾选想要预先偿还的期数，也可以直接点击“全部付清”。</t>
  </si>
  <si>
    <t>可以提前还款</t>
  </si>
  <si>
    <t>可以的，在白条里勾选想要预先偿还的期数，也可以直接点击“全部付清”</t>
  </si>
  <si>
    <t>白条可以提前还款的。分期的话可以提前一次性还完，也可以选择提前还一部分的期数。 有一点需要注意的是，如果有分期手续费的话就算提前还款，每一期的手续费也是照收的</t>
  </si>
  <si>
    <t>可以，但手续费和利息不能减免</t>
  </si>
  <si>
    <t>陆金所财富汇保本吗</t>
  </si>
  <si>
    <t>陆金所相当垃圾，毫无诚信，到期后要逾期好多天才还款，利息算下来比承诺的低很多。</t>
  </si>
  <si>
    <t>微信零钱可以转到财付通吗</t>
  </si>
  <si>
    <t>可以，具体操作是微信钱包然后提出现金到绑定银行卡，然后进去QQ钱包，然后点击绑定银行卡后充值便可以，从微信转去银行卡大概需要1到2天</t>
  </si>
  <si>
    <t>不可以的哦，它们属于两种平台</t>
  </si>
  <si>
    <t>微信零钱无法直接转入财付通，只能提现到自己的银行卡。</t>
  </si>
  <si>
    <t>不可以的，虽然微信钱包和QQ钱包都属于财付通，但是他们之间是没有关联的，所以不能直接相互转的</t>
  </si>
  <si>
    <t>淘宝充话费可以用花呗吗</t>
  </si>
  <si>
    <t>虚拟的东西不能使用花呗的噢</t>
  </si>
  <si>
    <t>这个的话还是要看卖家是否支持花呗的。如果卖家支持蚂蚁花呗支付的话就可以直接使用花呗支付，如果不支持的话就还是需要用银行卡或者是支付宝余额支付了。</t>
  </si>
  <si>
    <t>花呗不支持虚拟数字产品</t>
  </si>
  <si>
    <t>就不可以了，不过还是有方法的，找到第三方平台去操作。</t>
  </si>
  <si>
    <t>你好，支付宝里充值就可以输入号码充值会出现花呗选项</t>
  </si>
  <si>
    <t>现在不可以充了，可以去套现。</t>
  </si>
  <si>
    <t>毕业半年算应届毕业生吗</t>
  </si>
  <si>
    <t>这要看用人单位的界定了。像国家公务员的考试，如果职位表上有要求是2015年应届毕业生的话，2014年的就不能报名了。如果只要求应届毕业生，一般来说前两届的都是可以的，前提是你毕业后办理了暂缓就业协议，三方协议还未签订。如果已经工作签三方协议了，就不能算应届生了。</t>
  </si>
  <si>
    <t>算的，应届生是指当年毕业到第二年毕业的时间，这一年内你是应届生，那么对于第二年已经毕业的的学生来讲，你们就是往届生。</t>
  </si>
  <si>
    <t>属于应届生身份</t>
  </si>
  <si>
    <t>是应届毕业生</t>
  </si>
  <si>
    <t>口香糖是避孕套做的吗</t>
  </si>
  <si>
    <t>不是。口香糖是以天然树胶或甘油树脂为胶体的基础，加入糖浆、薄荷、甜味剂等调和压制而成的一种供人们放入口中嚼咬的糖。是很受世界人民喜爱的一种糖类。既可吃又可玩，深受儿童和青年人喜爱。同时也成为大部分年轻人的扮酷、时尚的新宠。在提升口腔健康的同时，通过咀嚼口香糖带来的面部肌肉运动，在认知学领域也具有多重功效。</t>
  </si>
  <si>
    <t>单位组织活动受伤算工伤吗</t>
  </si>
  <si>
    <t>公司组织员工活动中发生事故受伤算工伤。</t>
  </si>
  <si>
    <t>是工伤。单位组织的活动，也是单位工作的一部分，有司法解释明确规定是工伤。</t>
  </si>
  <si>
    <t>单位统一组织的外岀活动应视为工作期间，只要在活动中没有擅自离队，那么发生的伤害应该作为工伤对待。</t>
  </si>
  <si>
    <t>参加单位组织员工旅游活动中遭受事故伤害算工伤。</t>
  </si>
  <si>
    <t>此种情形应该认定为工伤。相关法律依据如下：（1）、2004年开始实施的《工伤保险条例》中第十四条第（一）项规定：职工在工作时间和工作场所内，因工作原因受到事故伤害的情形，应该认定为工伤。（2）、国务院法制办在给辽宁省政府法制办的《关于职工参加单位组织的体育活动受到伤害能否认定为工伤的请示》的复函【国法秘函（2005）311号】中规定：作为单位的工作安排，职工参加体育锻炼活动而受到伤害的，应当依照《工伤保险条例》第十四条第（一）项中关于“因工作原因受到事故伤害的”规定，认定为工伤。</t>
  </si>
  <si>
    <t>根据全国总工会劳动保险部《关于劳动保险问题解答》的有关规定，职工参加本单位组织的军训、义务劳动、体育比赛，文艺表演或代表单位参加的各种比赛或运动会发生的伤亡。经查证属实，属于与生产、工作有一定关系的意外伤亡，可以比照因工伤亡处理。</t>
  </si>
  <si>
    <t>不算！</t>
  </si>
  <si>
    <t>单位组织旅游、疗休养、年终聚会等活动，是否属于一种与工作相关的活动，应当具体情况具体分析。我们既不能把只要是单位组织的活动都纳入“工作原因”的范围，又要根据现行政策规定以及事故的不同情形作出合理的判断和认定。因为有些活动在性质上属于单位为职工提供的福利项目，如果把这些内容与工作内容混为一谈，既不符合工伤保险的立法本意，也会导致用人单位降低提供职工福利的积极性。实践判断中，可以从几个方面进行判断分析。其一、是否与工作业务有关，如果活动中包涵了与工作内容相关的因素，则可认定是因工作原因，比如，单位组织到外地疗养期间，同时安排了学习培训的内容。如果是单纯的休养游玩，则不能认定为具有因工性质，只能视为是单位提供的一种福利。其二、是否具有强制性。如果带有强制性，则可认定为具有因工的性质，比如，单位规定职工必须参加某项活动，否则视作为旷工处理。</t>
  </si>
  <si>
    <t>肯德基兼职好吗</t>
  </si>
  <si>
    <t>在KFC里有多种职务，比如前台，总配，厨房等等，总的来说，不算累，但是时间长了，你会觉得无聊。至于社会经验么，只要是在公司，多多少少都会学到一点的，这每个人的领悟不一样，要看你自己了，比如与人相处啊，KFC里什么年龄层次的人都有，你要怎么与这些人交流，怎么能让自己脱颖而出，这都有讲究。 因为我曾在kFC做过兼职，稍微有点了解。</t>
  </si>
  <si>
    <t>午休有必要吗</t>
  </si>
  <si>
    <t>午睡是正常睡眠和清醒的生物节律的表现规律，是保持清醒必不可少的条件。午睡后工作效率会大大提高。在一些有午睡习惯的国家和地区，其冠心病的发病率要比不午睡的国家低得多，这与午睡能使心血管系统舒缓，并与人体紧张度降低有关。因此，一定要重视午睡。</t>
  </si>
  <si>
    <t>有必要的，午睡可以缓解上午的疲劳。</t>
  </si>
  <si>
    <t>当然有必要。</t>
  </si>
  <si>
    <t>人体的生物钟除遵循睡眠---觉醒的昼夜节律外，白天还有三个睡眠高峰——上午9点、中午一点和下午5点，尤其以中午1点的睡眠高峰较明显。白天的睡眠节律往往被繁忙的工作和紧张的情绪所掩盖。当外界刺激减少时，人到中午就会有困乏感。因此，午睡时人体的正常生理需要，能使大脑和身体得到放松与休息，有利于下午和晚上的学习、工作。</t>
  </si>
  <si>
    <t>可以提高下午的精神，更好的工作。</t>
  </si>
  <si>
    <t>只有一个c盘好不好</t>
  </si>
  <si>
    <t>没有影响</t>
  </si>
  <si>
    <t>东西杂乱无章 想做个备份都没法弄</t>
  </si>
  <si>
    <t>ipad air停产了吗</t>
  </si>
  <si>
    <t>苹果 iPad Air 是2013年10月上市的9.7英寸平板电脑，现在已经停产。</t>
  </si>
  <si>
    <t>官网上还卖着呢</t>
  </si>
  <si>
    <t>没吧</t>
  </si>
  <si>
    <t>还没呢，还在卖。</t>
  </si>
  <si>
    <t>生小孩有补助吗</t>
  </si>
  <si>
    <t>自己应该有一个正确的判断，别道听途说想着天上掉馅饼的事。</t>
  </si>
  <si>
    <t>生育津贴，一次性分娩营养补助费，生育保险金。</t>
  </si>
  <si>
    <t>有，超生的没有。</t>
  </si>
  <si>
    <t>360急救盘可以重装系统吗</t>
  </si>
  <si>
    <t>一键恢复就行</t>
  </si>
  <si>
    <t>360急救盘是一款类似于WinPE或者LiveUSB的急救类产品。360急救盘的作用是在系统崩溃、无法正常启动的时候为用户提供一个临时性的、安全的操作环境。让用户可以对硬盘上的文件及数据进行管理，对损坏的系统进行修复，甚至能够对硬盘上已经损坏的Windows操作系统进行修改操作。但无法重装系统。</t>
  </si>
  <si>
    <t>360安全卫士里有系统重装工具的，在功能大全里就可以找到，点击它就可以自动运行的，它可以重装你目前使用的系统，</t>
  </si>
  <si>
    <t>江门有海边吗</t>
  </si>
  <si>
    <t>江门没有大海要过到阳江才有</t>
  </si>
  <si>
    <t>江门境内比较出名的就有台山上川岛和下川岛，还有台山铜鼓黑沙滩、台山浪琴湾（有烧烤炉，自带帐篷）。</t>
  </si>
  <si>
    <t>上下川岛，浪琴湾，崖门，海角城。</t>
  </si>
  <si>
    <t>有，上川岛下川岛，爱琴湾</t>
  </si>
  <si>
    <t>唯品会有香奈儿吗</t>
  </si>
  <si>
    <t>现在还没有</t>
  </si>
  <si>
    <t>如果你在唯品会买到香奈儿，那肯定是假货，还是恶劣产品。</t>
  </si>
  <si>
    <t>当然有，dior也有</t>
  </si>
  <si>
    <t>钱富宝安全吗</t>
  </si>
  <si>
    <t>本人在上面做过理财，收益是余额宝的4倍，随时存取，这是大明集团旗下的一个理财存钱钱包，实力不错的。</t>
  </si>
  <si>
    <t>网上理财肯定是有一定风险的，建议结合自己风险承担能力和对网站安全性判断进行投资。</t>
  </si>
  <si>
    <t>应该可靠，不过建议先小额投，慢慢培养信心，余下的可以投入盛付通等固定理财平台里</t>
  </si>
  <si>
    <t>钱富宝还是比较靠谱的</t>
  </si>
  <si>
    <t>草缸能用底滤吗</t>
  </si>
  <si>
    <t>草缸不适合底过滤。草缸一般使用外置滤桶过滤。</t>
  </si>
  <si>
    <t>如果你的草缸是加二氧化碳的，那么就不能用底滤，至少目前我还没看到有效解决方案</t>
  </si>
  <si>
    <t>草缸一般对过滤要求并不高，通常上滤是给需要氧气量比较大的鱼类使用的，如神仙，七彩，三湖一类的，底滤则是为了更好的培养硝化菌或如海缸需要爆藻及安置蛋分而设置的。其实现在大部分玩草缸的人都会倾向于直接用个外置过滤桶，草缸里一般都会饲养一些小型的鱼虾，它们对过滤系统要求并不高，所以一般根据你缸体大小来决定一款适合的外置过滤桶是最合适的选择。一来不占空间（可以收在底柜里），相对更美观；二来性价比也比上滤和底滤更高，三来，清洗起来也比较方便。</t>
  </si>
  <si>
    <t>底滤是完全没问题的，超过一米的大缸大部分都用的底滤</t>
  </si>
  <si>
    <t>缸过滤净水效果是相当好的，但是会造成二氧化碳大量流失</t>
  </si>
  <si>
    <t>应该没问题的，我看鱼市上的底虑系统的缸里面都养草的。</t>
  </si>
  <si>
    <t>维生素e可以去红血丝吗</t>
  </si>
  <si>
    <t>维生素e不能去除红血丝。</t>
  </si>
  <si>
    <t>有辅助作用，但是不一定会有明显的效果。还是要增强角质层</t>
  </si>
  <si>
    <t>维生素E不能去红血丝的</t>
  </si>
  <si>
    <t xml:space="preserve">这个是不可以的呢 红血丝是皮肤的角质层薄 和维生素E是没有什么关系的 </t>
  </si>
  <si>
    <t>火星有没有生命</t>
  </si>
  <si>
    <t xml:space="preserve">不过，也有一些学者认为不能依据局部地区的探测就完全否定掉火星不存在生命（或曾经存在生命）。 不过，到是有很多学者认为火星至少以前有过水、甚至生命。 </t>
  </si>
  <si>
    <t>至少，按照科学探测的局部地区不存在生命。 记的前几年，曾经发射了两个‘火星登陆车’（机遇号和勇气号）。它们在局部地区探测发现，火星上并不存在任何生命（包括细菌）。</t>
  </si>
  <si>
    <t>可能有过。</t>
  </si>
  <si>
    <t>有，即使现在火星上也存在生命，或许更准确的说是火星内部存在高级生命。</t>
  </si>
  <si>
    <t>火星上没有生命。</t>
  </si>
  <si>
    <t>因为火星跟地球是不能比的!它不是天然适应生命的星球. 但是可以改造!人造生命星球需要的是能量!就像要让飞机永久的在天上飞那样!只要丢去了能量!那么它就不能飞了!这是人造星球最大的缺点!也是优点!就是带动大家团结.因为没有团结一致,随时就全军覆没了! 要定居火星,必先创造人为空岛!然后在慢慢的让空岛独力!不过以目前的情况绝对是不可能的事!因为那需要一个条件.就是人类团结.人类会团结吗? 如果说单纯的生命,很难说火星到底有没有生命!因为人类还没有彻底了解火星了!火星上也许没有,可是火星内呢?!</t>
  </si>
  <si>
    <t>金龙鱼阳光葵花籽油是转基因的吗</t>
  </si>
  <si>
    <t>不是，葵瓜子没有转基因的，葵瓜子油自然不是转基因的了</t>
  </si>
  <si>
    <t>葵花籽油,如果是纯的葵花籽为原料不是调和油,那么就百分之一百不可能是转基因的,因为就没有转基因葵花籽。</t>
  </si>
  <si>
    <t>八成，大概是。不然哪来这么多葵花搞。</t>
  </si>
  <si>
    <t>东莞还需要买统缴费吗</t>
  </si>
  <si>
    <t>已经不强制交统缴了，纯属自愿。</t>
  </si>
  <si>
    <t>这个确实要交，最近专门去问了一定要交的。</t>
  </si>
  <si>
    <t>没有免啊 还得继续缴</t>
  </si>
  <si>
    <t>走路减肥吗</t>
  </si>
  <si>
    <t>走路确实会减肥。</t>
  </si>
  <si>
    <t>走路是非常好的减肥方式，且不易反弹。</t>
  </si>
  <si>
    <t>是的，可以减肥的。</t>
  </si>
  <si>
    <t>可以，只要方法对能坚持就可以走步减肥。</t>
  </si>
  <si>
    <t>半小时以上才可以，还要坚持才看得出来</t>
  </si>
  <si>
    <t>顺丰邮苹果手机安全吗</t>
  </si>
  <si>
    <t>顺丰是苹果小米的专用发货快递公司，针对高价值快递的投递</t>
  </si>
  <si>
    <t>顺丰挺好的吧，只要卖家有信用就相信他没关系的！</t>
  </si>
  <si>
    <t>可以邮寄，顺丰应该是目前国内快递里面最安全的一个</t>
  </si>
  <si>
    <t>顺丰快递好，安全，快捷，时效性强，安全是主要的，郑重建议发顺丰快递。</t>
  </si>
  <si>
    <t>用户可以尽量选择顺丰，顺丰在国内快递业界中是很不错的</t>
  </si>
  <si>
    <t>建议是顺丰！用布把手机包好，寄的时候记得保值，就算坏了或丢了快递公司也会有补偿的</t>
  </si>
  <si>
    <t>弄丢一般不会</t>
  </si>
  <si>
    <t>日犯阴差阳错日一辈子婚不顺吗</t>
  </si>
  <si>
    <t>阴阳差错煞。乃丙子、丁丑、戊寅、辛卯、壬辰、癸巳、丙午、丁未、戊申、辛酉、壬戌、癸亥十二日也。女子逢之，公姑寡合，妯娌不足，夫家冷退；男子逢之，主退外家，亦与妻家是非寡合。其煞不论男女，月日时两重或三重犯之，极重；只日家犯之，尤重，主不得外家力，纵有妻财，亦成虚花，久后仍与妻家为仇，不相往来。</t>
  </si>
  <si>
    <t>是的，阴差阳错日婚姻会不顺，但具体看命运，如命运好就没有多大问题</t>
  </si>
  <si>
    <t>不一定，每个人的缘分都不一样。</t>
  </si>
  <si>
    <t>无线路由不开电脑能用吗</t>
  </si>
  <si>
    <t>路由器在不开电脑的情况下是可以正常使用的。</t>
  </si>
  <si>
    <t>可以的啊 就是 在电脑开机的时候设置进去那个连接宽带的帐号密码还有无线的密码 以后你不开电脑 只要把路由器开了 就可以用无线上网的了</t>
  </si>
  <si>
    <t>首先肯定的告诉你，无线路由在不开启电脑的情况下可以正常使用，这是两个设备！</t>
  </si>
  <si>
    <t>只要第一次设置好，就可以不链接电脑直接用的。</t>
  </si>
  <si>
    <t>完全可以啊 无线网本来就是不要网线的，你把无线路由器设置好就行了，也就是 路由器设置账户密码由路由器知道拨号上网，发出无线信号，你的笔记本的无线网卡接收信号。</t>
  </si>
  <si>
    <t>理论上，严格来讲，路由器与电脑是两个独立的设备，不需要连带的，设置好以后，只开路由器无线的哦，那其他设备，入手机，ipad等即可使用wifi信号上网了</t>
  </si>
  <si>
    <t>先把无线路由接入电脑，设置路由的密码和其他设置，然后直接网线接入路由器的wan口，这样就可以了</t>
  </si>
  <si>
    <t>是的，只要路由器开着就可以上网，无需打开电脑。</t>
  </si>
  <si>
    <t>路由器是这样的！他可以发射WiFi热点！前提是你开通了宽带！</t>
  </si>
  <si>
    <t>是的，无线路由器是路由器发射的wifi，跟电脑没有关系，电脑关机，手机一样可以用</t>
  </si>
  <si>
    <t>生日能送鞋子吗</t>
  </si>
  <si>
    <t>可以呀，我姐就是送我鞋的。没什么不好啊</t>
  </si>
  <si>
    <t>看是什么人了、。如果是男女朋友的关系不能送鞋子，迷信的说法就是送了你就跑了。不过送了也可以，你给他1元钱，就可以了！这个只是民间的风俗说法，其实也没什么，信则有不信则无</t>
  </si>
  <si>
    <t>不好,"鞋“的读音像"邪"</t>
  </si>
  <si>
    <t>不好！那是”送行“的意思</t>
  </si>
  <si>
    <t>鞋是穿在脚上的啊，用来走路的啊，送鞋就是送他（她），走路（开路）哈。</t>
  </si>
  <si>
    <t>有种迷信的说法是这样的，鞋的偕音是邪，送鞋就等于送邪</t>
  </si>
  <si>
    <t>我们中国有这样的说法，男女朋友关系给对方送鞋是让对方走，因为鞋是穿着来走路的，所以不好，而西方国家也有这种说法．男女朋友送鞋给对方是要把对方原地踏步地留在自己身边，在西方送鞋给他（她）是件很幸福的事</t>
  </si>
  <si>
    <t>可以送。只要是你精心挑选的男朋友都会喜欢的。</t>
  </si>
  <si>
    <t>可以送鞋子，鞋的偕音是邪．就是辟邪的意思．也是祝你一路平安．</t>
  </si>
  <si>
    <t>可以送，因为我也经常送，感觉还很好</t>
  </si>
  <si>
    <t>看你们对平时的有些俗语信的多少，鞋子有送走的意思，但是如果是她喜欢的鞋子，那可能就不一样了</t>
  </si>
  <si>
    <t>乌发茶有用吗</t>
  </si>
  <si>
    <t>乌发茶是通过中药配方调理身体，扩张头皮毛细血管、促进血液循环，达到补益精血、强筋健骨、黑发轻身的效果</t>
  </si>
  <si>
    <t>没全黑，但有黑的了，个人觉得管用</t>
  </si>
  <si>
    <t>还行吧，他那个好像没有乌发茶，不过的确是可以黑头发</t>
  </si>
  <si>
    <t>只有轻微的保健育发功效</t>
  </si>
  <si>
    <t>如果当作治疗方法的话不靠谱</t>
  </si>
  <si>
    <t>苹果授权店可以换机吗</t>
  </si>
  <si>
    <t>授权店更多的是以赚钱为目的，很多问题一下子会先忽悠你，不能保修或者不能换机。</t>
  </si>
  <si>
    <t>可以的。大陆行货和港行都是全国联保。官网买的是大陆行货。可以在大陆任何苹果授权维修店或苹果直营店更换。前提是必须达到换机的条件。</t>
  </si>
  <si>
    <t>4g花钱多吗</t>
  </si>
  <si>
    <t>4g是一种网络制式，网速比原来更快了而已，就相当于2g变3g似的，其实也没多费钱，网上和人们说他费钱的意思是形容它网速快，如果1兆流量3毛，4g可以达到百兆每秒，3毛乘以100是30元，而一百兆流量完全可以加载一个视频，我们点开一个网页也就几十k，4g就是网速快加载的也快，非常快的就可以把页面加载完毕稍费一些流量，没多贵的</t>
  </si>
  <si>
    <t>4G是很贵的</t>
  </si>
  <si>
    <t>G的资费相对于3G来说，如果单算流量的话是比较便宜的，而且4G的速度特别快。</t>
  </si>
  <si>
    <t>my左旋肉碱能长高吗</t>
  </si>
  <si>
    <t>用过一点反应都没，还那么贵。</t>
  </si>
  <si>
    <t>要看用法的，我双十一的时候买了那个MY的左旋，她告诉我两种吃法，然后我就按照长高那种吃了，一瓶吃掉长高了2cm，我同学一礼拜就高了1.5cm，我吸收算差的，主要是没有配合运动</t>
  </si>
  <si>
    <t>夸大宣传，不要信</t>
  </si>
  <si>
    <t>怀孕期间能做爱吗?</t>
  </si>
  <si>
    <t>前三个月容易引起孕妇流产，而后三个月则常常导致孕妇早产，其余时间过性生活对胎儿的影响不会太大。</t>
  </si>
  <si>
    <t>孕期的性生活不是被禁止的，健康而适度的性生活不仅是可以的，还能大大增进你和丈夫的亲密感情。</t>
  </si>
  <si>
    <t>怀孕中期也就是4-6个月的时候可以同房。</t>
  </si>
  <si>
    <t>前3个月和后3个月，不要房事 中间可以注意姿势，一定注意力度。</t>
  </si>
  <si>
    <t>15岁还可以长高吗</t>
  </si>
  <si>
    <t xml:space="preserve">不要担心，还可以再长的，你才15岁，还没有停止发育呢。 </t>
  </si>
  <si>
    <t>当然会的，我都21了还在长高。</t>
  </si>
  <si>
    <t>能够长高的</t>
  </si>
  <si>
    <t>3-5厘米。晚上10点半以前睡，在晚上11点至12点进入深度睡眠，晚上睡觉前两小时前喝牛奶，最重要的是每天至少锻炼半小时</t>
  </si>
  <si>
    <t>血脂康胶囊要长期吃吗</t>
  </si>
  <si>
    <t>根据病人的情况，一个疗程一般为2-3个月不等，但是它并不是一定要长期服用的，要根据不同的情况遵医嘱服用。</t>
  </si>
  <si>
    <t>最好不要长期吃，毕竟是药三分毒嘛。可以用中西医结合治疗，在医生指导下用降血脂的药。同时生活上要注意，饮食要平衡,多样化,除米面杂粮均衡食用外,要多吃绿色的新鲜蔬菜,常吃鱼类,瘦肉,鸡蛋,豆制品,牛奶,蒜,洋葱,醋,水果等,少吃动物油及糖,奶油,不狂饮暴食,勿饮烈酒,咖啡和浓茶.多吃些木耳，山楂，有助于降血脂。同时要加强锻炼</t>
  </si>
  <si>
    <t>不需要长期服用</t>
  </si>
  <si>
    <t>返魂草颗粒宝宝能吃吗</t>
  </si>
  <si>
    <t>是中药，2岁小孩可以吃，成人剂量的1/4--1/3</t>
  </si>
  <si>
    <t>最好不要给宝宝乱吃药</t>
  </si>
  <si>
    <t>治标不治本，咽炎片也很好使，可以配合着用。</t>
  </si>
  <si>
    <t>复仇者联盟2 好看吗</t>
  </si>
  <si>
    <t>好看，太精彩了。</t>
  </si>
  <si>
    <t>好看啊，我这里有百度云盘，你要不要。</t>
  </si>
  <si>
    <t>都好看，看了第一部就想看第二部</t>
  </si>
  <si>
    <t>只有死亡证明能注销户口吗</t>
  </si>
  <si>
    <t>一般销户口需要用死亡证明</t>
  </si>
  <si>
    <t>死亡证明是自然人民事权利消失的唯一凭证</t>
  </si>
  <si>
    <t>可以、凭医院开具的死亡证明书、就可以拿到死者户口所在地派出所办理户口注销。</t>
  </si>
  <si>
    <t>乱斗西游小米版可以修改帐号吗</t>
  </si>
  <si>
    <t>不行的，不同代理商的数据不互通的，各代理商数据在自己的服务器</t>
  </si>
  <si>
    <t>绑定手机就可以啊</t>
  </si>
  <si>
    <t>95式自动步枪是把烂枪吗</t>
  </si>
  <si>
    <t>非常好，后座力小，准度高。</t>
  </si>
  <si>
    <t>精准度很高的，我爱发明都介绍过，有试枪手用他50米打鹌鹑蛋100米打西红柿200打西瓜，就第一个没正中目标，擦了边，好歹是烂了。后面又试它的威力，也很大，穿钢板跟吃菜一样，之后又测试可靠性，放水里，细沙里，拿出来后射击一点故障都没出。这把枪的缺点就是不太符合人体工程学，也就是设计时没考虑射手使用起来是不是舒服。</t>
  </si>
  <si>
    <t>95式突击步枪稳定性好MA射速快AK狠。</t>
  </si>
  <si>
    <t>95式好</t>
  </si>
  <si>
    <t xml:space="preserve">95枪不是只好枪，至少我这么认为，一直到现在，部队并没有95枪的训练教材，因此一直不能大量装备，别以为中国换几支枪都换不起，但为什么不大量装备？就因为95枪还存在很多问题。 </t>
  </si>
  <si>
    <t>前列腺坐垫有用吗</t>
  </si>
  <si>
    <t>硬的。 硬的坐垫能改善阴囊和睾丸的温度。</t>
  </si>
  <si>
    <t>只要坐着就会刺激前列腺，坐50分钟，站起来走10分，提下肛。绝对缓解症状</t>
  </si>
  <si>
    <t>腾讯坑钱吗</t>
  </si>
  <si>
    <t>都坑，就没有不坑的</t>
  </si>
  <si>
    <t>一个愿打，一个愿受！你情我愿，何来坑钱。</t>
  </si>
  <si>
    <t>非常坑钱.</t>
  </si>
  <si>
    <t>关键是腾讯是国内电游的绝对垄断企业，所以他可以将游戏和其他应用中所有的一切全部加入收费情况，从而谋取暴利，然后，你一但付过什么费，还会出现一些情况是在不通知你的前提下自动续费……这点最恶心</t>
  </si>
  <si>
    <t>干面条可以放冰箱吗</t>
  </si>
  <si>
    <t>不要放冰箱，冰箱里面有水汽，而且放久了会把冰箱里面的味道吸到面条里面去，放干燥的地方就可以了，注意防虫~</t>
  </si>
  <si>
    <t>干的就没必要存冰箱了，一定要在干燥阴凉的环境里存放，并注意防治害虫的感染。当然温度越低越好，一般不高于20度可保存6个月的（干的），要是在冰箱里保存，一定要注意不受湿、不受异味的吸附（一般要用塑料包好）</t>
  </si>
  <si>
    <t>干面条放在冰箱的上面，冷藏就好！</t>
  </si>
  <si>
    <t>app可以同名吗</t>
  </si>
  <si>
    <t>苹果市场规定不能有重名的APP，所以在App Store中是可以进行APP名称注册的。而安卓市场中并没有这样的规定，因此无法在安卓市场中进行注册</t>
  </si>
  <si>
    <t>不可以的，涉及侵权哦，有法律方面问题的。</t>
  </si>
  <si>
    <t>上传的时候，名称不可以重复</t>
  </si>
  <si>
    <t>山楂卷吃了会胖吗</t>
  </si>
  <si>
    <t>山楂里有分解脂肪的酶，适度吃还有利于减肥。但是这只是新鲜的山楂，想那些加工过的山楂片之内的热量很高，要少吃。</t>
  </si>
  <si>
    <t>只要是吃，就一定长肉</t>
  </si>
  <si>
    <t>理论上是会胖的，因为山楂是用于帮助消化的中药，帮助消化以后你就能从你摄取的食物中吸取更多的养分，理论上说会比不吃山楂更容易胖。</t>
  </si>
  <si>
    <t>山楂本身的热量并不高,但经过加工了的山楂片热量却很高，吃多了当然会发胖。</t>
  </si>
  <si>
    <t xml:space="preserve">不会的 最近很流行吃肉减肥法，这是运用饮食中醣类摄取少於五十克时，身体就会燃烧脂肪当做能量来源的原理，达到促进脂肪分解的目的。 </t>
  </si>
  <si>
    <t>不但不会发胖，还有减肥之功效。</t>
  </si>
  <si>
    <t>奔驰s320动力够吗</t>
  </si>
  <si>
    <t>W222这一代S320采用的是V6双涡轮增压发动机 排量3.0 在1300到4500都可以输出最大扭矩，最大扭矩400牛米 所以在加速超车时已经足够用了 这台发动机5000转的时候输出272匹的最大马力所以动力是足够用的</t>
  </si>
  <si>
    <t>首先，它是一辆商务轿车；以舒适及尊贵的身份为主。当然它的动力也足够奔到220KM/H以上了。你若是觉得不购激情，建议考虑轿跑级的：Benz CLS、Audi S7等</t>
  </si>
  <si>
    <t>新的S300 BlueTEC Hybrid车型是之前并未出现在手册中的一款车型，这款车型搭载的是2.1升直列四缸发动机，最大功率150千瓦，峰值扭矩500牛米，7.6秒的加速成绩算是四款车型中最慢的，同样极速也仅为238km/h，不过其节油能力应该会非常出众。</t>
  </si>
  <si>
    <t>动力：无论是正常的上下班，还是偶尔想要放松心情，体验一把驾乘乐趣，奔驰的动力都可以满足要求</t>
  </si>
  <si>
    <t>echo能下载吗</t>
  </si>
  <si>
    <t>这个现在还没有办法下载下来</t>
  </si>
  <si>
    <t>1、打开浏览器，打开百度，然后搜索。2、点击搜索到的网页，找到下载地址。3、最后点击下载地址下载即可。</t>
  </si>
  <si>
    <t>echo是一个音乐软件，没有铃声下载和设置的功能，同步助手才有，一般我会直接用喜欢的音乐名到同步助手里头搜，大多都能找到，之后直接下载导到做铃声了，这样方便很多。</t>
  </si>
  <si>
    <t>中南海能进去吗</t>
  </si>
  <si>
    <t>想在中南海玩？是不太可能的</t>
  </si>
  <si>
    <t>当然是不能的</t>
  </si>
  <si>
    <t>中南海不能进去玩！</t>
  </si>
  <si>
    <t>以前可以 现在不可以了啊</t>
  </si>
  <si>
    <t>sd卡格式化能恢复吗</t>
  </si>
  <si>
    <t>可以恢复，用金山毒霸里的数据恢复或者用专门的恢复软件。</t>
  </si>
  <si>
    <t>如果有覆盖过资料就不可能恢复了。没有覆盖过可以恢复。</t>
  </si>
  <si>
    <t>可以恢复</t>
  </si>
  <si>
    <t>在电脑上用一些恢复软件可以恢复sd卡的内容，记住不要在sd卡上有什么操作</t>
  </si>
  <si>
    <t>格式化就是全部清除数据，一般是不能恢复以前数据的，除非是黑客或专业的数据恢复公司能够恢复一部分数据，意义也不大。</t>
  </si>
  <si>
    <t>孕妇可以吃黑芝麻</t>
  </si>
  <si>
    <t>可以的。有人说吃黑芝麻生出的小孩皮肤会变黑，这个是没有科学根据的。而且黑芝麻的营养成份还是很高的。</t>
  </si>
  <si>
    <t>孕妇可以吃黑芝麻。孕妇吃黑芝麻的好处：黑芝麻有降血糖作用，黑芝麻取物给大鼠口服降低血糖增加肝脏及肌肉糖元含量大剂量则降低糖元含量。黑芝麻0.2ml/100g体重喂饲大鼠增加肾上腺抗坏血酸及胆固醇含量。黑芝麻有抗炎作用，黑芝麻油涂在皮肤粘膜能有效减轻刺激促进炎症恢复。黑芝麻亚油酸使血胆固醇含量降低有防治冠状动脉硬化作用。因此黑芝麻有对孕妇来说有着滋补肝肾、明目润燥辅助近视及双目干涩、大便干涩的疗效，有益于孕期的健康。</t>
  </si>
  <si>
    <t>可以，对孩子有好处</t>
  </si>
  <si>
    <t>据说眼睛黑又亮头发也好！不过也不能多吃！</t>
  </si>
  <si>
    <t>男属牛女属马配吗</t>
  </si>
  <si>
    <t>不太适合</t>
  </si>
  <si>
    <t>绝配</t>
  </si>
  <si>
    <t>超级不配</t>
  </si>
  <si>
    <t>爆发力是天生的吗</t>
  </si>
  <si>
    <t>爆发力是受先天影响很大的，不过后天的努力也可以适当提高</t>
  </si>
  <si>
    <t>是额...</t>
  </si>
  <si>
    <t>爆发力不是天生的，由于基因原因使人的骨骼不同，爆发力上限会不一样，但是爆发力可以经过后天的锻炼获得增强。</t>
  </si>
  <si>
    <t>有一部分是天生的。但是我认为，后天也是可以弥补的，像我同学，本来跑步很慢的，但是后来她一直练，考试就拿了高分。</t>
  </si>
  <si>
    <t>不丹有高原反应吗</t>
  </si>
  <si>
    <t>属于</t>
  </si>
  <si>
    <t>不丹的地势北高南低，全国除南部小范围的杜瓦尔平原外，山地占全国总面积的95%以上，素以山国著称。不丹各地的海拔高度相当悬殊，景点主要集中在中部河谷区，海拔约1500~2000米，不会有出现高原反应的情况。</t>
  </si>
  <si>
    <t>不丹旅行其实没有想象中的高海拔，不丹的首都廷布海拔约为2500米，相当于中国云南的丽江，不丹旅游所到的城市最高海拔也才3000米左右，一般人都是可以承受的（九寨沟的长海海拔是3100米），所以去不丹不需要担心高海拔的问题，基本上不会有什么高原反应的。</t>
  </si>
  <si>
    <t>一般去的话或多或少都会有点高原反应吧。也是看个人体质的</t>
  </si>
  <si>
    <t>淘宝卖号安全吗</t>
  </si>
  <si>
    <t>不安全，被封的可能很大很大</t>
  </si>
  <si>
    <t>一般是没问题，应为现在淘宝都用支付宝也就是说钱是先给了淘宝的，而你给了他东西之后告诉淘宝，他收到东西后确认下或者他不确认只要3天还是7天没有象淘宝提交申请退款，那么钱就自动转给你。</t>
  </si>
  <si>
    <t>淘宝安全，就看人安不安全啦</t>
  </si>
  <si>
    <t>有一定的风险</t>
  </si>
  <si>
    <t>不安全，你买了他立马盗回来</t>
  </si>
  <si>
    <t>还是比较安全的</t>
  </si>
  <si>
    <t>找回的可能性大 退款的可能性不大 号跟你 然后钱过去了 他找回了 钱回不来了这么多销量 多半是刷的 一个月3W多 你想想 他练的过来么＃＃不安全，我上次买了一个100的账号他是新注册的，所以最好不要上网买号，以免被骗。一班都不会退款，因为到了嘴边的羊还那让他跑啊，所以退款成功率是百分之30左右。</t>
  </si>
  <si>
    <t>拍下后，不是还没付款吗？所以退款的几率很大，毕竟退不退款在淘宝上买家能看见，还有我也在淘宝上买过号，还是有密保的，玩了一年半了都没事，只要别下外挂就行。 你没付款就行，还有，你得看有没有密保，那号要有密保就别买了，90%都是骗子，毕竟3W多的销量不太现实。 望采纳</t>
  </si>
  <si>
    <t>dnf黑暗契约者好吗</t>
  </si>
  <si>
    <t>基础太低,不适合男格斗</t>
  </si>
  <si>
    <t>ebay可以直邮吗</t>
  </si>
  <si>
    <t>可以，但是海关可能会被扣关，收取关税</t>
  </si>
  <si>
    <t>要看商品页面：也就是说必须选好一件商品才能知道支不支持直邮。</t>
  </si>
  <si>
    <t xml:space="preserve">选择直邮中国. 部分商品需要缴纳关税.而且运费会偏高. </t>
  </si>
  <si>
    <t>用开塞露能减肥吗</t>
  </si>
  <si>
    <t>能吧</t>
  </si>
  <si>
    <t>开塞露是没有减肥的效果的，开塞露是用来治疗便秘的。</t>
  </si>
  <si>
    <t>暗黑破坏神2有秘籍吗</t>
  </si>
  <si>
    <t>黑轴适合打字吗</t>
  </si>
  <si>
    <t>黑轴，同样特别适合打字。</t>
  </si>
  <si>
    <t>适合，不过有一定要求。</t>
  </si>
  <si>
    <t>肯定是行。</t>
  </si>
  <si>
    <t>黑轴绝对不适合打字，太硬，时间一长手酸的要死。</t>
  </si>
  <si>
    <t>黑轴的打字速度很快，但是因为没有段落感会少了些乐趣</t>
  </si>
  <si>
    <t>黑轴用久了手酸 如果用键盘习惯轻点的打打字还行 要是次次按到底手有点累，茶轴和红轴比较适合打字。</t>
  </si>
  <si>
    <t>鸡胸肉热量高吗</t>
  </si>
  <si>
    <t>鸡胸肉的热量不高，在同类中算是很低了，营养又好，减肥又想补充营养的朋友可以适当吃一点鸡胸肉。</t>
  </si>
  <si>
    <t>dnf月溪镇武器装扮外观是永久吗</t>
  </si>
  <si>
    <t>30天</t>
  </si>
  <si>
    <t>是有期限的，35天。</t>
  </si>
  <si>
    <t>脱毛膏过期了还能用吗</t>
  </si>
  <si>
    <t>过期多久了，过期是指产品过了最佳效果的期限，若过期不久，效果不如以前了，但还是有效果，不推荐使用过期产品，过去太久，化学成分会改变,应放弃使用.</t>
  </si>
  <si>
    <t>有的过了保质期，但是事实上品量还没有坏，照样可以用。对于过了保质期又坏的，那就有可能损坏皮肤</t>
  </si>
  <si>
    <t>建议不要用了，否则很有可能造成皮肤烧伤的，化学成分变质了会变成对身体有毒的成分，对皮肤的伤害很大。</t>
  </si>
  <si>
    <t>过期东西尽量还是别用了吧，对皮肤有伤害</t>
  </si>
  <si>
    <t>网际直通车vpn要钱吗</t>
  </si>
  <si>
    <t>可以免费注册和使用，有流量限制，也支持收费，当然了收费的更稳定也没有流量限制了，简单说吧，两种流量都消耗。</t>
  </si>
  <si>
    <t>1：免费软件 2：纯净绿色版  3：嘻游 vpn</t>
  </si>
  <si>
    <t>软件是免费，使用很简单，打开用Email注册一个账号，然后打开邮箱激活账号就行了。登陆账号即可，新用户有100MB的流量</t>
  </si>
  <si>
    <t>不要钱，但是用完就不能用了，建议弄个免费的。</t>
  </si>
  <si>
    <t>送的就不要了。。</t>
  </si>
  <si>
    <t>不要钱的多的去了，只是免费的方式是如何了，你可以去国内收录VPN商家最多的推荐网看看，有不同的免费方式百度：vpnname</t>
  </si>
  <si>
    <t>易车网靠谱吗</t>
  </si>
  <si>
    <t>可靠但一般情况下会有附加条件例如必须某家店提车必须店内上保险以及强制加配件等等</t>
  </si>
  <si>
    <t>其实网上报价都不是最低不如自己去店里砍价</t>
  </si>
  <si>
    <t>易车网的报价比太平洋汽车的报价要低很多，有的报价易车网比太平洋低一万多。</t>
  </si>
  <si>
    <t xml:space="preserve">非常可靠 </t>
  </si>
  <si>
    <t>听朋友说挺靠谱</t>
  </si>
  <si>
    <t>1月份去三亚能游泳吗</t>
  </si>
  <si>
    <t>海南一年四季都可以游泳，冬天最低也有一二十度，不过室内的恒温泳池也不错，哪里都一样。</t>
  </si>
  <si>
    <t>大概18度左右，中午有阳光温度高些，中午可以游泳的不过建议预订有恒温泳池的酒店，方便</t>
  </si>
  <si>
    <t>不可以的，1月份是三亚最冷的季节，而且还是雨季，但是气候会好，阳光强烈</t>
  </si>
  <si>
    <t>三亚一年四季基本上是可以下水的。除了早晚有点凉，上午下午一般是可以下的，至少是中午可以下水。这里以一系列数据来证实一下：三亚市气候独特，属于热带海洋季风性气候，年平均气温25.4℃，气温最高为七月，平均气温28.4℃；气温最低为1月，平均气温21℃。</t>
  </si>
  <si>
    <t>可以的，大东海最好＃＃一月虽然三亚不冷，应该也下不了水吧</t>
  </si>
  <si>
    <t>下海有点冷啊 你要挑有太阳的日子去。最近天天阴天水温肯定低.至于哪片海...三亚湾是不行了，被游客给弄得.很恶心。大东海和亚龙湾是最好的选择大东海人多 全是老毛子 亚龙湾干净 就是贵</t>
  </si>
  <si>
    <t>可以，三亚一月份天气一般都是二十到三十度</t>
  </si>
  <si>
    <t>高速公路etc全国通用吗</t>
  </si>
  <si>
    <t>目前高速公路ETC已经全国联网，但是部分老版本设备可能在别的省份不能正常识别。</t>
  </si>
  <si>
    <t>目前高速公里收费都是全国联网，根据交通部就此事安排通知如下：</t>
  </si>
  <si>
    <t>目前尚未全国联网，因此不能在全国通用，已联网的区域为长三角及京津冀，2013年山西、山东有望并入京津冀区域，行驶在以上两个区域内可实现一卡通。</t>
  </si>
  <si>
    <t>不是全国通用。</t>
  </si>
  <si>
    <t>需提供车主有效身份证件和行驶证的原件及复印件（非车主本人还需带上代理人的有效身份证件）</t>
  </si>
  <si>
    <t>表语从句的that可以省略吗</t>
  </si>
  <si>
    <t>连词 that 引导的名词性从句有四种：宾语从句、主语从句、表语从句和同位语从句。原则上只有宾语从句的 that 可以省略，包括表语从句在内的其他三种都不可以省略，不过在不太严谨的非正式英语中，有人往往会违背原则，不按套路出牌，忽视这一严格的语法要求。</t>
  </si>
  <si>
    <t>that 引导名词性从句时，只有引导宾语从句时可以省略，其它一般不可省略。</t>
  </si>
  <si>
    <t>that是不可以省的，但有时,引导表语从句的连词that可以省略，连接词that一般不能省略，但当主句中含动词do的某种形式时，that可以省略</t>
  </si>
  <si>
    <t>只有在宾语从句中才可以省略；其他情况下，都不可省略。 强调句型：It is ...that...中的也不能省略</t>
  </si>
  <si>
    <t>可以。如：My idea is we'd better go with them.我的意思是我们最好和他们一块去</t>
  </si>
  <si>
    <t>可以省略的,that在表语从句中不作成分，也没有实际意义 比如：My idea is (that) we should get more information to deal with it.</t>
  </si>
  <si>
    <t>外地户口能在北京买车吗</t>
  </si>
  <si>
    <t>持有有效《北京市工作居住证》的非本市户籍人员。持有本市有效暂住证且连续五年(含)以上在本市缴纳社会保险和个人所得税的非本市户籍人员。其他的一样，有合格驾照。就可以网上申请摇号了。</t>
  </si>
  <si>
    <t>地梁有没有垫层</t>
  </si>
  <si>
    <t>都要求做。所有在地下开挖的基础必须先做垫层，否则无法保证构件混凝土的配合比。</t>
  </si>
  <si>
    <t>没有！在受冻的地方梁底要求是空的防止土冻涨将梁破坏。</t>
  </si>
  <si>
    <t>地梁约定俗成为基础梁，圈起来有闭合的特征，与构造柱共成抗震限裂体系，减缓不均匀沉降的负作用。与地圈梁有区别，（地梁）基础梁主要起联系作用，增强水平面刚度，有时兼作底层填充墙的承托梁，不考虑抗震作用。 同样也是需要垫层的。</t>
  </si>
  <si>
    <t>不一定，像独立基础 的基础梁就不要垫层。</t>
  </si>
  <si>
    <t>win8 win10驱动通用吗</t>
  </si>
  <si>
    <t>部分不兼容，大部分都是可以的。</t>
  </si>
  <si>
    <t>多数是通用的目前，但是对于核心硬件的驱动，如果从8.1跳装到10. 那么，需要重新安装驱动。</t>
  </si>
  <si>
    <t>多数是通用的。</t>
  </si>
  <si>
    <t>电脑自带的驱动不是通用的，软件驱动有很多是通用的。</t>
  </si>
  <si>
    <t>不一定，旧版的8.1驱动不一定支持Win10，但是新出的Win10驱动支持8.1。旧版的驱动在Win10上多多少少都有些问题。</t>
  </si>
  <si>
    <t>不通用，有兼容性，win8能用的可能在win10上不能用，这还要看驱动的兼容性</t>
  </si>
  <si>
    <t>多数是通用的目前，但是对于核心硬件的驱动，如果你从8.1跳装到10. 那么，你需要重新安装驱动哦。不然会给你打来比较多的麻烦。</t>
  </si>
  <si>
    <t>都市丽人新内衣有股刺鼻的味道能穿吗</t>
  </si>
  <si>
    <t>新的有气味正常，因为通过采料到制作是需要一段时间的，然后出厂一般是用塑料袋包装，而且文胸有海绵，海绵吸尘后也会产生气味。</t>
  </si>
  <si>
    <t>黑咖啡可以加牛奶吗</t>
  </si>
  <si>
    <t xml:space="preserve"> 民以食为天，人活着，就得吃东西。但只有合理科学的膳食，才能促进健康。反之，饮食不当，则会给身体造成伤害。因此，营养学家告诫广大消费者，咖啡＋牛奶＝有害健康。 适量饮用咖啡（每天不超过两杯）对心脏和大脑有好处。富含钙的牛奶则是令骨骼坚固的上佳饮品。然而把牛奶和咖啡掺在一起长期饮用，则会对肝造成损害，因为这种混合会产生一种不太稳定且难以消化的乳状液。</t>
  </si>
  <si>
    <t>当然可以，而且是很多人喜欢的喝法，不过加了牛奶的咖啡就不是黑咖啡了，叫“white coffee”</t>
  </si>
  <si>
    <t>没有坏处,也是咖啡的一种喝法能中和咖啡的苦味.</t>
  </si>
  <si>
    <t>喝咖啡加奶不好。适量饮用咖啡(每天不超过两杯)对心脏和大脑有好处。富含钙的牛奶则是令骨骼坚固的上佳饮品。然而把牛奶和咖啡掺在一起长期饮用，则会对肝造成损害，因为这种混合会产生一种不太稳定且难以消化的乳状液。</t>
  </si>
  <si>
    <t>黑咖啡的咖啡因和咖啡碱比较高，对胃部刺激比较大，加点纯牛奶可以保护胃。</t>
  </si>
  <si>
    <t>直升机打得过战斗机吗</t>
  </si>
  <si>
    <t>直升飞机能打战斗机，不过成功率很低。</t>
  </si>
  <si>
    <t>公司班车迟到算迟到吗</t>
  </si>
  <si>
    <t>如果班车迟到应该算迟到。</t>
  </si>
  <si>
    <t>通常用人单位安排的班车如果出现晚点导致劳动者迟到的，通常用人单位算正常上班处理。属于用人单位劳动人事规章制度的内容，由用人单位自行制定</t>
  </si>
  <si>
    <t>做公司班车，上车的时候就算上班了。所以迟到应该算公司的。</t>
  </si>
  <si>
    <t>坐班车迟到不能算劳动者迟到，而是算单位的。单位扣工资是不合理的。</t>
  </si>
  <si>
    <t>一般情况下都算，上班族都怕堵车</t>
  </si>
  <si>
    <t>这个还是主要由人事来定夺。。</t>
  </si>
  <si>
    <t>42运动家是正品吗</t>
  </si>
  <si>
    <t>这家可靠的</t>
  </si>
  <si>
    <t>五星，必须是</t>
  </si>
  <si>
    <t>粗略一看应该没问题</t>
  </si>
  <si>
    <t>大部分是假货，除非做不了假的东西</t>
  </si>
  <si>
    <t>看起来是正品</t>
  </si>
  <si>
    <t>ipad防水吗</t>
  </si>
  <si>
    <t>苹果的平板iPad Mini是不具备防水功能的。</t>
  </si>
  <si>
    <t>电容屏一碰水就会失控，ipad1，2，3，4都不防水，就算它防水像sony的防水机一样，电容屏就像有好多好多手指在上面乱摸一样，失控了，擦干就好了</t>
  </si>
  <si>
    <t>iPad 并不防水。</t>
  </si>
  <si>
    <t>APPLE 公司目前没有防水的设备</t>
  </si>
  <si>
    <t>防水性能如同6s一样较上一代有所提升，但是并不能长时间浸泡</t>
  </si>
  <si>
    <t>崇州鸡冠山好玩吗</t>
  </si>
  <si>
    <t>崇州市万家镇和苟家乡，正式更名为文井江镇和鸡冠山乡。记者昨日从市民政局苟家乡均位于崇州市西北森林覆盖率达94%，发源于鸡冠山北面的文井江直贯</t>
  </si>
  <si>
    <t>好玩啊，看风景，看熊猫夏天去最好了凉快，我就是崇州的</t>
  </si>
  <si>
    <t>婴儿坐腰凳好吗</t>
  </si>
  <si>
    <t>腰凳不用勒着宝宝的小屁屁，坐着比较舒服吧，也比较透气。</t>
  </si>
  <si>
    <t>抱宝宝时不会对妈妈的脊柱和骨盆施加压力使用腰凳不但省力而且不伤腰。超宽肩带和超宽腰带平衡分担重量，腰凳的内侧加了软软的海绵，所以剖腹产的妈妈也可放心使用。单肩腰凳适合夏天使用。双肩腰凳适合6个月以上至36个月，体重20公斤以下宝宝使用。与背带连接使用。适合冬天或者较重宝宝使用。</t>
  </si>
  <si>
    <t>吉林医学是核心期刊吗</t>
  </si>
  <si>
    <t>《吉林医学》不是核心期刊，属于省级权威期刊。</t>
  </si>
  <si>
    <t>不是。也就是个省级的期刊</t>
  </si>
  <si>
    <t>石棺主人会不会是在美国受难日死去的呢?</t>
  </si>
  <si>
    <t>六味地黄丸对精子有影响吗</t>
  </si>
  <si>
    <t>不会，固肾的</t>
  </si>
  <si>
    <t>六味地黄丸有滋阴降火的作用，精子为阴份，所以可以增加精子。</t>
  </si>
  <si>
    <t>pvc垫子有毒吗</t>
  </si>
  <si>
    <t>指PVC地板的话，那肯定没毒的</t>
  </si>
  <si>
    <t>PVC桌垫一般以透明PVC软垫为主,基本无什么毒性</t>
  </si>
  <si>
    <t>看生产加工时加入的助剂类型</t>
  </si>
  <si>
    <t>看用途与工艺的的结合</t>
  </si>
  <si>
    <t>北极星弹弓能上牌子么</t>
  </si>
  <si>
    <t>可以的，具体可以搜下老友弹弓，有详细说明的哦</t>
  </si>
  <si>
    <t>芒果核发芽能吃吗</t>
  </si>
  <si>
    <t>你好芒果核发芽是不可以吃的，否则是容易导致中毒。如果觉得肚子不舒服，建议你吃点肠炎灵，另外可以多喝点水，这样排泄出来就好了</t>
  </si>
  <si>
    <t>可以，以前我也吃过这样的，没事。</t>
  </si>
  <si>
    <t>发芽了最好不要食用了，容易中毒的，最好购买新鲜的食用是比较好的。</t>
  </si>
  <si>
    <t>芒果果核发芽了不能吃了</t>
  </si>
  <si>
    <t>不能吃，有毒</t>
  </si>
  <si>
    <t>临沂穷吗</t>
  </si>
  <si>
    <t>普遍比较穷,有钱的少,不过有钱的就很有钱应该是贫富差距比较大</t>
  </si>
  <si>
    <t>不穷！！ 现在 在 创建文明城市！！！这几年发展的相当快！！等你有空来临沂看看！！</t>
  </si>
  <si>
    <t>冬天要不要热车</t>
  </si>
  <si>
    <t xml:space="preserve">在大多数人的观念中,总认为一大早(或长时间未用车)要用车时,在发动车子以后以怠速原地热车,等个三五分钟再上路,这样对车最有益。但实际上呢?您确定这是正确的热车方法吗? </t>
  </si>
  <si>
    <t>需要，在任何季节，停车三小时以上就需要，原理，其实是让发动机机油，油温和油压达到正常工作值，为发动机提供最好的润滑保护，减小磨损，变速箱等，同理，方法，启动后待怠速平稳，低速行驶，发动机低转速，严禁高转，带水温到工作温度后，可正常行驶，一般车看不到油温油压，大众有的可以看油温。</t>
  </si>
  <si>
    <t>需要热车，但是2-3分钟即可</t>
  </si>
  <si>
    <t>要，天冷5分钟</t>
  </si>
  <si>
    <t>时间不要太长，2分钟足矣，先慢慢开，等水温正常再加速</t>
  </si>
  <si>
    <t>最好热一下车，让发动机适应</t>
  </si>
  <si>
    <t>兰索拉唑可以长期服用吗</t>
  </si>
  <si>
    <t>胃的能力会越来越弱 有依赖性</t>
  </si>
  <si>
    <t>不适宜用于维持治疗的，也就是不能长期使用，会有不良后果的。</t>
  </si>
  <si>
    <t>当然可以了 ，每天一次 早饭前空腹15分钟 每次2片 坚持半个月或者一个月 就差不多了</t>
  </si>
  <si>
    <t>招财宝能保本吗</t>
  </si>
  <si>
    <t>基本可以保证本金安全。</t>
  </si>
  <si>
    <t>招财宝挺安全的，基本上不会损失本金</t>
  </si>
  <si>
    <t>还是保本的，招财宝实际上是个人之间的借贷，然后通过平台做担保，所以本金是可以保障的，</t>
  </si>
  <si>
    <t>子宫后位是不是不容易怀孕</t>
  </si>
  <si>
    <t>子宫后位，就是子宫的纵轴不变，整个子宫向后方倾倒，容易使子宫颈呈上翘状态，即子宫后倾，致使子宫颈不易浸泡在精液池中而可能影响受孕。</t>
  </si>
  <si>
    <t>前卫的容易怀孕，因为这样子宫颈容易泡在精液里，类似于字母S的下端，但是怀孕后会肚子特别大，而后卫就不会显得特别大，但是后位不容易怀孕是相对的，只要注意姿势，比如垫高腿部也一样。</t>
  </si>
  <si>
    <t>子宫后位也可以怀孕。比后位有可能几率小一些。</t>
  </si>
  <si>
    <t>会不会怀孕和姿势无关，和是不是排卵期，还有精子的质量好坏有关系</t>
  </si>
  <si>
    <t>茵栀黄口服液和妈咪爱哪个先吃</t>
  </si>
  <si>
    <t>可以混合在一起喝</t>
  </si>
  <si>
    <t>梦幻手游ios能在电脑上玩吗</t>
  </si>
  <si>
    <t>下载个模拟器就可以了，现在很多手机游戏都可以在电脑上玩。</t>
  </si>
  <si>
    <t>可以，用网页版登录就可以玩。</t>
  </si>
  <si>
    <t>你用梦幻西游手游网页版的话就可以实现IOS在电脑网页运行的效果，直接去梦幻手游的官网，里面有个网页版你点击就能进入网页版的界面，用手机梦幻手游扫码功能扫二维码选择账号就可以进入了，不过网页版只能上1个账号，加上你手机上一个，最多也就实现双开</t>
  </si>
  <si>
    <t>IOS手游不能在电脑上玩，现在只能在电脑上玩安卓手游</t>
  </si>
  <si>
    <t>iOS版梦幻不能在电脑上玩的</t>
  </si>
  <si>
    <t>无锡电子眼违章扣分吗</t>
  </si>
  <si>
    <t>无锡市内道路目前只有两项电子抓拍违章是要扣分的，第一是在装有监控的禁停路段违停，扣3分（如五爱路等）、第二是在装有监控的路口玩手机，扣2分。还有一种扣分情况是不符合环保要求的高污染车不得进入无锡市内限行区否则也会扣3分。其他在市内道路如超速、闯红灯等抓拍目前还是不扣分的。</t>
  </si>
  <si>
    <t>无锡电子警察不扣分。</t>
  </si>
  <si>
    <t>电子违章都扣分的，除非违法停车的不扣分。</t>
  </si>
  <si>
    <t>有扣有不扣，一般电子违章如闯红灯、未按指示行驶等暂不扣分。部分特定违章抓拍会扣分。</t>
  </si>
  <si>
    <t>电子警察拍到只罚款不扣分。</t>
  </si>
  <si>
    <t>现全省已开始扣分。</t>
  </si>
  <si>
    <t>目前还只罚款不扣分。</t>
  </si>
  <si>
    <t>甲疾净好用吗</t>
  </si>
  <si>
    <t>效果还不错，掏宝上面就有得</t>
  </si>
  <si>
    <t>都是使用2个疗程就可以了</t>
  </si>
  <si>
    <t>喝小米粥会便秘吗</t>
  </si>
  <si>
    <t>不会的，小米是粗纤维的，利于通便</t>
  </si>
  <si>
    <t>小米属于粗粮，纤维含量高，对便秘有好处。</t>
  </si>
  <si>
    <t>喝粥当然不会便秘的。可能是肠胃本身按中医的讲法火大，可以用些绿豆汤败败火。主要是肠道里积存的粪便引起肠道的无菌性炎症，所以正常排便很重要。如果不及时，就会导致便秘症状。</t>
  </si>
  <si>
    <t>需要增加纤维素饮食的食入。</t>
  </si>
  <si>
    <t>小s公公坐牢了吗</t>
  </si>
  <si>
    <t>小S的公公许庆祥一审被判刑2年</t>
  </si>
  <si>
    <t>京东网是正品吗</t>
  </si>
  <si>
    <t>京东现在很多是伪劣产品。我买过很多次名牌衣服花过近两千元，寄来的有次是扣子掉了放进口袋里寄来的，有次是库存了四年的旧衣服，有次是寄来像抹布一样质量的名牌衣服，有次寄来的衣服根本没办法穿质量是垃圾布又脏。虽然买的是国内名牌衣服质量还不如市场买的杂牌衣服，建议到市场现场购买还好，京东现在买伪劣产品实在太多太多！</t>
  </si>
  <si>
    <t>京东相当于一个超市，自己找货源来销售，不过京东的大部分商品是有发票的，那个都是正品。不过受单纯的经营模式影响，现在寻找到了新的方式，也就是当当式的双模超市结构。我们都知道，现在有的超市卖电子产品和食品等是自己进货，而把服装部外包，而京东现在走的就是这个模式，上次帮朋友买个包包是没有发票的。。。所以，买手机及电子产品是可以安心的，服装包包之类既然和淘宝一样，不如去淘宝选择更便宜的。</t>
  </si>
  <si>
    <t>只要是京东发货并提供售后的商品，你就可以放心购买。如果是第三方商家的商品，就请慎重，跟天猫差不多的。</t>
  </si>
  <si>
    <t>京东商城的商品，大部分是正品，少部分是仿冒品</t>
  </si>
  <si>
    <t>京东是正品。</t>
  </si>
  <si>
    <t>只要是京东自营的商品那是可以完全放心的。</t>
  </si>
  <si>
    <t>我朋友买过假货</t>
  </si>
  <si>
    <t>cmd 文件是否存在</t>
  </si>
  <si>
    <t>if exist "d:\abc.csv" echo d:\abc.csv是存在的！执行上面这个命令后，如果看到提示“d:\abc.csv是存在的！”，就表明它是存在；看不到任何提示的话，就表明是不存在的。</t>
  </si>
  <si>
    <t>肾积水可以喝水吗</t>
  </si>
  <si>
    <t>首先要明确你到底是肾结石引起肾积水，还是别的原因引起的肾积水，如果是结石引起的，那就可以多喝水，帮助排石。如果不是结石引起的肾积水，那就没必要喝太多的水，要查明原因对证处理。</t>
  </si>
  <si>
    <t>如单侧性肾积水，不必限止饮水量，如果双侧肾积水，有肾功能障碍现象，要限止每日的进水量。</t>
  </si>
  <si>
    <t>一般适量喝水为好的</t>
  </si>
  <si>
    <t>海尔探路者好用吗</t>
  </si>
  <si>
    <t>小厂贴牌的机器，我买了用了不到5次坏了两次。想退货也不给退。售后形同虚设，以后不会再买任何海尔的产品了。网上的水军太多</t>
  </si>
  <si>
    <t>用了半年，故障为原地打转，送修去了。</t>
  </si>
  <si>
    <t>扫拖一体的，尤其是湿拖能力，拖的很干净，省了我很多的时间。</t>
  </si>
  <si>
    <t>海尔的探路者有好几个型号的，探路者T350不错，打开尘盒，发现连风干了的水果籽都能吸进去。</t>
  </si>
  <si>
    <t>苗木生意好做吗</t>
  </si>
  <si>
    <t>最好是有人带或者和做苗木的土豪做朋友，信息共享</t>
  </si>
  <si>
    <t>绿化是国家的百年大计，前景是很不错的，不过做这种生意不要求短平快。</t>
  </si>
  <si>
    <t>京东送到农村吗</t>
  </si>
  <si>
    <t>京东将信息部门、物流部门和销售部门垂直整合。京东在物流配送方面，能够使用京东自营快递的，则使用京东自营快递。京东的自营快递已经可以覆盖中国大多数地区了京东自营物流覆盖地区详表。在京东自营物流无法抵达的地区，则转发第三方快递。</t>
  </si>
  <si>
    <t>京东很多地方都能送到，你在下订单的时候将地址选择写清楚，会提示你能不能送达的！</t>
  </si>
  <si>
    <t>可以，只要地址写详细了</t>
  </si>
  <si>
    <t>这个要分什么东西了，因为它有很多仓库，有的发邮局，有的发快递，一般的都会自动发邮局，但也有几个库不是，你在备注里写上发邮局，还有就是没发邮局的话你就联系客服，可以转邮局</t>
  </si>
  <si>
    <t>京东快递会送到镇上，然后打电话叫你去拿</t>
  </si>
  <si>
    <t>在京东买东西快递是可以送到农村乡镇，但不送村组，只有到乡镇上自取件。</t>
  </si>
  <si>
    <t>县城可以到，农村范围太大了，有的地方到，有的不到。建议你到京东找客服问问，自营商品是可以选择“自提”的，送到最近的自提点，自己也可以去拿的。</t>
  </si>
  <si>
    <t>月经期能喝葡萄酒吗</t>
  </si>
  <si>
    <t>专家提醒你：为了你身体健康，还是不要喝为好。因为红酒可以活血，有助于经血流畅，而且同时能促使毛细血管变粗，也会变得比较活跃，从而就处于破裂状态，如果这样话会导致失血量过多。尤其是冰镇的的红酒，更不应该喝，月经期间是不能吃冰冷刺激的东西，请广大朋友们注意。</t>
  </si>
  <si>
    <t>为了你身体健康，还是不要喝为好。但经血量不多还可以适量地饮些葡萄酒</t>
  </si>
  <si>
    <t>专家提醒你：为了你身体健康，还是不要喝为好。因为葡萄酒可以活血，有助于经血流畅，而且同时能促使毛细血管变粗，也会变得比较活跃，从而就处于破裂状态，如果这样话会导致失血量过多。尤其是冰镇的的葡萄酒，更不应该喝，月经期间是不能吃冰冷刺激的东西</t>
  </si>
  <si>
    <t>为了你身体健康，还是不要喝为好。因为红酒可以活血，有助于经血流畅，而且同时能促使毛细血管变粗，也会变得比较活跃，从而就处于破裂状态，如果这样话会导致失血量过多。尤其是冰镇的的红酒，更不应该喝，月经期间是不能吃冰冷刺激的东西，请广大朋友们注意! 月经期间喝红酒有危险吗 女人在经期喝酒应要警慎 !</t>
  </si>
  <si>
    <t>喝吧没事。</t>
  </si>
  <si>
    <t>月经期间不宜喝酒，但经血量不多还可以适量地饮些葡萄酒，通经活络、温阳补血、扩张血管，使平滑肌松弛的红酒对痛经也有缓急止痛的效果。而且可以起到活血化瘀的作用的.对痛经也是有调理作用的。</t>
  </si>
  <si>
    <t>14岁女孩还能长高吗</t>
  </si>
  <si>
    <t>还会长高，要多吃点，不要怕长胖，作息时间要规律，很有可能长到160cm哟。</t>
  </si>
  <si>
    <t>这要参考你父母的身高，看你的身高，应该还会长，但长得可能慢，要注意补充营养，增加锻炼 根据身高公式你还长呢 女孩身高厘米 ＝(父亲身高×0.923＋母亲身高 )÷2</t>
  </si>
  <si>
    <t>会啊 多锻炼身体 坚持每天一杯牛奶`</t>
  </si>
  <si>
    <t>难说哦？看你的身体情况，看你 月月有没有来，家庭因素。</t>
  </si>
  <si>
    <t>女长20呢 才14肯定能啊 多运动</t>
  </si>
  <si>
    <t>肯定能啊，你才青春期开始，女性停止生长貌似是二十出头差不多才不长，</t>
  </si>
  <si>
    <t>你的标准身高=（父亲身高+母亲身高）÷2+10（女生+5）但是，你的身高距离大于小于10公分都是正常的，给你一个长高的方法:1 保持每日9小时睡眠，占比50%2 每日充足营养，占比30%。3 每日不少于2小时有氧运动，占比20%</t>
  </si>
  <si>
    <t>儿童吃核桃好吗</t>
  </si>
  <si>
    <t>补脑，聪明，有营养，反正就是好.</t>
  </si>
  <si>
    <t>好呀！核桃有助于健脑的。每天坚持吃核桃可以降低人体胆固醇。</t>
  </si>
  <si>
    <t>可以吃，但要注意食用方法，最好不要直接生吃。就是用核桃与红皮花生打汁煮开了后喝，要多给宝宝吃些绿叶菜，有助于蛋白质的吸收！建议您最好是可以做每天一到两个核桃做营养的补充就可以的！一般是对脑细胞有帮助的！注意休息</t>
  </si>
  <si>
    <t>好啊，核桃营养多，而且补脑，但是要注意核桃的硬外壳，不要让孩子吃了。</t>
  </si>
  <si>
    <t>研究生学费贵吗</t>
  </si>
  <si>
    <t>接下来研究生待遇会提高的，奖助学金比较多。</t>
  </si>
  <si>
    <t>这要看什么专业？学校不同、专业不同，学费也异。</t>
  </si>
  <si>
    <t>研究生学费多少需要查看招生章程，学费依据研究生类别和学校的不同而有所不同，学费的多少是和你的考研成绩相关的，考研成绩直接关系着你研一时的学费和奖学金。</t>
  </si>
  <si>
    <t>高</t>
  </si>
  <si>
    <t>在职研究生分两种，一种是一月联考在职研究生，另一种是五月同等学力在职研究生申硕形式，一月联考学费一般在10万以上，同等学力在职研究生申硕，学费是平民价格，一般学费不会超过3万元。全日制研究生学费介于两者之间。</t>
  </si>
  <si>
    <t>郑州有换妻的吗</t>
  </si>
  <si>
    <t>当然有啊，而且在国内越来越多，伤风败俗啊“换妻”违法，但并不是犯罪</t>
  </si>
  <si>
    <t>有的，应该不犯法</t>
  </si>
  <si>
    <t>曹格帮伊能静写过歌吗</t>
  </si>
  <si>
    <t>《月儿亮弯弯》 [ 伊能静 / Princess A ]（2006）</t>
  </si>
  <si>
    <t>瘦唇精油有用么</t>
  </si>
  <si>
    <t>有用，能够促使唇部多余脂肪燃烧，达到瘦唇的目的。同事瘦唇就用的这个精油坚持了一个多月，现在嘴唇真的改薄了。比起其它的瘦唇方法好多了。</t>
  </si>
  <si>
    <t>没用，</t>
  </si>
  <si>
    <t>这个就看你怎么选择了，正确的选择才能带来好的效果的呢。</t>
  </si>
  <si>
    <t>做好不要用，我朋友用过，最后美滋滋了，嘴唇肿的和腊肠一样。这玩意有害的。</t>
  </si>
  <si>
    <t>让嘴唇变薄的方法有很多，可以搭配着精油瘦唇，像植物精华的伊芬闰就不错，每天涂抹唇部就可以了，瘦嘴唇非常自然 再就是有时间就狂念“薄薄北一直念，连念，要咬音准，最好是嘴唇抿进去点念。，可以让嘴唇的脂肪消化，据说这个瘦唇方法比较慢，需坚持很久</t>
  </si>
  <si>
    <t>这个就看你怎么选择了，正确的选择才能带来好的效果的呢 就比如说在网上买手机几千块钱的手机和几十块钱的手机 你要的是质量的话，你会选择买哪个呢？一样的道理 可以用下【玫交莎 ，希望我的答案能够帮助到你</t>
  </si>
  <si>
    <t>反击第五季是最后一季吗</t>
  </si>
  <si>
    <t>反击第五季是最终季</t>
  </si>
  <si>
    <t>美国Cinemax电视台和英国Sky电视台续订了该剧第五季也是最终季！</t>
  </si>
  <si>
    <t>【反击】将于2014年8月份播出第五季，该季也是这部剧集的最后一季</t>
  </si>
  <si>
    <t>取决于FOX电视台，除非他们依然觉得有兴趣发展下去，否则下一季不会发生.</t>
  </si>
  <si>
    <t>河北师范大学附属民族学院是正规的吗</t>
  </si>
  <si>
    <t>个人觉得挺好的哦具体情况建议你去学院贴吧问问，会有亲学长学姐为你解答的哦，也可以去学院官网看看，或者向招生办咨询哦。只要你有颗上进的心，无论在哪都一样。虽然环境可以改变个人，但个人也在影响环境。希望你好好学习</t>
  </si>
  <si>
    <t>怀孕初期会很能吃吗</t>
  </si>
  <si>
    <t>我觉得是，我的媳妇和同事就是这样的</t>
  </si>
  <si>
    <t>不是，一般在晚期期间才是特别能吃。</t>
  </si>
  <si>
    <t>如果在孕初期发现食量增大，没有其他异常症状，可能是怀孕引起的，请不必担心。建议平时保持良好心情，避免过度劳累，合理作息，有利于胎儿健康发育。</t>
  </si>
  <si>
    <t>苹果电脑丢了能锁定位置吗</t>
  </si>
  <si>
    <t>你只要把你的原来的mac地址提供给警察就行了。</t>
  </si>
  <si>
    <t>首先你得用你得ID在iPad上登陆iCloud的并且打开了定位，然后用你在iPad上的ID登陆https://www.icloud.com/。</t>
  </si>
  <si>
    <t>可以是可以 但确实要MAC才行没有的话就查不到了，因为那个MAC就是电脑的身份证，只要他联网就能查到了。</t>
  </si>
  <si>
    <t>没法，只要之前没有设置iCloud的功能后悔都来不及的，而且就算有设置的话，希望也渺茫，只要对方关机取卡或无网络照样无法定位。目前所有的iPhone都内置了iCloud的功能</t>
  </si>
  <si>
    <t>直接报警，公安局，有专门的网警的， 网警是随便查的你懂吗，哪里他都可以查得到。</t>
  </si>
  <si>
    <t>负离子除甲醛吗</t>
  </si>
  <si>
    <t>负氧离子能将甲醛分解为二氧化碳和水，使其随气流排出室内，从而在根本上将其去除，并且不会产生二次污染。另外，只有生态级的小粒径负氧离子才能实现这种功能，小粒径负离子活性高，自然迁移距离远，在没有风机外吹的情况下可自行到达很远的距离，净化效果更为显著。</t>
  </si>
  <si>
    <t>负离子能有效除甲醛。因为甲醛是种有毒物质，含有正电荷，也就是正离子，本身是不稳定的，当人体，植物等生命体接触以后就会对细胞造成伤害，结果会使人体各机体功能衰弱，免疫力随之下降，疾病就乘虚而入。</t>
  </si>
  <si>
    <t>空气负离子在医学界被确认具有灭菌及净化空气的有效手段。目前科技通过负离子转换器技术和纳子富勒烯释放技术可以生成等同于自然地小粒径负离子，它的功效能够把空气中甲醛、苯有害物质气体进行分解沉降，在整个过程中不会产生任何有害物质。</t>
  </si>
  <si>
    <t>理论上可以 实践中不太可行 负离子除醛靠的是散发捕捉 负离子与甲醛在同一空间内飘散 接触后才会起反应 这种几率在现实中并不高</t>
  </si>
  <si>
    <t>当室内空气负离子的浓度达到每立方厘米2万个时，空气中的飘尘量会减少98%以上时能够除去甲醛。</t>
  </si>
  <si>
    <t>飞秒检测发现离子尤其是等同于大自然的生态级空气负离子，能够有效分解甲醛，但是负离子的产生十分不稳定，因此去除效率是个问题，如果负离子和氧气分子结合，也可能产生臭氧</t>
  </si>
  <si>
    <t>健身每天都要做吗</t>
  </si>
  <si>
    <t>针对不同人群健身的目标不同，他们的健身频率也会不相同</t>
  </si>
  <si>
    <t>器械无氧训练需要48-72小时给肌肉恢复和生长，天天练是长不大的，还会让你受伤！</t>
  </si>
  <si>
    <t>是想增肌吧!除了腹肌以外,其他部位的肌肉训练间隔最少要48小时以上,通常这么安排:第一天:胸+肱三头+腹肌第二天:肩+背+三角肌+腹肌第三天:腿+肱二头+腹肌第四天休息,以后循环,也可以选择练一天休息一天的方式!＃＃我在健身其间每天做了，从没间断过的效果我觉的好</t>
  </si>
  <si>
    <t>进行锻炼是否需要每天不间断，是需要分情况来决定的。</t>
  </si>
  <si>
    <t>这个需要每天都做，我在健身的时候就是，一停下来就容易犯懒，而且人体的机能会促使你的锻炼效果不好，另外我在篮球队训练时候，因为受伤一周没训练，回去在训练时候就会感觉到之前的训练有点白费了，这些都是跟身体机能有关系的，自己感觉不出来什么，所以我建议你每天一定要坚持。希望能够帮到你。</t>
  </si>
  <si>
    <t>当然是每天都做好了，健身成习惯后不做感觉确实不爽。</t>
  </si>
  <si>
    <t>微信绑定银行卡能取消吗</t>
  </si>
  <si>
    <t>可以取消</t>
  </si>
  <si>
    <t>微信解除绑定银行卡：启动微信，点击右上角的三个小点，进入菜单页面；在菜单页面选择“我的银行卡”；选取需要取消绑定的一张银行卡，点击进入，点击右上角的三个小点，进入菜单页面,选择解除绑定；这样银行卡就解除绑定。</t>
  </si>
  <si>
    <t>1.进入微信，点击【我】2.选择【钱包】3.点击右上【钱包】4.点击【银行卡】5.点击右上角【···】6.选择【解除绑定】7.输入支付密码后即可</t>
  </si>
  <si>
    <t>点击钱包，选中你想解除的银行卡，进入界面之后，右上角有三个点，点击一下那个，就会弹出解除绑定四个字，再按步骤解除就可以了。</t>
  </si>
  <si>
    <t>我--钱包--银行卡--想解绑的银行卡点进去--右上角点一下---下面会出现解绑</t>
  </si>
  <si>
    <t>如果取消了绑定，那在微信的钱就不能提现了，只能用作发红包或者转给别人，就是所谓的微信互转，其实你可以先把钱提现到银行卡再取消绑定，或者转给你朋友让你朋友给你现金。当然如果你再重新绑定一张卡的话，微信的钱也可以提现到重新绑定的卡中</t>
  </si>
  <si>
    <t>可以再绑定一张银行卡，转出。也可以直接以微信红包方式转给其他人，叫其他人给你钱。</t>
  </si>
  <si>
    <t>银行卡取消了绑定，银行卡的钱可以正常取出，微信里面只能取出钱包的钱</t>
  </si>
  <si>
    <t>进入微信——我——钱包——钱包——长按你已绑定的银行卡——银行卡祥情的页面右上角三个点——点这三个点就会出现你绑定时设置的支付密码——输入6位密码就OK</t>
  </si>
  <si>
    <t>西安是西北吗</t>
  </si>
  <si>
    <t>西安市是陕西省省会，国家2015年新评定的1.5线城市，属于西北地区，同时也是西北地区的龙头城市。</t>
  </si>
  <si>
    <t>当然是了</t>
  </si>
  <si>
    <t>西安绝对属于西北</t>
  </si>
  <si>
    <t>西北地区东以贺兰山为界，南以昆仑山、阿尔金山、祁连山北麓为界，西界、北界均为国界。全区包括新疆维吾尔自治区的大部分，甘肃省与内蒙古自治区的西部，青海省河湟一带,以及宁夏回族自治区的西北部。全区面积约占全国陆地面积的30%。因为陕西的位置，所以西安是西北地区</t>
  </si>
  <si>
    <t>康舒理疗护膝有效果吗</t>
  </si>
  <si>
    <t>我上星期才买了托玛琳自发热护腰和护颈，感觉自发热这个本身就是假的。我使用了感觉有灼烧感，像碰了辣椒的感觉。然后对着护颈贴皮肤的地方舔了下，果然是辣的。这种自发热根本不是什么远红外。也可能我买的是假的我用了感觉也是辣辣的，一点也不舒服。 完全不是平常那种热的感觉（比如热水袋）。。用了一次，拿下来几个小时都是辣辣的，跟切辣椒的时候辣到手一样的感觉</t>
  </si>
  <si>
    <t>我给爸妈买过的 在淘宝康舒旗舰店买的，效果很不错。</t>
  </si>
  <si>
    <t>康舒的不错哟</t>
  </si>
  <si>
    <t>买过康舒的，用了很久，仍旧有发热效果，感觉很不错。</t>
  </si>
  <si>
    <t>比较ok，我已经买了四件了。</t>
  </si>
  <si>
    <t>还不错哦，前一阵我刚从他们旗舰店那买了几条，效果都还不错，还挺暖和的，服务也算好，最重要的是查他的防伪什么的都是真的。</t>
  </si>
  <si>
    <t>高铁站有站台票吗</t>
  </si>
  <si>
    <t>高铁情况比较特殊，因为车速快，站台是全封闭的，管理比较严，同时高铁停车时间很短，通常只停靠1、2分钟时间，不允许送客人员上车，所以对外不卖站台票。</t>
  </si>
  <si>
    <t>铁路部门表示，全国所有火车站均已停售站台票。铁路部门称，这是出于对旅客安全及乘车秩序的考虑。确有接送需求的旅客，可向车站专门服务岗申请，开具凭证后可接送站。</t>
  </si>
  <si>
    <t>有，直接去办理处买</t>
  </si>
  <si>
    <t>没有站台票。</t>
  </si>
  <si>
    <t>高铁一般不卖站台票。</t>
  </si>
  <si>
    <t>北京不行，没票进不了站（站台票只能接人）</t>
  </si>
  <si>
    <t>没有站台票的。</t>
  </si>
  <si>
    <t>9月竹鸡好抓吗</t>
  </si>
  <si>
    <t>最好时间是早上！其次是下午3-4点以后！还要看天气！晴天的早上好过阴天的早上！夏天的阴天整天都比较适合抓！还有连续几天下雨后的天晴</t>
  </si>
  <si>
    <t>那要看鸡精不精了，一般是春夏发情季节最好抓</t>
  </si>
  <si>
    <t>感冒会引起胸闷气短吗</t>
  </si>
  <si>
    <t>感冒有可能引起胸闷气短呼吸困难</t>
  </si>
  <si>
    <t>这是感冒引起的正常症状，不要太过担心，随着感冒的痊愈也会自然痊愈的。</t>
  </si>
  <si>
    <t>感冒一般不会引起胸闷气短，除非严重咳嗽，引起呼吸不畅，会引起胸闷气短的感觉。</t>
  </si>
  <si>
    <t>感冒是有可能引起鼻炎或者心脏方面不适症状的，再就是肺部疾病，所以可以到医院检查血常规，拍个胸片，检查心电图心脏彩超，明确诊断才能更好的治疗！</t>
  </si>
  <si>
    <t>你表述的症状考虑可能是心脏疾患引起的。建议做心电图检查，明确是否与其有关。</t>
  </si>
  <si>
    <t>单刀直入好看吗</t>
  </si>
  <si>
    <t>好看！</t>
  </si>
  <si>
    <t>很好看的,强烈建议看一下.</t>
  </si>
  <si>
    <t>太阳祭司瓦克斯有用吗</t>
  </si>
  <si>
    <t>太阳祭司瓦克斯拥有埃匹希斯共鸣专长。</t>
  </si>
  <si>
    <t>大学老师坐班吗</t>
  </si>
  <si>
    <t>如果是专职讲课的老师，没课的时候是可以不去学校的。当然有的时候，由于自己有科研项目，或是带研究生或博士生，还是要回学校工作的。如果是导员，平时会有一些小的文科课，一般都要在校。</t>
  </si>
  <si>
    <t>如果是教师岗位,一般情况下是不用坐班的.</t>
  </si>
  <si>
    <t>那也得看他有没有在其他学校任课,如果没的话就可以不去学校了.可以在家备课什么的.学校如果有会议,那就需要了.</t>
  </si>
  <si>
    <t>大学教师身上有双重身份，既是教育工作者又是科研工作者，并不光是教书而已，而对中小学教师是不用发表科研论文也可以晋升高级甚至特级教师的，大学老师没有科研成果晋升副教授是不可能的；另外也不是说大学老师都不坐班，只是教学人员不用，</t>
  </si>
  <si>
    <t>国家明文规定 大学教师不用坐班 国外的大学老师也都不用坐班 坐班的老师又有什么能力教育学生？ 起码也要是各个行业领域的精英吧！ 坐班能成为精英吗？学生毕业之后是要参与到社会的生产、研发工作中的，如果老师整天只懂得读书看书，民族如何崛起？ 专业技能是与时代 社会科学技术 社会环境共同进步的，日新月异的当代，大学教师坐班是落后的体现。</t>
  </si>
  <si>
    <t>如果大学教师没有行政职务，如学院院长、办公室主任、系主任等，平常不用坐班，上完课就回去就可以，但是如果有辅导员、院长、办公室主任，就要有时候坐班了</t>
  </si>
  <si>
    <t>蚂蚁会迷路吗</t>
  </si>
  <si>
    <t>蚂蚁不会迷路。蚂蚁是群居生物。在睛暖的天气里。它们有时会外出很远寻找食物。从很远的地方回到自己的家可不是一件简单的事，但是小小的蚂蚁却不会迷路。</t>
  </si>
  <si>
    <t>不会迷路的</t>
  </si>
  <si>
    <t>小米43g能刷win10吗</t>
  </si>
  <si>
    <t>可以刷，有可能会使系统不稳定，出现一些问题</t>
  </si>
  <si>
    <t xml:space="preserve">目前能刷Win10 Moblie预览版的只有联通版的小米4，电信版暂时还不行。 </t>
  </si>
  <si>
    <t>这是小米4电信3G版的，不能刷win10</t>
  </si>
  <si>
    <t xml:space="preserve">不能，价格摆在那里，固件不同了 </t>
  </si>
  <si>
    <t>子宫肌瘤对怀孕有影响吗</t>
  </si>
  <si>
    <t xml:space="preserve">子宫肌瘤是女性生殖系统中最常见的良性肿瘤，约有20％妇女一生中会发病，多见于30 ~50 岁妇女。它引起的月经不调、腹部肿块、压迫症状、疼痛、不孕等，对女性造成了很大损害。 </t>
  </si>
  <si>
    <t>子宫肌瘤为妇女常见的良性肿瘤之一，妊娠中合并子宫肌瘤的现象也不少见，孕期的话，子宫肌瘤出现红色样变的可能较大，一般不会影响胎儿发育及健康。</t>
  </si>
  <si>
    <t>惊心食人族好看吗</t>
  </si>
  <si>
    <t>不好看，不恐怖，也不刺激。</t>
  </si>
  <si>
    <t>觉的不好看，因为太老了。</t>
  </si>
  <si>
    <t>湿疹痒吗</t>
  </si>
  <si>
    <t>皮炎湿疹是一种常见的由多种内外因素引起的表皮及真皮浅层的炎症性皮肤病。其特点为自觉剧烈瘙痒，皮损多形性，对称分布，有渗出倾向，慢性病程，易频繁发作。</t>
  </si>
  <si>
    <t>湿疹容易复发，还有就是异常瘙痒。</t>
  </si>
  <si>
    <t>湿疹是会出现瘙痒的情况的。</t>
  </si>
  <si>
    <t>湿疹是为一种具有渗出倾向的炎症性皮肤病,其特点是皮损对称分布,多行损害,剧烈瘙痒.</t>
  </si>
  <si>
    <t>孕妇能吃兔子肉吗</t>
  </si>
  <si>
    <t>孕妇能吃兔肉，兔肉有保胎的作用。富含的蛋白质软磷脂脂肪含量又低，倒被视为孕妇的上好补品.</t>
  </si>
  <si>
    <t>孕妇是可以吃兔子肉的。</t>
  </si>
  <si>
    <t>可以的，一般老人会说吃了兔子肉宝宝会唇裂，这都是谣传。但是兔肉性凉，孕妇及经期女性、有明显阳虚症状的女子、脾胃虚寒者不宜多食</t>
  </si>
  <si>
    <t>前三个月的忌口多点，我刚百度了一下，很多人都吃了，看你自己吧，有顾虑那就不要吃了，毕竟也不是非吃不可</t>
  </si>
  <si>
    <t>最好别吃这样会伤害宝宝！民间有一种说法，是不能吃，好象是怕宝宝长成兔唇。这种说法没有科学依据。但是兔肉属凉性，阳虚体质的人和孕妇也宜食用</t>
  </si>
  <si>
    <t>yy惊风瘫痪了吗</t>
  </si>
  <si>
    <t>是的他是高位截瘫，出过车货有视频的！</t>
  </si>
  <si>
    <t>是的，10年前因车祸下肢高位截瘫。</t>
  </si>
  <si>
    <t>他不是残疾人，只是离过婚而已。</t>
  </si>
  <si>
    <t>赤壁之战好玩吗?</t>
  </si>
  <si>
    <t>对于是赤壁之战游戏玩点，我可以说是一千个人的眼中有一千个哈姆雷特，对于某些玩家来说，赤壁之战不一定好玩，但对于另外一些玩家而言，赤壁之战是一款不可多得的好游戏。</t>
  </si>
  <si>
    <t>好玩，非常好玩</t>
  </si>
  <si>
    <t xml:space="preserve">这个游戏好不好玩要看楼主的喜好了。 1.这个游戏是3d的画面感觉一般 2.这个游戏的玩家在线的一般是活人，外挂比较少 3，这个游戏很不是很复杂，对个人的操作比魔兽要低，但是操纵还是比较重要 </t>
  </si>
  <si>
    <t>ddr3兼容ddr2</t>
  </si>
  <si>
    <t>不兼容。1、从外形和插槽上，就不兼容。不可能在一起使用。2、从工作速度上也不兼容。DDR2多数是800以下的，而DDR3，多数是1333以上的。无法同步工作。</t>
  </si>
  <si>
    <t>公务员可以生二胎吗</t>
  </si>
  <si>
    <t>既然说了是全面放开了，公务员当然可以生</t>
  </si>
  <si>
    <t>夫妻第一胎只生育一个孩子的，即可经过批准生育第二胎。这个是不论城乡和职业的，当然包括公务员。</t>
  </si>
  <si>
    <t>符合条件的就可以，比如两口子至少有一方是独生子女。</t>
  </si>
  <si>
    <t>是的，如果国家全面放开二胎生育政策，是指各个阶层的育龄人员，公务员当然也包括在内。</t>
  </si>
  <si>
    <t>仓库管理员难做吗</t>
  </si>
  <si>
    <t>不怎么好做，看什么公司，有的要算货的数量还要记得货的位置，有的只要防小偷和验货就行了，自己根据公司的介绍来判断把</t>
  </si>
  <si>
    <t>这种工作一般要心细。要准，进出要做明细表。清点数目要准确，有些工作还比较繁杂一旦掌握到这些工作内容就比较容易了。这种工作比较适合女性。每个月要做月报表，你上这些工作内容你做好了，清闲的时间还是比较多的。好好的做。</t>
  </si>
  <si>
    <t>好做，只要把入库的东西点好做账，再把出库的东西点好结算做账，一句话细心就行</t>
  </si>
  <si>
    <t>好做，只要把入库的东西点好做账，再把出库的东西点好结算做账，一句话细心就行，年底盘库少麻烦点，在就是各闲。</t>
  </si>
  <si>
    <t>简单得不行.</t>
  </si>
  <si>
    <t>糖尿病能吃苹果吗?</t>
  </si>
  <si>
    <t>可以的，选择含糖量低的水果种类为好，有柚子、西瓜、苹果、梨、橘子、草莓、猕猴桃等。</t>
  </si>
  <si>
    <t>可以吃,但别多吃</t>
  </si>
  <si>
    <t>苹果中含有的铬能提高糖尿病患者对胰岛素的敏感性，而苹果酸可以稳定血糖，预防老年糖尿病，因此，糖尿病患者宜吃酸味苹果。</t>
  </si>
  <si>
    <t>可以的。糖尿病病人的饮食应以少甜食为主，避免血糖持续偏高。在选择水果上，不少病人以为“不甜”的杨桃等可多吃，但事实上，水果无论甜酸，都含有一定量的果糖，不可单凭吃起来带酸来判断果糖的含量很低。以一份水果含10克糖为标准，糖尿病患者一天可进食两份水果，即使吃西瓜、荔枝等问题也不大，只要不用水果取代正餐即可。正餐除碳水化合物外，还有膳食纤维、蛋白质、脂肪等各类营养素，餐后经消化释放血糖的速度较慢。但如果吃过量水果，大量果糖进入人体，会造成血糖波动，不利于控制病情。对不同的水果来说，其血糖指数也不一样。糖尿病病人应多选择低血糖指数的水果，有助于保持血糖稳定。这类能吃的水果包括苹果、橙、猕猴桃、杨桃、梨等。高血糖指数的水果则包括榴莲、哈密瓜、龙眼等。 糖尿病病人完全戒避水果是不适宜的，因为水果中含有大量的维生素、纤维素和矿物质，这些对糖尿病人是有益的。水果中含的糖分有葡萄糖、果糖和蔗糖，其中果糖在代谢时不需要胰岛素参加，所以，糖尿病人在血糖已获控制后并非一概排斥水果。 再者，水果中含糖量多寡不一，所以，不可等同看待。每百克食品量在10克以下的有青梅、西瓜、甜瓜、椰子乳、橙、柠檬、葡萄、桃、李、杏、枇 杷、菠萝、草莓、甘蔗、椰子、樱桃、橄榄等，糖尿病人 可以选用。含糖量在11-20克的水果有香 蕉、石榴、柚、橘、苹果、梨、荔枝、芒果 等，就得小心选用；超过20克的有枣、红果，特别是干枣、蜜枣、柿饼、葡萄干、杏干、桂圆等，其含糖量甚高，则禁忌食用。 糖尿病人吃适量水果，一般一日量在100克左右，需注意血糖和尿糖的变化，如果吃了水果后，尿糖增加，则减少主食，以免出现血糖升高，饮食多样化对防止并发症动脉硬化、视网膜病变、便秘有一定好处，满足人体所需营养，有利健康长寿。糖尿病人能吃的水果有菠萝、梨、樱桃、杨梅、荔枝、柠檬等水果。这些水果富含果胶或果酸，能改变胰岛素的分泌量，使血糖下降，宜两餐饭之间加水果</t>
  </si>
  <si>
    <t>可以吃，</t>
  </si>
  <si>
    <t>保健品可以吃吗</t>
  </si>
  <si>
    <t>有的可以，有的不可以。比如褪黑素是改善失眠的保健品，长期吃会产生依赖性，所以不能经常吃。维生素、蛋白质粉之类的，只要控制好量，大约可以长期吃。</t>
  </si>
  <si>
    <t>可以呀！保健产品能预防疾病。</t>
  </si>
  <si>
    <t>骨折手术后能吃海参吗</t>
  </si>
  <si>
    <t>海参是富含胶原蛋白的食物，对骨骼和身体的康复有很好的促进作用</t>
  </si>
  <si>
    <t>骨折以后，对于吃的东西，并无禁忌。随意就好，愈合的快慢与饮食关系不大。倒是可以吃接骨药，合适的药物可以促进恢复。饮食上只要是顺口和容易消化的就行</t>
  </si>
  <si>
    <t>海参是手术患者的最佳补品。</t>
  </si>
  <si>
    <t>手术后可以吃海参，最好煲汤吃。</t>
  </si>
  <si>
    <t>可以吃。最好炒着吃。</t>
  </si>
  <si>
    <t>医生说病情稳定了，还要自己养半个月，才可以吃，身体是自己的要对自己负责。</t>
  </si>
  <si>
    <t>蜂蜜能治疗口腔溃疡吗</t>
  </si>
  <si>
    <t>蜂蜜可以用于治疗口腔溃疡，但是作用不是很大，口腔溃疡很痛苦，也很麻烦，易反反复复发作。</t>
  </si>
  <si>
    <t>白加黑小孩能吃吗</t>
  </si>
  <si>
    <t>说明上一般会说明多大体重的孩子应该减多少量，没有的话照着大人的一半左右应该差不多。</t>
  </si>
  <si>
    <t>可以是可以，但是白加黑要掌握用量毕竟是小孩子。</t>
  </si>
  <si>
    <t>截止时间包括当天吗</t>
  </si>
  <si>
    <t>应该包括20日当天。</t>
  </si>
  <si>
    <t>包括的。</t>
  </si>
  <si>
    <t>包括当天</t>
  </si>
  <si>
    <t>截止日期包括当天。定义：截止 : （到一定期限）停止：报名在昨天已经～。  日期: ①物质存在的可用钟表来量度的属性。某一过程的发生、发展、终止，既反映了过程的持续性也反映了顺序性。过程的持续性表现为时间间隔，顺序性表现为日期和时刻。 ②见“时间与空间”。截止日期当天是否有效,在法律上叫做“本数问题”。这不能简地说当天算与不算。 对此问题，《民法通则》有以下规定：“第一百五十五条 民法所称的“以上”、“以下”、“以内”、“届满”，包括本数；所称的“不满”、“以外”，不包括本数。” 所以，要看这个具体的截止日期前的定语。如果在截止日期前的定语表述为“以上”、“以下”、“以内”、“届满”等意，则包括本数（当日）。如果在截止日期前的定语为“不满”、“以外”等，则不包括本数（当日）。</t>
  </si>
  <si>
    <t>资生堂cpb孕妇能用吗</t>
  </si>
  <si>
    <t>个人觉得可以的，CPB含有少量的美容酒精。但是并不刺鼻。护肤品含酒精是一件再正常不过的事，它需要少量的酒精来帮助维持活性物质的稳定性。CPB除美白精华之外的所有产品，孕妇都可以用。完全不必担心会影响到胎儿。</t>
  </si>
  <si>
    <t>为了宝宝跟自己的肌肤 还是不要去冒险了 孕妇的肌肤是最敏感的 如果 实在要用的话 可以选择一款纯天然的 JNSANM 今 尚 美 不仅不会刺激到自己肌肤mna1688 还不会伤害到宝宝的肌肤，怀孕期间尽量少用点</t>
  </si>
  <si>
    <t>移动的话费可以转吗</t>
  </si>
  <si>
    <t>移动手机的话费有三种情况是可以转移的：在营业办家庭账户业务，让接收话费的那个号码做主号，可把那个话费多想转账的号码付费，这样可以一次性把副号的钱转账给主号。如果那个有钱的号码是单位提供银行账号统一托收的，也可以把话费转到本人身份证下另一个号码上。号码销户不用的时候，在营业厅可以转账。其实移动是可以转话费的</t>
  </si>
  <si>
    <t>不可以的除非办理号码捆绑或者老号码注销</t>
  </si>
  <si>
    <t>下载APP好像是可以的。</t>
  </si>
  <si>
    <t>移动手机号话费是可以相互转的,要符答条件</t>
  </si>
  <si>
    <t>当然不可以的了</t>
  </si>
  <si>
    <t>中国移动不支持话费转让给别人</t>
  </si>
  <si>
    <t xml:space="preserve">上海目前可以实现话费转移 </t>
  </si>
  <si>
    <t>梦幻西游109跑环赚钱吗</t>
  </si>
  <si>
    <t>如果你传说的话，那么总体来说，还是赚的，如果你全部购买，那么，肯定是亏本的</t>
  </si>
  <si>
    <t>跑环是最费钱的</t>
  </si>
  <si>
    <t>跑环基本不赚钱</t>
  </si>
  <si>
    <t>跑环都不是肯定的赚钱的，如果运气好还行，运气不好就亏了</t>
  </si>
  <si>
    <t>现金支票可以开给单位吗</t>
  </si>
  <si>
    <t>现金支票是专门制作的用于支取现金的一种支票，由存款人签发用于到银行为本单位提取现金，也可以签发给其他单位和个人用来办理结算或者委托银行代为支付现金给收款人。</t>
  </si>
  <si>
    <t>不可以，只能是本单位或是个人。</t>
  </si>
  <si>
    <t>可以的，现金支票不仅可以企业取现备用，也可以用于支付其他单位的款项，只要满足银行限额支付标准都可以。</t>
  </si>
  <si>
    <t>是完全可以的</t>
  </si>
  <si>
    <t>开给个人可以，如果是开给单位，是要开具转账支票的。</t>
  </si>
  <si>
    <t>人民币换美元有手续费吗</t>
  </si>
  <si>
    <t>不用手续费</t>
  </si>
  <si>
    <t>人民币兑换外币不收取手续费。银行只收取点差。</t>
  </si>
  <si>
    <t>不收取任何费用的，银行是通过买入价和卖出价的点差来赚钱的。</t>
  </si>
  <si>
    <t>一般在银行兑换美元是不用手续费的，银行主要靠兑换差价赚钱。</t>
  </si>
  <si>
    <t>新疆危险吗</t>
  </si>
  <si>
    <t>很安全</t>
  </si>
  <si>
    <t>北疆四月还是蛮危险的。</t>
  </si>
  <si>
    <t>其实我理解题主长辈所说的危险，也可以理解这种想法。但是这个问题该怎么说呢？这么跟你说吧！我不会跟你讲新疆绝对安全，因为这是一句很不负责任的话。人活着都要面临各种危险，更何况新疆这种美女满大街蚂蚁一样乱窜的地方呢。（毕竟你把持不住也有失血而亡的可能性）实事求是的讲吧！新疆较于内地确实有着多一层的危险因素，但大多还是集中于南疆部分地区，北疆自七五之后也没出过什么大事。就算是南疆，那也是有可能，而不是说来必死。说白了就是个概率问题，我没细算过，但大概和中千万或亿元级别差不多吧。你也可以拿新疆人民每年因这类事件死亡率决定你来或不来。也恰恰正是因为这一层因素，新疆治安整体来讲是优于很多地方的。</t>
  </si>
  <si>
    <t>乱在人心。真正的新疆是非常美丽的，深入当地可以切实感受淳朴的当地人民。其他，城市中心工作的地方，全国哪里都一样。望采纳。</t>
  </si>
  <si>
    <t>早上不洗脸对皮肤好</t>
  </si>
  <si>
    <t>早上不洗脸是有好处的，但是不适合所有人。</t>
  </si>
  <si>
    <t>早上起来不洗脸会改善肤质，</t>
  </si>
  <si>
    <t>当然有分别。</t>
  </si>
  <si>
    <t>不好。皮肤代谢一夜后，会分泌一些代谢物，通过毛孔排除，因此需要通过洗脸去除。</t>
  </si>
  <si>
    <t>好像没听说过，不过倒是早晨洗脸时，建议用冷水，冬季更应该如此。不建议用香皂等化学品，如果用了，最好抹点润肤霜</t>
  </si>
  <si>
    <t>狗狗能吃蛋挞吗</t>
  </si>
  <si>
    <t>不要让它它乱吃,狗狗小的时候肠胃功能差,容易生病,拉肚子什么的!</t>
  </si>
  <si>
    <t>当然可以吃啦，我家的狗狗就特喜欢吃甜食，蛋糕之类的，但是不能吃的太多，会掉毛的。</t>
  </si>
  <si>
    <t>可以的，就是不能吃太多哦，会得病的，偶尔吃一些没关系的，就当是零食了</t>
  </si>
  <si>
    <t>不建议吃，蛋挞里面含有丰富的糖和盐，给狗狗吃的话容易导致肠胃疾病</t>
  </si>
  <si>
    <t>吸毒验尿能验出来吗</t>
  </si>
  <si>
    <t>到淘宝店买尿检板先检测一下</t>
  </si>
  <si>
    <t>做针对性的尿检是可以查出是否吸毒的，但一般的尿常规不行，尿常规只能检测你身体健康情况。</t>
  </si>
  <si>
    <t>不能可以说一般的尿常规检查是不能测出吸毒的，只有通过免疫标记技术才能确定是否吸毒的意见建议</t>
  </si>
  <si>
    <t>尿常规不是毒品尿液检测</t>
  </si>
  <si>
    <t>不能，平时体检查的是尿分析，除非专查毒品的能查出。</t>
  </si>
  <si>
    <t>汽油可以洗衣服吗</t>
  </si>
  <si>
    <t>能，但对人体健康是十分有害的。因为各种机动车使用的汽油不是纯汽油，而是为了提高汽油的抗爆性，加进了含有大量四乙基铅的乙基液。四乙基铅是剧毒物质，它会沉淀在衣服上，并能通过人体和皮肤毛孔进入人的血液，使人导致四乙基铅慢性中毒。主要表现为神经衰弱及植物神经功能失调，并可出现噩梦、恶心、呕吐、性机能减退及体温、脉搏、血压低的三低症等。所以，不要经常用机动车使用的汽油刷洗衣服，而要用透明、无毒、无臭的工业溶剂汽油。</t>
  </si>
  <si>
    <t>如果衣服上有难以去除的污渍，可以用汽油进行擦洗，然后还要用清水和洗涤剂清洗数遍</t>
  </si>
  <si>
    <t>这个根本不行，我就试了根本洗不干净，而且汽油是黄的白色衣服洗了就变成黄色的了，还有洗玩之后还有很大的汽油味，大家不要相信这个方法</t>
  </si>
  <si>
    <t>汽油不是衣物清洁剂，若是使用方法操作不当，会造成衣服染上污渍，不建议使用。</t>
  </si>
  <si>
    <t>这是常识，汽油具有腐蚀性，衣服会烂的</t>
  </si>
  <si>
    <t>对天然纺织品,有伤害,化纤的,问题不大,局部洗一次两次的没问题</t>
  </si>
  <si>
    <t>华晨汽车是国企吗</t>
  </si>
  <si>
    <t>华晨汽车的全名是华晨金杯汽车有限公司。华晨宝马是华晨金杯汽车有限公司和德国宝马汽车集团的合资企业，目前生产3系列（320 325）5系列（523 525 530）宝马轿车。华晨金杯的前身是沈阳金杯客车制造有限公司。主要产品为：海狮系类，阁瑞斯系类旅行车。中华系类轿车。金杯轻卡等等。华晨金杯是国企。 车身中文标识;华晨中华 华晨金杯，华晨宝马是合资企业. 车身中文标识：华晨宝马</t>
  </si>
  <si>
    <t>华晨汽车集团控股有限公司简称“华晨汽车集团”，是2002年根据中央决定，经辽宁省政府批准设立的国有独资公司，总部坐落于素有“共和国装备部”之称的国家重点装备制造业基地——辽宁省沈阳市，是辽宁汽车工业的龙头企业、中国汽车工业自主品牌的主力军，现有员工4.6万人，资产总额超过730亿元。</t>
  </si>
  <si>
    <t>是国企，待遇不错的。很有发展的。</t>
  </si>
  <si>
    <t>花千骨电视剧是悲剧吗</t>
  </si>
  <si>
    <t>是的，都死啦</t>
  </si>
  <si>
    <t>不是喜剧，也不是悲剧吧</t>
  </si>
  <si>
    <t>是的，全剧以花千骨的魂飞魄散，白子画的心如死灰而结束，并无转世轮回剧情。</t>
  </si>
  <si>
    <t>还好</t>
  </si>
  <si>
    <t>国内电视剧一般为了迎合观众喜好，结局也都是大团圆，邪不胜正的那种，所以结局肯定是不悲的！</t>
  </si>
  <si>
    <t>微信聊天视频安全吗</t>
  </si>
  <si>
    <t>腾讯这种大公司还是很注重保护隐私的，除非是腾讯服务器被黑客攻击，一般情况不会数据泄露的。</t>
  </si>
  <si>
    <t>微信聊天视频很安全。</t>
  </si>
  <si>
    <t>正常是安全的，除非对方用录制视频软件。</t>
  </si>
  <si>
    <t>微信信息是加密传输的，所以安全。但微信可以保保存视频，保存密码，一旦对方手机掉了，被不怀好意的人得到，就容易被骗钱什么的。小心为好</t>
  </si>
  <si>
    <t>安全，只要不搞违法乱纪的事情</t>
  </si>
  <si>
    <t>苏州美女多吗</t>
  </si>
  <si>
    <t>苏州这地方，自古以来就是美女的原产地。</t>
  </si>
  <si>
    <t>不少</t>
  </si>
  <si>
    <t>是的,不少的,尤其是电子厂和服装厂</t>
  </si>
  <si>
    <t>应该挺多的</t>
  </si>
  <si>
    <t>九夫如狐很腹黑完结了吗</t>
  </si>
  <si>
    <t>九夫如狐很腹黑已完结。</t>
  </si>
  <si>
    <t>本身就没有完结，应该是作者弃坑了。</t>
  </si>
  <si>
    <t>卧室向东对到一条大路好吗</t>
  </si>
  <si>
    <t>噪音大</t>
  </si>
  <si>
    <t>不好，又脏又吵</t>
  </si>
  <si>
    <t>现在刷单安全吗</t>
  </si>
  <si>
    <t>和自己平时购物流程一样的话一般都不会查</t>
  </si>
  <si>
    <t>还行。天猫安全一些，不要贪多</t>
  </si>
  <si>
    <t>不安全的哦，风险大大的，不要找那些平台刷，你可以找朋友那些刷下，还有就是要找到方法，不要盲目的去刷，不然那就只能被抓了。</t>
  </si>
  <si>
    <t>纯手工的安全</t>
  </si>
  <si>
    <t>浙江艺术职业学院好不好</t>
  </si>
  <si>
    <t>职业学校比起本科肯定不好，</t>
  </si>
  <si>
    <t>学校的硬件设施还是不错的， 寝室吗要求不高的话住住就可以了，在浙江艺术学校里算好的了 ，但是艺校的校风有些是不好， 当然也有好的，做好自己，而且艺校现在管的满严的。</t>
  </si>
  <si>
    <t>还可以 学院的发展目标是建成教育教学质量高、艺术创作活跃、教科研成果显著、办学特色鲜明的本科艺术学院，成为浙江省多层次、多规格的省级现代化高等艺术教育、培养表演艺术人才的中心基地，积极培养文化艺术事业、文化产业高级应用性、复合型管理人才，为把浙江省建成文化大省而努力。</t>
  </si>
  <si>
    <t>英语语法要背吗</t>
  </si>
  <si>
    <t>需要啊，学英语就必须学语法，你想想如果你就会认字不会造句怎么学汉语啊，英语也一样</t>
  </si>
  <si>
    <t>不用背，理解了就行，有的短语句型需要被，而且初中语法很少，入门级别的，</t>
  </si>
  <si>
    <t>不用背，习惯成自然。</t>
  </si>
  <si>
    <t>语法只能硬背，不过也有相对更巧的方法，每一条语法用到一个句子里面去记忆！</t>
  </si>
  <si>
    <t>需要你好好理解性的记忆，死记硬背，效果相当不好，所谓理解性的记忆，就是说，你要融入到具体的句子里去</t>
  </si>
  <si>
    <t>孕妇可以吃陈皮吗?</t>
  </si>
  <si>
    <t>可以的，可陈皮可以治疗恶心呕吐，泄泻及止咳化痰</t>
  </si>
  <si>
    <t>陈皮是广东较常食用的一种食材,除了可以放在汤里调味,还能放在糖水里煮,对身体也很有益处</t>
  </si>
  <si>
    <t>最好不要吃，因为陈皮含凉对孕妇不好，寒气会进入到身体里</t>
  </si>
  <si>
    <t>孕妇可以服陈皮</t>
  </si>
  <si>
    <t>回迁房有公摊面积吗</t>
  </si>
  <si>
    <t>按照国务院《中华人民共和国征收拆迁补偿条例》等文件，拆迁实物补偿，返迁房屋面积包含公摊。</t>
  </si>
  <si>
    <t>有，回迁房公摊面积还很大呢</t>
  </si>
  <si>
    <t>所有的小区都是有公摊面积的。</t>
  </si>
  <si>
    <t>有没有不用墨盒的打印机</t>
  </si>
  <si>
    <t>激光和LED打印机没有墨盒，只有硒鼓。</t>
  </si>
  <si>
    <t>针式打印机用色带，激光打印机用硒鼓，都是不用墨盒的。</t>
  </si>
  <si>
    <t>激光打印机是不用墨盒的,但是需要硒鼓。</t>
  </si>
  <si>
    <t>有针式打印机不用墨，用色带。激光打印机不用墨，用碳粉</t>
  </si>
  <si>
    <t>激光的A4 canon 2900市面上还有货，后期维修及耗材多还比较合理</t>
  </si>
  <si>
    <t>惠普1007.1008</t>
  </si>
  <si>
    <t>激光打印机 针式打印机</t>
  </si>
  <si>
    <t>神州数码有年终奖吗</t>
  </si>
  <si>
    <t>奖金会有，没有住房公积金和附加医疗保险而已！</t>
  </si>
  <si>
    <t>希望你不是在一个叫穆广玲（神州数码通用软件（北京）有限公司）的外包接口人管辖内（主管与联通系统集成有限公司的人员外包合作），不然，所谓的1-3个月年终奖肯定是没有的，升职加薪更是无望，过节福利？有，中秋节发你一张100元的金凤成祥会员卡（网购65元一张），想休法定年假？可以啊，扣你项目奖金。</t>
  </si>
  <si>
    <t>派遣3k-4k，正编多一点并且有年终奖。</t>
  </si>
  <si>
    <t>一般都会有</t>
  </si>
  <si>
    <t>看你们公司的规定了</t>
  </si>
  <si>
    <t>这不一定，与公司的效益有关</t>
  </si>
  <si>
    <t>收到offer了是不是就确定了</t>
  </si>
  <si>
    <t>要看公司的。大部分公司面试结束就直接发offer。也有公司在面试结束之后再加一轮笔试或者性格测试也是会刷人的。还要银行面试后会让候选人去做体检，体检出现问题也不会发offer的。</t>
  </si>
  <si>
    <t>一般企业在录用人才后都会发送offer</t>
  </si>
  <si>
    <t>只要你接受offer就应该是正式录用了，可以先不去实习，但是要和企业沟通好，不过我建议你最好早点去尽快熟悉公司业务</t>
  </si>
  <si>
    <t>机票退票保险能退么</t>
  </si>
  <si>
    <t>保险肯定会退还你的。</t>
  </si>
  <si>
    <t>保险是不能退的</t>
  </si>
  <si>
    <t>看订票时的说明，如果规定了可以退保险就可以，如果写明退票保险不退的话那就没办法了，</t>
  </si>
  <si>
    <t>可以退的,网上没有退保险的选项,你需要致电客服咨询.</t>
  </si>
  <si>
    <t>你买的保险应该是从起飞那天开始承保的，所以提前退保是可以的。</t>
  </si>
  <si>
    <t>机票退票或改签了，航班延误险和航空意外险可以退还。</t>
  </si>
  <si>
    <t>多特瑞精油好吗</t>
  </si>
  <si>
    <t>非常健康安全</t>
  </si>
  <si>
    <t>多特瑞是美国很知名的，在国内也很久了，精油品质很不错，你用一段时间就会爱上它了。</t>
  </si>
  <si>
    <t>多特瑞的精油产品在市面上的销量一直都是不错的</t>
  </si>
  <si>
    <t>黑苹果稳定吗?</t>
  </si>
  <si>
    <t>不玩游戏不做设计的话建议港行MAC Mini才3800左右，黑苹果装的好的和白苹果99%一样，不过性价比更高，建议自己会装的用一般小白不适合，平时出现问题自己也无法解决，例如系统更新自己不了解的话一更新就挂了，逼近不是MAC，买个白果子就傻瓜多了。不过注意MAC mini只有DP和HDMI接口确定你的显示器支持再买，家里单位都是黑果子稳定性还是有保证的一般不会死机，也很流畅，例如达芬奇之类的MAC专有软件业毫无压力</t>
  </si>
  <si>
    <t>黑苹果的稳定与否取决于你的完美程度，黑苹果越完美也就越稳定，完美的标准就是无限趋近于白苹果，黑苹果只要比较完美的情况下（声、显、网三卡驱动成功，可睡眠唤醒，CPU睿频降频），会比windows7 流畅很多，但是MAC OS 能玩的游戏很少，暴雪的全游戏可玩，Steam部分游戏可玩</t>
  </si>
  <si>
    <t>福利彩票是真的吗</t>
  </si>
  <si>
    <t xml:space="preserve"> 买彩票的朋友注意啦！至今仍无法证明是现场直播！最近搞的《彩民走近双色球》买福彩、看摇奖、游北京都是福彩中心内定成员。曾有网友建议在直播现场放一播放中的电视以证明是现场直播，此建议虽好但没被采纳。为何提此建议？因为古今中外只有双色球有《录像补摇》的先例！</t>
  </si>
  <si>
    <t>这是国家承认的官方彩票，</t>
  </si>
  <si>
    <t>呵呵 ，应该是骗人的吧</t>
  </si>
  <si>
    <t>是真实的。除个别期数一等奖空缺外，大部分期数都有中出一等奖，只是我们没有这般好运气</t>
  </si>
  <si>
    <t>你要明白摇奖机也是人做出来的,所以说,是绝对可以控制的,但是不是人来控制,而是摇奖机里的程序控制,开出来的号码绝对是当期买的最少的那些号码,这是经过电脑程序计算筛选出来的,所以别人都不买的那几个号码,就你买了,绝对是你中奖,问题是你控制不了别人都不买那几个号码啊,</t>
  </si>
  <si>
    <t>多喝水多上厕所好吗</t>
  </si>
  <si>
    <t>一般情况下是好的，但不是越多越好，每天不要超过2000ml，太多了增加肾脏负担。</t>
  </si>
  <si>
    <t>　多喝水、多排尿属于正常，而且对身体也有好处</t>
  </si>
  <si>
    <t>喝水多时，小便次数增多是正常的。若不放心，建议到正规医院明确诊断</t>
  </si>
  <si>
    <t>正常</t>
  </si>
  <si>
    <t>派派能赚钱吗</t>
  </si>
  <si>
    <t>不可以，如果问的是派派小说论坛，这只是爱好小说的人交流的地方，如果是问的聊天的那个派派，那只是个交友的软件，只有花钱的地方，而没有赚钱的地方。</t>
  </si>
  <si>
    <t>人聚集的地方就能赚钱，不懂的人只看到花钱。</t>
  </si>
  <si>
    <t>想靠这样的软件赚钱，是不太可能的</t>
  </si>
  <si>
    <t>派派的吧主应该只能挣一些虚拟的货币并不能真的挣钱的 这些工资是要管理聊吧才有的</t>
  </si>
  <si>
    <t>没转正离职公司压的半月工资会发吗</t>
  </si>
  <si>
    <t>这个要看具体情况，看公司是否有相应的告知，看公司是否提供了相应的工装、生活用品和办公用品等。试用期，提前三天可以提出辞职，办理离职手续时对工资进行结算。</t>
  </si>
  <si>
    <t>拖欠工资可以选择通过提起劳动仲裁维权。《劳动合同法》第八十五条　用人单位有下列情形之一的，由劳动行政部门责令限期支付劳动报酬、加班费或者经济补偿;劳动报酬低于当地最低工资标准的，应当支付其差额部分;逾期不支付的，责令用人单位按应付金额百分之五十以上百分之一百以下的标准向劳动者加付赔偿金。</t>
  </si>
  <si>
    <t>花千骨明天大结局吗</t>
  </si>
  <si>
    <t>是的，今天55、56，明天57、58。话说，湖南台抽风了，54集硬生生剪成了58……</t>
  </si>
  <si>
    <t>对的湖南卫视已经公布 9.7结局</t>
  </si>
  <si>
    <t>花千骨电视剧下周大结局</t>
  </si>
  <si>
    <t>不是，TV版一共58集，还需演两周。</t>
  </si>
  <si>
    <t>没错，我也是等了好久</t>
  </si>
  <si>
    <t>油电混合汽车有补贴吗</t>
  </si>
  <si>
    <t>买一辆油电混合车政府有补贴。</t>
  </si>
  <si>
    <t>只有纯电动才有补贴吧</t>
  </si>
  <si>
    <t>有的，根据09年2月7日下发的《节能与新能源汽车示范推广财政补助资金管理暂行办法》，在公共服务用乘用车和轻型商用车方面，节油率在40%以上的混合动力汽车，每辆可获5万元补贴；纯电动汽车每辆补贴6万元；燃料电池汽车每辆补贴25万元。对10米以上城市公交客车也有补贴标准，节油率40%以上混合动力汽车每辆最高补贴42万元；纯电动汽车每辆补贴50万元；燃料电池汽车每辆补贴60万元。＃＃油电混合汽车国家有补贴政策，如果我的回答对你有帮助，请设为最佳！＃＃油电混合汽车国家有补贴政策的</t>
  </si>
  <si>
    <t>看这个油电混动车型</t>
  </si>
  <si>
    <t>都有补贴</t>
  </si>
  <si>
    <t>丧尸围城2配置要求高吗</t>
  </si>
  <si>
    <t xml:space="preserve"> I5的cpu，玩 丧尸围城2 还是完全可以的。这个游戏比较老了，对电脑配置要求不是很高。</t>
  </si>
  <si>
    <t>满足最低配置只能算可以玩，但一定会卡。这游戏对CPU要求很高，因为丧尸很多。你可能在没有人的地方很流畅，到人多的地方就卡的走不动了。 最低配置：系统：Windows XP</t>
  </si>
  <si>
    <t>不怎么高，只要独立显卡，和2核以上的cpu</t>
  </si>
  <si>
    <t>天马服饰管用吗</t>
  </si>
  <si>
    <t>天马服饰真的很神奇，打通人体受阻的微循环系统，保健人体生命健康；天马服饰采用高科技科研成果，具有世界发明金奖、国家专利产品，采用微量元素、抗菌除臭材料和中医药新技术，渗透皮肤3-5厘米，与身体水分子产生共振，打通人体微循环，排出体内毒素、湿气与重金属，改善人体微循环，促进血液及其它津液流通等作用。</t>
  </si>
  <si>
    <t>有些患者穿了天马服饰产品确实把疾病治好了，我们不能说它一点效果也没用、骗人的；但有些患者穿了之后可能一点作用也没有，这个只能是仁者见仁智者见智了。我们需要客观来看待天马服饰治病一说。</t>
  </si>
  <si>
    <t>天马保健服饰是调理人身体受阻的微循环系统的，人为什么会生命，就是人在生存的过程中身体不断累积各种毒素造成身体本身微循环受阻，所以打通人体受阻的微循环就可以了，而且还没有副作用！确实不错的，你可能不了解，只有使用后你才能发现它的神奇！</t>
  </si>
  <si>
    <t>确实可以的，它调理好的患者数不胜数，连医院没办法的糖尿病或者牛皮癣、三高等疾病都可以慢慢调理好！天马服饰可以调理30多种肿瘤疾病和414种慢性疾病。</t>
  </si>
  <si>
    <t>狗民网的东西真吗</t>
  </si>
  <si>
    <t>都是保真的，可以放心买。</t>
  </si>
  <si>
    <t>这个不一定的，因为淘狗网也好狗民网也好，最后都是犬舍和你的一对一交流，最终的安全性还是得看你自己来把握。</t>
  </si>
  <si>
    <t>肯定不是纯的</t>
  </si>
  <si>
    <t>有纯的和不纯的，自己细心辨认啊</t>
  </si>
  <si>
    <t>遗体捐献给钱吗</t>
  </si>
  <si>
    <t>跟捐牵扯到就是没有钱的，器官捐赠的话可能将来亲人生大病了医院会给点什么好处吧。</t>
  </si>
  <si>
    <t>会有补贴的，但是多少就不知道了。</t>
  </si>
  <si>
    <t xml:space="preserve">捐献遗体或器官是无偿的。我国明文规定：“第三条 捐献遗体、器官应当遵循自愿、无偿原则。捐献器官的移植应当遵循科学、公正、公平原则。禁止买卖遗体、器官。” </t>
  </si>
  <si>
    <t>捐献的精神可嘉，但是捐献不是买卖，应该属于无偿行为。</t>
  </si>
  <si>
    <t>捐献就是无偿的。</t>
  </si>
  <si>
    <t>捐就是没有钱，国家还禁止买卖。</t>
  </si>
  <si>
    <t>捐献就是无偿供应，不给钱。</t>
  </si>
  <si>
    <t>捐献，记住是捐献，可能给你钱么？</t>
  </si>
  <si>
    <t>玩具枪可以带上火车吗</t>
  </si>
  <si>
    <t>可以，只要不是仿真的就可以。</t>
  </si>
  <si>
    <t>仿真玩具枪属于“违禁品”，不允许带上车。</t>
  </si>
  <si>
    <t>如果是儿童玩的塑料玩具枪可以带上火车，要是仿真枪就带不上去了。</t>
  </si>
  <si>
    <t>尺寸、造型较为接近真枪就不行。</t>
  </si>
  <si>
    <t>银行理财不保本的会亏损吗</t>
  </si>
  <si>
    <t>当然会有亏本的可能</t>
  </si>
  <si>
    <t>一般短期的理财产品都会说明不保本</t>
  </si>
  <si>
    <t>既然是不保本理财产品，那就有亏本的可能。</t>
  </si>
  <si>
    <t>银行理财产品还可以吧，不过时间有点长不如投资理财通的项目，这样支取自由如果是货币基金 定期理财或者是保险理财,这样基本是无风险 稳赚不赔的说的风险是指数基金的 指数基金是高风险高回报的 可能存在赔本的</t>
  </si>
  <si>
    <t>任何理财产品都存在风险，保本型理财产品也不例外，也会有亏损的风险，但是风险相对较低。</t>
  </si>
  <si>
    <t>不保本理财是会损失本金的。</t>
  </si>
  <si>
    <t>有可能，保本和不保本各有各的优势，但是相比之下好多人还是会选择保本理财的</t>
  </si>
  <si>
    <t>电动汽车真的环保吗</t>
  </si>
  <si>
    <t>看似比较环保，避免了使用化石资源石油,从各个角度理性分析，发现电动车实际上会有很多麻烦.</t>
  </si>
  <si>
    <t>电动汽车的环保与否要多方面的考量。1.发电。2.电动车的电机的效率。3.电池的生产。4.废气电池的处置。</t>
  </si>
  <si>
    <t>环保是真的，实用性有待考察</t>
  </si>
  <si>
    <t>比燃油的肯定环保</t>
  </si>
  <si>
    <t>不可能是百分百的环保的</t>
  </si>
  <si>
    <t>车是环保的。</t>
  </si>
  <si>
    <t>在法国，核电电动汽车就是环保的。在中国，火电就不是环保的。况且，国内还在大量销售铅酸电池和低劣锂电的所谓的低速电动汽车。</t>
  </si>
  <si>
    <t>热血江湖枪厉害吗</t>
  </si>
  <si>
    <t>PK枪1-4转是最牛B的</t>
  </si>
  <si>
    <t>但到4转后期 X剑开始发挥出他的威力 5转Z剑的威力也发挥出来了 枪的威力开始逐渐衰退 所以还是剑好</t>
  </si>
  <si>
    <t>但到4转后期 X剑开始发挥出他的威力 5转Z剑的威力也发挥出来了 枪的威力开始逐渐衰退</t>
  </si>
  <si>
    <t>枪这职业在3转的时候PK的确很强大。本人极力推荐“剑”，虽然在3转没有枪强大，但是3转的剑PK还是不错的，4转后就比枪强得多了，PK可以说是全部职业中最强的。</t>
  </si>
  <si>
    <t>ppt能录音吗</t>
  </si>
  <si>
    <t>ppt录音的方法：打开需要录制旁白的PPT文档，点击“幻灯片放映”菜单中的“录制旁白”选项。会打开“录制旁白”对话框。</t>
  </si>
  <si>
    <t>1、打开PPT，点击“幻灯片放映”里的“录制旁白”。2、出现上面图框，点击“确定”。3、进入第一页，开始对着麦克风解说录音，录完一页后，点左下角最右边的箭头进行下一页解说，直到最后全部录完。4、录完后，点击左下角第三个长方形标志，再点“暂停旁白”。5、然后再点左下角第三个长方形标志，点“结束放映”。出现下面图框，点“保存”。6、关闭PPT，即完成PPT把自己录的声音录进去。</t>
  </si>
  <si>
    <t>工具栏 插入-影片和声音-文件中的声音 然后选择你的声音文件 确定</t>
  </si>
  <si>
    <t>1、打开PowerPoint软件，点击插入按钮。2、 点击音频喇叭按钮。3、 选择自己需要插入的音频文件。4、 双击选好的音频文件，便在页面上插入了音频文件。</t>
  </si>
  <si>
    <t>全民突击里的佣兵遣散会给东西吗</t>
  </si>
  <si>
    <t>目前阶段只有枪械提取才会返还装备的，而遣散佣兵是不会还装备的哦</t>
  </si>
  <si>
    <t>会获得一定的契约值，契约值可以用于契约兑换佣兵的装备等物品</t>
  </si>
  <si>
    <t>全民突击佣兵遣散有补偿</t>
  </si>
  <si>
    <t>不会给，佣兵一直在的，如下次要使用佣兵，请点击上阵就可以了</t>
  </si>
  <si>
    <t>不会有东西的</t>
  </si>
  <si>
    <t>好像是没有。</t>
  </si>
  <si>
    <t>氧化物是电解质吗</t>
  </si>
  <si>
    <t>金属氧化物，如Na2O，MgO，CaO，Al2O3等是离子化合物，它们在熔化状态下能够导电，因此是电解质。</t>
  </si>
  <si>
    <t>金属氧化物是电解质。非金属氧化物是非电解质。</t>
  </si>
  <si>
    <t>不是，电解质指在水溶液中或在熔融状态下能电离出离子，因而能导电的化合物，但氧化物是依靠共价键结合，所以不可能电离出阴阳离子。</t>
  </si>
  <si>
    <t>不完全是，电解质指在水溶液中或在熔融状态下能电离出离子，因而能导电的化合物，但非金属氧化物是依靠共价键结合，如二氧化碳，二氧化硫等，不可能电离出阴阳离子，不是电解质；但金属化合物是靠离子键结合，如氧化镁、氧化钠等，是电解质。</t>
  </si>
  <si>
    <t>憋气可以练肺活量吗</t>
  </si>
  <si>
    <t>可以提高。</t>
  </si>
  <si>
    <t>可以，但是并不是很科学</t>
  </si>
  <si>
    <t>肺活量由胸腔容积与呼吸肌的力量和总肺泡容积决定的，练习憋气只是作为游泳的辅助练习，可以一定程度增加机体对缺氧的耐受和提高游泳时的呼吸技巧，但对肺活量无直接作用</t>
  </si>
  <si>
    <t>可以，但是并不是很科学和系统。</t>
  </si>
  <si>
    <t>真丝会不会缩水</t>
  </si>
  <si>
    <t>真丝容易缩水。</t>
  </si>
  <si>
    <t>真丝的衣料会缩水。</t>
  </si>
  <si>
    <t>不是的，要用凉水洗就没事了。</t>
  </si>
  <si>
    <t>要干洗。</t>
  </si>
  <si>
    <t>真丝类衣服较易缩水，需注意清洗方法。衣服缩水变小主要跟衣服的材质和洗涤方法有关，丝毛类衣服的纤维结构比其他面料的纤维结构疏松丝，所以容易变型，这是丝毛类衣服本身存在的问题，轻度变型可以熨烫拉伸恢复，重度变型则无法恢复。</t>
  </si>
  <si>
    <t>纯真丝的第一次洗后会略有缩水。</t>
  </si>
  <si>
    <t>真丝衣服是不会一直缩小的，也是有一定的底线，在缩到一定程度时就不会再缩了。</t>
  </si>
  <si>
    <t>不会无限制的缩下去，每次洗衣干后要熨烫会伸展出来一些。</t>
  </si>
  <si>
    <t>真丝缩水修复酶能修复 也能防缩</t>
  </si>
  <si>
    <t>真丝不缩水，纯棉的缩水。</t>
  </si>
  <si>
    <t>父母作为商贷共同还款人对贷款年限有限制吗</t>
  </si>
  <si>
    <t>不会，可能会影响额度。</t>
  </si>
  <si>
    <t>孤岛惊魂3自由度高吗</t>
  </si>
  <si>
    <t>孤岛惊魂3自由度是很高</t>
  </si>
  <si>
    <t>比较高</t>
  </si>
  <si>
    <t>孤岛惊魂3做任务是需要时间限制的，孤岛惊魂4就没有这么麻烦，孤岛惊魂在画质上，任务，自由度，等等都给孤岛惊魂3好的</t>
  </si>
  <si>
    <t>米饭伤胃吗</t>
  </si>
  <si>
    <t>米饭相对来讲属于酸性食物，故有点刺胃，最养胃的，是面条。米中含酸多，所以少吃米饭。</t>
  </si>
  <si>
    <t>不会，伤不伤胃主要是你咀嚼的程度，水蒸汽比液态水温度高，所以蒸的饭又快又软，又不会使营养在水里流失，蒸的饭比煮的好，只是麻烦一些</t>
  </si>
  <si>
    <t>不会，天天，没有什么问题。</t>
  </si>
  <si>
    <t>胃不好的人不宜吃</t>
  </si>
  <si>
    <t>重新下载微信后聊天记录还在吗</t>
  </si>
  <si>
    <t>卸载微信后所有的聊天记录将会清除，重新安装后将无法继续查看相关信息</t>
  </si>
  <si>
    <t>重新下载微信后，聊天记录就不在了。</t>
  </si>
  <si>
    <t>没了</t>
  </si>
  <si>
    <t>七阶幻立方难吗</t>
  </si>
  <si>
    <t>会降阶法的话，难度不大，只是七阶比较多块，会看得有点眼花，还原的时间也会相应长一点。</t>
  </si>
  <si>
    <t>男枪需要攻速吗</t>
  </si>
  <si>
    <t>男枪不是个过分依赖攻速的adc，上了2.5也只能略微减少每次上弹的间隔</t>
  </si>
  <si>
    <t>为了前期刷野和无伤打野。 需要带部分攻速符文</t>
  </si>
  <si>
    <t>要的，男枪的攻速会缩短两次普攻的间隔，很有用的</t>
  </si>
  <si>
    <t>ADC都需要攻击力和攻速，男枪是混合型的，前期吃技能伤害但AD加成不高，主要是技能基础伤害就很不错，所以前期靠技能输出。后期因为加成不高，往往还需要普攻补刀。</t>
  </si>
  <si>
    <t>暴击就行</t>
  </si>
  <si>
    <t>屈臣氏有兰芝吗</t>
  </si>
  <si>
    <t>没有哦，屈臣氏一般开架商品比较多，再就是药妆，兰芝这种一般在大商场会有专柜</t>
  </si>
  <si>
    <t>没有的，屈臣氏没有这个牌子的，你还是去专柜看看吧，这年头网上少相信</t>
  </si>
  <si>
    <t>牛排健康吗</t>
  </si>
  <si>
    <t>吃牛排没有害处，而且对身体有益。有补中益气、滋养脾胃、强健筋骨、化痰息风、止渴止涎的功效。适用于中气下陷、气短体虚，筋骨酸软、贫血久病及面黄目眩之人食用。</t>
  </si>
  <si>
    <t>没有害啊，在中国还是烧一下比较好</t>
  </si>
  <si>
    <t>健康</t>
  </si>
  <si>
    <t>wifi加速器有用吗</t>
  </si>
  <si>
    <t>加速器只是给你关的和游戏无关的软件，和网络一点关系没有，所以不管用</t>
  </si>
  <si>
    <t>感觉很好，它的信号比较强，而且网速也很快的。</t>
  </si>
  <si>
    <t>办签证需要房产证吗</t>
  </si>
  <si>
    <t>房产证属于财务证明,可以做为一种财产证明，但不是非要房产证才可以</t>
  </si>
  <si>
    <t>看各国情况了。有的国家建议提供</t>
  </si>
  <si>
    <t>签证一般是需要你提供财产证明的，有的只需要提供本人名下借记卡流水账单就好了，但是房产证最好提供，国家不同，要求不同</t>
  </si>
  <si>
    <t>正规的签证是不需要抵押的。</t>
  </si>
  <si>
    <t>电信4s可以用4g卡吗</t>
  </si>
  <si>
    <t>不可以用电信4G。</t>
  </si>
  <si>
    <t>电信版iPhone4S是可以使用4G手机卡的，不过只能使用3G网路 上网而无法使用4G网。</t>
  </si>
  <si>
    <t>能用。 苹果iPhone 4S（电信版）手机，网络模式：电信3G（CDMA2000）。 不支持电信4G网络。 但是电信4G卡可向下兼容电信3G网络，所以能用电信4G卡。</t>
  </si>
  <si>
    <t>支持的只是不支持4g制式无法使用4g网络</t>
  </si>
  <si>
    <t>可以用4G卡，但是只支持电信3G网络。</t>
  </si>
  <si>
    <t>不能用,装上电信4G卡后不来信号,亲测.</t>
  </si>
  <si>
    <t>来例假可以喝柠檬蜂蜜水吗</t>
  </si>
  <si>
    <t>可以，用温水冲服。</t>
  </si>
  <si>
    <t>蜂蜜柠檬水是以蜂蜜和柠檬为食材自制的饮品，营养成分全面，适合女性月经期间饮用。</t>
  </si>
  <si>
    <t>不可以，蜂蜜是凉性的。</t>
  </si>
  <si>
    <t>完全可以饮用柠檬蜂蜜水的</t>
  </si>
  <si>
    <t>可以喝不要太多#可以喝</t>
  </si>
  <si>
    <t>建议喝牛奶加蜂蜜：每晚睡前喝一杯加一勺蜂蜜的热牛奶。也可做成奶酪，别有风味。功效：缓解甚至消除痛经。机理是牛奶含钾多，蜂蜜乃镁的“富矿”，而钾和镁是月经期生理和心里的调节剂。要食用天然成熟蜂蜜才有效果。#</t>
  </si>
  <si>
    <t>大姨妈来时人体抵抗力.免疫力有所下降.一般大寒大热大刺激的东西都不宜.最好是静心清淡易消化.所以柠檬蜂密水可以喝＃＃可以喝。不过不要多喝</t>
  </si>
  <si>
    <t>可以，喝点对它本身好</t>
  </si>
  <si>
    <t>骨折可以吃辣椒吗</t>
  </si>
  <si>
    <t xml:space="preserve"> 最好不可以吃辣椒.一般早期可以清淡一点的饮食。</t>
  </si>
  <si>
    <t>不能.</t>
  </si>
  <si>
    <t>应当少吃或不吃辛辣刺激性食物、忌寒凉食物，骨折主要是神经生长，吃辣的对感官刺激太大，所以建议少吃。</t>
  </si>
  <si>
    <t>港版6s都是激活的吗</t>
  </si>
  <si>
    <t>在一个新 iPhone6S 开机以后，都会进入激活的欢迎界面，根据屏幕上的提示滑动开始激活。</t>
  </si>
  <si>
    <t>天津师范大学有专科吗</t>
  </si>
  <si>
    <t>天津师范大学的专科专业比较少，以本科专业为主，不过貌似幼教专业是专科。</t>
  </si>
  <si>
    <t>现在卖衣服赚钱吗</t>
  </si>
  <si>
    <t>这个行业非常赚钱。</t>
  </si>
  <si>
    <t>赚不赚钱得看你卖什么样的衣服了！卖品牌的利润就比较大，卖市场的利润就比较低了。</t>
  </si>
  <si>
    <t>现在经济不景气，产能过剩时代，竞争压力特别大，传统生意不好做。明年应该耿更恶劣吧，因为经济还在筑底的痛苦过程中。</t>
  </si>
  <si>
    <t>这个行业一定要有足够的时尚，艺术，色彩，对生活的深刻理解和沉淀，我们附近有十余家服装店，有3家生意很好，老板已做十几年，对进货渠道，衣服的季节，花色，款式，面料，价格……之间的定位都较好，主要是老板的业务熟，女装为主，做好了，能挣钱的</t>
  </si>
  <si>
    <t>有人赚有人赔。</t>
  </si>
  <si>
    <t>恋战好玩吗烧钱吗</t>
  </si>
  <si>
    <t>经本人亲测，绝对没有那些“大作”烧钱。</t>
  </si>
  <si>
    <t>整体上做得还是不错的</t>
  </si>
  <si>
    <t>好玩，玩过你就知道了，里面很多设定都比较有亮点，比如升级很简单很快，玩法也多，画面做的也不错</t>
  </si>
  <si>
    <t>好玩不用担心升级，只管打宝PK，打出极品，把装备搞上去，这些都蛮好的。</t>
  </si>
  <si>
    <t>女人射精和男人射精一样吗</t>
  </si>
  <si>
    <t>对，最爽的是喷潮。</t>
  </si>
  <si>
    <t>比男性感觉更强烈而且持续时间更长，一次爱爱过程可有多次高潮体验，而男性只有一次，射精完高潮感消失很快。</t>
  </si>
  <si>
    <t>不一样，女人射精会发抖。</t>
  </si>
  <si>
    <t>不一样，女人的高潮通常伴有脸色红润，呼吸急促，身体痉挛，总体来说比男人的更不容易也更舒服。</t>
  </si>
  <si>
    <t>男女都一样，高潮都是伴随着射精的，只是女的在里面你看不到而已；男人射多了也是透明的水，没一点有用的成分，女人高潮多了也会累，只是她们的高潮的确是消退的慢一些，毕竟雌雄两种激素是不一样的成分</t>
  </si>
  <si>
    <t>基本一样 …女人只是不需要往外排营养</t>
  </si>
  <si>
    <t>芭比瑭童装是真的吗</t>
  </si>
  <si>
    <t>衣服款式还蛮时尚的，把女儿打扮的美美的</t>
  </si>
  <si>
    <t>我们县城就有一家店开了几年了</t>
  </si>
  <si>
    <t>药流后小腹酸痛是宫缩</t>
  </si>
  <si>
    <t>妊娠组织物流出当天可以有轻微的小腹隐痛，以后腹痛消失或偶有小腹隐痛。如果患者流产后腹痛明显，则为不正常情况，可见于流不净、感染等情况，建议您及时去医院检查，然后对症治疗</t>
  </si>
  <si>
    <t>药流后腹痛主要出现腰酸、小腹痛的情况，考虑是宫缩引起的，其问题不大，自己会自行缓解，若是在术后一周出现腹痛，考虑可能有宫内感染的可能</t>
  </si>
  <si>
    <t>银龙鱼晚上睡觉吗</t>
  </si>
  <si>
    <t>睡觉，银龙睡觉的时候游动的非常慢，或者停在水面上不游动，别的鱼一惊 就醒了，睡觉只是一瞬间的事。</t>
  </si>
  <si>
    <t>当然要睡觉了， 它睡觉的时候全身不动 ，只有两边的鳍在慢慢的摆动。</t>
  </si>
  <si>
    <t>只要周围宁静就会睡觉了。</t>
  </si>
  <si>
    <t>不管什么鱼都要睡觉，休息好才能长得大</t>
  </si>
  <si>
    <t>买的人多股票就涨吗</t>
  </si>
  <si>
    <t>这与股票买卖的成交方式有关。在正常的交易时间，采用时间优先，即在满足买卖双方的前提下采用先挂出方的价成交。</t>
  </si>
  <si>
    <t>那是一定的啦。大家都抢一只股票，它的价格不涨才怪了。</t>
  </si>
  <si>
    <t>没有特定的规律</t>
  </si>
  <si>
    <t>当主动买入盘增多的话，势必会推动卖价提升，致使股价上扬。所以你说的股票买的人多了股价就涨，指的是主动买入的人增多了。</t>
  </si>
  <si>
    <t>姚贝娜有孩子吗</t>
  </si>
  <si>
    <t>没有，婚都没有结，哪来的孩子？</t>
  </si>
  <si>
    <t>并不</t>
  </si>
  <si>
    <t>没有，还没结婚呢</t>
  </si>
  <si>
    <t>使用代理ip警察能查到么?</t>
  </si>
  <si>
    <t>使用代理ip是可以查到真实地址的，代理ip只是隐藏真实ip方法之一。</t>
  </si>
  <si>
    <t>只要你上网，警察就可以根据你上网所用设备的MAC地址查找到你的详细位置.</t>
  </si>
  <si>
    <t>可以，你使用的VPN也是会被追踪的，就是说这个时间段这个PVN这个IP地址是给这个人用的，服务器上会留下记录的，要查你的水表真的很容易。</t>
  </si>
  <si>
    <t>hcg41是怀孕了吗</t>
  </si>
  <si>
    <t>是的，一般hcg&gt;25，确定是怀孕</t>
  </si>
  <si>
    <t>HCG正常值在0-3，HCG值10以上就是怀孕。或宫外孕</t>
  </si>
  <si>
    <t>从你现在血HCG检查的结果来看的话，确实怀孕了</t>
  </si>
  <si>
    <t>透骨草和红花泡脚好么</t>
  </si>
  <si>
    <t>人用生姜、红花、透骨草泡脚是可以的</t>
  </si>
  <si>
    <t>孕妇不宜使用红花泡脚。红花具有活血祛瘀的功效；孕妇不宜使用，以免诱发先兆流产。</t>
  </si>
  <si>
    <t>红花艾叶透骨草花椒可以一起泡脚，活血舒筋活络的效果，有保健和治疗的作用</t>
  </si>
  <si>
    <t>这个方子可以祛寒活血通络，用量可以参考：艾叶20g、透骨草15g、伸筋草15g、红花20g，每此浸泡20至30分钟，每日一至两次。</t>
  </si>
  <si>
    <t>走秀网是正品吗</t>
  </si>
  <si>
    <t>走秀网上的产品全部为正品。</t>
  </si>
  <si>
    <t>走秀网上好多超低折扣的大牌子商品，有的人认为折扣太低就是假的了，其实不然，正品是绝对的，我买过很多次了，就是款式可能不是最新款而已，最新款的折扣不会那么低。</t>
  </si>
  <si>
    <t>别上当了，假货泛滥</t>
  </si>
  <si>
    <t>秀网上的商品全部来源于品牌商和正规供应商，是100%的正品</t>
  </si>
  <si>
    <t>走秀网的东西基本都是真的，跟专柜的差不多，之前买过一些，质量还是很好的</t>
  </si>
  <si>
    <t>经过数年的积累和努力，走秀网已经与众多国际顶级品牌及平台达成战略合作关系，包括Salvatore Ferragamo、Blue Nile、HUGO BOSS、FABI、Fossil等官方授权走秀网的知名品牌，也包括eBay、Karmaloop、Gmarket等海外著名网购平台，正品保障无疑。</t>
  </si>
  <si>
    <t>不一定呦，不过你可以扫二维码试试。</t>
  </si>
  <si>
    <t>您好！走秀网上的商品全部来源于品牌商和正规供应商，是100%的正品，我们凭借着和全球供应商的良好紧密合作，获得了全球同步的价格！请您放心购买。</t>
  </si>
  <si>
    <t>我在这里买了不少于30次东西了，我自己的，我老公的，甚至我爸爸妈妈的衣服、化妆品什么的都在上面买过，假货是绝对没有的，至少我没碰到，通过存钱盒网去买，可以用很多优惠。</t>
  </si>
  <si>
    <t>真假掺杂</t>
  </si>
  <si>
    <t>手持式扫描仪好用吗</t>
  </si>
  <si>
    <t>不是特殊要求的就没事，一般的文本很合适，适合出差</t>
  </si>
  <si>
    <t>各有特点，取决于你的实际用途</t>
  </si>
  <si>
    <t>终结者4出来了吗</t>
  </si>
  <si>
    <t>2个月前已出.</t>
  </si>
  <si>
    <t>正在拍摄中，第四部会有很多新机器人加盟，预计明年5月份就会上映。</t>
  </si>
  <si>
    <t>已经出来了，可以去迅雷下载。</t>
  </si>
  <si>
    <t>还没有出来呢</t>
  </si>
  <si>
    <t>大理石瓷砖有辐射吗</t>
  </si>
  <si>
    <t>大理石铺地面有辐射的，大理石的辐射剂量率在0.23μSv/h范围内，大于这个数值就是辐射偏高，低于这个数值，就可以忽略不计。目前在市面上出售的大理石，凡是经过国家检测的，能够达到标准的。</t>
  </si>
  <si>
    <t>大理石瓷砖就是抛釉砖，只是花色像大理石，但还是人工做出来的砖，没有辐射的。</t>
  </si>
  <si>
    <t>因为大理石瓷砖具有一定的辐射。</t>
  </si>
  <si>
    <t>天然大理石和人造大理石都有辐射，天然大理石辐射危害更大。</t>
  </si>
  <si>
    <t>有一点点，剂量很小。空气也有辐射的啊。一般元素都有放射性同位素同时存在的。</t>
  </si>
  <si>
    <t>后脚跟痛烤电好吗</t>
  </si>
  <si>
    <t>脚跟外伤后1个月，脚筋仍然感到疼痛，可以用家里现成的烤灯。</t>
  </si>
  <si>
    <t>斗鱼需要过滤吗</t>
  </si>
  <si>
    <t>斗鱼喜欢生活在静水中，过滤会导致水流过快，斗鱼不会喜欢，除非缸足够大，将 过滤调小到感觉不到水流，否则斗鱼会一直处在紧张状态。事实上，由于斗鱼可以在低氧中生存，适宜生活在弱酸软水中，这意味着水中有少量腐殖质对斗鱼反而更好，所以不用过滤也没关系，只要定期换入部分新水就可以了。</t>
  </si>
  <si>
    <t>斗鱼不用过滤水的，斗鱼本身就不可以用过滤器，它不需要流动水和带氧气的水，水最好晒一下，冷开水养斗鱼最好，直接用自来水也养不死</t>
  </si>
  <si>
    <t>养斗不需要过滤和水泵，斗鱼绝对不会缺氧而死，你把缸的面积搞大就行了</t>
  </si>
  <si>
    <t>不放过滤净水养，没事照照镜子或者两条鱼对对，叫它们兴奋兴奋最好</t>
  </si>
  <si>
    <t>立秋以后还热吗</t>
  </si>
  <si>
    <t>根据不同的地区而异、如今24季节表已经不能够用来实地正式了、人类对环境的污染、对大气层的破坏、现在可以说就俩季节 一个夏季 一个冬季、</t>
  </si>
  <si>
    <t>24个秋老虎你听过没有？意味着还要将近热一个月，只是立秋之后早晚要凉快些咯</t>
  </si>
  <si>
    <t>“立秋”到了，但并不是秋天的气候已经到来了。</t>
  </si>
  <si>
    <t>热啊，立秋不代表夏天过去了，还是会非常热的热一段时间的</t>
  </si>
  <si>
    <t>热，伏天没过完呢</t>
  </si>
  <si>
    <t>一般来说立秋之后最少还要热半个多月的时间。</t>
  </si>
  <si>
    <t>还能热几天！</t>
  </si>
  <si>
    <t>应该还要差不多一个月的时间才不会那么热。</t>
  </si>
  <si>
    <t>京九高铁过肃宁吗</t>
  </si>
  <si>
    <t>基本上沿既有线路走，应该说是过肃宁</t>
  </si>
  <si>
    <t>不经过河北沧州的任丘，而是北京--石家庄而去武汉</t>
  </si>
  <si>
    <t>经过查询，目前没有献县车站这个发车站。</t>
  </si>
  <si>
    <t>跳绳可以让卵泡长大吗</t>
  </si>
  <si>
    <t xml:space="preserve">适当的运动是可以有活血化瘀，促进卵子的排出的功能应注意日常的多保养 </t>
  </si>
  <si>
    <t>你说的的情况适当的运动是可以有活血化瘀，促进卵子的排出的功能应注意日常的多保养，不要吃辛辣油腻的食物，积极调整心情，不一定要跳绳的，其他的运动也可以，可以促进，也可以用激素，或者中药的方法</t>
  </si>
  <si>
    <t>微信视频有美颜吗</t>
  </si>
  <si>
    <t>微信不能美颜视频，调用的视频接口是手机自带的。</t>
  </si>
  <si>
    <t>暂时是不支持的，望采纳#微信在视频的时候确实是没有美颜的功能的.</t>
  </si>
  <si>
    <t>北京军海癫痫医院是正规的吗</t>
  </si>
  <si>
    <t>癫痫作为一种慢性神经系统疾病，是导致发育落后的危险因素之一，但癫痫是否会影响发育，取决于疾病本身的轻重、遗传因素、共患疾病、环境以及疾病对治疗的反应、起病年龄、发作类型、诊断与治疗时间早晚、规律治疗与否等多种因素。</t>
  </si>
  <si>
    <t>成年癫痫与小儿癫痫的区别，各发作类型的发生率随年龄而不同，其临床表现与中枢神经系统的成熟程度密切相关。除常见的发生于小儿任何年龄的大发作外，新生儿癫痫其临床表现形式多为刻板的反复性动作，并常伴有异常的眼球运动。</t>
  </si>
  <si>
    <t>世界上就不存在保证能看好某某病的医院。</t>
  </si>
  <si>
    <t>肝硬化能吃山楂吗</t>
  </si>
  <si>
    <t>肝硬化就不能吃太硬的东西了，山楂也是有些硬的，最好不要吃。</t>
  </si>
  <si>
    <t>警察很忙吗</t>
  </si>
  <si>
    <t>警察很多种的 派出所负责辖区出警，如果是市区那一般很忙的；</t>
  </si>
  <si>
    <t>地方不同警种不同 忙闲不等。</t>
  </si>
  <si>
    <t>敬业爱岗，有上进心的忙，敷衍了事混日子，想发财工作闲心眼儿忙。</t>
  </si>
  <si>
    <t>铁路公安原来隶属于铁路局，是职工编制，去年转为国家公务员了，隶属于公安部十局，但是工作内容没有变，仍然是保卫国家铁路运输。公安部第十局下属各铁路公安局，铁路公安局下属各公安处，公安处下属各所队。公安局和公安处是机关，包括各科室、指挥中心，工作一般是在室内。比较辛苦的是各下属的火车站派出所、公安段、乘警支队，但是平时不忙，客流高峰、警卫任务、过年过节等时期才忙，全员上岗，没有休假，24小时值班备勤，无法按时吃饭休息。作为铁路公安一线，各车站派出所民警每天必干的，负责所属车站站内治安、查缉逃犯、铁道线路巡逻巡线、宣传教育沿线群众、学习上级文件、所内值班等等，同时打击危害铁路运输安全的违法犯罪活动，如盗抢、倒票、哄抢铁路物资等。并不是所有的铁路警察都忙，我干过的一个小站派出所（无客运），平时就2、3个人值班，干完当天的工作就去派出所自己的菜园子下地、鸡窝喂鸡掏蛋，喂喂猫和狗</t>
  </si>
  <si>
    <t>的确很忙!特别是基层民警</t>
  </si>
  <si>
    <t>分工不同，有的忙有的不忙</t>
  </si>
  <si>
    <t>psp3000有wifi吗</t>
  </si>
  <si>
    <t>.打开PSP顶端WLAN的WiFi开关，向右轻推即可。</t>
  </si>
  <si>
    <t>打开PSP3000左侧Memory Stick Duo上方的WiFi开关，向上轻推即可。</t>
  </si>
  <si>
    <t>破解跟没破解都可以连wifi</t>
  </si>
  <si>
    <t>带套会感染梅毒吗</t>
  </si>
  <si>
    <t>带套一般不会得梅毒</t>
  </si>
  <si>
    <t>梅毒患者带套过性生活可部分预防传染，但是避孕套并不能完全防止梅毒的传播</t>
  </si>
  <si>
    <t>一般戴套感染机率较少，但也有感染的可能，梅毒的潜伏期为10~90天，平均3周，你不洁性行为已4个多月还没有不适表现感染机率较小，一期梅毒已有表现，外阴硬下疳常见。如果避孕套出现破损、尺寸不适合自己、射精后未及时抽出等，都会导致传染的。</t>
  </si>
  <si>
    <t>醋可以止痒吗</t>
  </si>
  <si>
    <t>醋有杀菌止痒的作用，适当用来擦皮肤，对缓解皮肤瘙痒有好处。但醋对皮肤有刺激性，不要经常大量用，容易损伤皮肤。对于皮肤瘙痒，也可以适当用盐水擦，也有杀菌止痒的效果。同时建议最好去医院检查，有针对性的消炎止痒</t>
  </si>
  <si>
    <t>河南省人民医院内分泌科护士长马建新在护理工作中，摸索出一种简便、价廉的护肤配方，即医用甘油20ml+白醋80ml，调匀制成润肤露，每次于沐浴后趁着毛孔全部张开、皮肤未干透时立即涂抹全身，使润肤露渗入皮肤深处。这个配方马建新护士长已在临床使用数年，患者反映效果非常好。马建新护士长介绍，医用甘油在一般的医院药房都能买到，白醋即普通的食用白醋。调和时浓度比例一定要准确，如果甘油浓度过高，反而会形成高渗溶液吸收皮肤水分，适得其反。　河南省人民医院主任药师王迪说，白醋的化学成分是稀释的乙酸，甘油的化学成分是丙三醇，两种物质勾兑后结合生成乙酸丙脂，其脂类结构对保护皮肤锁住水分确实很有好处。</t>
  </si>
  <si>
    <t>买药来擦</t>
  </si>
  <si>
    <t>你哪里的皮肤痒啊？脸上的话不要用</t>
  </si>
  <si>
    <t>食醋的主要成分是醋酸，它有一定的杀菌作用，对皮肤和头发能起到一定保护作用。在日常生活中，用加醋的水洗头，能使皮肤吸收到所需要的营养素，从而起到松软皮肤、增强皮肤活力的作用。</t>
  </si>
  <si>
    <t>可以止痒</t>
  </si>
  <si>
    <t>买股票要不要手续费</t>
  </si>
  <si>
    <t>股票买进卖出需要手续费的</t>
  </si>
  <si>
    <t>买股票要手续费,股票手续费通常是由佣金、印花税、过户费组成的。</t>
  </si>
  <si>
    <t>买卖股票的手续费，首先是证监会收取的万分之2的证券费，这个是必交的</t>
  </si>
  <si>
    <t>股票每买入一次都要收取手续费，卖出也要收。＃＃买卖都收取手续费</t>
  </si>
  <si>
    <t>苹果手机被恶意抹除后能否恢复</t>
  </si>
  <si>
    <t>iPhone抹掉数据后是无法直接从手机中进行恢复的。不过可以从备份中进行恢复</t>
  </si>
  <si>
    <t>有备份就可以的~</t>
  </si>
  <si>
    <t>不能，除非你抹掉之前用iCloud或者iTunes备份了</t>
  </si>
  <si>
    <t>有备份就能。</t>
  </si>
  <si>
    <t>不能的，手机文件恢复的前提是没有新的文件添加，而苹果iphone手机中的抹除所有内容会再写入一遍数据，导致新系统数据写入，自然无法恢复了，除非有网络云icould备份</t>
  </si>
  <si>
    <t>可以凭借本人购机发票等联系客服试试，但不一定可以</t>
  </si>
  <si>
    <t>用反删除软件可以恢复</t>
  </si>
  <si>
    <t>怀孕不能吃牛羊肉吗</t>
  </si>
  <si>
    <t>可以吃的，但是不建议多吃，最好是自己做比较放心卫生的</t>
  </si>
  <si>
    <t>孕妇是可以吃牛肉的，但是必须得注意吃牛肉的份量</t>
  </si>
  <si>
    <t xml:space="preserve">可以吃啊!除此之外动物性食品可以多吃动物性食品：尽量选择蛋白质含量高,脂肪含量低的品种.由于畜禽内脏,尤其是肝脏维生素A和铁等微量元素含量丰富,孕中期和孕晚期妇女应多选用.禽肉脂肪含量低,肌肉细腻,蛋白质含量丰富,鸡肉炖汤味鲜美,有刺激消化液分泌的作用,适合孕妇食用. </t>
  </si>
  <si>
    <t>牛肉和羊肉都可以吃，不过一定是煮熟，也不要过量吃太多</t>
  </si>
  <si>
    <t>威客是真的吗</t>
  </si>
  <si>
    <t>是真的，如威客中国。</t>
  </si>
  <si>
    <t>不靠谱，骗子。</t>
  </si>
  <si>
    <t>威客要看是哪个地方做，大平台还是可以做的。</t>
  </si>
  <si>
    <t>好像是真的吧，很多人都用，名头也很大</t>
  </si>
  <si>
    <t>威客绝对的骗人千万不要上当</t>
  </si>
  <si>
    <t>鲁大师的驱动好用吗</t>
  </si>
  <si>
    <t>驱动建议用官方提供的驱动，系统稳定就不必更新。鲁大师之类的东西智能化程度低，容易导致系统蓝屏或进不去系统。</t>
  </si>
  <si>
    <t>丰田车质量好吗</t>
  </si>
  <si>
    <t>丰田车近年来在世界上销量很大，基本都是列第一位。丰田车主要突出实用性和经济性，强调质量稳定、比较省油、安全突出、养护不贵。如果你希望选择实用代步车，选择丰田是正确的。</t>
  </si>
  <si>
    <t>质量稳定是丰田车的最大特点。</t>
  </si>
  <si>
    <t>日系车发动起很好，整车故障率也较低。相对来说性价比也比较高，</t>
  </si>
  <si>
    <t>还好啊，日系车很适合中国老百姓家用的</t>
  </si>
  <si>
    <t>硫磺皂能洗头么</t>
  </si>
  <si>
    <t>用了硫磺皂的话的确能暂时令皮脂分泌小一点。。。。但是会刺激头皮。。。分泌更加多的油。。。洗完以后他会觉得很干很舒服似的~~但是硫磺皂属于强碱性的。。。会伤害头发与毛囊~~长期使用对你老公头发会造成很大伤害的。。。所以。。。千万不要用。。。</t>
  </si>
  <si>
    <t>用硫磺皂洗头并不适用于每个人，硫磺皂需少量使用再确定个人头皮能否适应硫磺皂。硫磺皂虽然能杀菌、除油脂，但并非人人都可以用来洗头。对于少数头皮比较娇嫩的不适用用硫磺皂洗头的人来说，会致使头皮皮肤控油厉害出现缺水干枯的现象，更加不利于治疗脱发同时还会加重脱发症状。大多数人的头皮皮肤远比身体皮肤要细嫩，由于其有大量的毛囊，因此也容易感染毛囊。</t>
  </si>
  <si>
    <t>干性的发质用硫磺皂洗头头发更加枯燥无光泽.很难梳头</t>
  </si>
  <si>
    <t>可以的呀，也可以用来洗澡。不影响</t>
  </si>
  <si>
    <t>千万不要用</t>
  </si>
  <si>
    <t>不好的</t>
  </si>
  <si>
    <t>笔记本电脑充电器可以托运吗</t>
  </si>
  <si>
    <t>可以托运，充电机不具备安全隐患，没有爆炸原理。</t>
  </si>
  <si>
    <t>可以托运，放在行李箱一起给航空公司就可以了</t>
  </si>
  <si>
    <t>坐飞机笔记本充电器可以托运。</t>
  </si>
  <si>
    <t xml:space="preserve">笔记本的电源适配器可以放在行李箱里托运. 电源适配器可以托运或随身行李携机, </t>
  </si>
  <si>
    <t>孕妇可以用强生婴儿护肤品吗</t>
  </si>
  <si>
    <t>孕期的最好用些孕妇专用的护肤品吧，那些婴儿专用的是供给不够孕妈妈的肌肤养分，现在市场上早为孕期的妈妈设计的护肤品了，例如原生态妆食同源的亲润啊，这些牌子的也是可以的</t>
  </si>
  <si>
    <t>可以使用一些无刺激或者刺激小的护肤品,强生对皮肤刺激小,孕妇都是可以使用的。</t>
  </si>
  <si>
    <t>改连供好不好</t>
  </si>
  <si>
    <t>喷墨打印机改连供，有四大坏处。1、墨水堵头，无法正常输出。2、墨压不稳，缺色漏墨严重。3、搬运不便，极易洒溢墨水。4、芯片很容易损坏。</t>
  </si>
  <si>
    <t>喷墨打印机安装连供，适合大批量打印，减低打印成本，操作简单。</t>
  </si>
  <si>
    <t>一般来说，连供都对打印机有影响，爱普生的打印机最适合改连供，影响最小</t>
  </si>
  <si>
    <t>使用频率高可以用，不高的话建议不要买，长时间不用会堵喷头。</t>
  </si>
  <si>
    <t>使用连供比较方便。连供外墨盒容量大，通常是内墨盒容量的4倍以上。添加一次墨水，可以使用很长时间，减少了更换墨盒的麻烦。并且，连供墨水十分便宜。</t>
  </si>
  <si>
    <t>家用打印机一般用量小还是原装的好 因为你装了连供打印头很容易堵塞，需要经常打印，而且经常打印也浪费纸张啊！！再了装了连供机器一般没保修，如果打印头因为连供坏了你就不值得了（EPSON的打印机） 原装墨盒效果好 就是贵了点！！！！</t>
  </si>
  <si>
    <t>区别在于是否可以保修等，改了连供效果要差一些，但是成本会更低，改了会失去保修，后期使用会很麻烦的。</t>
  </si>
  <si>
    <t>前一站的火车票可以在下一站检票吗</t>
  </si>
  <si>
    <t>可以的，只要是同一辆列车</t>
  </si>
  <si>
    <t>只要是当日当次车，中途上车是允许的，卧铺、座位都会保留，但不退还少乘区间的票款。</t>
  </si>
  <si>
    <t>可以检票，只是未乘区间票款不退，必须先取纸票，才能进站上车。</t>
  </si>
  <si>
    <t>旅客可以在车票票面指定的日期、车次于中途站上车，但未乘区间的票价不退。</t>
  </si>
  <si>
    <t>如果买了起点站的车票，在中途站可以上车的。</t>
  </si>
  <si>
    <t>羊毛混纺会起球吗</t>
  </si>
  <si>
    <t>会起的，不过要看制作的手工，手工精良的还是不会起的</t>
  </si>
  <si>
    <t>起球是由织物表面的短纤维被磨擦移动形成，这一移动是由外力磨擦作用引起。当织物局部之间相互磨擦，或在穿着过程中受到比本身粗糙的任何织物的磨擦，都会产生起毛，并再形成球粒。因此，毛衫表面磨擦最剧烈的部分起球为最厉害。</t>
  </si>
  <si>
    <t>不起球</t>
  </si>
  <si>
    <t>会起球。羊绒针织品在实际穿用与洗涤过程中，不断经受摩擦，其表面的纤维端会露出，在表面呈现许多的毛绒，即为“起毛”。若这些毛茸在继续穿用中不能及时脱落，就互相纠缠在一起，被揉成许多球形小粒，通常称为“起球”。</t>
  </si>
  <si>
    <t>棉的才会起球</t>
  </si>
  <si>
    <t>口水臭正常吗</t>
  </si>
  <si>
    <t>唾液有气味正常，唾液中含有蛋白质（唾液酶、真菌群）、水份、盐份等物资，当我们把唾液吐出来的后，水分开始蒸发，蛋白质的浓度升高，真菌开始死亡，唾液的气味就是蛋白质氧化分解，产生硫化氢气体及氧化氮气体而感觉有异味。</t>
  </si>
  <si>
    <t>基本都是这样的，很正常</t>
  </si>
  <si>
    <t>不正常，可能是便秘，多喝水，别上火了，别吃油腻的</t>
  </si>
  <si>
    <t>健身要戒烟吗</t>
  </si>
  <si>
    <t>　必须戒烟，并且吸烟有害健康。如果在健身时，吸烟不但对肺不好，而且还影响肠道的功能。</t>
  </si>
  <si>
    <t>锻炼肌肉和吸不吸烟没什么根本的影响，只是吸烟你也知道对身体不好，尤其是对肺活量影响很大，而锻炼肌肉一是为了形体美观，二是为了身体健康，而吸烟和身体健康相违背，所以建议锻炼不要吸烟</t>
  </si>
  <si>
    <t>戒烟只对自己百利而无一害 ,体育锻炼自己的身体好啊 。</t>
  </si>
  <si>
    <t>烟对健身影响很大，因为烟中的尼古丁可以阻止身体吸收营养，没有营养是锻炼不出漂亮的肌肉的。</t>
  </si>
  <si>
    <t>最好是烟酒一起戒。</t>
  </si>
  <si>
    <t>爆痘是排毒吗</t>
  </si>
  <si>
    <t>脸上长痘痘是身体排毒的一种表现。</t>
  </si>
  <si>
    <t>是你体内毒素多。但是要及时护理</t>
  </si>
  <si>
    <t>那得看你有没有在用排毒的护肤品，优之颜修护水是用来排毒的</t>
  </si>
  <si>
    <t>阿里巴巴能用电子面单吗</t>
  </si>
  <si>
    <t>易掌柜能配置一个店铺，多个店铺打印电子面单。</t>
  </si>
  <si>
    <t>用快递助手可以打印，支持电子面单</t>
  </si>
  <si>
    <t>有信好友间免费通话吗</t>
  </si>
  <si>
    <t>是免费的，但是对方却看不到你的手机号码。不知道是谁打来的。</t>
  </si>
  <si>
    <t>不限制的,有信可以免费打全国座机和手机，不限制对方有没有装。</t>
  </si>
  <si>
    <t>如果对方同是有信免费电话用户拨打是免费，而对方不是有信免费电话用户则需要用户花费有信免费电话软件内通话费用的。</t>
  </si>
  <si>
    <t>微信抢红包能开挂吗</t>
  </si>
  <si>
    <t>不好用，大部分都是带病毒的或者是假的。建议别贪小便宜。而且使用这种东西，被微信系统核实到的话。会做封号处理或者限制掉你的微信钱包功能的，建议谨慎。</t>
  </si>
  <si>
    <t>微信不能开挂抢红包，开挂抢红包会被封号的。</t>
  </si>
  <si>
    <t>可以开挂啊</t>
  </si>
  <si>
    <t>中国能制造硬盘吗</t>
  </si>
  <si>
    <t>固态硬盘 中国有这方面的品牌</t>
  </si>
  <si>
    <t>厂子都建在大陆，但是牌子是国外的，研发技术不行，用生产线的熟练程度倒是可以</t>
  </si>
  <si>
    <t>那种机械硬盘还没有 固态硬盘买的国外的 闪存 和主控芯片</t>
  </si>
  <si>
    <t>目前还是没有的</t>
  </si>
  <si>
    <t>有易拓科技，专业从事硬盘驱动器的研究设计、生产制造和销售服务，是中国国内最大的自主研发、生产硬盘驱动器</t>
  </si>
  <si>
    <t>显卡会不会烧坏</t>
  </si>
  <si>
    <t>做工好的显卡可以耐110度左右的高温,但长期在这种温度下运行肯定会坏</t>
  </si>
  <si>
    <t>正常100度左右都是不会有任何问题，不过正常显卡都不会达到这个温度。</t>
  </si>
  <si>
    <t>小米盒子需要买会员吗</t>
  </si>
  <si>
    <t>唱歌伤气吗</t>
  </si>
  <si>
    <t>不会，专业唱在练习期间.所修习的方法也是气功功夫。</t>
  </si>
  <si>
    <t>不会。你得平时保护嗓子。</t>
  </si>
  <si>
    <t>眼袋割了还会再复发吗</t>
  </si>
  <si>
    <t>割了以后肯定还能啊，你只要注意休息就好了，平时多锻炼</t>
  </si>
  <si>
    <t>会。一般的开刀、溶脂等手术只是暂有用，过了两三年后就又复发。</t>
  </si>
  <si>
    <t>眼袋割去，基本不会再长</t>
  </si>
  <si>
    <t>手术只是暂有用，过了两三年后就又复发。</t>
  </si>
  <si>
    <t>这个是不一定的，如果开刀的话是很容易复发的，因为开刀不一定能把脂肪细胞全部去除，只要有这种细胞就会长大分裂，容易复发，可以用超声法，安全，而且能保证效果，还会签合同有保障的</t>
  </si>
  <si>
    <t>支付宝钱包可以关闭吗</t>
  </si>
  <si>
    <t>缷载支付宝软件</t>
  </si>
  <si>
    <t>梅西来过中国吗</t>
  </si>
  <si>
    <t>他来中国有3次了。前2次分别在07年和10年。＃＃2次。08年北京奥运会的时候还来过次。</t>
  </si>
  <si>
    <t>两次！ 分别在05年和07年 05年是跟巴萨一起打商业比赛</t>
  </si>
  <si>
    <t>来了</t>
  </si>
  <si>
    <t>2007年梅西中国行 参与的《天下足球》的节目录制</t>
  </si>
  <si>
    <t>会声会影可以添加字幕吗</t>
  </si>
  <si>
    <t>用鼠标单击字幕轨后，可以通过在字幕轨点击添加字幕，也可以在左上角你导入的素材播放的那个窗口范围内点击，会有添加的字幕框，然后输入文字即可。</t>
  </si>
  <si>
    <t>如果普通字幕，仅仅将【标题】设置动画即可，如果复杂字幕如卡拉OK字幕等，请下载“卡拉字幕”插件安装并学会使用</t>
  </si>
  <si>
    <t>会声会影添加字幕还是挺简单的.</t>
  </si>
  <si>
    <t>打开TXT或Word文件，复制文字，到绘声绘影标题项的双击预览窗口里，用ctrl+v粘贴文字，即可</t>
  </si>
  <si>
    <t>巴黎拉丁区安全吗</t>
  </si>
  <si>
    <t>那一片区域很有特色，但也很乱，小偷很多</t>
  </si>
  <si>
    <t>巴黎分为二十个区，一般来说北部的区域（18、19）因为黑人和阿拉伯人移民聚居，治安会较差，当然这些区里也有比较安静的区域。另外亚裔聚居的区域也会相对混乱一些（13、20）。巴黎郊区北部的93省，是最乱的区域。</t>
  </si>
  <si>
    <t>刚在那待了一个月回来,个人觉得挺好的,就是去蒙马特那边的时候注意不要搭理手上拿彩绳的黑人,他们会借机敲诈你,其他的只要不要太晚出去应该不会有太大问题,拉丁区那边本来也听人说治安不好什么的,去了之后没感觉有什么不妥的。</t>
  </si>
  <si>
    <t>身份证丢了户口本可以买火车票吗</t>
  </si>
  <si>
    <t>路部门规定的25种可以购买火车票的证件中，户口簿就是其中之一。因此，户口簿是可以用来购买火车票的。</t>
  </si>
  <si>
    <t>户口本也可以买火车票，不过，户口本只能在人工窗口买票。</t>
  </si>
  <si>
    <t>没有身份证的话，身份证复印件、临时身份证、户口本、户口本复印件。都是可以买到票的</t>
  </si>
  <si>
    <t>可以，能证明自己身份的有效证件都是可以购买火车票的，比如：户口本，身份证。</t>
  </si>
  <si>
    <t>户口簿可以买的</t>
  </si>
  <si>
    <t>ocjp证书有用吗</t>
  </si>
  <si>
    <t>找工作，还有其他方面都会用到全国计算机等级考试的证书，一般过两级就能满足要求了。</t>
  </si>
  <si>
    <t>OCJP(Oracle Certified Java Programmer)是Oracle认证的Java程序员的简称，即Sun被Oracle收购之前的SCJP，是Java语言的拥有厂商对全球的Java开发人员进行的 技术水平认证。该认证在国际上获得了IT 公司的普遍认可， 是目前国际上最热门的IT认证之一。</t>
  </si>
  <si>
    <t>该认证在国际上获得了IT 公司的普遍认可， 是目前国际上最热门的IT认证之一</t>
  </si>
  <si>
    <t>男居士去尼姑寺院住合适吗</t>
  </si>
  <si>
    <t>男性不可以单独住宿尼姑庵。佛制在家菩萨戒中有明文规定，男居士不可以单独住宿比丘尼寺院，原因有二，一是易生爱然。二是招人讥谤，丑累佛法。如果有非办的事情回不来，也要找个如法的男伴同宿，事情办完就马上离开。</t>
  </si>
  <si>
    <t>没有禁忌</t>
  </si>
  <si>
    <t>月经期间会长胖吗</t>
  </si>
  <si>
    <t>月经期间吃再多也不会胖,医学上有研究.经期结束后一周内是减肥的最佳时机,是女人天生的生理优势.不过无论什么时候我们都要注意饮食的调节，不能暴饮暴食。</t>
  </si>
  <si>
    <t>女生月经期间不容易发胖，因为月经期间身体流失很多能量（血液）需要进补。</t>
  </si>
  <si>
    <t>很多女性认为经期吃再多也不会发胖，这是不科学的。</t>
  </si>
  <si>
    <t>月经期吃东西是不会发胖的.</t>
  </si>
  <si>
    <t>小牛电动车能上牌吗</t>
  </si>
  <si>
    <t>不能，刚刚咨询过小牛客服，并在他们的官网上找到相关说明，广州、深圳、上海3个城市不能上牌</t>
  </si>
  <si>
    <t>现在能上红牌的，因为都是超标车。</t>
  </si>
  <si>
    <t>现在电动车都需要上牌照的，我的不但上牌照，还上了电动车车险</t>
  </si>
  <si>
    <t>不能，没有这种车子的分类。</t>
  </si>
  <si>
    <t>这算电摩了，不能上牌的，而且太贵了，而且第一批是试验品，不考虑</t>
  </si>
  <si>
    <t>qq三国有挂吗</t>
  </si>
  <si>
    <t>三国目前为止还没有内挂之说</t>
  </si>
  <si>
    <t>那是用钱买的挂，三国里面最好不用挂，封了划不来</t>
  </si>
  <si>
    <t>现在还有冥婚吗</t>
  </si>
  <si>
    <t>现在的乡村，冥婚也有隐现。</t>
  </si>
  <si>
    <t>陕北那边乡村还有，有很多新闻就是卖尸体配阴婚，好可怕。</t>
  </si>
  <si>
    <t>肯定有的</t>
  </si>
  <si>
    <t>4s买的保险可以退吗</t>
  </si>
  <si>
    <t>商业险可以退的。但是也要扣钱的。所以如果后面还是要买，还是不要退了。如果后面不买了，那可以选择退</t>
  </si>
  <si>
    <t>可以退啊，直接联系保险公司办理退保就OK了，但是退款肯定不是原款了，需要按天扣除。</t>
  </si>
  <si>
    <t>您指的应该是车险吧。车险中交强险在投保后无法退保，只有商业车险可以进行退保，退保的前提必须是车险没有发生理赔事故，并且在退保时，根据保单已经生效的期限进行费用相应扣除。</t>
  </si>
  <si>
    <t>4s店补漆会有色差吗</t>
  </si>
  <si>
    <t>在4S店补原车漆是没有色差的</t>
  </si>
  <si>
    <t>不明显</t>
  </si>
  <si>
    <t>只要后喷的漆都会有一定的色差，只是差多差少罢了。</t>
  </si>
  <si>
    <t>补漆一般都有色差，极好的师傅调的漆色差较小，不仔细看看不出来。</t>
  </si>
  <si>
    <t>高铁退票必须本人吗</t>
  </si>
  <si>
    <t>需要本人身份证的，无有效身份证件的，需要在户口所在地办理临时身份证件。代替他人办理退票的，须持购票人身份证原件，无身份原件的，须持代理人的身份原件及购票人身份证件的有效复印件。</t>
  </si>
  <si>
    <t>不需要！身份证就可以</t>
  </si>
  <si>
    <t>从12306官方网站获悉，现在火车票都是实名制，退票是需要身份证的。需核实车票及其票面所载的有效身份证件原件的一致性，票、证一致的方予办理。</t>
  </si>
  <si>
    <t>退票需要身份证原件，可以让他人代替退票，但只能到火车站售票窗口退票。</t>
  </si>
  <si>
    <t>不用本人去，只要带身份证和票就好了。</t>
  </si>
  <si>
    <t>退票只要拿着乘车人的有效身份证件和要退的票就可以去退票了</t>
  </si>
  <si>
    <t>退高铁票不一定需要本人亲自去退。可以由他人代替办理退票，但须持购票人身份证原件，代办人本人身份证（以防万一车站核对代办人身份证）即可去车站办理。</t>
  </si>
  <si>
    <t>9500gt能玩英雄联盟吗</t>
  </si>
  <si>
    <t>可以，玩英雄联盟没问题的</t>
  </si>
  <si>
    <t>油汀取暖器 费电吗</t>
  </si>
  <si>
    <t>不存在费电的问题</t>
  </si>
  <si>
    <t>油汀很费电，如果漏油会非常危险！</t>
  </si>
  <si>
    <t>天天特价有限购吗</t>
  </si>
  <si>
    <t>是有限量的。</t>
  </si>
  <si>
    <t>系统限购3件，这是规则。</t>
  </si>
  <si>
    <t>国欣胶囊好不好</t>
  </si>
  <si>
    <t>国欣胶囊根本没任何治疗效果</t>
  </si>
  <si>
    <t>电视台的国欣胶囊我不到怎么样，我妈在专卖店卖的，我妈说吃着还行，胸闷发憋好了血压也降了，好不好只有吃了的人知道。卖产品一定要到实体店买现在造假的太多。</t>
  </si>
  <si>
    <t>1,卖药的人都标明了是保健食品不能当药品。2请打开胶囊把外売放在碗里加半碗热水你会惊出一身冷污，红的吓死人还有怪味。3·从売里取出的药粉你仔细看看是高浓缩的吗？害人呀！国欣如狼。</t>
  </si>
  <si>
    <t>日本买kindle便宜吗</t>
  </si>
  <si>
    <t>确实比国内淘宝之类的便宜不少</t>
  </si>
  <si>
    <t>这种非日本生产的产品估计和国内差不多价格</t>
  </si>
  <si>
    <t>不便宜啊，我觉得比国内还贵呢，咱这有时候赶上促销啥的才5、6百。</t>
  </si>
  <si>
    <t>便宜吗？日本买也要1000左右吧</t>
  </si>
  <si>
    <t>代理神途赚钱吗</t>
  </si>
  <si>
    <t>什么游戏都可以赚钱 主要看你头脑了</t>
  </si>
  <si>
    <t>我在漫步神途里 赚了300块 打了个好项链出售的</t>
  </si>
  <si>
    <t>喝牛奶会肾结石吗</t>
  </si>
  <si>
    <t>牛奶和橘子常在一起吃会有结石的危险，单喝牛奶不会的</t>
  </si>
  <si>
    <t>一般情况下，一天500ml以内的牛奶是不会得肾结石的。但是不建议喝高钙牛奶，最好不要睡前喝牛奶，这样的话，也会增加长肾结石的风险的。</t>
  </si>
  <si>
    <t>如果一天喝的超过20杯，而且每天都连着喝，那么你的胃会受不了，自然就会了。</t>
  </si>
  <si>
    <t>据研究显示，足够的钙质会和草酸结合，由粪便排出，因而减少钙质被肠道吸收，当然就会减少结石产生的机会，因此多喝牛奶并不会因此增加结石，反而有助于减少结石的机率。</t>
  </si>
  <si>
    <t>这个和喝牛奶是没有关系的.</t>
  </si>
  <si>
    <t>2015年幼师资格证好考吗</t>
  </si>
  <si>
    <t>幼师资格证不好考。</t>
  </si>
  <si>
    <t>大学专科以上学历。</t>
  </si>
  <si>
    <t>肾损伤能治好吗</t>
  </si>
  <si>
    <t>肾损伤的治疗是依照伤员的一般情况，肾损伤的范围和程度，以及其它器官有无严重损伤而确定。因此，在处理上应考虑：①休克的治疗；②其它器官损伤的治疗；③肾损伤的处理：支持治疗或手术治疗；④手术的时间和方法。选择正确的初期治疗方法常是决定预后的重要因素。, 对有严重休克的患者，首先进行紧急抢救，包括卧床休息、镇静止痛、保持温暖、输血（或血浆）输液等。许多病例经过处理后，休克获得纠正，一般情况应呈好转。若休克系大量出血或弥漫性腹膜炎引起，则应选择一及早而较安全的时期进行探查手术。一般广泛性损伤需手术探查时可采取腰部切口，因其步骤简单，危险性较小，必要时亦可将切口下角横行延长，切开腹膜探查腹腔内容。伴有腹腔内脏有损伤时，需行紧急剖腹探查。此时可经腹部切口探查。</t>
  </si>
  <si>
    <t>应该及时查明导致肾损伤的病因，如果只是外伤等异常刺激导致的，祛除病因，肾功能会逐渐恢复正常，应该比较容易治疗的，如果是由于慢性的炎症病变刺激，导致肾出现不可逆转的损伤，就不容易治疗了，平时应该补充营养，增加身体素质，避免对肾脏的不良刺激。</t>
  </si>
  <si>
    <t>这个要看是什么原因导致的肾脏损伤，以及损伤程度。轻中度的肾脏损伤是可以治愈的。重度损伤只能延缓，不能够治愈。你的情况可以系统说下。</t>
  </si>
  <si>
    <t>可以的，去医院接受正规的治疗，养成良好的生活习惯，不要私自用药，然后可以较快的好转。如果已经损伤到了肾脏功能，那么就需要较长的时间了，并且已经完全坏死的单位无法再升。所以一定要及时的去治疗。</t>
  </si>
  <si>
    <t>肯定的告诉你，肾病和肾炎是完全可以恢复的慢性病，建议注意“三分治，七分养</t>
  </si>
  <si>
    <t>怀孕四个月胎盘在宫劲口能引产吗</t>
  </si>
  <si>
    <t>会有风险的</t>
  </si>
  <si>
    <t>胎盘过低，顺产时候容易大出血，或者胎盘粘连如果严重，需要切除子宫（医生说的）</t>
  </si>
  <si>
    <t>前置胎盘引产还是容易大出血，如果是中央性的前置胎盘就是出血多的几率很大！跟大夫沟通选择合适的引产方式！</t>
  </si>
  <si>
    <t>胎盘比较低如果自己多注意应该是没有问题的，以前我也是胎盘低，但我很小心地保护着他。如果你真的不想要他，只能做引产了。但是，很希望你能坚持把他留下来，相信再过几个月。</t>
  </si>
  <si>
    <t>冬枣是不是转基因产品</t>
  </si>
  <si>
    <t>冬枣不是转基因产品，是无刺枣树的一个晚熟鲜食优良品种，属季节性水果。</t>
  </si>
  <si>
    <t>不是的，本来就有这个品种的，化冬枣是华东地区的一个优质晚熟鲜食品种。</t>
  </si>
  <si>
    <t>不是啊，品种问题，跟转基因没什么关系 转基因多半是颜色、形状、口味、产量异常的食品</t>
  </si>
  <si>
    <t>不是呀，他们下手还没那么快啊</t>
  </si>
  <si>
    <t>英魂之刃和英雄联盟操作一样吗</t>
  </si>
  <si>
    <t>英魂之刃的B和DOTA的TP是一样的有CD LOL的B可以随时用但是只能回家，英魂之刃里野怪给的BUFF和dota河道buff一样是随机的，不像LOL红蓝BUFF是固定的位置</t>
  </si>
  <si>
    <t>只是玩起来方便很多，两者几乎没有可比性。</t>
  </si>
  <si>
    <t>ktv好玩吗</t>
  </si>
  <si>
    <t>唱歌,喝酒,泡妞</t>
  </si>
  <si>
    <t>红酒过期了还能喝吗</t>
  </si>
  <si>
    <t>分</t>
  </si>
  <si>
    <t>保质期已经过了就不能喝了 我以前也喝过过期最后在医院过了几天生活</t>
  </si>
  <si>
    <t>一般的国产葡萄酒的酒标上面会标识保质期为10年，但严格意义上来说，讨论葡萄酒的保质期是没有意义的，我们更应该关心一支酒它是否具有陈年的能力，何时能达到它的最佳适饮期。</t>
  </si>
  <si>
    <t>金融圈可靠吗</t>
  </si>
  <si>
    <t>理财实际上就是财务管理范畴，无论金融圈还是实体经济都会有风险。1 金融理财首先要看资金的正常收入与支出是否平衡万一亏损是否会影想正常的生活，2 对于资金投资期限有多长的预期。3 评价自己的风险承受能力。金融理财有银行固定收益类，有保险类。有证券期货外汇。财理当好小钱变大钱，理不好人才两空。理财还是多慎重考虑。</t>
  </si>
  <si>
    <t>理财有风险，投资需谨慎。</t>
  </si>
  <si>
    <t>首先金融圈的理财肯定是可靠的，不过他也分风险等级的，你可以根据自己的自身情况，进行选择，如果资金充裕，我的建议是定投+风投双管齐下的。有风险的投资可以小资金试炼下</t>
  </si>
  <si>
    <t>study可数吗</t>
  </si>
  <si>
    <t>study 表示学术研究、学业功课时是可数的。 单纯表示学习这一抽象事物时是不可数的。</t>
  </si>
  <si>
    <t>study 作名词时有可数的也有不可数的</t>
  </si>
  <si>
    <t>study做研究讲的时候是不可数名词</t>
  </si>
  <si>
    <t>study 作名词用在当广义的“学习”时的确不可数；但是当成“通过个人努力求取知识”理解时，一般就都用复数</t>
  </si>
  <si>
    <t>study 是可数的。</t>
  </si>
  <si>
    <t>有没有古风小说</t>
  </si>
  <si>
    <t>有很多，你喜欢什么类型的。</t>
  </si>
  <si>
    <t>可以不做唐筛吗</t>
  </si>
  <si>
    <t>建议必须检查。</t>
  </si>
  <si>
    <t>唐氏综合症是一种偶发性疾病，每一个孕妈妈都有可能生出唐氏宝宝。唐氏筛查不是孕期必做检查之一，孕妈妈可自愿决定做和不做。</t>
  </si>
  <si>
    <t>关于进行唐氏筛查，一般来讲也是有必要的，这种检查通过检测母体血清中甲型胎儿蛋白、绒毛促性腺激素和游离雌三醇的浓度，结合怀孕的时间、孕妇的体重、年龄等，计算出生先天缺陷胎儿的危险系数，来判断胎儿患有唐氏症的危险程度。一般来讲，进行唐氏筛查的最佳时间是怀孕的第9-14周，通过进行风险计算，看看是否需要进一步检查染色体。应该是有必要的。＃＃你现在没有必要做唐氏筛查,等到怀孕4个多月快5个月的时候再去做,这个主要是排查胎儿常规畸形的。如果你们二人没有遗传病,且血缘较远,可以考虑不做。</t>
  </si>
  <si>
    <t>有必要，孕检里唐筛是必须要进行的项目，唐筛检查，是唐氏综合症产前筛选检查的简称。目的是通过化验孕妇的血液，来判断胎儿患有唐氏症的危险程度，如果唐筛检查结果显示胎儿患有唐氏综合症的危险性比较高，就应进一步进行确诊性的检查——羊膜穿刺检查或绒毛检查。</t>
  </si>
  <si>
    <t>有必要的</t>
  </si>
  <si>
    <t>地图舌会传染吗</t>
  </si>
  <si>
    <t>不会传染。地图舌也叫剥脱性舌炎，一般是消化功能紊乱造成的，多见于体质较弱、久病不愈的小儿。</t>
  </si>
  <si>
    <t>不会。hiv通过血液、母婴、性传染</t>
  </si>
  <si>
    <t>不用担心，那是胃火，我一个好朋友也有，但是她的父母都没有！</t>
  </si>
  <si>
    <t>ipod touch可以打电话吗</t>
  </si>
  <si>
    <t>ipod touch是一款影音设备，本身是不具备通话功能的</t>
  </si>
  <si>
    <t>iPod Touch提供了除了电话、GPS、震动、距离感应器以及数字罗盘针等功能以外的全部iPhone功能。</t>
  </si>
  <si>
    <t>3代可以用skype打电话</t>
  </si>
  <si>
    <t>可安装Skype这个软件，iTunes里就有免费的提供下载，注册个账号，然后淘宝上往你账号里充钱就可以打座机，手机甚至国际长途~ 用Skype打电话是非常便宜的，PC端用过的人肯定了解，前提是wifi条件下，有无线网络的地方就能用</t>
  </si>
  <si>
    <t>　ipod touch 不可以打电话的；ipod touch可以通过使用苹果皮来实现通话功能；</t>
  </si>
  <si>
    <t>和iphone的区别就是不能打电话，现在加个苹果皮也可以打电话了。网上有卖的</t>
  </si>
  <si>
    <t>iPod touch是相当于mp4,不能打电话，这个后面是弧线形的</t>
  </si>
  <si>
    <t>苹果ipod touch借助第三方软件可以打电话。</t>
  </si>
  <si>
    <t>ipod touch 是一个口袋电脑，ipod touch的功能不只是游戏那么简单，其实ipod touch就是一个不能打电话发短信的iphone</t>
  </si>
  <si>
    <t>隔离霜需要用卸妆水吗</t>
  </si>
  <si>
    <t>必须</t>
  </si>
  <si>
    <t>最好是用</t>
  </si>
  <si>
    <t>BB霜、隔离霜、防晒霜等彩妆晚上睡觉前都是需要用到卸妆油再用洗面奶洗一遍彻底卸干净才行的。</t>
  </si>
  <si>
    <t>隔离霜需要用卸妆水洗掉</t>
  </si>
  <si>
    <t>win10有小游戏吗</t>
  </si>
  <si>
    <t>10没自带游戏，可以在应用商店下载免费游戏</t>
  </si>
  <si>
    <t>win10自带的商店里有下的。</t>
  </si>
  <si>
    <t>软件商店和Xbox里有win10专用游戏，自己下载，没有自带的</t>
  </si>
  <si>
    <t>爱他美是配方奶粉吗</t>
  </si>
  <si>
    <t>澳洲的爱他美无蔗糖，含有dha .</t>
  </si>
  <si>
    <t>是配方奶粉，分为如下几个系列。一、水解免敏系列奶粉：2Aptamil Pepti深度水解防敏奶粉（含乳糖）400g、3Aptamil Pregomini超深度水解防过敏奶粉 （不含乳糖）400g、4Aptamil Pregomin AS 完全水解氨基酸奶粉（不含乳糖）400g、二消化系列奶粉：1Aptamil Comfort 防便秘、防腹胀、防肠绞痛 奶粉 600g、2Aptamil AR Komplettnahrung 防吐奶、防打嗝600g、三、早产儿奶粉：1Aptamil Prematil 早产儿奶粉 600g。</t>
  </si>
  <si>
    <t>是的，婴幼儿对营养的需求是不同的，所以在婴儿配方奶和幼儿配方奶当然不同。</t>
  </si>
  <si>
    <t>爱他美有普通配方奶粉和水解奶粉</t>
  </si>
  <si>
    <t>爱他美是德国的奶粉品牌，历史也蛮悠久的了，是属于纽迪希亚旗下的，配方也是纽迪希亚出的</t>
  </si>
  <si>
    <t>产妇可以吃冰糖雪梨吗</t>
  </si>
  <si>
    <t>最好是不要吃的，因为冰糖雪梨属于寒性食物，吃多了容易导致腹泻，胃寒等症状，如果是哺乳的话可能导致宝宝拉肚子，所以还是少吃。</t>
  </si>
  <si>
    <t>流产假带薪吗</t>
  </si>
  <si>
    <t>不是带薪休假，一般流产的话去公司直接申请吧。基本1-2个月都是可以申请下来的。</t>
  </si>
  <si>
    <t>女职工生育或者流产的医疗费用，按照生育保险规定的项目和标准，对已经参加生育保险的，由生育保险基金支付；对未参加生育保险的，由用人单位支付。</t>
  </si>
  <si>
    <t>女职工怀孕不满四个月流产时，应当根据医务部门的意见，给予十五天至三十流产不属于产假 你可以向公司请假 带不带薪就看公司了 四个月以下给予</t>
  </si>
  <si>
    <t>可以带薪休假半个月，工资奖金不受影响</t>
  </si>
  <si>
    <t xml:space="preserve">国家没有明确规定几次，不过如果是意外我认为那企业也没办法;如果是个人的原因，适当得也考虑照顾一下企业的感受。总请假企业也受不了。不过休息是一定要休息的，身体是最重要的，所以如果企业不给假 </t>
  </si>
  <si>
    <t>是的，15天的时间</t>
  </si>
  <si>
    <t>冷处理会不会让感情淡下来</t>
  </si>
  <si>
    <t>冷处理只有坏没有好</t>
  </si>
  <si>
    <t>石英石台面耐高温吗</t>
  </si>
  <si>
    <t>天然的石英结晶是典型的耐火材料，其熔点高达1300度以上，94%天然石英制成的石英石完全阻燃</t>
  </si>
  <si>
    <t>石英石是耐火的典范材料</t>
  </si>
  <si>
    <t>天然的石英结晶是典型的耐火材料，其熔点高达1300度以上</t>
  </si>
  <si>
    <t>不怕烫的，但是急剧的温度很高也不行，正常的热碗放上面没问题的。刚烧红的锅不能放！一般火锅店的电磁炉是直接嵌在石英石桌面上的没问题！</t>
  </si>
  <si>
    <t>可以。石英石是耐火的典范材料,熔点可高达1300度以上</t>
  </si>
  <si>
    <t>耐高温性能：石英石表面具有突出好的耐高温性，可以承受400-1000度的高温。承受开水的温度完全没有问题，即便是将烧红的锅底放在台面上，只要不是长时间放置也不会留下痕迹。也就是说，日常生活中所接触的温度都不能将其烫坏，也不会被香烟的温度灼伤</t>
  </si>
  <si>
    <t>小孩子不能吃蜂蜜吗</t>
  </si>
  <si>
    <t>年满一周岁小孩可以正常食用蜂蜜，必须是纯正的天然蜂蜜。</t>
  </si>
  <si>
    <t>2岁以下的宝宝不能喝蜂蜜。</t>
  </si>
  <si>
    <t>本身蜂蜜就属于食品，但前提是孩子食用的蜂蜜一定是单一花种工蜂自酿蜜。</t>
  </si>
  <si>
    <t>满周岁可以吃的。</t>
  </si>
  <si>
    <t>小儿食用蜂蜜对生长发育有促进作用。</t>
  </si>
  <si>
    <t>目前国内和国际上的营养专家对宝宝吃蜂蜜的看法基本相似：一岁以前的宝宝不能食用蜂蜜，一岁以后的宝宝有特殊需要时可以吃一点</t>
  </si>
  <si>
    <t>注册分公司需要注册资金吗</t>
  </si>
  <si>
    <t>分公司不需要注册资金</t>
  </si>
  <si>
    <t>注册分公司：到工商局领取分公司设立登记的各种表格，包括设立登记申请表、负责人登记表、指定代表或委托代理人登记表。填好后，连同总公司有效期内的营业执照副本复印件、分公司负责人身份证复印件、公司股东会决议、任命书、房租合同、房产证复印件(带上总公司原始验资报告以及章程复印件)。大概10个工作日后可领取执照。</t>
  </si>
  <si>
    <t>分公司不是独立法人，因此对注册资金是没有要求的。注册分公司要向工商局提供总公司关于成立分公司决定的文件，提供总公司的营业执照和相关资料，提供分公司经营地点的房屋租赁合同，负责人身份证等材料，更多注册分公司细节可以咨询华财</t>
  </si>
  <si>
    <t>分公司是没有注册资本的概念的。</t>
  </si>
  <si>
    <t>　分公司是没有注册资本的概念的。因为分公司只是总公司设立的分支机构，不具有独立法人资格，不能独立承担法律责任，分公司的法律责任由总机构承担。</t>
  </si>
  <si>
    <t>都不需要。</t>
  </si>
  <si>
    <t>不需要注册资本的，所用的资金都是总公司来拨付。</t>
  </si>
  <si>
    <t>设立分公司不需要注册资本。是独立核算的也不要</t>
  </si>
  <si>
    <t>惠联惠产品都是正品吗</t>
  </si>
  <si>
    <t>惠联惠的产品都是经过严格的采购流程对接过来的，对接产品的厂家首先要提供产品的检验报告，厂家资质（生产许可证、卫生许可证、流通证等），产品图片、价格表，采购部先初选，觉得可以的产品，采购部门会电话通知对接人到公司签合同，并交纳保证金跟签署假一赔十协议。之后才把产品上架到惠联惠超市。低于产品的价格，采购部的会本着对每一位会员负责的态度，把价格压到最低。让会员享受更多的利益。 所以请放心</t>
  </si>
  <si>
    <t>买过一双鞋，还不错，他们很多是入住的第三方，这个看你自己判断</t>
  </si>
  <si>
    <t>是真的，惠联惠所有的产品都是有产品资质跟检验报告的。</t>
  </si>
  <si>
    <t>都是十几块钱从小酒厂进的，只是把二维码的价格定的很高，酒喝多了第二天难受死了，再别给送钱了，惠联惠就是骗人的，千万别上当了，我是受害者。</t>
  </si>
  <si>
    <t>一手房抵债房能买吗</t>
  </si>
  <si>
    <t>能买，购买此类房产，只要手续齐备，抵债房和普通商品房没有太大区别，但购买时要把握两个原则。</t>
  </si>
  <si>
    <t>真有女巫吗</t>
  </si>
  <si>
    <t>那还有假！可是真正的女巫却不一样。 她们住平平常常的房子，做平平常常的工作，不细心看的话跟我们差不多。</t>
  </si>
  <si>
    <t>哪个个国家都有</t>
  </si>
  <si>
    <t>员工自动申请离职 公司还需要补偿么</t>
  </si>
  <si>
    <t>不一定，要区分情况决定。根据劳动法及劳动合同法的相关规定，如果是劳动者主动提出离职的，没有经济补偿。但是，如果是因公司违反劳动合同法第三十八条规定而离职的，可以要求经济补偿。</t>
  </si>
  <si>
    <t>用人单位无过错，员工自己自愿离职企业不需要支付经济补偿金</t>
  </si>
  <si>
    <t>员工主动辞职，用人单位是无需支付任何经济补偿金或者赔偿金的。</t>
  </si>
  <si>
    <t>个人原因辞职的没有补偿</t>
  </si>
  <si>
    <t>员工离开公司的原因不同，依照法律规定，补偿或赔偿是不一样的</t>
  </si>
  <si>
    <t>混合动力有补贴吗</t>
  </si>
  <si>
    <t>油电混合汽车国家有补贴政策的</t>
  </si>
  <si>
    <t>买一辆油电混合车政府有补贴</t>
  </si>
  <si>
    <t>有优惠</t>
  </si>
  <si>
    <t>现在是有的，不过有的省份正在取消</t>
  </si>
  <si>
    <t>霍尼韦尔净化器好吗</t>
  </si>
  <si>
    <t>霍尼韦尔是美航空航天局NASA 指定环境控制系统供应商，曾为北京首都机场第三航站楼 望京SOHO 等建筑提供了室内空气净化解决方案，现在将航天和工业科技运用于民生家用，产品、服务和技术在全球超过1 .5 亿个家 庭，空气净化器连续数年京东销量前三名，质量还是非常可靠的。</t>
  </si>
  <si>
    <t>人才市场交养老能算工龄吗</t>
  </si>
  <si>
    <t>算，绝对算</t>
  </si>
  <si>
    <t>社保与工龄没有关系.只要交够15年就可以了.</t>
  </si>
  <si>
    <t>可以的，只要你报到了并在人才市场办理人事代管手续，那么干部身份不会丢的</t>
  </si>
  <si>
    <t>档案挂在人才市场是计算工龄的，只要你缴纳了人事局的那个档案管理费，缴纳后就会有工资表，也就是开始计算档案工龄了，档案工龄的作用是以后在单位上班时的单位内部涨工资的标准</t>
  </si>
  <si>
    <t>这年头工龄一说主要是针对政府部门、国有企事业单位打工的，估计迟早会成为历史。社保均是以缴费年限计算的，办理社保退休还是要看缴费年限，年龄等，你有缴费的记录，当然就可以拿养老金，多少是以缴费情况算</t>
  </si>
  <si>
    <t>避孕套能延长时间吗</t>
  </si>
  <si>
    <t>不可以延长时间</t>
  </si>
  <si>
    <t>肯定会延长同房时间，但效果因人而异</t>
  </si>
  <si>
    <t>避孕套有延时效果，因为避孕套本身就是一层膜，它可以增加厚度来降低阴茎的敏感程度，就可以达到延时目的的。</t>
  </si>
  <si>
    <t>冻疮可以揉吗</t>
  </si>
  <si>
    <t>冻疮反复搓揉容易更严重了，最好不要搓揉了。</t>
  </si>
  <si>
    <t>冻疮揉不起作用了，反复搓揉反而会更严重了</t>
  </si>
  <si>
    <t>冻疮不能揉，搓揉会更严重了</t>
  </si>
  <si>
    <t>冻疮，尤其是很严重的，最好别按摩了，会加重了！</t>
  </si>
  <si>
    <t>ps4模拟器x86容易吗</t>
  </si>
  <si>
    <t>这么强劲的电脑配置。不好弄。到现在PS2模拟器还不是很完美，PS4模拟器就更难了。</t>
  </si>
  <si>
    <t>一建经济会降分吗</t>
  </si>
  <si>
    <t>如果今年的成绩都不是太好的话，是有可能按照比例划分的。</t>
  </si>
  <si>
    <t>儿童要机票吗</t>
  </si>
  <si>
    <t>一般来说，婴儿、儿童坐飞机都得要有成人陪同。婴儿机票、儿童机票在购买时，其信息都需要和成人票捆绑。按规定，不满两周岁的婴儿乘机，按成人票价的10%购买婴儿机票，免机场建设费和燃油税，但不提供座位。每一成人旅客携带婴儿超过一名时，超过的人数须购买儿童票。一般情况下，婴儿车是无法带上机舱的，只能托运。已满两周岁但未满12周岁的儿童，按同一航班成人普通票价的50%付费，免机场建设费，燃油税减半，提供座位。</t>
  </si>
  <si>
    <t>根据民航部门的相关规定，14天-2周岁的婴儿坐飞机需购买婴儿票，价格是成人全票价的10%，免收机场建设费与燃油附加税，但不提供机上座位。如需单独占用座位，则应给宝宝购买儿童票。2周岁到不满12周岁儿童的票价是成人全票价的50%，单独占座。</t>
  </si>
  <si>
    <t>不论多大的孩子，坐飞机都得买票。还需要另付相应的机场税和燃油附加费。国内航线的免收，但国际票的燃油费和一些国家的机场税还是要交的。出于舒适的需要，婴儿可以购买占座位的儿童票。对于出生14天内的新生儿，购票前最好咨询相应的航空公司，不是所有公司都接受新生儿。</t>
  </si>
  <si>
    <t>只要孩子不在肚子里，生下来了就得买票。2岁（不含）以下买婴儿票，票价是全价票的10%，不收取机场建设费和燃油附加费。2岁（含）-12岁（不含）买儿童票。儿童票半价5折，不收机场建设费，燃油只收大人的一半。但如果本来航班上的票价就在5折以下，那儿童也可以跟大人一样买5折以下的折扣票。两者选其一，不能同时享受两种优惠。婴儿票凭户口本或者出生证明，儿童票凭户口本登机。</t>
  </si>
  <si>
    <t>儿童购买机票不是按照身高来的，需要参照个航空公司的购票规定，2岁以下的儿童需要购买婴儿票，价格为该航班全价经济舱的10%，2-12岁的儿童，按照该航班全价经济舱的50%购买儿童票，机场税和燃油附加费减半。</t>
  </si>
  <si>
    <t>广州医保卡可以在佛山用吗</t>
  </si>
  <si>
    <t>可以使用，</t>
  </si>
  <si>
    <t>不可以，</t>
  </si>
  <si>
    <t>好像不可以，</t>
  </si>
  <si>
    <t>医保卡目前不能跨区域使用，国家计划改革呢</t>
  </si>
  <si>
    <t>部分医院可以用</t>
  </si>
  <si>
    <t>只能再指定医院使用报销。医保卡使用范围：参保职工在定点医院，药店就医购药时，可凭密码在POS机上刷卡使用，但无法提取现金或进行转帐使用；</t>
  </si>
  <si>
    <t>水培蔬菜赚钱吗</t>
  </si>
  <si>
    <t>芦荟胶晚上敷脸会脸干吗</t>
  </si>
  <si>
    <t>冬天擦了芦荟胶后会可能觉得有点干，最好用完芦荟胶后再用点其他的霜或者是乳液．夏天用就非常的好，补水而且不油腻，非常的清爽</t>
  </si>
  <si>
    <t>芦荟胶涂完还要涂乳液锁水，不然水分还是会蒸发代谢掉 当然会干了</t>
  </si>
  <si>
    <t>马来西亚有钱吗</t>
  </si>
  <si>
    <t>人均gdp比中国多多了。</t>
  </si>
  <si>
    <t>看个别有钱人，或者有权人，是中国比马来多。但是从政治上说，中国是专制国家，马来是民主国家。从经济上说，中国人均GDP7000美元，马来16000美元。从文化上说，马来是自由、休闲、崇尚人性的。而中国目前是浮躁的、拜金的、短视文化。</t>
  </si>
  <si>
    <t>乐桌面可以卸载吗</t>
  </si>
  <si>
    <t>在（系统）设置里可以卸载乐桌面及锁屏程序。锁屏程序如果不激活，也不能使用。</t>
  </si>
  <si>
    <t>由于系统自带的乐桌面是系统深度定制的桌面应用软件，因此不支持卸载。</t>
  </si>
  <si>
    <t>由于联想手机系统自带的乐桌面是系统深度定制的桌面应用软件，因此默认是不支持卸载的。若您通过其他方式获取权限将其卸载和删除，则可能会导致手机的功能异常，例如不开机、死机等问题，还可能影响到手机的正常保修情况。</t>
  </si>
  <si>
    <t>狐狸认主人吗</t>
  </si>
  <si>
    <t>一般你身上气味不变，时间久了它会靠气味认出你。但是狐狸养起来很麻烦</t>
  </si>
  <si>
    <t>认</t>
  </si>
  <si>
    <t>伪装者 死间计划 有必要么</t>
  </si>
  <si>
    <t>有必要，1、是为了前线的兵戈 一份情报可以扭转战局；2、死间计划是以牺牲所有人为代价换取战场的胜利，战场是几百、几千、几万人的性命呀</t>
  </si>
  <si>
    <t>怀孕能喝红酒吗?</t>
  </si>
  <si>
    <t>从传统的医学角度来讲，孕妇应忌烟酒。但由于葡萄酒含有的酒精度比较低，且红酒里的单宁可以还可以疏通血管，行气活血，补充矿物质和营养。国外的妇女在怀孕期间都会适量饮用一些葡萄酒以补充身体的铁质。因此，可以在临睡前喝1~2杯葡萄酒，但不能过量。对高酒精度的威士忌、伏特加等应戒掉，因一次过摄入太多酒精则会刺激心脏，引起血压高、加重肮脏的负担，使大脑和神经变得迟钝，这对胎儿发育不利。</t>
  </si>
  <si>
    <t>红酒的好处就不用说了，孕妇能否喝，要看具体情况，不能说绝对不能喝。</t>
  </si>
  <si>
    <t>作为一个葡萄酒从业人员提醒您，不要喝，肚子里的宝宝神经很细腻敏感，不要图一时口快。</t>
  </si>
  <si>
    <t>红酒也是带有酒精的饮料，所以孕妇不要红酒</t>
  </si>
  <si>
    <t>不能喝红酒</t>
  </si>
  <si>
    <t>沈阳维修基金缴纳标准要涨价了吗</t>
  </si>
  <si>
    <t>备案合同是 2016.1.1日之前的不涨价的！不用着急缴纳</t>
  </si>
  <si>
    <t>建行信用卡存钱再取钱要手续费吗</t>
  </si>
  <si>
    <t>可以，你存进去，已经算你还款了，即时就取出来或消费了都算还款了</t>
  </si>
  <si>
    <t>当天你有存款和取现，你的存款会优先入账冲减你之前的信用卡所有透支，如果冲减后你的信用卡内还有多余存款，那么这笔取现就不用利息了，如果冲减之后你的信用卡内已经没有多余存款，那么视同透支取现，会产生手续费和利息。</t>
  </si>
  <si>
    <t>溢款取现免费</t>
  </si>
  <si>
    <t>qb能冲yb吗</t>
  </si>
  <si>
    <t>可以,点开保险柜,就可以兑换</t>
  </si>
  <si>
    <t>建议用Q币参加活动，那样得到的元宝比较多，比如狩猎场。</t>
  </si>
  <si>
    <t>Q币是可以兑换成Y币的，你可以在Q币提现上将你的Q币兑换成y币的，希望对你有帮助，记得采纳</t>
  </si>
  <si>
    <t>Q币是不可以充值Y币的，因为它们所在的公司并不是同一间，所以无法充值。</t>
  </si>
  <si>
    <t>朝鲜厉害吗</t>
  </si>
  <si>
    <t>朝鲜之所以强硬，是因为东北亚特殊的地缘政治，朝鲜是巧妙地利用了中美之间的力量较量。</t>
  </si>
  <si>
    <t>朝鲜很厉害，连宇宙开发法令都出台了，全宇宙都归他管。他哪个国家都不怕，因为无知者无畏！破罐破摔呗。</t>
  </si>
  <si>
    <t>朝鲜受制裁多年，加上自身的各种经济政策和军事发展偏科问题，导致实力较弱。</t>
  </si>
  <si>
    <t>太原有动车吗</t>
  </si>
  <si>
    <t>太原站有到北京西、石家庄北、沈阳北和郑州的动车，主要能到达的城市有石家庄、保定、北京、唐山、葫芦岛、锦州、沈阳、邯郸、安阳、新乡和郑州。</t>
  </si>
  <si>
    <t>北京</t>
  </si>
  <si>
    <t>北京 石家庄一线临汾 运城 西安一线郑州 武汉 长沙 广州 一线</t>
  </si>
  <si>
    <t>北京、西安、石家庄、运城、临汾、阳泉等大大小小的地方有很多的</t>
  </si>
  <si>
    <t>没有动车</t>
  </si>
  <si>
    <t>经期可以喝金银花吗</t>
  </si>
  <si>
    <t>正值生理期的话，也是可以饮用的</t>
  </si>
  <si>
    <t>金银花具有清热解毒的作用，对月经没有明显的影响，是可以喝的。不过金银花属于寒凉药物，多喝容易伤胃，所以不能大量服用。</t>
  </si>
  <si>
    <t>如果你体质偏热，少喝点应该没事。</t>
  </si>
  <si>
    <t>金银花，实属凉，最好不要。经期的，最好什么凉茶都别喝，茶什么的，甜的东西也别吃</t>
  </si>
  <si>
    <t>不行，那是凉性的～</t>
  </si>
  <si>
    <t>金银花茶可以清热凉血美容，喝对身体没有什么害处，这个没有活血的成分，月经期间可以喝金银花茶.</t>
  </si>
  <si>
    <t>cc底盘低吗</t>
  </si>
  <si>
    <t>不低。</t>
  </si>
  <si>
    <t>没有蛋黄的鸡蛋能吃吗</t>
  </si>
  <si>
    <t>没有蛋黄的鸡蛋只是那只母鸡的问题,其实可以吃</t>
  </si>
  <si>
    <t>能吃。 鸡蛋无黄，但吃无妨。</t>
  </si>
  <si>
    <t>熟透能吃，蛋清是正常的。只是卵黄没正常进入输卵管内，输卵管就开始分泌蛋清包壳了。</t>
  </si>
  <si>
    <t>转基因的东西最好别吃，已经违背了基本的自然规律了，吃了说不定会出事。</t>
  </si>
  <si>
    <t>没蛋黄的鸡蛋比较少见，这种畸形鸡蛋只是蛋白代替了蛋黄，对人体健康是没有伤害的，可以吃的。</t>
  </si>
  <si>
    <t>交通银行信用卡 好用吗</t>
  </si>
  <si>
    <t>还可以，下卡快，额度高，服务也还算数一数二</t>
  </si>
  <si>
    <t>不太好用，目前我和我朋友都亲身体会过，降额和封卡，建议交行卡正规使用。</t>
  </si>
  <si>
    <t>暖气片分正反吗</t>
  </si>
  <si>
    <t>大多数暖气片是没有正反面的，但也有少数有正反面。</t>
  </si>
  <si>
    <t>每个暖气片，有的是由好多分散的组装起来的，两片暖气片之间组装，如果丝扣的方向都一样，是没法紧固在一起的，因为每2片暖气片要组装在一起，是有至少上下两处需要连接的。</t>
  </si>
  <si>
    <t>有正反</t>
  </si>
  <si>
    <t>没有（但要从底部进、出水为宜，有利散热）。但是有的有正反面之分，正面朝外较美观。</t>
  </si>
  <si>
    <t>1、一般情况没有正反之分。2、有流向标识的除外。</t>
  </si>
  <si>
    <t>千足银发黄是不是不纯</t>
  </si>
  <si>
    <t>这个是正常的望采纳</t>
  </si>
  <si>
    <t>变黑或是发黄是正常的，想要干净持久，定期清洁。</t>
  </si>
  <si>
    <t>足银都会产生氧化作用就是发黑发黄建议不佩戴的时候放在首饰袋或盒里如果想要恢复光亮用软布沾点牙膏擦擦立刻恢复光亮。</t>
  </si>
  <si>
    <t>纯度越高的银，越容易发黄变黑。</t>
  </si>
  <si>
    <t>如果是真银是不会那么快发黄的，一般就只会有污垢，用醋来泡如果是真的戒指表面依然光滑假的有粗糙</t>
  </si>
  <si>
    <t>2015国庆跨行转账有延迟吗</t>
  </si>
  <si>
    <t>因央行系统升级，国庆期间将暂停银行网点和网上银行的跨行汇款业务</t>
  </si>
  <si>
    <t>通常5万元以下是不会的，系统都是自动审核，如果遇到系统无法识别，入账需要人工审核，就需要等到工作日的工作时间。</t>
  </si>
  <si>
    <t>同行转帐基本可以即时到帐。但异行异地转帐的话，基本上最快也要等到10月8日才能到帐。(即长假过后)</t>
  </si>
  <si>
    <t>对，节假日延迟</t>
  </si>
  <si>
    <t>“普通”：（同城）1-2个工作日内到账（遇周末节假日到账时间顺延），（异地）1-5个工作日内到账（遇周末节假日到账时间顺延）</t>
  </si>
  <si>
    <t>来大姨妈能不能喝牛奶</t>
  </si>
  <si>
    <t>可以喝的，要注意温度，不要喝太凉就可以的。</t>
  </si>
  <si>
    <t>可以喝的，注意温度，不要太凉就可以的。</t>
  </si>
  <si>
    <t>女性月经期间可以喝牛奶的，每晚睡前喝一杯加一勺蜂蜜的热牛奶，可缓解甚至消除痛经之苦。</t>
  </si>
  <si>
    <t>大汉情缘之云中歌皇上死了吗</t>
  </si>
  <si>
    <t>第33集 皇上驾崩云歌被劫 刘贺遇袭嫁祸病已</t>
  </si>
  <si>
    <t>死了，病死的</t>
  </si>
  <si>
    <t>warframe要vpn吗</t>
  </si>
  <si>
    <t>不需要，曾经要用VPN 现在就算是国际服也不需要了， 直接打开 ，登录就行了。</t>
  </si>
  <si>
    <t>三相四线零线有电流吗</t>
  </si>
  <si>
    <t>在三相四线制低压供电系统中，零线的作用是当三相负载不对称时保证零线的电位为零，以消除中性点电位变化，使各相电压保持对称，即各相负载的相电压恒等于电源相电压，并与负荷变化无关。三相中若有一相断路，只会影响本相，其余两相电压仍保持不变，接在此两相上的电器设备仍能正常工作。 三相四线制中的零线一旦因故断路，在三相负载不对称的情况下，会产生中性点位移，致使三相电压不平衡，有的相电压过高，可能烧毁电器设备；有的相电压过低，电器设备无法正常使用。</t>
  </si>
  <si>
    <t>三相四线中一般说中线，就是零线，中线的电流是三相电流的和，因为三相电流不同相，所以加起来最小可以是0（三相负载平衡，三相电流大小相等的情况下）。一般来说，中线的电流应该远小于相线的电流。除非是三相极度不平衡，如一相没有负载或只有一相有负载。</t>
  </si>
  <si>
    <t>三相四线制线路中，零线电流按各相电流的向量和计算。</t>
  </si>
  <si>
    <t>三相平衡，不应该有电流。</t>
  </si>
  <si>
    <t>三相负荷不平衡时，零线会有电流，正常</t>
  </si>
  <si>
    <t>甲亢能吃山药吗</t>
  </si>
  <si>
    <t>可以的，甲亢主要是含碘高的海产品少吃就可以，而且要饮食清淡，辛辣刺激的尽量少吃。</t>
  </si>
  <si>
    <t>甲亢是可以吃山药的，不会影响身体，但是建议不要过食，因为山药吃多了会导致便秘。</t>
  </si>
  <si>
    <t>当然可以的，只要不要吃含碘丰富的食物，如海带、紫菜等海产品就行。祝你早日康复</t>
  </si>
  <si>
    <t>每天只吃早餐能减肥吗</t>
  </si>
  <si>
    <t>目测不能，三餐不能一下子减成一餐，你先减少饭量，慢慢调整才对。至少坚持3－6个月。因为细胞有周期。</t>
  </si>
  <si>
    <t>饮食控制不怕胖\x0d一说到减肥，第一时间想到的就是“饮食”，能不能瘦下来并不反弹，就要看你的饮食方式有没有用对。</t>
  </si>
  <si>
    <t>其实人是胖是瘦，一方面跟进食有关，一方面跟体质有关。针对你个人来说</t>
  </si>
  <si>
    <t>不可以的，每天只吃早餐会伤害身体，出现节食的情况。</t>
  </si>
  <si>
    <t>不能。不饿吗？</t>
  </si>
  <si>
    <t>估计只会起到反作用。</t>
  </si>
  <si>
    <t>只吃早餐估计不会坚持不下去，午餐也要吃好，晚餐可以不吃或少吃。</t>
  </si>
  <si>
    <t>靠节食减肥是没有用的，对身体也不好，</t>
  </si>
  <si>
    <t>不能，或许还会让你的胃受伤了，想减肥，多做运动吧</t>
  </si>
  <si>
    <t>这样节食不好，营养摄入不足会伤害你健康的。</t>
  </si>
  <si>
    <t>三星洗衣机好吗</t>
  </si>
  <si>
    <t>我之前用的西门子洗衣机，，整体还可以，到噪音有点大，不过听说西门子现在已经不做洗衣机了，现在选择的话，我建议三星，好用又上档次</t>
  </si>
  <si>
    <t>我果断的告诉你，不行，这质量太差了，让国人却步！</t>
  </si>
  <si>
    <t>三星洗衣机在技术领域不断突破与创新，采用独特的创新设计理念，外观精致时尚、简洁大方，满足消费者对高品质生活的追求。目前，三星企业排名在世界500强，无论从技术还是产品质量都已达到很成熟的阶段，在市场上拥有较高知名度，深受广大消费者好评和喜爱</t>
  </si>
  <si>
    <t>全抛釉瓷砖耐磨吗</t>
  </si>
  <si>
    <t>全抛釉瓷砖不同于普通的瓷砖，其表面采用的釉面，是水晶耐磨釉面，高温烧制之后，瓷砖内部的分子全部都密封了，没有缝隙。所以能够长时间的保持光亮，不褪色，坚硬耐磨。</t>
  </si>
  <si>
    <t>全抛釉的缺点的话就是不那么耐磨，容易在砖面上形成划痕。</t>
  </si>
  <si>
    <t>市面上的全抛釉瓷砖，釉面层相对是薄的，耐磨性不足。</t>
  </si>
  <si>
    <t>很耐磨，其运用寿命是通常微粉砖的3倍。</t>
  </si>
  <si>
    <t>耐磨，不是硬剌就行。</t>
  </si>
  <si>
    <t>轿车轮胎坏一个需要全换么</t>
  </si>
  <si>
    <t>如果坏的那只轮胎是前轮，另外三个轮胎胎纹还比较好的话可以换一只，加上前轮是导向轮又是驱动轮，可以把后面两个换在前面。如果是后轮坏了一只，胎纹好的话可以换一只。前后轮胎不用换。</t>
  </si>
  <si>
    <t>　不是的</t>
  </si>
  <si>
    <t>建议不要</t>
  </si>
  <si>
    <t>苹果手机需要安装360安全卫士吗</t>
  </si>
  <si>
    <t>不需要，IOS是完全封闭的的一个系统，你基本上不会听到IOS中毒的消息，因为不开源，IOS不具备开放，合并的特性，另一方面就说明他安全，不用装任何杀毒软件，导可以装个金山电池管家，保护电池，清理缓存，就足够了</t>
  </si>
  <si>
    <t>不需要，IPHONE是Mac出的封闭手机系统,iPhone相对要稳定,不开放源代码，所以很难有病毒可以侵袭到iPhone手机，一般安装此类软件的作用就是清理缓存和管理手机，很多软件都可以做到，所以没有必要安装安全卫士。</t>
  </si>
  <si>
    <t>如果越狱的话，可以安装360，如果没越狱的话，完全没必要安装360，因为360只对越狱的系统有效，没越狱的话，360基本就是一个摆设。</t>
  </si>
  <si>
    <t>不需要，安装很多的软件只会让系统变得更慢。苹果系统下的病毒程序本来就很少。</t>
  </si>
  <si>
    <t>应该是没用的，iOS跟安卓有本质上的区别，这类杀毒软件多数是针对安卓的。</t>
  </si>
  <si>
    <t>美国亚马逊正品吗</t>
  </si>
  <si>
    <t>一般的都是没什么问题的，他能做到amazon choice不光是销量的问题，也反映了店铺整体的综合指数，而且亚马逊上面一旦你出现几个差评，对卖家都是致命的。</t>
  </si>
  <si>
    <t>不一定的。因为和淘宝一样，也有各种商家在里面开店。但如果是Prime类别下的商品，基本都是正品，因为可以无条件退货。</t>
  </si>
  <si>
    <t>不是，也有仿货。</t>
  </si>
  <si>
    <t>q币能换现金吗</t>
  </si>
  <si>
    <t>不能，Q币是在腾讯网使用的，不能转账，不能提现。</t>
  </si>
  <si>
    <t>Q币可以换钱的，你可以在Q币提现上将你的QQ币兑换成现金的。</t>
  </si>
  <si>
    <t>腾讯公司有协议的，安装QQ包括游戏都有让你同意协议，QB和虚拟钱币都不能兑换现金</t>
  </si>
  <si>
    <t>直接换不可以</t>
  </si>
  <si>
    <t>可以购买QQ秀、QQ游戏支付、QQ空间支付、QQ游戏中的道具等等。不能直接兑换现金。</t>
  </si>
  <si>
    <t>北京医院周六有门诊吗</t>
  </si>
  <si>
    <t>当然有啊，也可以看急诊</t>
  </si>
  <si>
    <t>北京三甲医院节假日权威专家不休息。</t>
  </si>
  <si>
    <t>节假日不休</t>
  </si>
  <si>
    <t>你说的是东单的北京医院吧，好像周六上午有半天门诊，最好百度医院官方网站看医院挂号门诊须知不行打电话咨询下</t>
  </si>
  <si>
    <t>雪铁龙保值吗</t>
  </si>
  <si>
    <t>汽车保值率和现有款型市场保有量，新车价格，汽车配件市场息息相关，法国车（标致雪铁龙），在中国车型保有量偏低。</t>
  </si>
  <si>
    <t>价格与市场的保有量有很大关系，市场认同度高保有量达到一般保值率就高</t>
  </si>
  <si>
    <t>保值率主要看保有量和品牌，并不是好车保值率就高，往往越好的车保值率反而越低。而且二手车买卖的话，修过发动机和车身骨架的车贬值都非常非常厉害</t>
  </si>
  <si>
    <t>雪铁龙的车真心不怎么保值。</t>
  </si>
  <si>
    <t>雪铁龙C5的车并不保值。</t>
  </si>
  <si>
    <t>睡觉开空调要关门窗吗</t>
  </si>
  <si>
    <t>是的，不然的话温度是极难达到理想效果的。</t>
  </si>
  <si>
    <t>开空调的时候开窗户就影响空调的制冷效果，而不开窗的话确实在氧气供应方面有问题</t>
  </si>
  <si>
    <t>不是必须关门窗，而是最好把门和窗户关上，这样可以使房间的温度，比较快的达到设定温度</t>
  </si>
  <si>
    <t>这样是很不安全的，空调在工作时，发动机中的汽油燃烧不完全会产生许多一氧化碳和二氧化碳，如果长时间使用空调而且不开窗是很容易中毒的。</t>
  </si>
  <si>
    <t>开窗户的话空调相当于没开，那你要空调干嘛用呢？如果是想通风的话可以开一丢丢</t>
  </si>
  <si>
    <t>有关专家建议，空调开了一段时间后也要打开窗户，通一通自然风。一般家庭每天通风换气3－4次，在无风条件下每次可持续5－10分钟，如有风可视风力大小适当酌减。自然通风有利于降低和稀释污染物和病原体的浓度，对减少病原体飞沫在空气中的停留时间起到重要作用。</t>
  </si>
  <si>
    <t>不会有害、但是太浪费电。最好是留上点空隙。不要关死门窗，因为长时间会的空调病。</t>
  </si>
  <si>
    <t>加德纳杆菌是性病吗</t>
  </si>
  <si>
    <t>除了性交传播，平时卫生不好,接触过不洁的衣物,性伴侣有妇科炎症,对避孕套过敏等都可以引起感染的</t>
  </si>
  <si>
    <t>加德纳菌性阴道炎又名嗜血杆菌性阴道炎，由加德纳杆菌引起的一种阴道粘膜炎症，可通过性交传染。故列为性传播疾病。</t>
  </si>
  <si>
    <t>华为7i摄像头容易坏吗</t>
  </si>
  <si>
    <t>不会，用了金属注塑技术，常规使用20年没问题</t>
  </si>
  <si>
    <t>福建足球有没有职业队</t>
  </si>
  <si>
    <t>福建是目前没有中超球队的。2005年厦门蓝狮冲超成功，成为福建第一支中超球队。2007年因成绩不佳而提前降级。之后球队解散。从此以后到现在厦门就没有职业球队了。</t>
  </si>
  <si>
    <t>现在福建已经没有足球队了.</t>
  </si>
  <si>
    <t>中超没有福建的球队，中甲联赛里面有福建骏豪</t>
  </si>
  <si>
    <t>哈尔滨和平医院好吗</t>
  </si>
  <si>
    <t>哈尔滨和平医院，感觉那里的收费还可以 ，服务态度也好，也是通过网上预约的并没有那么贵。</t>
  </si>
  <si>
    <t>坑人的医院都是托，私立的小诊所，没有专家，收钱特别多。</t>
  </si>
  <si>
    <t>骗人的，在电话里说好的人流费用是7百多元全都能下来，等去了又说1千多。</t>
  </si>
  <si>
    <t>和平还是可以的！价格比较公道。</t>
  </si>
  <si>
    <t>qq影音可以合并视频吗</t>
  </si>
  <si>
    <t>1、打开QQ影音播放器，在软件上面点鼠标右键选择合并。2、选择需要合并的视频文件。3、设置视频相关参数和保存位置，点开始合并，剩下等待软件自动合并完成即可。</t>
  </si>
  <si>
    <t>打开qq播放器----点击工具----点击合并-----点击视频----按次序添加文件----确认-----设置好储存位置-----点击开始----至结束----然后找到储存位置----打开就是。</t>
  </si>
  <si>
    <t>QQ影音是可以合并的，建议合并文件之前，先把文件转码成统一格式。</t>
  </si>
  <si>
    <t>调节音量附近有个小扳手的图标 点开 里边就有合成 然后添加要合成的视频就可以了</t>
  </si>
  <si>
    <t>米勒是同性恋吗</t>
  </si>
  <si>
    <t>有消息报道称，男主角温特沃斯米勒是同性恋</t>
  </si>
  <si>
    <t>之前也在新闻上看到过，说他表明了自己的同志身份，但是问了影迷以后，影迷说他从来没承认。</t>
  </si>
  <si>
    <t>曾表明肯为心爱的人牺牲生命的《越狱》男星温特沃什·米勒（Wentworth Miller），近日在被记者撞破“约会”的情况下，甘冒事业被拖垮的危险，与盛传多时的绯闻男友LukeMacFarlane笑对镜头拍合照，勇敢宣布心中的恋人！</t>
  </si>
  <si>
    <t>是同性恋</t>
  </si>
  <si>
    <t>天平男和巨蟹女配吗</t>
  </si>
  <si>
    <t>你们开始的时候，可能会被对方的一个眼神吸引，好象他就是你正在寻找的一种温柔，但相处后就发觉要长久在一起一定要付出加倍努力!原因在于天秤座的性格，令到一直追求安全感的巨蟹座好迷糊，不停在想究竟他喜欢我有多少？天秤座就会一直迟疑究竟他是否是我要的一个伴侣呢？最惨的是，大家都是心软的人，个性不强又不喜欢做“丑人”，发生问题不去面对，一个把话藏心底，一个就自欺欺人，往往弄得不温不火，整日欲断难断。</t>
  </si>
  <si>
    <t>你俩是“阴错阳差型”搭配，速配指数6.5。</t>
  </si>
  <si>
    <t xml:space="preserve">配对指数友情：★★★爱情：★★婚姻：★★亲情：★★★ </t>
  </si>
  <si>
    <t>不合适</t>
  </si>
  <si>
    <t>合适不合适跟星座没关系，关键看你们自己，不过从星座看不是特别合适</t>
  </si>
  <si>
    <t>有借条有借钱时候的录像能打赢官司吗</t>
  </si>
  <si>
    <t>可以起诉，起诉后可以申请冻结他的个人财产。</t>
  </si>
  <si>
    <t>初步判断可以。借条上有对方的签字和手印的话能更可靠。</t>
  </si>
  <si>
    <t>找个律师</t>
  </si>
  <si>
    <t>心情好又暖 好看吗</t>
  </si>
  <si>
    <t>很好看。女主很实在</t>
  </si>
  <si>
    <t>该剧的灵感源于身患郁火病（是韩国特有的文化遗存综合症，是一种精神疾病）的蚂蚁和冷漠的纺织娘的爱情，讲述了在济州岛上创建餐厅“心情好又暖”的青春男女的故事 。该剧男主角从金宇彬到Rain、再到柳演锡，虽然从知名度方面来讲不如前者，但该剧的编剧是洪氏姐妹，绝对的“韩流始祖”型编剧绝对能让任何一个演员都闪闪发亮 。</t>
  </si>
  <si>
    <t>里番有码吗</t>
  </si>
  <si>
    <t>里番很多</t>
  </si>
  <si>
    <t>三元</t>
  </si>
  <si>
    <t>网上能配近视眼镜吗</t>
  </si>
  <si>
    <t>网上配眼镜要比实体店实惠得多</t>
  </si>
  <si>
    <t>网上配近视眼镜要事先知道自己的度数，最好先去正规医院验个光，然后根据验光数据在线填写验光单</t>
  </si>
  <si>
    <t>网上可以配，但是需要你自己提供度数，你可以先去医院检查，确定度数，再在网上配。</t>
  </si>
  <si>
    <t>如果你对自己的近视度数.瞳孔距离都知,可以在网上买.</t>
  </si>
  <si>
    <t>澳门召妓合法吗</t>
  </si>
  <si>
    <t>犯法</t>
  </si>
  <si>
    <t>无论香港和澳门从事色情交易都违反当地法例。</t>
  </si>
  <si>
    <t>违法的</t>
  </si>
  <si>
    <t>北京英博肿瘤医院是私立的还是正规的</t>
  </si>
  <si>
    <t>北京英博中西医结合医院属于非盈利性质组织，属于丰台区正规医院，受到丰台卫生管理局和中医药管理局的审批，拥有合格的医疗许可证。</t>
  </si>
  <si>
    <t>属于非盈利性质组织，拥有合格的营业执照和医疗许可证，拥有刘伯齐等知名专家坐诊，属于北京市正规医疗机构！</t>
  </si>
  <si>
    <t>北京英博中西医结合医院属于非盈利性质组织，属于丰台区正规医院，受到丰台卫生管理局和中医药管理局的审批，拥有合格的医疗许可证</t>
  </si>
  <si>
    <t>感冒了可以吃桂圆吗</t>
  </si>
  <si>
    <t>可以啊 。没影响</t>
  </si>
  <si>
    <t>感冒基本可以分为风热感冒和风寒感冒两种，如是后者，桂圆可吃。</t>
  </si>
  <si>
    <t>能吃。 龙眼即桂圆(桂元、元肉)。和荔枝性属湿热不同,龙眼能够入药,有壮阳益气、补益心脾、养血安神、润肤美容等多种功效</t>
  </si>
  <si>
    <t>最好别吃，容易上火</t>
  </si>
  <si>
    <t>不可以吃龙眼的，因为龙眼容易上火，尤其是风寒感冒、虚火旺盛的人。感冒建议可以用点三九感冒冲剂治疗。一定要多喝水，少吃辛辣食物</t>
  </si>
  <si>
    <t>篮球可以带上飞机吗</t>
  </si>
  <si>
    <t>可以，不过需要放了气才可以。</t>
  </si>
  <si>
    <t>应该不行，怀疑你窝藏爆炸物品，成为爆炸物品的包装外壳。</t>
  </si>
  <si>
    <t>可以的没问题但是要把气放掉不然高空中气压低容易爆</t>
  </si>
  <si>
    <t>要将篮球带上飞机的话，必须将篮球内部的气放空</t>
  </si>
  <si>
    <t>充好气的篮球不能带上飞机。原因：充气篮球属于危险品，但很少有旅客知道在空中运输时的危险性。如果充气篮球进入客舱或货舱，由于飞行中气压的变化，篮球极有可能发生爆炸，影响到旅客的人身、财产安全，甚至影响到飞行安全。要将篮球带上飞机的话，必须将篮球内部的气放空。</t>
  </si>
  <si>
    <t>坐飞机可以带篮球，但必须放气。</t>
  </si>
  <si>
    <t>可以办理托运的，但是一般不让直接带在手提行李上</t>
  </si>
  <si>
    <t>dns是域名吗</t>
  </si>
  <si>
    <t>DNS 是计算机域名系统 (Domain Name System 或Domain Name Service) 的缩写，它是由解析器和域名服务器组成的。</t>
  </si>
  <si>
    <t>DNS 是域名系统 (Domain Name System) 的缩写，是因特网的一项核心服务，它作为可以将域名和IP地址相互映射的一个分布式数据库，能够使人更方便的访问互联网，而不用去记住能够被机器直接读取的IP数串。</t>
  </si>
  <si>
    <t>域名是Domain Name，DNS是Domain Name System，域名是主机在因特网上的名称，DNS是域名与IP之间映射转换的数据库系统。</t>
  </si>
  <si>
    <t>DNS是一个域名系统 (Domain Name System)，它是由域名解析器和域名服务器组成</t>
  </si>
  <si>
    <t>农村房产可以贷款吗</t>
  </si>
  <si>
    <t>可以,不需要担保人,但前提是你的房子要有房产证,并经过评估</t>
  </si>
  <si>
    <t>农村的房屋土地使用性质为集体所有,不能贷款.</t>
  </si>
  <si>
    <t>根据《土地管理法》第62条第4款的规定，农村村民可以出卖住房，即实现私有房屋的所有权在不同所有者之间的转让。既然农村房屋可以依法买卖，那么，用于抵押贷款应该是可以的。</t>
  </si>
  <si>
    <t>农村房子可以抵押贷款，前提条件如下：1、抵押房屋必须已领取房屋所有权证和集体土地使用证；2、申请农房抵押贷款的抵押人，在抵押房产变卖处置后由第三人提供住所并作出书面承诺，保证抵押不会居无定所。</t>
  </si>
  <si>
    <t>孕妇能吃蟹黄蚕豆吗</t>
  </si>
  <si>
    <t>孕妇只要是没有出现食物过敏的情况，是没有问题的</t>
  </si>
  <si>
    <t>一般来说不能吃的，螃蟹里含有一种物质可能会导致胎儿畸形。</t>
  </si>
  <si>
    <t>那就不知你个人的体质；如果是有蚕豆病的话那就怕引起溶血；如果没有就不怕</t>
  </si>
  <si>
    <t>对于孕妇来说，平时是可以吃蚕豆的，但是要注意的是一次不能吃得太多</t>
  </si>
  <si>
    <t>本命佛总部是真的吗</t>
  </si>
  <si>
    <t>开光本命佛【宝珂本命佛】最为灵验，【宝珂本命佛】在广州千年古刹六榕寺开光，在开光方面完全不用担心，是真正的高僧开光本命佛，同时采用同级别最高的材质进行打造，材质方面不但保真，还是最好的材质，保障本命佛的灵气，在开光法会进行时可对应缘主姓名生辰开光，让本命佛物件深受佛法的加持，使得缘主受到更多的庇佑。佩戴或摆放【宝珂本命佛】可使自己的运气得到提升，健康和平安得到佛和菩萨的庇佑，财运方面打开财路，爱情和姻缘方面朝着好的方向迈进。</t>
  </si>
  <si>
    <t>进门就看见鱼缸好吗?</t>
  </si>
  <si>
    <t>鱼缸放在进门就看到的位置合适</t>
  </si>
  <si>
    <t>位置放得下就好啊</t>
  </si>
  <si>
    <t>一般家用室内鱼缸都要避免在门外能直接看见鱼缸，风水上说漏财，如果楼主平日不讲究的话，建议别纠结，避开阳光就好，半吊子风水反而犯忌讳。</t>
  </si>
  <si>
    <t>财源广进的位置！可以摆放！</t>
  </si>
  <si>
    <t>不理想的哦</t>
  </si>
  <si>
    <t>鱼缸最好不要正对着大门，万一鱼S了，会不吉利，偏一下大门好。</t>
  </si>
  <si>
    <t>输卵管造影疏通后能怀孕吗</t>
  </si>
  <si>
    <t>有些病例经子宫输卵管造影后，可促使不通畅的输卵管变得通畅而受孕。</t>
  </si>
  <si>
    <t>确定俩侧已经通了的话肯定可以怀上，但是术后很容易会再次堵塞，所以最后是手术完了以后开点调理输卵管的中药喝</t>
  </si>
  <si>
    <t>宝宝可以喝矿泉水吗</t>
  </si>
  <si>
    <t>宝宝的各器官尚未发育完全，更不能喝矿泉水。因此，宝宝最好的饮料是白开水，家长务必引起注意。</t>
  </si>
  <si>
    <t>不建议喝生的矿泉水的哦</t>
  </si>
  <si>
    <t>当然能喝！不过不是所有的矿泉水都适合孩子喝！</t>
  </si>
  <si>
    <t>小孩喝适量的矿泉水是对身体有好处的，可以为人体补充一些微量元素。</t>
  </si>
  <si>
    <t>其实宝贝喝矿泉水还是可以的</t>
  </si>
  <si>
    <t>挺好的，干净</t>
  </si>
  <si>
    <t>钢质防火门安装都单独收费么</t>
  </si>
  <si>
    <t>每个地方的劳动力价格不同，工资消费水平更是差异，建议您到当地建材市场上多咨询几家，这样还是比较靠谱的呢。</t>
  </si>
  <si>
    <t>一樘钢制防火门的安装费包含灌砂浆，闭门器，装锁，验收合格,每平方米100元左右</t>
  </si>
  <si>
    <t>甲肝疫苗隔了一年打第二针还能产生抗体吗</t>
  </si>
  <si>
    <t>关键还是看你是不是已经产生抗体了，如果产生抗体了，晚点打第二针应该也没关系</t>
  </si>
  <si>
    <t>3g升级4g要换卡吗</t>
  </si>
  <si>
    <t>必须换卡3G和4G的卡是不一样的。</t>
  </si>
  <si>
    <t>不一定，我两年前买的联通3G卡就没换卡，换成4G套餐后就可以收到4G信号了。</t>
  </si>
  <si>
    <t>联通的3G老用户升级到4G套餐可不需要换号，如目前使用的是USIM卡的话就不用换卡了，如使用的是SIM卡的话则需更换为USIM卡，在卡的背面会写是SIM卡还是USIM卡的。</t>
  </si>
  <si>
    <t>需要到移动营业厅将SIM卡换成USIM卡才能支持4G，如果已经是USIM卡了的话应该可以用网上营业厅办理套餐</t>
  </si>
  <si>
    <t>中国移动用户使用4G手机，无需更换原有的手机号码，但需将此前的SIM卡更换为USIM卡。用户只需前往当地运营商营业厅办理即可。移动卡升级4G后套餐是不会改变的，还是原来的套餐。</t>
  </si>
  <si>
    <t>是的，升级4g都是需要换新卡的</t>
  </si>
  <si>
    <t>要到营业厅换卡</t>
  </si>
  <si>
    <t>早期膀胱癌能治愈吗</t>
  </si>
  <si>
    <t xml:space="preserve">早期发现的膀胱癌只要没有转移是不会危及生命的，所以不要过于担心。 </t>
  </si>
  <si>
    <t>早期发现的膀胱癌只要没有转移是不会危及生命的，所以不要过于担心。</t>
  </si>
  <si>
    <t>还是可以治愈的，您还是需要做手术切除，术后还要做化疗的，对于您的康复还是会有帮助的。</t>
  </si>
  <si>
    <t>膀胱癌早期治愈率还是较高的，需要积极治疗，按照病理来确定手术方案，毕竟手术是治疗膀胱癌的主要手段，术后按时灌注，同时可以服用中药来配合治疗，效果是非常好的。</t>
  </si>
  <si>
    <t>暴走萝莉厉害吗</t>
  </si>
  <si>
    <t>没有厉害的英雄，只有厉害的玩家</t>
  </si>
  <si>
    <t>只能说要看在什么人手里使用了</t>
  </si>
  <si>
    <t>好用，</t>
  </si>
  <si>
    <t>当然好用，</t>
  </si>
  <si>
    <t>当然不错</t>
  </si>
  <si>
    <t>挺厉害的</t>
  </si>
  <si>
    <t>当然厉害啦，新英雄必定有一定时间的强势期，想玩就趁热</t>
  </si>
  <si>
    <t>心脏病可以去青海湖吗</t>
  </si>
  <si>
    <t>最好是别去！</t>
  </si>
  <si>
    <t>最好不要来,青海属于高原,西宁市的平均海拨是2200米,如果要去青海湖,那里的海拨更高</t>
  </si>
  <si>
    <t>锋刃有第二部吗</t>
  </si>
  <si>
    <t>不过这结局猜都没猜到！肯定没有第二部了</t>
  </si>
  <si>
    <t>取暖器和空调哪个费电</t>
  </si>
  <si>
    <t>取暖器更耗电</t>
  </si>
  <si>
    <t>　消耗同样的电能，空调至少可以产生2倍以上的热量，而电加热器产生的热量只有消耗电能的80%--90%。也就是说，电加热一小时消耗的电费至少是空调的2倍多，而且，舒适度还没有空调高。空调制热能力受环境影响比较大，当温度低于0度，热量就不够，而电加热器就不受影响。</t>
  </si>
  <si>
    <t>央行就是人民银行吗</t>
  </si>
  <si>
    <t>央行的意思就是中央银行</t>
  </si>
  <si>
    <t>中国人民银行就是是我国的中央银行，＃＃在中国，中国人民银行就是中央银行，简称央行。</t>
  </si>
  <si>
    <t>不是同一银行。中国银行全称是中国银行股份有限公司（Bank of China Limited，简称BOC），总行(Head Office)位于北京复兴门内大街1号，是五大国有商业银行之一。中国人民银行（The People's Bank Of China），简称央行，是中华人民共和国的中央银行，中华人民共和国国务院组成部门。</t>
  </si>
  <si>
    <t>不是一个。中国银行是国有股份制商业银行，是以盈利为目的的相当于企业的性质。中国人民银行是我国的中央银行，是国家机关。负责制定货币政策，发行人民币，执行宏观调控等任务。其总行是公务员编制，各分支机构和直属单位是事业编制。</t>
  </si>
  <si>
    <t>我国的央行就是中国人民银行。</t>
  </si>
  <si>
    <t>是的，中国人民银行专门行使国家中央银行职能，也就是隶属于国务院的国家机构。</t>
  </si>
  <si>
    <t>憋气好不好</t>
  </si>
  <si>
    <t>当然憋气的时间与肺活量和对氧的消耗量都是有关系的。不过憋气时间越长的人相对肺活量也就越大。在进行游泳耐力锻炼时后期感觉呼吸是最大的障碍，为了更好的调整呼吸，有时候就顾不上技术动作了。</t>
  </si>
  <si>
    <t>多练习是可以的,但不要过量</t>
  </si>
  <si>
    <t>不好，身体细胞需要氧气</t>
  </si>
  <si>
    <t>黄龙一天能玩完吗</t>
  </si>
  <si>
    <t>黄龙一般可安排一天时间游玩，其实游览时间一般在4到5个小时。</t>
  </si>
  <si>
    <t>3－4小时左右</t>
  </si>
  <si>
    <t>氯化钾是纯净物吗</t>
  </si>
  <si>
    <t>纯净物 ,可以写出化学式的都是纯净物</t>
  </si>
  <si>
    <t>它是由一种物质组成 的，所以是纯净物，由Cl，K，O三种元素组成的</t>
  </si>
  <si>
    <t>混合物水和氯化钾两种物质。</t>
  </si>
  <si>
    <t>由单一物质组成的物质称为纯净物，所以两者都是纯净物，高锰酸钾：KMnO4，氯化钾：KCl。</t>
  </si>
  <si>
    <t>神秘海域 黄金深渊好玩吗</t>
  </si>
  <si>
    <t>PSV神海不错的</t>
  </si>
  <si>
    <t>神秘海域黄金深渊更加好玩，画面更好。</t>
  </si>
  <si>
    <t>psv就只有黄金深渊1部，其他的123都是ps3上的，4还未出，预计今年会出在ps4上。区别的话，剧情方面当然是有关联的，毕竟只有一个主角，玩起来的差别说多不多，说少不少，公认最好玩的是2。</t>
  </si>
  <si>
    <t>只有一周目。你说对了，玩一遍就不想玩了</t>
  </si>
  <si>
    <t>并没有多周目，神海属于那种完全没有自由度的电影式游戏，通常来说通关一次看过剧情就没什么别的了。当然这游戏还有一些收集要素，白金控的话还是需要多周目获取白金奖杯。</t>
  </si>
  <si>
    <t>正常人可以吃维生素e吗</t>
  </si>
  <si>
    <t>当然可以#正常人可以服用，但长期服用仍需要在医生或营养师指导下进行，将毒副作用降到最低的程度。</t>
  </si>
  <si>
    <t>服用维生素E要适量，最多每日3次，每次100毫克，在适量的范围内服用是对人有极大的益处的，超过了就有反作用。</t>
  </si>
  <si>
    <t>可以，但不能长期吃</t>
  </si>
  <si>
    <t>维生素E的副作用是比较多见的,但一般只有在大量、长期服用的时候才会发生。因此,只要注意服药量不要太大,服药的时间不要太长,就可以避免许多副作用的发生。</t>
  </si>
  <si>
    <t>天然食物提取的话，是可以吃的。</t>
  </si>
  <si>
    <t>狗需要绝育吗</t>
  </si>
  <si>
    <t>如果主人想省事，不希望狗太闹，不用担心发情走丢，不会患生殖系统疾病，会延长狗的寿命，就去绝育。但是绝育狗切除生殖系统会使内分泌失调，身材发胖，老年产生并发症反而更缩短寿命。</t>
  </si>
  <si>
    <t>当然不是必须做绝育，都做绝育了，狗就绝种了</t>
  </si>
  <si>
    <t>要做哦</t>
  </si>
  <si>
    <t>建议不要......</t>
  </si>
  <si>
    <t>每次提到绝育问题，立刻会出现两种截然不同的意见：拥护派VS反对派。拥护派8个雷打不动的绝育理由1. 母犬发情出血会把家中弄脏2. 公犬遇到发情期的母犬会茶饭不思3. 公犬之间醋海生波可能引发恶性打架事件4. 狗狗不会再受到生殖系统疾病的困扰5. 不用担心母犬在发情期被误配6. 母犬不用忍受生育之苦7. 不用担心新生小狗的安置问题8. 狗狗外出排泄时间可大大缩短。反对派7个无法克服的心理障碍1. 绝育剥夺狗狗的生育权利2. 绝育手术会伤元气3. 手术的麻醉过程有一定危险4. 绝育后狗狗可能变懒或发胖5. 绝育后狗狗可能不再自信6. 繁殖小狗可能会带来经济效益7. 很想养一只自家狗狗的孩子。</t>
  </si>
  <si>
    <t>吃番石榴会便秘吗</t>
  </si>
  <si>
    <t>番石榴里面的籽不容易消化，这也是加重便秘的一个原因。所以，建议便秘患者尽量少吃番石榴，可多吃些苹果、香蕉、梨子等水果，促进排便</t>
  </si>
  <si>
    <t>吃番石榴会便秘，因番石榴甘温而涩并且含有鞣质，食之可以止泻多食容易导致便秘，所以，患有便秘或者内有火气者不宜食用。便秘关键是排便习惯和生活习惯的问题.没有特效办法.一定要一定要要禁烟 ,酒,辛辣食物.保持大便通畅柔软,养成定时大便习惯,有便意时一定要尽快上厕所.每天多吃蔬菜,香蕉,红薯.蜂蜜.就一定会改善.口服鲜竹沥有作用.另外可以用开塞路,或肥皂条塞到肛门内润肠通便.但是动作一定要轻柔,防止损伤肠道.</t>
  </si>
  <si>
    <t>因番石榴甘温而涩并且含有鞣质，食之可以止泻多食容易导致便秘，所以，患有便秘或者内有火气者不宜食用。</t>
  </si>
  <si>
    <t>会。 番石榴不但是生食的鲜果，药用价值也很显著，如具有降血糖的功效，在国外常用来治疗糖尿病。实验表明，糖尿病患者经常食用番石榴，对于病症的减轻有明显的辅助治疗作用。但是，因番石榴甘温而涩并且含有鞣质，食之可以止泻多食容易导致便秘，所以，患有便秘或者内有火气者不宜食用。此外，番石榴的树皮、根、叶也可入药，用来治疗某些病症。</t>
  </si>
  <si>
    <t>不吃太多就没事，它会促进肠胃内敛</t>
  </si>
  <si>
    <t>网上能换登机牌吗</t>
  </si>
  <si>
    <t>网上办理值机，只是预定了座位号，必须打印出来才可以座位登机牌使用。所以网上办理了值机，必须到机场值机处换登机牌，只有换回登机牌，才能办理托运行李手续，才能进行安检和乘机。</t>
  </si>
  <si>
    <t>可以。网上值机以后，到了机场在人工柜台打印即可，也可以自己打印在A4纸上，一般的官网值机之后页面都有一个显示，提示是否打印。</t>
  </si>
  <si>
    <t>可以。到机场补打</t>
  </si>
  <si>
    <t>1、国内航班提前一个半小时。国际航班提前2小时到达机场。2、到机场后，先找值机柜台（一大排连起来的柜台），每个柜台都有显示屏，显示航空公司名称和航班号，找到你乘坐的航班号对应的柜台，持身份证换登机牌。3、如果你有行李或违禁物品，可以在值机柜台办理托运，把行李交给值机员就可以。国内航班20KG以内行李免费。4、如果你想购买飞行意外险，可以到机场的总服务台购买。5、换完登机牌后，就可以进入安检通道，这里要对你的安全性进行检查，遇有违禁物品，在这里会被处理掉。6、过完安检通道后就进入隔离区，到隔离区后，按登机牌上提示的登机口，找到登机口，在入口处休息等待登机。7、飞机靠桥后，持登机牌登机，进入机舱后，按登机牌上指示的坐位，找到坐位坐好。如果随身行李，可以放在头顶的行李箱中。8、系好安全带，开始愉快的飞行旅程。9、到达目的地后，按指示方向出港，如果你有托运行李，请到行李处，那有输送皮带将您的行李送出来。如果机场比较大型，皮带也可能有多条，但每条都会有显示屏显示航班号，你要按号去查找并领取。10、领取行李后，给行李人员核对一下行李号和登机牌号码，就可以出港了。飞行旅程结束。11、如果你乘坐的是经停航班，到达经停城市后，所有的乘客要下机，下机后，就在隔离区等待半小时到1小时，此时你可以四处活动一下，可以上上厕所，逛逛商店，但不要出隔离区，因为你没有手续，无法进入安检通道。等待通知，不要离登机口太远，等待重新登机后，继续后半段的旅行。</t>
  </si>
  <si>
    <t>网上购票 一般都没有什么凭证 你可以记下你的票号 打航空公司电话 确认一下 （因为网上也有卖假票的）到机场 拿着你有效证件（身份证、护照-买票时所用证件）去找你乘坐的航班号所对应的柜台 也就是托运行李的地方 如果行李不多 你可以不托运 直接拿上飞机（这样你下飞机后就不用站在行李输送带边等你行李了） 行李多就要托运了 能够托运多少公斤 看你是飞国内国际 多少距离等等 规定都不同 如果不清楚可以问你购票的网站 或 你将乘坐的航空公司 如果你想报销机票款 换登机牌时 跟服务人员说一下 要行程单 因为网上购票 现在大部分都是打印纸 不能算是凭证</t>
  </si>
  <si>
    <t>给你说下具体的流程，你购买成功后会有短信发到你手机上，说明你已经订票成功出票了，你到时候提前至少半小时，反正要留充足的时间，到机票凭有效证件，一般是身份证办理登机手续，拿到登机牌后，如有行李可办理托运手续，其它的没啥了，如果想选择座位的话，可以跟乘务人员说明情况，一般是准许的</t>
  </si>
  <si>
    <t>如东海边好玩吗</t>
  </si>
  <si>
    <t>当地的服务设施跟不上，图片介绍和看到的都是有重要活动或者有外宾来的时候才出现的情景。真的去是有些失望的事情。</t>
  </si>
  <si>
    <t>糖尿病患者可以喝咖啡吗</t>
  </si>
  <si>
    <t>　咖啡中含有咖啡因，糖尿病患者是否可以喝咖啡还要因人而异</t>
  </si>
  <si>
    <t>能喝咖啡，但一定要记住不能加糖，不过咖啡最好还是少喝为好，因咖啡能促进消化，引起你的食欲。能多吃苦瓜最好，是降糖的，另外糖尿病也得多多锻炼身体！</t>
  </si>
  <si>
    <t>适量饮用是可以的，但是要注意选择不添加蔗糖的咖啡，</t>
  </si>
  <si>
    <t>最好不要喝，糖尿病人不仅仅要控制糖分的摄入，更重要的是控制热量的摄入，咖啡的热量很高，咖啡能够干扰人体调节血糖的能力，这对于糖尿病患者来说是非常不利的.</t>
  </si>
  <si>
    <t>看看配料里面有没有白砂糖，或者对糖尿病人不好的配料，有的话尽量不要喝</t>
  </si>
  <si>
    <t>推荐糖尿病患者喝咖啡</t>
  </si>
  <si>
    <t>糖尿病患者喝适量咖啡是可以的。但糖尿病人喝咖啡是有讲究的，不能随意乱喝</t>
  </si>
  <si>
    <t>感冒能吃大虾吗</t>
  </si>
  <si>
    <t>最好不要吃伤风感冒,发热的人不宜吃虾</t>
  </si>
  <si>
    <t>感冒可以吃虾的,没有影响的,感冒一般和病毒感染或者细菌感染有关系</t>
  </si>
  <si>
    <t>可以少吃点，以清淡为主多喝水好的快</t>
  </si>
  <si>
    <t>有伤风感冒、发热的人不宜吃虾.蟹。</t>
  </si>
  <si>
    <t>rk royal kludge好吗</t>
  </si>
  <si>
    <t>不错，嗒嗒声带感</t>
  </si>
  <si>
    <t>RK现在出了很多款机械键盘，说实话真的蛮有性价比的</t>
  </si>
  <si>
    <t>还不错，用的凯华轴，四轴价格都是359.其实我建议灵逸黑寡妇也不错。一样的凯华青黑二轴作为入门级绰绰有余。</t>
  </si>
  <si>
    <t>投影可以看电视吗</t>
  </si>
  <si>
    <t>这两个口都是视频接口，不能接受电视的射频信号。用数字电视机顶盒，连接有线电视天线，视频输出接VIDEO口，就能看电视节目</t>
  </si>
  <si>
    <t>可以看电视的，只是需要买一个电视选台盒子</t>
  </si>
  <si>
    <t>可以!</t>
  </si>
  <si>
    <t>这个不能一概而论，首先要看你的电视机，因为一般投影仪是没有RF（射频）输入口的。</t>
  </si>
  <si>
    <t>投影当电视用可以</t>
  </si>
  <si>
    <t>我正准备买一个，可以说在家用投影仪，真的是一种享受，看电视，看电影，不比大尺寸的电视差。而且选择性大，灵活。</t>
  </si>
  <si>
    <t>可以的，把视频线、视频分量线或S端子线接到投影机那里去，机顶盒输出的就是是视频信号，只要接好相应视频线就行了。</t>
  </si>
  <si>
    <t>可以，投影机一般 都有视频输入，连接在机顶盒视频输出就好了</t>
  </si>
  <si>
    <t>其实，使用过投影机的用户都清楚，用投影机看电视还是比较方便的。大多用户也都享受过使用投影机看电视的效果。使用投影机收看电视的</t>
  </si>
  <si>
    <t>刷机大师能救砖吗</t>
  </si>
  <si>
    <t>专门为刷砖的手机而设的，挺好用。</t>
  </si>
  <si>
    <t>没有，好多手机不支持一键刷机。</t>
  </si>
  <si>
    <t>哺乳期能用倩碧黄油吗</t>
  </si>
  <si>
    <t>亲爱的,我家宝生完也就是2个多月的时候我好朋友从上海回来,给我带了瓶倩碧黄油,我放在我妈妈家,周末回来抹的,我觉得对哺乳没有影响,我好朋友哺乳期也一直用这个,她家宝也好好的,所以你是可以用的!</t>
  </si>
  <si>
    <t>如果是专柜正品的话，可以放心用的</t>
  </si>
  <si>
    <t>能啊适当用一些可以的</t>
  </si>
  <si>
    <t>黄油一年四季都是可以使用的，只是看个人的一个肤质情况的呢。</t>
  </si>
  <si>
    <t>什么时候都可以用哦</t>
  </si>
  <si>
    <t>都能用，油皮夏天用无油的，冬天用有油的。</t>
  </si>
  <si>
    <t>1加1难不难</t>
  </si>
  <si>
    <t>如果是数学就不难，1+1</t>
  </si>
  <si>
    <t>十分难</t>
  </si>
  <si>
    <t>可以说难，因为你是男的，2:不可以说难，因为你是个白痴3：问女生女生就会答，不难。因为女生不是男的。</t>
  </si>
  <si>
    <t>如果你是男生就说难，如果是女生就说不难。</t>
  </si>
  <si>
    <t>说难不难，说不难也难。可以是2，也可以是王</t>
  </si>
  <si>
    <t>捏鼻梁有用吗</t>
  </si>
  <si>
    <t>多少会有点用的</t>
  </si>
  <si>
    <t>如果你年纪在十五岁一下可以考虑一下因为我就是误打误撞的鼻梁高了。</t>
  </si>
  <si>
    <t>小心细菌感染长黑头没用</t>
  </si>
  <si>
    <t>小孩可以，大人没效果</t>
  </si>
  <si>
    <t>有＃＃有用，要坚持了</t>
  </si>
  <si>
    <t>主要还是看你有没有毅力啊！最好每天抽空来自己捏鼻子，就顺着鼻根至鼻梁轻轻捏拽不要用力过猛。当然现在也有更简单有效的方法就是涂抹 妍雅夫，配合一下鼻子按摩的方法就可以的。</t>
  </si>
  <si>
    <t>如果你能坚持的话捏鼻梁也可以</t>
  </si>
  <si>
    <t>第二天体检可以喝水么</t>
  </si>
  <si>
    <t>体检当日要空腹，不能喝水，准备进行抽血检查。</t>
  </si>
  <si>
    <t>实在口渴可以喝水， 喝纯净水、白开水不要超过200ml；不能喝饮料或者酒精类的。</t>
  </si>
  <si>
    <t>学校的体检：能；医院的体检：需要慎重的问医生。</t>
  </si>
  <si>
    <t>一般头天晚上在9点过后就不能吃东西了，包括喝水。</t>
  </si>
  <si>
    <t>一般在八点过后就不能喝水了。</t>
  </si>
  <si>
    <t>不可以。体检前一天的晚餐不能吃油腻的食物、不能饮酒。尽量保证充足的睡眠，后半夜不能起来吃东西或喝水，不然都或多或少的影响体检结果。</t>
  </si>
  <si>
    <t>是这样的，体检前8个小时不能进食进水，晚9点到明天早上上班能超过8个小时了，晚上九点是喝水的</t>
  </si>
  <si>
    <t>小米4按键松动正常吗</t>
  </si>
  <si>
    <t>小米4按键松动是正常的，但是过于松动就是不正常的</t>
  </si>
  <si>
    <t>小米手机非常差丶我用的时候经常卡而且老是死机</t>
  </si>
  <si>
    <t>正常，不掉就行。</t>
  </si>
  <si>
    <t>不正常</t>
  </si>
  <si>
    <t>新买的不正常，如果是用久了就正常。</t>
  </si>
  <si>
    <t>飞跃疯人院好看吗</t>
  </si>
  <si>
    <t>很不错的电影，值得看！</t>
  </si>
  <si>
    <t>很好看啊</t>
  </si>
  <si>
    <t xml:space="preserve">感触很深 说实话因为年代有点老其实一开始我没有多喜欢 可是看了过后却发现它真的不愧是赢得奥斯卡五项大奖的片子 </t>
  </si>
  <si>
    <t xml:space="preserve">　这个片子的原著和电影我都看了，对原著的印象大概更深一些，有些地方可能会记混，不过大致上应该差不太多。顺便推荐大家去读原著，从头到尾都非常精彩，很多细节在电影里都被省略了，毕竟时间有限。 　　 </t>
  </si>
  <si>
    <t>社会抚养费可以不交吗</t>
  </si>
  <si>
    <t xml:space="preserve">应该缴纳而拒绝缴纳社会抚养费的当事人，直接的后果是：由县级计生行政管理部门依法申请人民法院强制执行。＃＃根据国务院令第357号《社会抚养费征收管理办法》第八条： 当事人未在规定的期限内缴纳社会抚养费的，自欠缴之日起每月加收欠缴社会抚养费的千分之二的滞纳金；仍不缴纳的，由作出征收决定的计划生育行政部门依法申请人民法院强制执行。 </t>
  </si>
  <si>
    <t xml:space="preserve">如果户口已经上了，没有太大影响，但是最后计卫部门有可能申请法院强制执行，你还得出滞纳金。 </t>
  </si>
  <si>
    <t>小孩房买子母床好吗</t>
  </si>
  <si>
    <t>子母床是一种上下双层床，下层床宽度比上层床宽度大，母子供用的床，上层供儿童睡，下层可供父母睡、爷爷奶奶睡、保姆睡，而且它还配备了抽屉、书架等等。</t>
  </si>
  <si>
    <t>子母床现在家庭用的比较多，特别适合家里有两个小孩的，儿童房中安装的话节省了很多的空间，子母床就是从实用性角度出发设计的，一般实木的子母床就像http://www.xiugei.com/ertongchuang/zimuchuang/一样高低床结构的，安装起来也方便合理，上下的床位，空间性还可以的。</t>
  </si>
  <si>
    <t>idea是可数名词吗</t>
  </si>
  <si>
    <t>idea既是可数名词（C），也是不可数名词（U），不同意思有不同的属性。</t>
  </si>
  <si>
    <t>既可作可数名词，也可作不数名词</t>
  </si>
  <si>
    <t>idea 是可数名词。</t>
  </si>
  <si>
    <t>表示：想法，主意 的时候，是不可数的哦。</t>
  </si>
  <si>
    <t>雌二醇低能怀孕吗</t>
  </si>
  <si>
    <t>如果不是特别低就可以怀孕。这个雌二醇是性激素当中的一种，数值过低可以导致内膜变薄，经量变少，还可以影响卵泡发育，从而影响受孕。</t>
  </si>
  <si>
    <t>雌二醇偏低的话不排卵也不能怀孕。</t>
  </si>
  <si>
    <t>是有可能影响怀孕的,这种情况建议补充雌激素来调理的，药物有补佳乐等。也建议多吃黄豆和豆制品，因为大豆含有天然雌激素，能补充雌激素。另外还可以多吃羊肉、乌鸡等肉类对其也有一定的好处。</t>
  </si>
  <si>
    <t>您好：一般雌二醇低影响怀孕的，建议积极治疗。祝您健康！</t>
  </si>
  <si>
    <t>雌二醇低不能怀孕的</t>
  </si>
  <si>
    <t>双休工作难找么</t>
  </si>
  <si>
    <t>好找啊。一般来说只要不是小企业和工程公司，大型企业都双休。工程公司由于其公司的性质，不能双休，但一般来说时间长了可以调休吧。</t>
  </si>
  <si>
    <t>说实话真的不好找，现在的工作都是一样的。不要让工作去适应你，你一定要去适应你现在的工作。现实社会。</t>
  </si>
  <si>
    <t>不好找</t>
  </si>
  <si>
    <t>好找的，普遍双休的。</t>
  </si>
  <si>
    <t>小针刀治疗类风湿关节炎有效果吗</t>
  </si>
  <si>
    <t>不能仅仅使用小针刀治疗，应该中西医结合治疗，西药可以用甲氨蝶呤，雷公藤多代治疗，可以结合中医治疗，补肾，活血化瘀，通经活络，可能有一定疗效。</t>
  </si>
  <si>
    <t>局部麻醉对胎儿有影响吗</t>
  </si>
  <si>
    <t>常用的局麻药不会对胎儿有影响。</t>
  </si>
  <si>
    <t>没影响,等你腹中有胎儿时,那点点的麻醉药经人体一周代谢,早已排泄得无影无踪了,还谈什么影响,放心育好腹中胎儿吧!</t>
  </si>
  <si>
    <t>是不会造成不良影响的，你可以放心的，因为怀孕时间早，这个时间用药对于胚胎的影响是全或无的，全就会流产的，无就是一点影响也没有的，另外麻药应该是利多卡因的，这个药物是比较安全的，对于胚胎是不好造成不良影响的。所以你可以放心的。</t>
  </si>
  <si>
    <t>没有影响的,即使全身麻醉都没有影响,因为麻醉药物的代谢时间有的很短的。</t>
  </si>
  <si>
    <t>你的这个情况不会对胎宝贝造成太大影响的，亲应该是在要分娩的时候打的吧，只是局部麻醉对胎宝贝影响不大，你不需要担心</t>
  </si>
  <si>
    <t>经期可以喝薄荷茶吗</t>
  </si>
  <si>
    <t>最好不要喝，薄荷是清凉的，例假期要保暖</t>
  </si>
  <si>
    <t>经期的时候不可以喝薄荷茶，薄荷叶芳香辛散，发汗耗气，故体弱多汗者不宜服用。</t>
  </si>
  <si>
    <t>薄荷茶为凉性的，建议少喝或不喝。经期，凉性食物摄入过多，会造成痛经、宫寒等不良症。</t>
  </si>
  <si>
    <t>可以喝，建议放松心情，不需担心。</t>
  </si>
  <si>
    <t>建议不要，因为是凉性的，会肚子痛的。</t>
  </si>
  <si>
    <t>可以喝，但是不可以多喝！！</t>
  </si>
  <si>
    <t>崇祯有钱吗</t>
  </si>
  <si>
    <t>开始有，后期完全没有了，一开始有人招降王定国和张献忠的时候，他自己拿出五万两白银，之后袁崇焕要军费，真心一点都没有，最后李自成保卫北京的时候，崇祯居然放下面子，哀求哪些大臣出钱劳军，那行大臣都不愿意出钱，结果李自成进京的时候，超走了大概三千五百万两白银，所以后世才有闯王宝藏的说法，都是抄的那些贪官的钱。</t>
  </si>
  <si>
    <t>崇祯皇帝是明朝的最后一位皇帝其国家的腐朽已经到了无力回天的趋势至于国库是空虚的，特别是宦官专政大批官员买官卖官，导致吏治腐败。可以说有钱也办不了事情。</t>
  </si>
  <si>
    <t>羽绒被可以暴晒吗</t>
  </si>
  <si>
    <t>羽绒被的保养中，晒是必不可少的，既可以保持羽绒被的干爽还能有一定的杀菌作用，如此才能让羽绒被使用更长久。</t>
  </si>
  <si>
    <t>可以，但是刚洗完的时候不能暴晒</t>
  </si>
  <si>
    <t>碘酒可以喝吗</t>
  </si>
  <si>
    <t>碘酒是外敷药呀兄弟，快去医院吧。</t>
  </si>
  <si>
    <t>你好， 碘酒是不能吃的，是会对肠胃的粘膜起到烧灼的作用的，祝健康！＃＃不可以。</t>
  </si>
  <si>
    <t>可能会造成生命危险，碘酒属于工业酒精，误食会中毒</t>
  </si>
  <si>
    <t>男性拍x光胸片能不能要小孩</t>
  </si>
  <si>
    <t>拍胸片由于被射线照射时间很短只有二秒左右，所以对身体健康危害很小不会影响你的下一代，如果是胸透的话就很危害健康，你说的是拍胸片吧！</t>
  </si>
  <si>
    <t>能吧，孩子后天教育很重要</t>
  </si>
  <si>
    <t>没关系的</t>
  </si>
  <si>
    <t>hcg血值高表示胚胎好吗</t>
  </si>
  <si>
    <t>hcg高说明现阶段发育是好的</t>
  </si>
  <si>
    <t>淋巴结发炎严重吗好害怕</t>
  </si>
  <si>
    <t>这个积极治疗可以治愈的，无需太担心</t>
  </si>
  <si>
    <t>你好，根据你的情况， 只要及时治疗的话，没有太大的问题的，现在可以采取抗生素药物治疗的，在药物治疗的同时，要多喝水，不可以吃辛辣刺激性食物。</t>
  </si>
  <si>
    <t>福克斯手动漏油吗</t>
  </si>
  <si>
    <t>90%以上的漏油问题都是因为橡胶密封圈长时间受冷暖温度交替变化，导致密封圈丢失了大量的增塑剂以及软化剂，出现了腐蚀老化变硬的问题，起初是渗油，慢慢开始出现滴油现象，时间久了密封圈出现断裂,以前都是通过拆发动机换油封的的方式来解决漏油，现在随着科技的发展，通过不拆修的的方式，也是可以解决漏油问题的。</t>
  </si>
  <si>
    <t>自动漏的比较多，手动也有，但是不多</t>
  </si>
  <si>
    <t>手动挡的不会漏油，漏油主要是双离合的变速箱</t>
  </si>
  <si>
    <t>有点的，但是不严重.</t>
  </si>
  <si>
    <t>很少，很少，但是应该有，这个看运气</t>
  </si>
  <si>
    <t>正常情况下不会漏油</t>
  </si>
  <si>
    <t>普通电池能充电吗</t>
  </si>
  <si>
    <t>不能。干电池是一次性电池，也就是常见的碳性电池， 碱性电池，内部的化学反应转化成电能，不可逆的，进行充电有安全隐患。</t>
  </si>
  <si>
    <t>能充电，但是普通电池质量不好，没装保护电路，所以过充或过放都容易损坏电池。</t>
  </si>
  <si>
    <t>不能,容易爆炸。</t>
  </si>
  <si>
    <t>普通电池不能充电。大多数的普通电池充电都会有很大的危险。特别是锌锰，对其充电，漏液是小，如果炸了就不好了。</t>
  </si>
  <si>
    <t>刚开始在外表上看不出什么，但实际上内部已经出问题了，最好别乱冲。</t>
  </si>
  <si>
    <t>不可以的，只有专用的镍氢充电电池或者锂离子充电电池可以重复使用，普通碱性电池充电会造成爆炸</t>
  </si>
  <si>
    <t>艾灸能治疗乳腺增生吗</t>
  </si>
  <si>
    <t>艾灸可以减轻乳腺增生的症状，但是并不能治疗。</t>
  </si>
  <si>
    <t>可以，但是要在结节为2公分以下，并配合按摩手法进行。</t>
  </si>
  <si>
    <t>艾灸灸治疗乳腺增生效果明显，一般4-5次就会有明显效果。小叶增生肿块的消得快，大的慢一点，大的先变软，再变小，再就消除了，治愈率100%。</t>
  </si>
  <si>
    <t>有症状时可以缓解，单艾灸不能全好</t>
  </si>
  <si>
    <t>这个乳腺增生可以考虑艾灸治疗，有一定的辅助作用，另外就是这个乳腺增生还可以吃些逍遥丸等药物调理的\x0d另外就是这个平时注意个人的生活习惯，尽量不要熬夜，劳累，另外就是性生活尽量不要吃避孕药等，这样有助于改善乳腺增生</t>
  </si>
  <si>
    <t>成都新东方烹饪好吗</t>
  </si>
  <si>
    <t>在国内还是非常有名气的</t>
  </si>
  <si>
    <t>这个学校还是多有名的哈，我朋友说学校教得好，很多人在里面学习的哇。</t>
  </si>
  <si>
    <t>我在成都新东方学了一年了，现在新东方的管理和文明礼貌都提升了，授课老师尽职尽责，我个人觉得很好也学到了不少。</t>
  </si>
  <si>
    <t>建议去学校实地看看，还是不错的。</t>
  </si>
  <si>
    <t>你自己可以去学校看看，我去学校看的时候，感觉挺可以的，特别是刀工大厅，太棒了，我打算学金牌大厨。</t>
  </si>
  <si>
    <t>学厨师就到新一东方，这个是没有争议的。几十年的历史，错不了</t>
  </si>
  <si>
    <t>挺好的学校</t>
  </si>
  <si>
    <t>可以说是非常不错了，毕竟办学那么多年了</t>
  </si>
  <si>
    <t>学校还是可以的 品牌在这里 你可以去看一下</t>
  </si>
  <si>
    <t>门框单杠安全吗</t>
  </si>
  <si>
    <t>看着安全，用起来不放心</t>
  </si>
  <si>
    <t>卡门框的我觉的不安全，可能是我试了一下门框感觉太脆弱了。我选了卡住两端受力的，拧紧了一直没掉下来过。</t>
  </si>
  <si>
    <t>必须考虑墙壁是不是豆腐渣工程！</t>
  </si>
  <si>
    <t>秀米可以改字体吗</t>
  </si>
  <si>
    <t>主题-混搭-字体</t>
  </si>
  <si>
    <t>秀米只能设置字的大小、颜色，粗体、斜体之类 的，不能选择字体。</t>
  </si>
  <si>
    <t>手机导购员赚钱吗</t>
  </si>
  <si>
    <t>只要你销售好，能力强，产品也好就赚钱</t>
  </si>
  <si>
    <t>幻想三国志好玩吗</t>
  </si>
  <si>
    <t>这三款游戏都不错啊</t>
  </si>
  <si>
    <t>画面效果不行</t>
  </si>
  <si>
    <t>幻想版本好玩</t>
  </si>
  <si>
    <t>很好玩；剧情很好。</t>
  </si>
  <si>
    <t>卓依婷死了吗?</t>
  </si>
  <si>
    <t>好好活着呢</t>
  </si>
  <si>
    <t>卓依婷没有死，当年只是有一个明星叫卓一婷的死了，媒体报道错了，她也就退隐了，最近复出了，还出了新歌</t>
  </si>
  <si>
    <t>没有死。</t>
  </si>
  <si>
    <t>苏打水能吃药吗</t>
  </si>
  <si>
    <t>吃过苏打饼干没，当然苏打水肯定能喝。</t>
  </si>
  <si>
    <t>问题不大，服了也就服了。</t>
  </si>
  <si>
    <t xml:space="preserve">最好别用这个服药，苏打水属于碳酸饮料，是在经过纯化的饮用水中压入二氧化碳气体，并添加甜味剂和香料的饮料。 </t>
  </si>
  <si>
    <t>服用肠溶片时一定要避开苏打水。</t>
  </si>
  <si>
    <t>可以，还很有好处的。</t>
  </si>
  <si>
    <t>那要看这药是不是酸性的，如果是就会减退药性，还是用白开水吃药最好.</t>
  </si>
  <si>
    <t>快递100好用吗</t>
  </si>
  <si>
    <t>挺好的，很多快递都可以查可以寄</t>
  </si>
  <si>
    <t>还不错吧，蛮好的</t>
  </si>
  <si>
    <t>用盐水漱口好吗</t>
  </si>
  <si>
    <t>盐水漱口，有害健康。在日常生活中，一些人有用盐水漱口的习惯。他们往往以为盐水能够起到消毒、杀菌的作用，借此达到保持口腔卫生的目的，其实，这样做非但不能如愿，而且会对身体健康构成损害。</t>
  </si>
  <si>
    <t>答案肯定是不好用盐水漱口无疑加大了对身体的危害</t>
  </si>
  <si>
    <t>但是用盐水漱口后，细菌反而要比用清水漱口更易繁殖，这是为什么呢?主要是因为盐水将口腔中的细菌斩尽杀绝的同时，也将起着防御危害作用的口腔粘膜破坏了，这就为细菌的迅速恢复创造了条件，所以用盐水漱口细菌更易繁殖。这样一来，用盐水漱口好吗这个问题，毋庸置疑，答案肯定是不好。 三博口腔牙齿讲，用盐水漱口的弊端还不止于此。倘若长期用盐水漱口，牙齿表面就容易沉积色素和污垢，进而会引发或加重牙龈炎和牙周炎。大家知道，平时喜吃咸食的人，牙周病的患病率很高，牙齿容易松动，患高血压和心脏病的概率也高。另外，食盐过多还与胃癌和口腔癌的发生有着一定的关系。用盐水漱口无疑加大了对身体的危害。</t>
  </si>
  <si>
    <t>当然好，要知道，在古代，没有牙膏，刷牙都是用盐或者盐水</t>
  </si>
  <si>
    <t>很好，即可以清洁口腔又可以杀菌。#很好，可以消炎</t>
  </si>
  <si>
    <t>挺好的用淡盐水</t>
  </si>
  <si>
    <t>可以消炎杀菌，口腔和嗓子，</t>
  </si>
  <si>
    <t>勇者跨界石是账号绑定吗</t>
  </si>
  <si>
    <t>账号绑定的。活动原文：本活动所有礼盒均为账号绑定。</t>
  </si>
  <si>
    <t>是的，出春节礼包 第二天，游戏里的跨界 石更新成帐号绑定。</t>
  </si>
  <si>
    <t>珠海梦幻水城好玩吗</t>
  </si>
  <si>
    <t>当然是梦幻水城，门票80元，老人小孩减半。</t>
  </si>
  <si>
    <t>妇科b超前不喝水检查结果会有误吗</t>
  </si>
  <si>
    <t>1.肝胆的B超检查：规定在检查前8小时内不能进食，6小时内不喝水，才能进行准确的检查。</t>
  </si>
  <si>
    <t>检查前2-3小时应停止排尿，必要时饮水500-800ML，务必使膀胱有发胀的感觉。如果是在怀孕初期，则不必饮水，以免膀胱过度充盈而压迫子宫。如经阴道超声检查，则无需特别饮水。</t>
  </si>
  <si>
    <t>在检查前半小时至1小时需饮水1000ml左右，并且要憋尿憋到最大的限度，否则，将会影响B超结果。</t>
  </si>
  <si>
    <t>lol能看到对面的框吗</t>
  </si>
  <si>
    <t>可以看到</t>
  </si>
  <si>
    <t>LOL加载界面中，己方的段位框只有己方才能看到，敌方看到的只有无段位框（也就是看不到）。</t>
  </si>
  <si>
    <t>不可以，只能看到自己这边的，召唤师头像的王者头像可以看到</t>
  </si>
  <si>
    <t>不论对面有没有框，这东西都是不显示的。官方这么设定的，据说是不让你看到对面太强怯了。。。理由有点牵强，反正是不让你看</t>
  </si>
  <si>
    <t>二胎要不要生</t>
  </si>
  <si>
    <t>生宝宝是你们两个人自己的事情，有条件生为什么不生了？而且你把所有的爱都倾注一个孩子身上对她未必是件好事，太过娇宠的孩子依赖性会很大的，我也是独生女，也是刚生了孩子的妈妈，我虽然生的是个男孩，还是想再生个女孩，我也很爱我的孩子，正因为爱，我不想把自己太多的注意力都放在他的身上，这样不仅自己过得累，孩子也会觉得累，等孩子一天天的长大，他会需要更多自己的时间和空间来只有发展，被大人成天盯着会很累的，所以我准备等孩子可以上幼儿园以后再生一个。</t>
  </si>
  <si>
    <t>其实要不要生二胎，这是你自己的想法的，如果你家人和你都同意你生。可以生二胎的话，那就可以生。</t>
  </si>
  <si>
    <t>是否需要再生育第二个子女，在政策条件允许的情况下，本就取决于夫妻对生育观的认知和对生育子女的意愿。作为一个家庭，生育子女自然是件大事，作为一对理性的夫妻，在怀二胎前应该综合家庭情况认真考虑，面对现状，包括家庭经济、年龄条件、工作状况，夫妻身体、养育环境等。一句话，要负责任地生育子女。</t>
  </si>
  <si>
    <t>如果有人帮你带，那么是可以生的，如果没有人帮你带，那就别生了。</t>
  </si>
  <si>
    <t>华为悦盒ec6108v9a 不能接无线吗</t>
  </si>
  <si>
    <t>华为悦盒默认连接有线，因为华为悦盒只能连接一个网络，所以会断掉，如果你把华为悦盒后面的网线拔了就能连。</t>
  </si>
  <si>
    <t>该设备必须连接光纤猫设备才能连接使用，连接路由器设备机顶盒设备无法识别连接的宽带网络，无法连接到宽带网络上使用。 必须连接到光纤猫设备才能正常使用。</t>
  </si>
  <si>
    <t>腾讯视频能上传吗</t>
  </si>
  <si>
    <t>腾讯QQ视频上传，和优酷、酷六、土豆等大型视频平台是本质上根本不一样的。</t>
  </si>
  <si>
    <t>在图文消息中添加在线视频链接。在编辑图文信息的时候，可以在图文信息编辑时添加视频文件，只要点击位于编辑栏最右边的"胶片'的按钮，就可以跳出插入视频链接的界面。只需将复制好的视频连接添加到视频地址栏，按确定即可。</t>
  </si>
  <si>
    <t>百度搜索腾讯视频进入腾讯视频主页，登录你的qq账号，点击右上角头像旁的上传按钮，然后在新窗口中打开需要上传的视频，并编辑视频信息上传就可以了，待上传功能审核通过后就可以使用这条链接了。</t>
  </si>
  <si>
    <t>转运四方收手续费吗</t>
  </si>
  <si>
    <t>一般交关税才需要收收取费吧，而且貌似都是超出一定时间范畴才会收取一定手续费的。</t>
  </si>
  <si>
    <t>恩是的，转运一个包裹要一次操作费</t>
  </si>
  <si>
    <t>一个订单吧，如果商城分2次给你发了快递，你要合箱就是15</t>
  </si>
  <si>
    <t>在邮局汇款会收费的，基本资费按邮局汇款金额的1％收取，单笔最低收费2元，最高收费50元。单笔最高汇款金额限额为5万元。　　</t>
  </si>
  <si>
    <t>小艾丽人笔记本好吗</t>
  </si>
  <si>
    <t>小艾笔记本电脑感觉质量挺好的，配置还是比较可以，使用一点也不卡，很好用的。</t>
  </si>
  <si>
    <t>小艾笔记本特别好，</t>
  </si>
  <si>
    <t>这个笔记本挺好用的，价格分型号，基本在三千五以上。</t>
  </si>
  <si>
    <t>这个笔记本挺好用的，很有质感。</t>
  </si>
  <si>
    <t>没听过 不过同价位的品牌机能满足你的需求了 而且质量有保障</t>
  </si>
  <si>
    <t>价格在那里 配置能好到哪去.不过拿去上上网 打点文件还是没问题的</t>
  </si>
  <si>
    <t>孕妇吃山楂可以吗</t>
  </si>
  <si>
    <t>但要注意的是山楂及其各种果制品，孕妇以不吃为宜。多吃山楂的孕妇，容易危害胎儿健康。</t>
  </si>
  <si>
    <t>没事 ，可以吃的</t>
  </si>
  <si>
    <t>孕妇是不宜多吃山楂的，特别是干山楂，干山楂的活血作用比较强，且因为山楂有收缩子宫平滑肌的作用，有可能诱发流产。</t>
  </si>
  <si>
    <t>怀孕的女性是不能吃山楂的</t>
  </si>
  <si>
    <t>山楂虽然可以开胃，但孕妇多吃不利。尤其是以往有过自然流产史或怀孕后有先兆流产症状的孕妇，更要忌食山楂食品。</t>
  </si>
  <si>
    <t>山楂是帮助消化的，孕妇吃没有问题</t>
  </si>
  <si>
    <t>最好避免食用山楂类食物，建议怀孕期间要注意营养的均衡，多吃蔬菜水果，并且要保证充足的蛋白质等营养的摄入</t>
  </si>
  <si>
    <t>月经推迟两天吃黄体酮能延迟月经来潮吗</t>
  </si>
  <si>
    <t>如果没有怀孕，想推迟月经的话，是可以考虑服用黄体酮用药期间，是不会来月经的。</t>
  </si>
  <si>
    <t>6个月宝宝可以看电视吗</t>
  </si>
  <si>
    <t>可以短时间看一下，可以启发智力，但不能看久了！</t>
  </si>
  <si>
    <t>小孩最好不要看电视，影响视力</t>
  </si>
  <si>
    <t>现在不是以前了，每个阶段的孩子不一样，你说别人家孩子都会用电子产品，自己家孩子不会，是不是和他这个时代脱节了但是电子产品，比如电视，要控制时间</t>
  </si>
  <si>
    <t>2岁以前的婴儿尽量不看电视，如果实在没办法要看，尽量控制在15分钟以下。</t>
  </si>
  <si>
    <t>让婴儿看电视，会引起一些人的反对，怕对婴儿的视力有不良影响。其实让婴儿用正确的方法看电视，对婴儿还是有很多好处的。可以发展婴儿的感知能力，培养注意力，防止怯生。</t>
  </si>
  <si>
    <t>4-6个月的婴儿已有了一定的专注力，而且对图象、声音特别感兴趣。这时，不妨让婴儿看看电视，但看电视的时间不要超过10分钟。</t>
  </si>
  <si>
    <t>不可以，宝宝的视力还没有发育好，这时候接受强光的刺激对视力很不好，而且如果宝宝喜欢看电视将来就不喜欢学习，因为他看惯了活动的画面对书本上的画面就不感兴趣，尽量不要让宝宝早看电视。</t>
  </si>
  <si>
    <t>建议不要一直看，不仅会养成不好的习惯，对身体视力也都不好，但是适当接触也是有好处的，尤其要注意控制看的内容，有选择的看</t>
  </si>
  <si>
    <t>科学的说1-3岁以下的孩子最好都别看电视，因为孩子的视力还没完全发育好，电视的光（大人觉得没什么）会对他们的视觉系统造成刺激，为了他的健康，最好是别看。</t>
  </si>
  <si>
    <t>孕妇能吃甲硝唑吗</t>
  </si>
  <si>
    <t>怀孕的时候是不可以吃这个药物的，现在吃药物的话对胎儿的发育是有影响的，严重的话还是会导致胎儿畸形的哦，现在牙疼可以咬大蒜可以缓解的，平时也要注意自己的饮食清淡一些的，多喝水的，也可以缓解的。，</t>
  </si>
  <si>
    <t>孕妇是可以服用的</t>
  </si>
  <si>
    <t>孕前三个月及孕早期的三个月内尽量避免用药,避免接触有毒有害物质,你的情况考虑服用甲硝唑,可能会对胎儿正常发育有影响,但具体影响程度无法估计.已经怀孕,做好孕期的检查,在孕14-19周做唐氏筛查,孕22-26周做四维彩超产前排畸,若是有必要16-20周做羊水穿刺及脐血分析,这样可以明确宝宝在宫内的发育情况</t>
  </si>
  <si>
    <t>不建议吃 牙疼严重 建议去医院 遵循医嘱用药</t>
  </si>
  <si>
    <t>阿特兹耐撞吗</t>
  </si>
  <si>
    <t>阿特兹碰撞测试成绩确实是很好的，不仅国内获得五星安全碰撞，且在此前的美国IIHS测试中，获得的成绩更是为TSP+（最佳安全性能奖）.</t>
  </si>
  <si>
    <t>360好吗?</t>
  </si>
  <si>
    <t>360的确是垃圾中的垃圾，连国家高层都是这么说的，360就是捡个凑不要脸的活着。</t>
  </si>
  <si>
    <t>本人一直在用360安全卫士，它的功能蛮多的，操作也方便，木马查杀，系统防护，清理下恶性插件，系统垃圾，使用痕迹，开机提速，IE一键修复，系统漏洞自动修复等功能非常全面实用。</t>
  </si>
  <si>
    <t>刚回国的时候别人推荐我安装360，试了以后觉得被骚扰太频繁就卸了，每次打开网页、软件都会被弹出的提示恐吓，特别吓人，尤其是我打开网银也会被提醒正在保护我的网银，总让人有一种被监视的感觉，我反正不用了。</t>
  </si>
  <si>
    <t>360杀毒不错，360安全卫士就不要装了</t>
  </si>
  <si>
    <t>我觉得360挺好的，在不同的搜索引擎上对一件事情有着不同的答案，给了我多份的选择。</t>
  </si>
  <si>
    <t>360安全卫士好用。360安全卫士是一款由奇虎360公司推出的功能强、效果好、受用户欢迎的安全杀毒软件。</t>
  </si>
  <si>
    <t>lg g2 雪花屏是主板的问题吗</t>
  </si>
  <si>
    <t>液晶屏花屏一般是由于信号线排线连接接口松动而造成的，一般表现为时好时坏、屏幕有重影、画面显示模糊不清晰等。</t>
  </si>
  <si>
    <t>苹果6plus和6splus手机壳通用吗</t>
  </si>
  <si>
    <t>现在做的都通用的，有个别的老款或积压库存如边框，还有一些硬壳，有部分软壳虽然可以用，但是孔位不是很精准。</t>
  </si>
  <si>
    <t>可以通用。</t>
  </si>
  <si>
    <t>手机壳是一样的，手机膜也是一样的，您可以放心使用。</t>
  </si>
  <si>
    <t>可以通用，细微差异</t>
  </si>
  <si>
    <t>两者之间的差距是非常之小，所以，对于大多数的软外壳，是没有影响的，完全是通用的，只有极少数的精密型硬外壳， 则适用于iPhone6 Plus 的外壳可能无法给iPhone6s plus用，但反过来肯定是可以用的。</t>
  </si>
  <si>
    <t>iPhone 6s plus 比 iPhone 6 plus 要大些</t>
  </si>
  <si>
    <t>八角是茴香吗</t>
  </si>
  <si>
    <t>不是，八角是八角，茴香是茴香，都可以当佐料用来调味。</t>
  </si>
  <si>
    <t>茴香有大茴香、小茴香、和球茎茴香三种。八角为木兰科植物的效果，是热带地区广泛作为香料的材料抗炎、镇痛等功效。大茴香还被人叫作大料或八角。</t>
  </si>
  <si>
    <t>不是，八角是八个角的东西，茴香是很小的一种米那么大的颗粒状 。</t>
  </si>
  <si>
    <t>茴香还分大茴香和小茴香，大茴香就是八角，全名八角茴香，小茴香是差不多像孜然一样的。</t>
  </si>
  <si>
    <t>扭扭车对小孩子脚部发育会不会有影响</t>
  </si>
  <si>
    <t>扭扭车好像没听说过有问题，只听说学步车是最好不要用 容易成罗圈腿的，还有尿不湿少兜，也是容易罗圈腿的</t>
  </si>
  <si>
    <t>儿童能用成人洗发水吗</t>
  </si>
  <si>
    <t>小孩子尽量不要用成人洗发水</t>
  </si>
  <si>
    <t>最好不用，小孩的皮肤很敏感的，对小孩皮肤不太好，还是选择儿童专用的好</t>
  </si>
  <si>
    <t>baby时期坚决不可，十来岁应该没啥大问题</t>
  </si>
  <si>
    <t>理论上是可以的，只要你能确保液体不会流到孩子眼睛里。因为孩子用的洗发水通常是“无泪配方”，就是不会对眼睛有刺激。大人的就没那么讲究，辣到眼睛忍一下也就过了，所以成人洗发水一般不会做成无泪的，以降低成本或者提升效果。辣眼睛真的不好受，蓝瘦香菇。还是买注明“无泪配方”的洗发水给小孩子用吧。</t>
  </si>
  <si>
    <t>十几岁以后吧。太小受不了。</t>
  </si>
  <si>
    <t>洗发水、沐浴露对皮肤刺激都不大，但属于碱性的，孩子主要是眼睛里怕进入，所以哭闹。3岁以前最好使用婴幼儿用品，3岁后孩子有自我保护能力，就无所谓了。</t>
  </si>
  <si>
    <t>淘宝多发货要还吗</t>
  </si>
  <si>
    <t>应退还，否则承担法律责任。</t>
  </si>
  <si>
    <t>痔疮可以汗蒸吗</t>
  </si>
  <si>
    <t>可以汗蒸的。治疗首先要保持大便通畅，进食易消化、少含渣滓的食物。饮食应粗细搭配，少饮浓茶、咖啡、酒类及少进辛辣食物，以减少对肛管的刺激。便后要温水坐浴，局部应用痔疮栓或痔疮膏。也可以选择手术的方法治疗。可以用温水、中药或者高锰酸钾坐浴，坐浴目的是促进肛门局部的血液循环，可起到消炎、止痛、清洁的作用。可以准备一个肛肠康复包，里面有肛部水疗器放到马桶上帮助坐姿完成熏蒸坐浴，保证时间。手持式卫洗丽帮助每次便后用水清洗，不仅能有效清除肛门皱褶内残留的粪便和病菌，保持肛门部清洁，还不会刺激到肛周的皮肤；无痛透气垫帮助悬空透气肛门。</t>
  </si>
  <si>
    <t>可以，蒸房功效非常好。</t>
  </si>
  <si>
    <t>信用卡还款收手续费吗</t>
  </si>
  <si>
    <t>全额还款，无手续费和利息；分期还款，每期都有一笔手续费，且需要支付万分之五的日息；最低换款额还款方式，无手续费，但是需要支付循环利息。</t>
  </si>
  <si>
    <t>信用卡还款时不需要手续费的。</t>
  </si>
  <si>
    <t>索尼z5是不是三防手机</t>
  </si>
  <si>
    <t>防水防尘防震</t>
  </si>
  <si>
    <t>此问题由【顶级便携相机】团队，水无丿月为你解答：【索尼z1】IP55级防尘，IP58级防水【索尼z2】IP55/58等级 【索尼z3】IP65等级，IP68等级【索尼z4】IP65/68级别防尘防水【索尼z5】IP68等级防尘防水【三星s5】IP67等级 【摩托罗拉xt320】IP67等级的防尘防水【摩托罗拉me525】支持IP67级防水，IP67级防尘，IP67级防刮</t>
  </si>
  <si>
    <t>索尼Xperia Z5手机的主要参数如下：手机类型：智能手机,三防手机,3G手机,4G手机</t>
  </si>
  <si>
    <t>69式爽吗</t>
  </si>
  <si>
    <t>1.69式对女方的好处：69式对妇女有很大的益处。很多男人都喜欢从背后窥视女性最隐秘的身体部位。69式能让你的伴侣从他喜欢的角度为你口.交。69式还能让你控制伴侣口舌刺激你阴.道的深度。男人能取悦你，同时你也能取悦他，可以将你们双方带入性高潮，这种姿势男人永远也不会感到力不从心。这种姿势还能给你带来传统的俯身口.交方式通常感受不到的震撼。2.69式对男方的好处：有美女给吹喇叭是所有爷们梦寐以求的美事。不过，女人为你口.交的问题是她却得不到什么。而采用69式，你们方都能得到性满足。如果女方居上，由于阴.茎勃起的角度直指她的小嘴，能自然地插.入她的口腔，这会给你带来特别的兴奋。这种角度一般除了69式之外是无法体验到的。</t>
  </si>
  <si>
    <t>个人认为很好，可以多试几个爱爱姿势。</t>
  </si>
  <si>
    <t>可以寻求一下刺激。</t>
  </si>
  <si>
    <t>6倒过来就是9，也就是彼此互玩呗</t>
  </si>
  <si>
    <t>这个也不知道，69就是你二个的身体调头，你吃他的鸡鸡，他吃你的鸡鸡</t>
  </si>
  <si>
    <t>其实69就很舒服了，如果能相互用一下舌头 一下会更舒服</t>
  </si>
  <si>
    <t>神探夏洛克可恶的新娘中国会上映么</t>
  </si>
  <si>
    <t>神探夏洛克圣诞特辑会在圣诞节前后上映，里面还会用专门为中国影迷设置的惊喜，慢慢期待吧</t>
  </si>
  <si>
    <t>上映日期: 2016-01-04(中国大陆)</t>
  </si>
  <si>
    <t>台湾买aj便宜吗</t>
  </si>
  <si>
    <t>便宜</t>
  </si>
  <si>
    <t>肯定比国内便宜很多，可以挑选的款式也非常多</t>
  </si>
  <si>
    <t>今天上了环没有什么感觉好吗</t>
  </si>
  <si>
    <t>说明你适应的比较快</t>
  </si>
  <si>
    <t>没不良反感最好了</t>
  </si>
  <si>
    <t>阿胶能直接吃吗</t>
  </si>
  <si>
    <t>可以冲服</t>
  </si>
  <si>
    <t>我连续吃了快半年了，每天都是把东阿娇当糖果吃</t>
  </si>
  <si>
    <t>阿胶可以直接吃，市场上常见的阿胶种类有阿胶浆、阿胶块，阿胶膏，阿胶是补血强身的良药，吃些对身体是很有好处的。</t>
  </si>
  <si>
    <t>原生的阿胶是一个块。呈长方形块、方形块或丁状。黑褐色，有光泽。质硬而脆，断面光亮，碎片对光照视呈棕色半透明状。气微，味微甘。没法直接吃，因为太硬了，咬不动。而且一次的摄入量也不需要那么多。一般来说都会打成粉末，然后可以冲水喝，可以做阿胶糕，或者煲汤用。</t>
  </si>
  <si>
    <t>可以的！皇妃阿胶糕不仅可以直接嚼着吃，还可以煮饭，煮汤等各种创意吃法。</t>
  </si>
  <si>
    <t>萝卜是辛辣食物吗</t>
  </si>
  <si>
    <t>绿萝卜只是口感微辣，不属于辛辣食物，</t>
  </si>
  <si>
    <t>不是，但不能吃太多了</t>
  </si>
  <si>
    <t>萝卜只是吃上去会有些很微辣的感觉,但是它不属于辛辣食品,它具有顺气的效果,也能补充人体必须的维生素.</t>
  </si>
  <si>
    <t>萝卜不属于辛辣食物。</t>
  </si>
  <si>
    <t>白萝卜是一种常见的蔬菜，生食熟食均可，其味略带辛辣味。</t>
  </si>
  <si>
    <t>html5比flash好吗</t>
  </si>
  <si>
    <t>html5相对来说更好一些，结合css3中的过渡和动画等实现基本的动画效果，相对flash来讲，文件尺寸小，关键的是利于维护和改版，只需要改动代码，而flash的话得修改源文件。</t>
  </si>
  <si>
    <t>步步高家教机能上qq吗</t>
  </si>
  <si>
    <t>只能微博和QQ还有QQ音乐</t>
  </si>
  <si>
    <t>有QQ微博不能打电话不能下载除应用商城以外的软件</t>
  </si>
  <si>
    <t>亲爱的网友您好，感谢您对步步高产品的关注和支持！在联网的状态下，是可以使用QQ功能的。</t>
  </si>
  <si>
    <t>您可以在应用商城去下载QQ哦。</t>
  </si>
  <si>
    <t>没有这个功能，系统不支持</t>
  </si>
  <si>
    <t>家教机连接WiFi之后是可以登QQ的哦。＃＃能</t>
  </si>
  <si>
    <t>蛀牙杀神经疼吗</t>
  </si>
  <si>
    <t>杀神经主要是用药物作用于牙神经，使神经失去活力。通常在早期可能会出现的药物反应，患者感到疼痛，但一般较轻．只有少数患者会出现较剧烈的疼痛。</t>
  </si>
  <si>
    <t>痛，可能还会肿。</t>
  </si>
  <si>
    <t>杀神经其实不是太疼，一般人能忍受。形象点说，医生会放药，让你没有死的神经死亡然后再把它们抽出来，神经死了，痛觉也就不存在了。</t>
  </si>
  <si>
    <t>出院记录和出院证明是一样的吗</t>
  </si>
  <si>
    <t>不完全一样，出院记录是指住院期间到出院的过程记录，出院证明则是指出院这一时间点的证明。</t>
  </si>
  <si>
    <t>医生有年假吗</t>
  </si>
  <si>
    <t>医生没有公休假，但可以调休，否则节假日就没医生看病了。</t>
  </si>
  <si>
    <t>医生没有公休假</t>
  </si>
  <si>
    <t>医生节日要放假休息的，只能看急诊，费用稍高些，如果不是很急的话，还是等节日过了再去吧。</t>
  </si>
  <si>
    <t>不能休了</t>
  </si>
  <si>
    <t>中金亿投是骗局吗</t>
  </si>
  <si>
    <t>这家公司已经被央视报道过，是个传销公司。老板肯定就是大骗子。拖欠工资的事确有其事，这和老板人品有关系以下链接供参考。</t>
  </si>
  <si>
    <t>首先这个公司肯定不属于中金系，借了个名，其次公司业务属于金融创新，既然创新风险就会很大，当然具体看项目，以我从事金融的经验来看，无风险回报如果高于8%一定是有问题的，因为要达到这以上的收益不冒风险不可能，而对于金融运作能力低的公司无风险收益会小于8%，这公司应该不属于运作能力强的公司，毕竟公司时间段，建立健全这套机制不太可能。</t>
  </si>
  <si>
    <t>国泰君安 佣金 可以调低吗</t>
  </si>
  <si>
    <t>要降低佣金，最好是找你的客户经理，比较容易谈下来。或找开户营业部的工作人员。找客服的话，就比较难了，毕竟客服一般没有权限调整佣金。</t>
  </si>
  <si>
    <t>直接找他们经理 说出自己的想法 现在证券公司那么多 他不愿意就转到其他公司 就说我今天遇到了那家证券公司的 我还想在这里做 希望你能把佣金调低 要不然就转户</t>
  </si>
  <si>
    <t>交易所默认佣金是千分之三的，您可以让开户营业部帮您调佣金的，一般佣金是跟资产量挂钩的，资产量越大，佣金越低，但也有最低佣金标准的。</t>
  </si>
  <si>
    <t>在国泰君安开的账户，不管是拿1万玩玩，还是更多资金，佣金肯定是可以改的，至于能降到多少，需要你自己和国泰的人协商。</t>
  </si>
  <si>
    <t>媳妇出轨可以原谅吗</t>
  </si>
  <si>
    <t>妻子出轨，不管你们是否还要继续这段婚姻，你都要学会原谅她，原谅她曾给你带来的伤害，原谅她作为一个独立的个体去追求她自己想要的生活。</t>
  </si>
  <si>
    <t>要看她是心出轨还是身体出轨了，如果心已经变了原谅了也没有用，还是会出轨的，有了一次就会有无数个一次</t>
  </si>
  <si>
    <t>如果是有你不关心的原因的话，我想能原谅的，原谅与否也是要看本质的，如果是莫名其妙的原因的话，那么很遗憾的告诉你，类似的事情还会发生。</t>
  </si>
  <si>
    <t>不能原谅，底线问题</t>
  </si>
  <si>
    <t>感觉，这种背叛，是有点原谅不好，如果将就，不是很爱妻子就是为了孩子考虑的。要是对方能改，你觉得还可以过下去，那就原谅，不行就离了。</t>
  </si>
  <si>
    <t>火星上有没有生命</t>
  </si>
  <si>
    <t>至少，按照科学探测的局部地区不存在生命</t>
  </si>
  <si>
    <t>火星上没有生命。。</t>
  </si>
  <si>
    <t>目前没发现有生命存在</t>
  </si>
  <si>
    <t>小孩接种本丢失能不能在外地补办</t>
  </si>
  <si>
    <t>　一、接种本可以在外地补办，但需要具备以下的条件：1、外地（即你现在的居住地）与之前（原户籍）的办理的接种疫苗点是否有“信息联网”。2、到外地后，是否已经将之前的接种疫苗信息补录到新点的电脑中。外地具备以上的条件，就可以凭父母与小孩的有效身份证证件（身份证、户口簿）进行核对有效方可补办；如果没有，只能回到户口所在地，申请补办。</t>
  </si>
  <si>
    <t>小孩子的防疫本丢失，需要在老家户口所在地补办</t>
  </si>
  <si>
    <t>不慎将其损坏或丢失，可以补办，家长可携带相关证件到原接种地办理</t>
  </si>
  <si>
    <t>这个需要问当地的防疫部门，应该能很好办的</t>
  </si>
  <si>
    <t>唯品会不支持支付宝吗</t>
  </si>
  <si>
    <t>用支付宝账号登录，是可以用支付宝付款的</t>
  </si>
  <si>
    <t>唯品会现在和微信合作了，把支付宝踢了</t>
  </si>
  <si>
    <t>可以进行使用的</t>
  </si>
  <si>
    <t>淘宝和唯品会以及京东之类的都是竞争对手，支付宝是淘宝老板马云的，所以很多其他购物网站都不支持支付宝付款，他们是竞争对手。所以还是用网银吧。</t>
  </si>
  <si>
    <t>是的，现在取消了 你可以用银行卡付款的</t>
  </si>
  <si>
    <t>客厅吊顶还压石膏线吗</t>
  </si>
  <si>
    <t>想压也是可以的</t>
  </si>
  <si>
    <t>正常不需要，只有做欧式风格需要装石膏线</t>
  </si>
  <si>
    <t>不要石膏线，若想造形就要，或是用专用线条</t>
  </si>
  <si>
    <t>不一定非得安装棚线，看个人喜好 按不按其实效果不大。</t>
  </si>
  <si>
    <t>遵从自己的内心爱好，吊顶可以用石膏板，也可只刮瓷，也可以贴石膏线，贴石膏线刮瓷用的比较多，经济，简洁，大气。</t>
  </si>
  <si>
    <t>alimama文件夹能删吗</t>
  </si>
  <si>
    <t>即使是空的也不要去删除</t>
  </si>
  <si>
    <t>乐视tv 好用吗</t>
  </si>
  <si>
    <t>电视挺好的，质量也不错系统反应快，外观美丽大方</t>
  </si>
  <si>
    <t>边框发热严重，自动重启，四角漏光，开机广告</t>
  </si>
  <si>
    <t>性价比感觉不是一般的高，这款电视有蓝牙功能。</t>
  </si>
  <si>
    <t>乐视TV不错，还带3年乐视VIP会员 很划算</t>
  </si>
  <si>
    <t>还可以啊，片子比较多，而且更新也还挺快，要不喜欢还可以用下风行，也还可以</t>
  </si>
  <si>
    <t>有没有小三阳妈妈母乳,宝宝阻断成功的</t>
  </si>
  <si>
    <t>不可以的，会传染给孩子</t>
  </si>
  <si>
    <t>阻断不了</t>
  </si>
  <si>
    <t>不在户口所在地可以离婚吗</t>
  </si>
  <si>
    <t>目前还要到结婚登记的地方办理</t>
  </si>
  <si>
    <t>根据《民事诉讼法》的规定，你是可以直接向你所在地的基层人民法院起诉离婚的，但是必须提供暂住证</t>
  </si>
  <si>
    <t>离婚是去一方经常居所地离婚的。必须要是有居住一年以上的才可以认为是经常居住地。要提供暂住证的。</t>
  </si>
  <si>
    <t>您好，不可以。你只能到对方户籍所在地基层法院或是对方在鄂尔多斯居住满一年的话，你也可以到那起诉。</t>
  </si>
  <si>
    <t xml:space="preserve">必须双方亲自到一方户口所在地的婚姻登记管理机关申请离婚登记。当事人从取得离婚证起，解除夫妻关系。 </t>
  </si>
  <si>
    <t>股权是否代持</t>
  </si>
  <si>
    <t>股权代持又称委托持股、隐名投资或假名出资，是指实际出资人与他人约定，以该他人名义代实际出资人履行股东权利义务的一种股权或股份处置方式。在此种情况下，实际出资人与名义出资人之间往往仅通过一纸协议确定存在代为持有股权或股份的事实。</t>
  </si>
  <si>
    <t>股权代持又称委托持股、隐名投资或假名出资，是指实际出资人与他人约定，以该他人名义代实际出资人履行股东权利义务的一种股权或股份处置方式。</t>
  </si>
  <si>
    <t>代持股份在法律上属于隐名股份，是受法律保护的，但仅在实际拥有人和代持人有效，对外是代持股东要承担责任</t>
  </si>
  <si>
    <t>股权代持风险可以从两个方面来说：对隐名股东（实际出资人）的风险　　股权代持协议被认定无效：公务员为规避身份障碍委托他人代为持股，该代持协议很可能以“以合法形式掩盖非法目的”的情形而被认定无效。　　显名股东滥用股东权利：滥用股份转让权、资产收益权、股东会临时召集请求权或自行召集权、参与重大决策权和选择管理者的权利、公司剩余财产分配权等。对被持股公司的风险　　公司在资本市场融资面临法律障碍：IPO或新三板挂牌均要求公司股权清晰，若在上市或挂牌前未进行充分的信息披露，并采取必要的措施把问题解决掉，可能会对上市或挂牌造成法律障碍；即便上市或挂牌成功，代持现象被发现也会面临被证监会或股转公司调查或处罚的风险。</t>
  </si>
  <si>
    <t>韩国买雅漾便宜吗</t>
  </si>
  <si>
    <t>去韩国的话 到那里的免税店里买，因为是免关税的 所以非常便宜的~！新罗免税店 和 乐天免税店 韩国两大免税店里都有卖的！</t>
  </si>
  <si>
    <t>雅漾还行</t>
  </si>
  <si>
    <t>泰国香米好吃吗</t>
  </si>
  <si>
    <t>还不错的！！</t>
  </si>
  <si>
    <t>泰国香米，我觉得也很一般。</t>
  </si>
  <si>
    <t>头孢能外用吗</t>
  </si>
  <si>
    <t>可以外用，我伤口化脓的时候，我就用淡盐水或医用酒精，将伤口洗干净，然后在伤口上散上头孢，我认为很管用</t>
  </si>
  <si>
    <t>可以外用，清洗干净的伤口上散放一点头孢粉末在患处有很好的消炎作用</t>
  </si>
  <si>
    <t>是片剂磨成的粉洒在伤口上的么，那样最好不要用了，虽然头孢也是消炎的但是片剂本身就不是外用的它不可能让皮肤吸收药效反而会起反作用</t>
  </si>
  <si>
    <t>不可以使用头孢拉定外用，容易造成细菌耐药</t>
  </si>
  <si>
    <t>头孢也是可以外用的</t>
  </si>
  <si>
    <t>头孢类药物使用前要做过敏试验的，如果没有头孢类药物过敏史，是可以用的。</t>
  </si>
  <si>
    <t>消炎药是不能随便外用的，容易引起耐药性菌株的产生。</t>
  </si>
  <si>
    <t>小红点好用吗</t>
  </si>
  <si>
    <t>没有鼠标的时候，用习惯了。比触摸板好用.</t>
  </si>
  <si>
    <t>地城之光职业任务要做吗</t>
  </si>
  <si>
    <t>美罗国际是不是传销</t>
  </si>
  <si>
    <t>小心为好</t>
  </si>
  <si>
    <t>美罗的实质就是传销</t>
  </si>
  <si>
    <t>中国属于亚热带气候类型吗</t>
  </si>
  <si>
    <t>亚热带，温带</t>
  </si>
  <si>
    <t>总体讲由北到南依次为寒温带，中温带，暖温带，亚热带，热带。秦岭淮河线是温带与亚热带的分界线</t>
  </si>
  <si>
    <t>都有，中国很大，各种气候类型都有</t>
  </si>
  <si>
    <t>中国北方地区是温带季风气候，南方地区是亚热带季风气候</t>
  </si>
  <si>
    <t>中国北方地区是温带季风气候，南方地区是亚热带季风气候，西北地区是温带大陆性气候，青藏地区是高山高原气候。有温带季风气候,亚热带季风气候,温带大陆性气候,高山气候</t>
  </si>
  <si>
    <t>中国亚热带：是指秦岭淮河以南大部分地区。</t>
  </si>
  <si>
    <t>自慰会不会长不高</t>
  </si>
  <si>
    <t>这个不会，但频繁手淫可以使副交感神经兴奋，阴茎勃起，使前列腺反复充血，细菌滋生，引起炎症, 建议你以后适度手淫，正常手淫频率15天一次。</t>
  </si>
  <si>
    <t>会的。激素少了，抑制长高。</t>
  </si>
  <si>
    <t>一般不会影响身高！长期手淫会导致泌尿系的感染，比如：尿道炎，包皮龟头炎等！这时会有腰酸和尿急，尿频，尿痛等表现！</t>
  </si>
  <si>
    <t>和自慰没有关系，个子是遗传多。</t>
  </si>
  <si>
    <t>身高是由很多因素决定的，比如基因、营养等，手淫只能说算其中一种，有的人手淫了几年都还有一米八，只是样貌猥琐、骨瘦如柴罢了。＃＃这个是不会影响的，而且还会促进女性激素的分泌，就像别人说被滋润过一样，只是不能过于频繁，注意卫生就可以了，不懂私密我也得</t>
  </si>
  <si>
    <t>柠檬水是凉性的吗</t>
  </si>
  <si>
    <t>柠檬性温、味苦、无毒，具有止渴生津、祛暑安胎、疏滞、健胃、止痛等功能</t>
  </si>
  <si>
    <t>柠檬性平寒、味酸，有生津止渴、解暑开胃、消滞安胎等功效，能帮助消化、清理肠胃、促进食欲。</t>
  </si>
  <si>
    <t>柠檬性平，温热性食物大多具有温中、助阳、散寒等作用，常用于寒性病证。</t>
  </si>
  <si>
    <t>中医认为，柠檬性温（平）、味苦、无毒，具有止渴生津、祛暑、疏滞、健胃、止痛等功能。</t>
  </si>
  <si>
    <t>柠檬应该是属于寒性（凉性）的，含有丰富的烟酸、有机酸，有利于调节人体的酸碱度。柠檬片泡水喝可以补充丰富的维生素C，有清火、美白皮肤，抗氧化，减缓人体衰老的作用。</t>
  </si>
  <si>
    <t>不热不凉.中性</t>
  </si>
  <si>
    <t>cf戒指有用吗</t>
  </si>
  <si>
    <t>没有任何好处</t>
  </si>
  <si>
    <t>可以给你的游戏增加多种多样的属性</t>
  </si>
  <si>
    <t>目前戒指拥有基础属性和附加属性2种。</t>
  </si>
  <si>
    <t>增加经验</t>
  </si>
  <si>
    <t>可以增加您的游戏属性哦，运气好的话你用饰品判决书可洗到5星的牛逼属性哦！</t>
  </si>
  <si>
    <t>佛山车牌办理要求居住证的期限吗</t>
  </si>
  <si>
    <t>必须持有佛山市有效期一年以上的居住证，才能办理车辆入户、上牌手续。只要有效期一年的居住证即可，不需要住满一周年。</t>
  </si>
  <si>
    <t>办理佛山市居住证有效期一年以上的居住证，可以在佛山市办理购车上牌手续，不用住满一周年。</t>
  </si>
  <si>
    <t>有居住证证就可以申请上车牌</t>
  </si>
  <si>
    <t>为消除“上的是佛山牌照，却是外地人在外地开车”的现象，佛山市出台了《非佛山户籍人员办理车管业务最新规定》。按照该规定，2013年1月28日开始，非佛山户籍人员在佛山办理车辆注册登记、转移登记业务需核实居住证。而此前只需提交居住证就可以办理，无需核实真假。佛山市车管所相关负责人表示，这项规定出台，与广州限购令后不少广州客以假居住证到佛山上牌有关。除了核实居住证外，其它办证要求按国家政策规定执行。</t>
  </si>
  <si>
    <t>信用卡能交房租吗</t>
  </si>
  <si>
    <t>一般情况下，信用卡是通过刷卡来实现消费的，所以如果房东有POS机（刷卡机）就可以。</t>
  </si>
  <si>
    <t>得保证房东，或租房中介可以刷卡，那就可以用信用卡。</t>
  </si>
  <si>
    <t>信用卡付房租有很多种方法，下面简单罗列几种：1）拿信用卡去银行网点取现金；（不建议。此方法对信用卡本身是有影响的，而且取现费率较高，不容易提额，经常取现的话银行会认为没钱没啥偿还能力所以会有降额的风险）；2）房东有POS机，这种情况的话直接拿卡去房东那刷就好了（不过也得考虑费率，手续费太高了也不行）；3）自己有POS机（市场上的立刷机或跳码机等）刷出来拿给房东或转账；（这个好放心，不过自己买的一些POS不安全，有风险）4）第三方平台；比如租金易，只要微信关注公众号就可以了，也可以自己度娘一下，官网也行，在平台添加房东的银行账号和绑定自己的信用卡直接付房租就OK，简单方便。</t>
  </si>
  <si>
    <t>可以的，房租宝贝等平台可以支付。</t>
  </si>
  <si>
    <t>看房东有没有刷卡机。</t>
  </si>
  <si>
    <t>信用卡是可以用来支付房租的，不过要找到合适的平台才能付。</t>
  </si>
  <si>
    <t>上海动物园有大熊猫吗</t>
  </si>
  <si>
    <t>上海西郊动物园即上海动物园是有熊猫的上海动物园现有面积约74公顷，饲养展出各类稀有珍贵野生动物400余种6000多只（头）。其中有世界闻名的有着〝国宝〞和〝活化石〞之称的大熊猫，以及金丝猴、华南虎、扬子鳄等我国特产珍稀野生动物，还有世界各地的代表性动物如大猩猩、非洲狮、长颈鹿、北极熊、袋鼠、南美貘等。</t>
  </si>
  <si>
    <t>一般省会城市的动物园和多数野生动物园都有大熊猫的，例如济南动物园及野生动物园、上海动物园及野生动物园</t>
  </si>
  <si>
    <t>其实很多地方都有的。上海动物园就有</t>
  </si>
  <si>
    <t>上野有熊猫，还是国内熊猫数量最多的动物园，还十年时间养死了五只大熊猫，厉害吧，呵呵！你知道要是在国外有动物园养死了熊猫是多大的事吗？一国首脑出来道歉都是有的。真不知道这样的恶名昭著的动物园怎么还忍心继续迫害国宝们，良心安吗？</t>
  </si>
  <si>
    <t>去年九月份去的，没有熊猫。有狮子、老虎、大象等。是乘大巴车观看的。</t>
  </si>
  <si>
    <t>c1驾驶证能开农用车吗</t>
  </si>
  <si>
    <t>C1可以开农用车，因为C1照准驾车型是包括C2,C3,C4 驾驶证,其中C3，照是四轮农用运输车照，C4 是三轮农用运输车照。</t>
  </si>
  <si>
    <t>C1可以开蓝牌的130卡车，6轮的农用车当然可以开。</t>
  </si>
  <si>
    <t>1挂有蓝色拍照的车辆。一般来说是挂有蓝色牌照的小型车辆，C1驾照都能开。2手动档或自动档的9座(含9座)以下的小型面包车、商务车C1驾照也能开。如果是9座以上的车辆就不能开了，有的车辆是9座以上，但挂着蓝牌，C1驾照也不能开。3所有的小型自动挡或手动挡轿车C1驾照都能开，这是C1驾照基本的准驾车辆。4轻、小、微型专项作业车C1驾照也可以开。但专项作业车需要经过相关部门批准才可以驾驶。5一般的轻型、微型1.5吨以下载货汽车C1驾照可以开。货车总长度不能超过6米。</t>
  </si>
  <si>
    <t>有的农机牌子的是能开的</t>
  </si>
  <si>
    <t>仿瓷墙面能贴壁纸吗</t>
  </si>
  <si>
    <t>可以贴，不过现在市面上有液体壁纸，俗称滚花漆，做出来比壁纸效果要好。</t>
  </si>
  <si>
    <t>如果墙面平整，干净是可以直接刷基膜贴壁纸的。</t>
  </si>
  <si>
    <t xml:space="preserve">  仿瓷墙面要先打磨平整再上基膜，再贴壁纸。</t>
  </si>
  <si>
    <t>仿瓷墙面可以贴壁纸，前提是必须清理干净，不能有灰尘和油污等。</t>
  </si>
  <si>
    <t>不可以。我们通常不建议仿瓷墙面直接贴壁纸。</t>
  </si>
  <si>
    <t>可以贴，专业贴壁纸的有一基膜，把墙刷一遍封闭起来，就可以贴了。</t>
  </si>
  <si>
    <t>可以但是不会太牢固的。</t>
  </si>
  <si>
    <t>按照墙纸的施工要求这是不可以的。1、墙上刷过仿瓷涂料，墙面平整，漆膜面完好，那么再刷一遍底漆，就可以贴墙纸了，其实按照墙纸的施工要求这是不可以的，因为仿瓷涂料最优秀的特点就是涂层具有优异的耐水、耐碱、耐油、耐盐及耐其它介质的性能，在这样的情况下，壁纸胶的作用就会大打折扣。所以最好把仿瓷涂料铲掉，不然的话，墙纸后期局部会出现脱落的可能性比较大。如果只简单打磨下就贴的话，过一年多点，壁纸还是要掉的。</t>
  </si>
  <si>
    <t>西安适合居住吗</t>
  </si>
  <si>
    <t>交通便利，环境很好，非常适合居住。</t>
  </si>
  <si>
    <t>那得看你习惯怎样。冬天有点冷,在北方省会里算是比较靠南的,没北京冷,天气有点干燥。春天短很,冬天似乎紧接着夏天,不过跟北京比就很少有沙尘天气。夏天燥热,没成都那么闷,也没北京热岛效应大,但也够热,跟武汉南京重庆之类的火炉差不了多少。秋天,本人认为是最好的吧,秋高气爽,秋老虎过后,下雨也多点,而且果期有不少水果吃，就看你怎么适应了,毕竟古时那么多朝代建都,你说会差吗?</t>
  </si>
  <si>
    <t>首先，从经济和教育、医疗、交通等方面来说，成都是比西安要好的，楼主可以上网去查，具体就不赘述了，总之成都各方面的城市硬件要比西安先进。这一局成都胜。</t>
  </si>
  <si>
    <t>巧克力可以治感冒吗</t>
  </si>
  <si>
    <t>男人吃巧克力可以起抗感冒的作用，巧克力能促使男性免疫系统产生一种名为“免疫球蛋白A”的强劲抗体，存于唾液中，能对付感冒。</t>
  </si>
  <si>
    <t>不能、从来没听说它有这功效</t>
  </si>
  <si>
    <t>因为巧克力可以诱发身体的免疫系统产生抗体，有助抵抗感染伤风感冒等小毛病。</t>
  </si>
  <si>
    <t>肯定不会 就算是好了 也不是吃这个吃好的</t>
  </si>
  <si>
    <t>吃巧克力是不可以治感冒的。建议喝姜糖水、葱白生姜大蒜水等，注意不要吃肥腻食物，饮食宜清淡，多喝开水。</t>
  </si>
  <si>
    <t>丙肝能自愈吗</t>
  </si>
  <si>
    <t>最可靠是中草药治疗可以治愈！</t>
  </si>
  <si>
    <t>夺宝大咖是真的假的</t>
  </si>
  <si>
    <t>是真的,但是你永远不会拿奖,就是这么简单.</t>
  </si>
  <si>
    <t>那玩意儿，我用了一天，花了11块钱就卸掉了，没意思，感觉就像是骗人的。</t>
  </si>
  <si>
    <t>这是骗子。千万不要</t>
  </si>
  <si>
    <t>不要相信游戏上面给的任何实物礼品什么的，小心被诈骗</t>
  </si>
  <si>
    <t>盘锦有地震吗</t>
  </si>
  <si>
    <t>有啊，1999年冬天就发生一回。</t>
  </si>
  <si>
    <t>最近没有。</t>
  </si>
  <si>
    <t>地震了，据说4.3级，震中在营口大石桥那片。</t>
  </si>
  <si>
    <t>微博可以发广告吗</t>
  </si>
  <si>
    <t>新浪微博能发布广告</t>
  </si>
  <si>
    <t>能发广告，但如果被举报可能会被封号的。</t>
  </si>
  <si>
    <t>微博发广告要注意频次，不要全是广告，很容易丢失粉丝。</t>
  </si>
  <si>
    <t xml:space="preserve">微博 设置 添加模块 输入连接网站域名 保存 </t>
  </si>
  <si>
    <t>发广告是可以的，只要粉丝喜欢。</t>
  </si>
  <si>
    <t>变更机动车所有人信息和过户是一回事吗</t>
  </si>
  <si>
    <t>车辆变更所有人跟过户是一个性质，车辆过户就是把车辆所属人的名称变更。</t>
  </si>
  <si>
    <t>车辆变更所有人就需要办理车辆过户，需要带车辆登记证书，车辆行驶证，双方身份证</t>
  </si>
  <si>
    <t>对，车辆变更和过户的手续都是一样的。</t>
  </si>
  <si>
    <t>过户是指机动车产权发生转移， 变更只是所有人的名称变更。变更不需换号的，过户是需要换号的。</t>
  </si>
  <si>
    <t>没有区别，意思相同。每辆汽车都有一个固定的户口，就像我们人一样，汽车户口主要登记着汽车所有者和住址，以及相关的一些汽车参数。过户的汽车证明这台汽车属于你本人及没有肇事和违章，不过户一般车子有点问题，比如汽车肇事，没有参加年检，偷盗车辆，走私车辆等，不能按正常手续过户。</t>
  </si>
  <si>
    <t>发烧可以吃皮蛋瘦肉粥吗</t>
  </si>
  <si>
    <t>发烧最好吃清淡的 最好是白粥 瘦肉也可以放一点 但是皮蛋就不要放</t>
  </si>
  <si>
    <t>可以的，比较容易消化。</t>
  </si>
  <si>
    <t>浅灰亚麻色头发 会越洗越灰吗</t>
  </si>
  <si>
    <t>不太可信的</t>
  </si>
  <si>
    <t>正常来说是会越洗越黄的，因为亚洲人头发的基础色属于黄色系</t>
  </si>
  <si>
    <t>经过好多人的染发经验染了亚麻色的头发是越洗越偏黄。</t>
  </si>
  <si>
    <t>这个只会越洗越非主流那种黄的 楼主被骗＃＃只会越洗越黄</t>
  </si>
  <si>
    <t>技嘉p43-us3l主板支持四核cpu吗</t>
  </si>
  <si>
    <t>这款主板是775针的，理论上只要接口相同的市面有的cpu基本都可以支持</t>
  </si>
  <si>
    <t>最好的CPU当然是4核的Q8300和Q9500系列的。</t>
  </si>
  <si>
    <t>没问题。完美兼容。装上就能直接用了。</t>
  </si>
  <si>
    <t>这个是支持的，放心上吧！</t>
  </si>
  <si>
    <t>这款主板可有带起的</t>
  </si>
  <si>
    <t>法院拍卖的厂房能买吗</t>
  </si>
  <si>
    <t>可以。自己实地了解清楚情况，并查看过拍卖资料，觉得价格合适的，可以参加竞拍。</t>
  </si>
  <si>
    <t>最好不要参与法院拍卖的房产，以后会很麻烦的。</t>
  </si>
  <si>
    <t>可以购买。</t>
  </si>
  <si>
    <t>可以的，如果不介意二手房的话，是个不错的选择，而且安全可靠</t>
  </si>
  <si>
    <t>能。只要那场拍卖会没规定一定要法人参加。</t>
  </si>
  <si>
    <t>法院拍卖的房子能买</t>
  </si>
  <si>
    <t>可以但是请注意。司法拍卖房是指被法院强制执行的房产。当债务人无力履行按揭合同或者无法清偿债务时，被债权人经由各种司法程序向法院申请强制执行，将债务人名下房屋拍卖，以拍卖所得价金满足债权。</t>
  </si>
  <si>
    <t>只要符合本次拍卖的规定购买条件，都是可以购买的。</t>
  </si>
  <si>
    <t>地狱火 阿里斯塔 有特效吗</t>
  </si>
  <si>
    <t>特效挺好看不过就只有Q是特效，Q下去地面会喷岩浆</t>
  </si>
  <si>
    <t>没有，就是模型好看点</t>
  </si>
  <si>
    <t>Q明显有特效，这皮肤蛮帅的</t>
  </si>
  <si>
    <t>无特效</t>
  </si>
  <si>
    <t>牛头的地狱火皮肤是没有多少特效的，也不是很好看</t>
  </si>
  <si>
    <t>牛头这个英雄，没有技能特效的皮肤</t>
  </si>
  <si>
    <t>地狱火阿利斯塔特效：Q技能带有特效</t>
  </si>
  <si>
    <t>利君沙是抗生素吗</t>
  </si>
  <si>
    <t>利君沙是静止期抑菌剂</t>
  </si>
  <si>
    <t>利君沙属于红霉素族，不含青霉素的。</t>
  </si>
  <si>
    <t>返利网对淘宝卖家有影响吗</t>
  </si>
  <si>
    <t>返利其实就是相当于给买家折扣，其好处和付出也是一样的。返利的好处：能够促进部分买家的购物行动。</t>
  </si>
  <si>
    <t>盗版升级win10好吗</t>
  </si>
  <si>
    <t>同房三天能测出怀孕吗</t>
  </si>
  <si>
    <t>不能，怎么也得十天以后才能的。</t>
  </si>
  <si>
    <t>晚上能用乳液吗</t>
  </si>
  <si>
    <t>虽然它有一定的滋效果，但是一般的都含有一定的油性。所以在晚上用不太好，晚上最好是用一些专用的晚霜，如果没晚霜，可以只用一些清爽的爽肤水或是保水的乳液类，因为皮肤在晚上需要更好的休息，防晒霜不能使皮肤得到更好的呼吸。</t>
  </si>
  <si>
    <t>我们人的皮肤每天早晚都要用基础护肤品，这些里面就包含有洗面奶，水，乳，这些都是必要的，晚上睡前使用是最好的，因为晚间的吸收能力会比白天更好，可以在睡眠中修复你白天受损的肌肤，让皮肤恢复活力，要是常期使用的话，你可以和同年的不使用的朋友比较下，就会发现有所区别。</t>
  </si>
  <si>
    <t>虽然它有一定的滋效果，但是一般的都含有一定的油性。所以在晚上用不太好，晚上最好是用一些专用的晚霜，如果没晚霜，可以只用一些清爽的爽肤水或是保水的乳液类，因为皮肤在晚上需要更好的休息，防晒霜不能使皮肤得到更好的呼吸。可能你在买的时候，导购会对你说这个产品有一大堆的功效，但是，她只是为了把东西卖给你，你不要太相信，还有皮肤的最佳吸收时间是在夜里的十点到凌晨两点。白天用了护肤霜，晚上一定要洗掉，因为这时，你的脸上已经有一层厚厚的灰尘和油质，皮肤已经是累坏了。你说，这时最该做的是什么？对了，就是洗脸，别忘了洗完脸时擦化妆水最好是用化妆棉，化妆棉可以帮你再一次清洁皮肤。希望对你有所帮助。</t>
  </si>
  <si>
    <t>觉得乳液不错，在之前作个面膜就更好了，而且乳液相对来说不容易阻塞毛孔，个人认为液比霜要好很多。</t>
  </si>
  <si>
    <t>是要的啊乳液擦玩了最好在用个保湿霜</t>
  </si>
  <si>
    <t>乳液、面霜的使用不分早晚，但要根据肤质和季节使用。</t>
  </si>
  <si>
    <t>澳洲人真的吃保健品吗</t>
  </si>
  <si>
    <t>当地人喜欢吃保健品的。</t>
  </si>
  <si>
    <t>一个人能签两份劳动合同吗</t>
  </si>
  <si>
    <t>应该没有问题吧</t>
  </si>
  <si>
    <t>一个人只能签一份劳动合同，如果签了二份，后者无效，第二份可签劳务合同。</t>
  </si>
  <si>
    <t>一个人，只能签订一份劳动合同。如果劳动者签订两份签合同的，那么任何一方单位有权终止劳动合同。＃＃根据《劳动法》等相关的法律规定，一个人是不能签订两份劳合同的，更不能交纳两份社会保险。你可以和一家单位签订合同，另一家单位不签订劳动合同。</t>
  </si>
  <si>
    <t>如果用人单位不知道或者不明确反对，你是可以签订两份合同的但是如果因此而影响一方的工作任务，此方有权单方面解除与你的合同如果乙方单位知悉情况，明确要求你放弃另一工作，你拒不改正，他也将有权单方面解除合同上述两种情况下企业不必支付解除合同的经济补偿金</t>
  </si>
  <si>
    <t>《劳动合同法》的规定，当你尚未与原单位解除劳动合同关系而又去另一单位工作，被原单位发现，他们可以与你终止劳动合同关系，并可以要求赔偿相应的损失。一个人只能签一份劳动合同，如果签了二份，后者无效，第二份可签劳务合同。</t>
  </si>
  <si>
    <t>不可以，法律是不允许的，而且到时候你的权益也无法得到保障。如果因为这个出现劳动纠纷，劳动部门是不会向着你的。签订两份劳动合同是违法劳动合同法的。</t>
  </si>
  <si>
    <t>一个人只能签一份劳动合同，如签订两份合同，则参照《劳动合同法》第三十九条</t>
  </si>
  <si>
    <t>一个人只能签一份劳动合同</t>
  </si>
  <si>
    <t>你好，一个人是否可以和两个法人单位签订劳动合同并且购买两份保险，法律并未作明确规定。应当根据具体情况来判断。我国《劳动合同法》第十二条规定：“劳动合同分为固定期限劳动合同、无固定期限劳动合同和以完成一定工作任务为期限的劳动合同。”第十五条规定：“以完成一定工作任务为期限的劳动合同，是指用人单位与劳动者约定以某项工作的完成为合同期限的劳动合同。用人单位与劳动者协商一致，可以订立以完成一定工作任务为期限的劳动合同。”如果你是以完成一定工作任务为期限的劳动合同，只要不影响合同的完成，你跟多个单位订都是可以的。</t>
  </si>
  <si>
    <t>狗肉吃了会上火吗</t>
  </si>
  <si>
    <t>气候炎热.干燥吃狗肉就容易上火</t>
  </si>
  <si>
    <t xml:space="preserve">会的. </t>
  </si>
  <si>
    <t>狗肉好吃、又便宜才12元一公斤的活狗，多合算，我这个夏天吃了N次都不会上火</t>
  </si>
  <si>
    <t>狗肉是大补之品，无论什么时间吃都 是可以的，不存在上火不上火的问题</t>
  </si>
  <si>
    <t>狗肉狗肉性味咸、温，热性较大，容易上火</t>
  </si>
  <si>
    <t>是的，吃狗肉是可以引起上火的，但是少量的使用可以使安全的，不用担心，多喝水也是可以避免上火的，</t>
  </si>
  <si>
    <t>海鲜寄生虫多吗</t>
  </si>
  <si>
    <t>海鲜店有寄生虫是肯定的，但是海鲜都是加热吃的，高温几乎杀死了寄生虫。</t>
  </si>
  <si>
    <t>生海鲜都会有寄生虫，熟的在做的过程中会起到高温杀菌的效果，所以熟海鲜不会有寄生虫。</t>
  </si>
  <si>
    <t>基本上所有的肉食类都有寄生虫，海鲜生鱼片也有，不过都是可以杀死的。</t>
  </si>
  <si>
    <t>奶粉胀袋能喝吗</t>
  </si>
  <si>
    <t>包装没有破损的情况下，是没有问题的。</t>
  </si>
  <si>
    <t>罐装奶粉出现胀气就不要再喝了，即使没有过保质期也不能喝了，以免对孩子健康带来危害</t>
  </si>
  <si>
    <t>阿胶是否可以长期吃</t>
  </si>
  <si>
    <t>可以。但需要注意脾胃虚弱证的、消化不良的、上火的、女性经期、5岁以下儿童不要服用。</t>
  </si>
  <si>
    <t>需要看体质，阴虚体质的人可以长期服用。</t>
  </si>
  <si>
    <t>如果有病史的话可以遵医嘱，消化系统不好的适量服用，女性经期不适于服用，比较小的孩子不适合服用，除了以上几种，东阿阿胶是完全适合长期服用的。</t>
  </si>
  <si>
    <t>阿胶补血滋阴，润燥，止血。可以长期服用。</t>
  </si>
  <si>
    <t>胶补血滋阴，润燥，止血。用于血虚萎黄，眩晕心悸，心烦不眠，肺燥咳嗽。</t>
  </si>
  <si>
    <t>可以每天吃，但是看你吃的量多量少，一般一天吃一些挺好的，有保健作用。</t>
  </si>
  <si>
    <t>不能天天吃，因为每个人的身体素质不同，可能会虚不受补。一个星期吃一两次就好了，阿胶粉泡红糖吃比较好，因为红糖对女人身体有益。也可以用阿胶来炖红糖，加一个鸡蛋一起炖，对女人很好的。</t>
  </si>
  <si>
    <t>是药三分毒,阿胶既然是一味药材,肯定是不能天天吃的.从中医学上讲:阿胶性质黏腻，有碍消化，凡脾胃虚弱，纳食不消及呕吐泄泻者均忌服。没有生育的女性如果患有贫血之类的疾病也是可以服用的!阿胶同时也是一味治疗妇科病的良药!</t>
  </si>
  <si>
    <t>dnf活动深渊能爆ss吗</t>
  </si>
  <si>
    <t>改版也可以直接爆ss啊，只是改了史诗分解系统和跨界系统。</t>
  </si>
  <si>
    <t>活动深渊是可以出ss的。</t>
  </si>
  <si>
    <t>都是看运气的，运气不好怎么都不爆</t>
  </si>
  <si>
    <t>现代汽车好吗</t>
  </si>
  <si>
    <t>不好！售后极差。</t>
  </si>
  <si>
    <t>每一个品牌的每一款车子应该都是有优缺点的。对于您来说的好不好，应该是说车子的优点适合不适合您。</t>
  </si>
  <si>
    <t>不怎么样，现代车最大的缺点是底盘不行，第二个就是时间长了费油，三个就是工艺不好</t>
  </si>
  <si>
    <t>实事求是的说，优点有：外形时尚，配置比其他合资品牌高，发动机、变速箱相比国产的稍好，比德、日、美要差，价格比同级别合资车低，缺点：三大件地盘、发动机、变速箱没有自己的核心技术，做工用料上有偷工减料嫌疑，没国产车厚道，类似前些年的日本车，属于花瓶一类，同样的价格宁可日系，不韩系。</t>
  </si>
  <si>
    <t>感觉还可以 样子比较时尚 只是起步略微有一点点肉 其他都还不错 没发现什么明显的缺点</t>
  </si>
  <si>
    <t>外观可以配置高点。油耗不如日系，安全性也不如美系，保值不如大众系列。</t>
  </si>
  <si>
    <t>一般版 噪音大</t>
  </si>
  <si>
    <t>不怎么样，简单的说，1，外型漂亮，2，配置丰富，3，油耗非常高，4，配件非常贵，5，质量非常差，6，性价比很低。</t>
  </si>
  <si>
    <t>托福难么</t>
  </si>
  <si>
    <t>托福则是针对外语学习者，难度较低。</t>
  </si>
  <si>
    <t>难度挺大，新托福的宗旨就是摆脱之前的死记硬背，更加实际实用。</t>
  </si>
  <si>
    <t>托福太难了，我算上2月的考试已经考了21回了，历经将近10年。</t>
  </si>
  <si>
    <t>要看英语基础，尤其是听力基础。其次，因为全程都是上机答题，阅读部分就必须要适应长时间盯着电脑屏幕看英语。这个我觉得多练练适应了就好。难度应该会比六级高点。还有，就是口语部分，如果觉得面对老外更容易紧张的话，托福的这部分还是比较容易的，只需要自己说录音就好。拿高分就要看听力和阅读了。口语部分只要别太差不会太拉低分数的。</t>
  </si>
  <si>
    <t>托福考试分为听说读写四个部分，要求的词汇量还是比较高的，建议可以去一些语言培训机构测试一下自己的现实水平。</t>
  </si>
  <si>
    <t>我个人感觉托福挺难的，我也是刷了好几回。</t>
  </si>
  <si>
    <t>托福其实就是个语言考试 会者不难难者不会</t>
  </si>
  <si>
    <t>熊猫打得过狼吗</t>
  </si>
  <si>
    <t>个人认为打得过，除非是比较大的狼的个体。熊猫可并不单纯是植食动物，没那么好对付</t>
  </si>
  <si>
    <t>单挑？那没有问题。</t>
  </si>
  <si>
    <t>打得过</t>
  </si>
  <si>
    <t>大熊猫单挑狼，那就是虐菜。你可以查一下大熊猫的咬合力和奔跑速度。不要认为大熊猫是靠卖萌过日子就是菜鸟。当年人家也是以肉为主的森林一霸。</t>
  </si>
  <si>
    <t>豹子都打得赢,何况一只狼!</t>
  </si>
  <si>
    <t>熊猫单挑狼一爪子扇死。</t>
  </si>
  <si>
    <t>猫科动物一般是比较凶，一般都会以弱胜强的。</t>
  </si>
  <si>
    <t>大家觉得隆胸痛苦吗</t>
  </si>
  <si>
    <t>隆胸手术是不会太痛的，因为是在麻醉的情况下进行，求美者只会感觉到轻微的疼痛。</t>
  </si>
  <si>
    <t>如果你身体有些肥胖可以选择自体脂肪丰胸，这是在麻醉的情况下手术的，所以不会疼痛的。因为是取自自身的活性脂肪，所以不会有排斥性，真实，手感自然。 如果你本身比较瘦，只能选择假体隆胸了，隆胸手术时是不疼的，手术后的一段时间假体和身体要有适应期，说不疼是骗人的。这是要适应的，但是效果也是非人的满意，从A直接到C，而且形态逼真，手感也不错。</t>
  </si>
  <si>
    <t>隆胸（丰胸）手术可以采纳局麻、静脉麻或硬膜外麻醉，隆胸（丰胸）手术中平稳安全，多数病人没有痛苦的感觉。隆胸（丰胸）术后二天内各人感觉不一，有的觉得胸部有坠胀感，但都能忍受，三天后症状明显好转。</t>
  </si>
  <si>
    <t>微信绑定银行卡之后可以解绑吗</t>
  </si>
  <si>
    <t>银行卡解绑后不影响微信使用</t>
  </si>
  <si>
    <t>微信绑定的银行卡解绑之后可以马上绑定另外的银行卡，但是只可以绑定同一个人的银行卡，不是同一个人的，就无法绑定。</t>
  </si>
  <si>
    <t>启动微信，点击右上角的三个小点，进入菜单页面；在菜单页面选择“我的银行卡”；选取需要取消绑定的一张银行卡，点击进入，点击右上角的三个小点，进入菜单页面,选择解除绑定；这样银行卡就解除绑定。</t>
  </si>
  <si>
    <t>手抓饼要不要放油</t>
  </si>
  <si>
    <t>要放的，但量不要多，只要抹在锅边，然后类似东北烙饼那样做</t>
  </si>
  <si>
    <t>不用放油，手抓饼在制作成型的过程中，已经加入油了。</t>
  </si>
  <si>
    <t>一般都是熟猪油，这个最香，也最不健康。用色拉油也可以，这个是提纯的豆油，没有杂质，生的就可以。豆油就要热开</t>
  </si>
  <si>
    <t>放了油才能起酥啊，不放油就是白面饼了</t>
  </si>
  <si>
    <t>马克币是否合法</t>
  </si>
  <si>
    <t>不合法</t>
  </si>
  <si>
    <t>马克币中国项目不合法。</t>
  </si>
  <si>
    <t>马克币是传销币，看官方微博无锡公安经侦开始打击</t>
  </si>
  <si>
    <t xml:space="preserve">马克币已经被定性为传销诈骗了！ </t>
  </si>
  <si>
    <t>怀孕可以吃萝卜吗</t>
  </si>
  <si>
    <t>肯定可以吃阿，维生素那么好。</t>
  </si>
  <si>
    <t>孕期只要是对自己非过敏的食物都可以吃，但需要适当，一些表明不能吃的，可以吃个一点点也没关系。</t>
  </si>
  <si>
    <t>熟的可以吃。</t>
  </si>
  <si>
    <t>可以吃，再正常不过的食物，只是不要生吃，主要是怕不卫生，会引发生病。</t>
  </si>
  <si>
    <t>12306买过票了再买还可以吗</t>
  </si>
  <si>
    <t>可以的，一天内3次申请车票成功后取消订单，当日将不能在网站购票！</t>
  </si>
  <si>
    <t>可以，只要同一车次的订单取消不达到3次就可以购买该车次</t>
  </si>
  <si>
    <t>如果你自己买了当天的票，再买当天的票，如果和之前票的时间段有交叉的话是不行的。</t>
  </si>
  <si>
    <t>不是同一列次应该可以</t>
  </si>
  <si>
    <t>没有时间上的冲突就可以购买。</t>
  </si>
  <si>
    <t>可以买的，但是你要避开你第一张票的上车时间到下车时间。</t>
  </si>
  <si>
    <t>只要原车票退票成功后，就可以再次购买。铁道部规定：同日同一车次，一人限购一张车票；坐车时间有冲突的列车，不能同时购票。</t>
  </si>
  <si>
    <t>24小时以后才可以。</t>
  </si>
  <si>
    <t>只要原车票退票成功后，就可以再次购买。 铁道部规定：同日同一车次，一人限购一张车票；坐车时间有冲突的列车，不能同时购票</t>
  </si>
  <si>
    <t>皮肤干燥皱纹多是身体缺少什么吗</t>
  </si>
  <si>
    <t>长期缺水导致的</t>
  </si>
  <si>
    <t>科目二考试时要不要垫坐垫</t>
  </si>
  <si>
    <t>一些车辆的座椅高度不易调整 ，是允许带坐垫的。</t>
  </si>
  <si>
    <t>看个人需要了，如果你需要坐垫，那肯定要自己带的；如果你不需要，就不用带。</t>
  </si>
  <si>
    <t>没有问题，肯定是可以的。</t>
  </si>
  <si>
    <t>带着好一点，上车调整坐椅，如果感觉还是矮了就垫上</t>
  </si>
  <si>
    <t>身高不到160肯定要</t>
  </si>
  <si>
    <t>垫不垫取决你自己</t>
  </si>
  <si>
    <t>qq聊天记录占内存吗</t>
  </si>
  <si>
    <t>会占内存</t>
  </si>
  <si>
    <t>占用内存的</t>
  </si>
  <si>
    <t>QQ聊天记录不删会占内存，如果你有很多群或聊天记录，会有很多图片占内存就会多一些，建议删除QQ数据。</t>
  </si>
  <si>
    <t>不占内存，但是占硬盘的容量，因为，内存是一个闪存，也算是一个中间站，当电脑没有加电的时候，它里面什么都没有储存东西 ，硬盘就可以存。如果你正在拷数据的时候，突然之间停电了，那么你的数据都会丢失呢，因为你在拷的时候，它是先放到内存里面，然后通过内存不中间站呢，所以拷数据的时候要小心，聊天记录先是硬盘里面，如果上QQ的话，先从硬盘里面调你的聊天记录放到内存里，等CPU的处理，所以你上QQ的时候就会占用内存</t>
  </si>
  <si>
    <t>占用内存，但是占的不多，一般是图片语音视频占的比较多，及时清理就可以了</t>
  </si>
  <si>
    <t>吴尊是不是文莱王子</t>
  </si>
  <si>
    <t>吴尊不是文莱的王子,但是他家垄断了文莱的石油业和建筑业,是文莱的大商家.</t>
  </si>
  <si>
    <t>放弃</t>
  </si>
  <si>
    <t>不是王子</t>
  </si>
  <si>
    <t>吴尊不是文莱王子，和文莱王室也没有太大关系，吴尊是祖父辈从台湾金门移民去的，所以吴尊是华人，不是文莱本地人，所以不可能是王子。</t>
  </si>
  <si>
    <t>吴尊不是文莱王子</t>
  </si>
  <si>
    <t>不是，吴尊的爸爸叫吴景添，文莱籍华人，在文莱经营地产公司，是当地的地产大亨。</t>
  </si>
  <si>
    <t>autonavidata50可以删除吗</t>
  </si>
  <si>
    <t>三星手机中的autonavidata50是手机自带导航的地图文件数据包。如果用户不需要使用导航软件，或是选择第三方软件使用，这个文件是完全可以删除的。但是要注意该文件删除后将不能使用手机自带的导航软件。</t>
  </si>
  <si>
    <t>根据您的描述，自带的导航软件不支持卸载，若要删除导航地图数据包，建议您尝试以下操作：打开“应用程序”图标— 打开“我的文件”图标— 点住“autonavidata50”此文件名不松手大约2～3秒，会出现一个菜单列表，在出现的菜单列表里，点击“删除”即可。您也可以连接电脑后找到autonavidata50文件夹删除。</t>
  </si>
  <si>
    <t>是手机内部的高德导航地图文件，一旦删除功能便不可以使用。我直接把它复制到我的电脑里，以后用的时候再复制进去。</t>
  </si>
  <si>
    <t>不建议您删除此文件</t>
  </si>
  <si>
    <t>弗兰卡水槽好吗</t>
  </si>
  <si>
    <t>弗兰卡产品是广东生产的，所谓的进口是指材质，而不是产品。所以，产品质量不好。5000元的龙头，用了半个月就坏，2个月中屡修屡坏，根本不能用。</t>
  </si>
  <si>
    <t>虽然很有可能是国内生产的。如果你是喜欢洋牌子的，弗兰卡水槽是不错的选择；不过在我看来，现在很多国产的水槽也很不错，比如说九牧水槽、中宇水槽等牌子。</t>
  </si>
  <si>
    <t>- 弗兰卡水槽采用德国进口的SUS304DDQ材料制造 适宜的钢板厚度 - 0.7-1.0mm的厚度,坚固与弱弹性完美结合 - 过薄会影响水槽使用寿命和强度 - 过厚让水槽变得笨重，易使橱柜变形，且材质越厚越硬导致失去弹性就越容易损坏器皿 尖端数控焊接，高焊接质量 - 焊接质量是决定水槽寿命长短的最关键因素 - 焊接质量差的水槽，使用寿命至多不超过5年 - 电阻焊接易生锈，数控电阻焊能防止生锈、脱焊， 40年寿命保证 专业冷拉伸工艺 - 热拉伸易造成盆低发黑，致使加上涂层用以掩盖 - 弗兰卡采用专业冷拉伸</t>
  </si>
  <si>
    <t>当然弗兰卡好娄！弗兰卡是瑞士专业不锈钢百年经典品牌，火箭头的不锈钢都是由弗兰卡专门生产的</t>
  </si>
  <si>
    <t>还可以，是瑞士品牌，广东江门生产，价格有点小贵，讲究性价比的话，建议购买国内第一品牌，欧琳。</t>
  </si>
  <si>
    <t>员工主动辞职 有解除劳动关系通知书吗</t>
  </si>
  <si>
    <t>劳动者提出离职，应该提前30天书面通知用人单位。</t>
  </si>
  <si>
    <t>公司辞退员工或者员工辞职，公司都要出具解除劳动合同书面通知书，并给当事人书面签收。</t>
  </si>
  <si>
    <t>单位在办理员工退工手续时，有一份当地社保部门统一的解除劳动关系通知书给员工。</t>
  </si>
  <si>
    <t>乳胶漆能自己刷吗</t>
  </si>
  <si>
    <t>完全可以自己刷，能体验过程，学到知识、欣赏成果。</t>
  </si>
  <si>
    <t>可以刷，但不是专业的刷的不好看。</t>
  </si>
  <si>
    <t>先把有裂的地方挖条小槽，再用白乳胶加水调石膏灰，调成糊状后用括皮(就是师傅用来批灰的那工具)填缝！一定要填平，待干后用腻子粉加水调的料再补一次，干后打磨平整就可刷涂了，墙面好的话不用铲，整体打磨一遍再用滚简滚涂，滚的时候要注意均匀，滚筒上的涂料滚完后再往回滚并顺方向就不会有接头痕迹了！滚两到三遍就行了，滚最后一遍前先要用砂纸轻轻打磨下！</t>
  </si>
  <si>
    <t>儿童散光能矫正吗</t>
  </si>
  <si>
    <t xml:space="preserve">轻度散光(50度以内),一般人是不需要矫正。但从事精密工作者或需长时间阅读细小文字者,则考虑戴散光眼镜。 中高度散光及远视性散光或近视散光则多以配戴散光眼镜来矫正。 圆锥形角膜的散光,使用散光隐型眼镜可说是最好的,甚至可改善视力呢！ 角膜受伤所引起的角膜混浊或龟裂,需进行角膜矫正或散光矫正手术。 </t>
  </si>
  <si>
    <t>能矫正，一般是配戴散光眼镜。</t>
  </si>
  <si>
    <t>最简单的就是戴镜了，散光为角膜不平坦，所以孩子没有什么可以根治的办法！</t>
  </si>
  <si>
    <t>当然可以＃＃目前对于散光主要是配戴眼镜进行矫正，没有其他更好更安全的办法。</t>
  </si>
  <si>
    <t>散光是无法纠正的，只能靠眼镜矫正，一旦散光就终身戴镜</t>
  </si>
  <si>
    <t>可以矫正的</t>
  </si>
  <si>
    <t>代练lol赚钱吗</t>
  </si>
  <si>
    <t>代练还是挺赚钱的，不过现在lol不如以前了，单子也少了，更重要的是要有技术。</t>
  </si>
  <si>
    <t>能赚钱，但也不是很赚钱</t>
  </si>
  <si>
    <t>代练是肯定没前途的，如果你口才不错，会调节气氛和搞笑娱乐，可以高直播，一年十几万都是保底收入。</t>
  </si>
  <si>
    <t>看代练什么段位，每天有多少时间，因为别人会要求你几天就得到。而且如果没成功还要交违约金，一个朋友以前，3天赚了2600多。</t>
  </si>
  <si>
    <t>苦逼死了，根本不赚钱。</t>
  </si>
  <si>
    <t>赚的很少的，就是打工的基本工资一样，好点的时候两三千，差点的时候就不好说了。有的时候单子打的不好，还要倒赔钱，所以入行需谨慎。当然你要是有人气了，那肯定是不一样了。其实各行各业都一样，就跟主播一样，有的月入几十万，有的一个月倒赔电费还要被骂。</t>
  </si>
  <si>
    <t>当然，一个30级的号能卖几百块呢，如果是在好区的话。</t>
  </si>
  <si>
    <t>猪鼻贴有用吗</t>
  </si>
  <si>
    <t>还是有效果的，但是你一定要坚持使用，毕竟你的皮肤不可能不接触空气，空气也不能百分百无菌，我们只能定期保养修护排毒，总之，用撕拉式的千万别买，最好就是导出液或者中药软化让它自己出来</t>
  </si>
  <si>
    <t>有啊。金鼻子猪鼻子都有效果的哦我自己也再用</t>
  </si>
  <si>
    <t>用鼻帖不是很明智的选择，用完后黑头是会少，但是鼻子上的毛孔也会张开变大，鼻子上了皮肤是没有其它部位的皮肤有弹性的，如果鼻子上黑头很多，最好的建议是去美容院，那里有专业的解决办法。也可以去买那种专门的黑头导出液，用化妆棉沾一些导出液在鼻子上敷几分钟，然后取下来化妆棉上就会有很多黑头，黑头被吸也来，当然毛孔也就张天变大了许多，这个时候需要敷一下紧致毛孔的面膜，有单买的也有导出液跟面膜合装的，不贵，几十元就好了。也有些人会自己在家用暗疮针把黑头挤出来，这个办法也是可行的，但是要记住的是一定别忘记收缩毛孔，还有这些动作最好是在晚上进行，因为晚上会有一夜的修复时间，也不会接触到外界的灰尘等。</t>
  </si>
  <si>
    <t>有用的，正品9块多一片，别买到假货咯</t>
  </si>
  <si>
    <t>没有，我用了把毛孔搞大了，收不回去了。现在用水泊兰深海泥面膜套装好多了</t>
  </si>
  <si>
    <t>最好不用撕拉的，很容易弄大毛孔。</t>
  </si>
  <si>
    <t>没用，而且现在淘宝上面好多假货</t>
  </si>
  <si>
    <t>房间隔缺损严重吗</t>
  </si>
  <si>
    <t>多数继发孔房间隔缺损的儿童除易患感冒等呼吸道感染外可无症状，活动亦不受限制，一般到青年时期才表现有气急、心悸、乏力等。40岁以后绝大多数病人症状加重，并常出现心房纤颤、心房扑动等心律失常和充血性心衰表现，严重会导致死亡。</t>
  </si>
  <si>
    <t>严重与不严重，是相对的。一般说来，在心脏病中房缺在5MM以下，应该不算严重。</t>
  </si>
  <si>
    <t>1.主动脉脉跟部2.1cm,升主动脉增宽3.5CM，主动脉瓣稍厚，回声稍强，开放可，闭合稍欠佳。脉动脉稍宽，哟3.0CM，脉动脉瓣尖稍厚，回声稍强，活动课，脉动脉瓣环内径2.2CM，冠状静脉窦扩张1.0CM，2.右心增大，左心不大 3.二尖瓣形态，可活动，三尖瓣形态，活动可，4，室间隔不厚，与左室后壁呈逆向运动，未见明显节段性室壁运动异常。5.房间隔中部可见2.0CM，连续性中断，据二尖瓣前叶附着点约0.2CM，室间隔未见连续中断，6.CDFI.上述房间隔中断处可见左向右分流血流信号，余血流信号及侧值参考上表</t>
  </si>
  <si>
    <t>您好，房间隔缺损严重程度要看患者的病情，描述近期的心脏彩超初步看看情况。</t>
  </si>
  <si>
    <t>房间隔缺损不是一般人能回答的问题, 需要到医院就诊,如果严重,还需要手术修补</t>
  </si>
  <si>
    <t>小米能刷三星系统吗</t>
  </si>
  <si>
    <t>可以刷的</t>
  </si>
  <si>
    <t>这个具体看你的手机型号是什么</t>
  </si>
  <si>
    <t>电信4g可以玩游戏吗</t>
  </si>
  <si>
    <t>电信4G网络是非常不错的，网速可以达到150M，玩游戏等是非常流畅的。</t>
  </si>
  <si>
    <t>我一直玩</t>
  </si>
  <si>
    <t>中国电信的4g网络速率峰值的话可以达到每秒10mb速度是很快的，所以玩手机网络游戏是不会卡的。</t>
  </si>
  <si>
    <t>孕妇可以吃蜂蜜不</t>
  </si>
  <si>
    <t>孕妇可以吃蜂蜜，但是每天不要超过一大勺</t>
  </si>
  <si>
    <t>纯正的天然蜂蜜可以促进消化，增进食欲，镇静安眠，一直是很多女性的挚爱。蜂蜜的营养成分丰富，对孕妇的身体健康和促进婴幼儿的生长发育有着积极作用。因此怀孕了可以喝蜂蜜水。老婆怀孕期间每天晚上睡觉前1小时喝蜂蜜水，她喜欢吃苗子蜂情的洋槐蜜，蜂场采酿的蜜吃了比较放心，而且孕妇喝蜂蜜对自己和宝宝都是很有利的。</t>
  </si>
  <si>
    <t>时诺比是名牌吗</t>
  </si>
  <si>
    <t>不是，属于国内低端表。</t>
  </si>
  <si>
    <t>属于国内低端小品牌吧</t>
  </si>
  <si>
    <t>要看你对名表的定义了，反正10大名表都没他份。</t>
  </si>
  <si>
    <t>刀剑神域 好看吗</t>
  </si>
  <si>
    <t>反正我就是看画风和爱情，管他剧情差不差，虽然第三集有点让人不明白，女主也不出来，我还是喜欢看，每个人的观点都不一样，自己觉得好就看，不好就不看</t>
  </si>
  <si>
    <t>刀剑神域既是一部感情戏，又是一部打斗戏，个人觉得前面非常精彩，但到了后面就有点变态了，总之这部戏真的还可以，值得大家一看！</t>
  </si>
  <si>
    <t>我觉得开始还行，但是越到后面越不好看了的说。</t>
  </si>
  <si>
    <t>动漫做出来是很辛苦的，特效做起来也很累人的！每个人都有自己的喜好，并不是别人喜欢的东西，你就要喜欢啊。只是大部分人喜欢</t>
  </si>
  <si>
    <t>青菜萝卜各有所爱，我觉得第一部的前半段还好，后面就觉得一般了。不过要自己看过才知道好不好看，所以不要在意别人说的。</t>
  </si>
  <si>
    <t>确实不怎么好看</t>
  </si>
  <si>
    <t>蔓越莓胶囊可以长期吃吗</t>
  </si>
  <si>
    <t>要注意一些人是不可以吃这个的，，蔓越莓因为含有水杨酸成分，注意不能和阿司匹林同时食用；因为含有较多糖分，糖尿病患者慎用。因为蔓越莓明显升高草酸水平，所以肾结石患者慎用。怀孕和哺乳期可以使用</t>
  </si>
  <si>
    <t>无论是什么，无论多好吃，吃多了对人体都不好</t>
  </si>
  <si>
    <t>不要长期吃，</t>
  </si>
  <si>
    <t>蔓越莓胶囊最好不要长期吃，吃三个月就可以了，长时间吃对身体不好。</t>
  </si>
  <si>
    <t>五子衍宗丸治疗早泄效果好吗</t>
  </si>
  <si>
    <t>每个人状况不一样。中药的效果要去医院问医生。</t>
  </si>
  <si>
    <t>要看适不适合，这个是阴阳双补的，有些偏向于补阳，解决早谢，也可以运用安护组合，这组合一般可以让做爱超过二十分钟，同时能加强硬度。</t>
  </si>
  <si>
    <t>trouble有复数吗</t>
  </si>
  <si>
    <t>trouble作为烦恼时是不可数名词，作为故障时是可数的</t>
  </si>
  <si>
    <t>trouble是可数的。复数是troubles</t>
  </si>
  <si>
    <t>嗓子疼喝茶好吗</t>
  </si>
  <si>
    <t>喝一些菊花，枸杞，甘草茶，可以的</t>
  </si>
  <si>
    <t>可以的 茶含有大量维生素和矿物质 可以提神,缓解疲劳.提高免疫力，抗癌，杀毒 ， 排毒</t>
  </si>
  <si>
    <t>可以呀，因为茶本身就有消炎的作用，您可以用淡淡的绿茶加点蜂蜜来消炎。</t>
  </si>
  <si>
    <t>如果用药的话最好不要饮茶,</t>
  </si>
  <si>
    <t>最好喝些绿茶。</t>
  </si>
  <si>
    <t>可以，不要吃辛辣食品。</t>
  </si>
  <si>
    <t>奥迪a4和蒙迪欧哪个好</t>
  </si>
  <si>
    <t>我肯定选择奥迪a4，装逼用</t>
  </si>
  <si>
    <t>不同品牌的车能带来的附加值</t>
  </si>
  <si>
    <t>当然是奥迪A4L</t>
  </si>
  <si>
    <t>我认为全新蒙迪欧更好一些。</t>
  </si>
  <si>
    <t>中国有没有活火山</t>
  </si>
  <si>
    <t>中国有活火山，目前已经确认的有8个</t>
  </si>
  <si>
    <t>1．黑龙江五大连池火山2．黑龙江镜泊湖火山3．吉林长白山天池火山4．吉林龙岗火山5．云南腾冲火山6.新疆阿什库勒火山7．台湾岛大屯火山和龟山岛火山8．海南琼北火山一般认为五大连池火山群由14座火山组成，如果包括火山区西部的莲花山，五大连池火山群应由15座火山组成，火山岩分布面积达800多km2。老黑山、火烧山1719~1721年的喷发距今还不到300年，是我国活火山中有历史记载、喷发时间和地点最为确切的一处活火山。</t>
  </si>
  <si>
    <t>中国有活火山，也有火山喷发，比如位于滇西横断山系南段的高黎贡山西侧，火山及熔岩流以腾冲县城为中心成一南北向延伸的长条形，面积87×33平方千米，计有火山锥70余座，其中火山口完整的22座，遭破坏的10座，其余为无火山口火山。</t>
  </si>
  <si>
    <t>没有，有死火山，在云南保山腾冲。</t>
  </si>
  <si>
    <t>中国存在活火山</t>
  </si>
  <si>
    <t>中国有活火山。</t>
  </si>
  <si>
    <t>中国境内存在有长白山天池火山、黑龙江五大连池火山、新疆于田火山,龙岗金龙顶子火山等活火山.云南腾冲也存在有地热显示的活火山,在已知与特定的活火山中,以长白山天池火山的火山灾害最为严重.</t>
  </si>
  <si>
    <t>中国不仅有火山，而且新生代火山活动频频发生，一直没有停息过。</t>
  </si>
  <si>
    <t>去柜台取钱要身份证吗</t>
  </si>
  <si>
    <t>不需要的 带上银行卡 记住密码 就可以了</t>
  </si>
  <si>
    <t>需分情况：1、银行柜台取款五万元以下：不需要出示身份证，只需本人携银行卡及密码；2、银行柜台取款五万元以上含五万元：要出示身份证，如果卡片、存单（折）不是本人的，也要出示本人和代理人的身份证件；3、银行当天累积取款超过五万含五万元：需要出示身份证件。</t>
  </si>
  <si>
    <t>需要身份证。</t>
  </si>
  <si>
    <t>活期不要，如果是定期就需要身份证的。</t>
  </si>
  <si>
    <t>在柜台办理取款业务一般是这样的:1,五万元以下的不需要出示身份证。2,五万元以上含五万元的要出示身份证，如果卡片，存单（折）不是本人的也要出示本人和代理人的身份证件。还有就是当天累积超过五万含五万元的需要出示身份证件。</t>
  </si>
  <si>
    <t>在柜台办理取款业务一般是这样的：1，五万元以下的不需要出示身份证。2，五万元以上含五万元的要出示身份证，如果卡片，存单（折）不是本人的也要出示本人和代理人的身份证件。</t>
  </si>
  <si>
    <t>取活期存款或到期的定期存款不需要身份证。取未到期的定期存款，以及取款额在5万元以上的定期或活期存款，需要交验取款人的身份证。</t>
  </si>
  <si>
    <t>摩托车要年审吗</t>
  </si>
  <si>
    <t>摩托车基本上每年都要年检，有的是两年一检。</t>
  </si>
  <si>
    <t>按照规定是要年审的，但是现在去年审的比较少，具体看你上牌地点的情况而定</t>
  </si>
  <si>
    <t>根据《道路交通安全法实施条例》的第十六条规定：摩托车4年以内每2年检验1次；超过4年的，每年检验1次。</t>
  </si>
  <si>
    <t>摩托车4年以内每2年检验1次。超过4年的，每年检验1次。</t>
  </si>
  <si>
    <t>潘多拉手链有男士的吗</t>
  </si>
  <si>
    <t>有，在街上见过＃＃没有＃＃木有</t>
  </si>
  <si>
    <t>潘多拉手链男士也可以戴的，上面的珠子是可以自己随意搭配的，男士可以选择比较有男人气概的珠子穿起来同样可以戴</t>
  </si>
  <si>
    <t>只能说一半一半。送男生的话，基础的链绳可以选择皮款，会man一些。</t>
  </si>
  <si>
    <t>基本上都不适合男生带的，还是找其它的吧</t>
  </si>
  <si>
    <t>应该有男款的吧</t>
  </si>
  <si>
    <t>香港有卖的。我的就是从香港买的</t>
  </si>
  <si>
    <t>报关员还需要考试吗</t>
  </si>
  <si>
    <t>不需要了。国务院已经取消了报关员资格证书考试</t>
  </si>
  <si>
    <t>现在已经取消报关员考试</t>
  </si>
  <si>
    <t>因为报关员资格考试已经取消</t>
  </si>
  <si>
    <t>广州和香港哪个发达</t>
  </si>
  <si>
    <t>现在是香港，广州快追上了</t>
  </si>
  <si>
    <t>广州。香港人是比较有钱, 但是敌不过广州人口多! 只论发达总体经济自然是广州领先。</t>
  </si>
  <si>
    <t>香港</t>
  </si>
  <si>
    <t>香港。</t>
  </si>
  <si>
    <t>如果是论人均GDP, 香港当然比台湾/北京/上海/广州都要高出很多.</t>
  </si>
  <si>
    <t>猴年生肖彩银币值钱吗 5盎司</t>
  </si>
  <si>
    <t>猴年5盎司彩银币网上的售价是3000左右。</t>
  </si>
  <si>
    <t>木桶泡脚好吗</t>
  </si>
  <si>
    <t>木桶泡脚比较温和,是传统的泡脚方法,养生比较好</t>
  </si>
  <si>
    <t>木桶的材质都具有中药的特性，对有些病灶能起到很明显的治疗作用。这是其它的任何足浴盆都无法相比的。</t>
  </si>
  <si>
    <t>木桶为足浴上品，环保安全，无任何电磁波的辐射，和化学物品的释放，保温效果好，自然水力按摩，且可以深水位的浸泡，泡脚高于20公分更有利于促进血液循环，木桶各种高度都有，且使用寿命长，只要不是人为在破坏，是不会坏的，电子产品都有一定的使用寿命。木桶泡脚因为要比其他器具泡脚水温的保护更好，那么舒适度也就更高。泡脚的时候不妨给木桶放入一些鹅卵石，脚在上面来回的踩踏，相当于按摩脚底的经脉。</t>
  </si>
  <si>
    <t>卖牛羊肉挣钱吗</t>
  </si>
  <si>
    <t>最重要的是要合适自己去做。</t>
  </si>
  <si>
    <t>我感觉不是很赚钱 虽然羊肉的利润可能还不错 但是并不是人人都喜欢吃羊肉 而且这个还有季节影响 并且店的选址也特别重要 如果选址不好 生意很难做的</t>
  </si>
  <si>
    <t>看地方，价格随市场，利润是有的，卖的好不会差</t>
  </si>
  <si>
    <t>　牛羊肉的利润就在3成左右，真心不大，牛杂和羊杂就不一样了，有100%以上的利润，能加工一部分熟食，则更为可观！　　海鲜其实挺不适合和牛羊肉一起卖的，毕竟海鲜还是太脏（相对于屠宰过的牲畜而言），受市场的冲击也较大，没有丰富的从业经验不建议贸然尝试！</t>
  </si>
  <si>
    <t>当然是可以的，只要诚信经营是不错的，就是累些。望好</t>
  </si>
  <si>
    <t>3g卡放4g手机</t>
  </si>
  <si>
    <t>没有任何的影响，尽管放心使用，4g的卡插在3g的手机里只有2g或者3g的网络，只不过不能使用4g网线而已，其他功能都是可以正常使用的。</t>
  </si>
  <si>
    <t>不会有什么大的影响，只是你只能用3g网络，不能用4g网络。</t>
  </si>
  <si>
    <t>1、电信3G卡能用在电信4G手机上。2、电信4G手机一般支持电信4G、3G、2G网络。所以电信3G卡能用在电信4G手机上。但是电信3G卡用在电信4G手机上，只能使用电信3G、2G网络。</t>
  </si>
  <si>
    <t>您好，首先感谢您对中国电信的支持。根据您的描述，电信3G卡可以装到电信4G手机里的。是可以使用的。</t>
  </si>
  <si>
    <t>4G手机是可以使用2G、3G、4G手机卡的，不过只能使用相应的网络</t>
  </si>
  <si>
    <t>可以插入3g卡，你使用网络就是3g的</t>
  </si>
  <si>
    <t>可以的，一般手机都是向下兼容的</t>
  </si>
  <si>
    <t>电视猫是免费的吗</t>
  </si>
  <si>
    <t>目前来讲还没有收费</t>
  </si>
  <si>
    <t>电视猫是一款很好用的视频播放软件，也是一款可以看直播的播放软件，都是免费的，并且很流畅，很不错的。</t>
  </si>
  <si>
    <t>是的，都是免费的</t>
  </si>
  <si>
    <t>不免费了，要VIP会员</t>
  </si>
  <si>
    <t>黑枸杞小孩能喝吗</t>
  </si>
  <si>
    <t>因为黑枸杞是纯天然野生的，所以只要是大于5岁的孩子都是可以喝的。</t>
  </si>
  <si>
    <t>您好，因为黑枸杞是纯天然野生的，所以只要是大于5岁的孩子都是可以喝的</t>
  </si>
  <si>
    <t>因为黑枸杞是纯天然野生的，所以只要是大于5岁的孩子都是可以吃的。</t>
  </si>
  <si>
    <t>一般要求小孩5岁以上才可以，因为黑枸杞是枸杞的一种，有一定的滋补功效，所以孩子要少了喝，而且孩子太小，消化系统比较脆弱，5岁以上孩子少量喝是可以，黑枸杞中的花青素还是有一定好吃的。</t>
  </si>
  <si>
    <t>这就要取决于儿童的年龄了。因为黑枸杞是纯天然野生的，所以只要是大于5岁的孩子都是可以喝的，一天2-3g为佳，之所以限制5岁是因为黑枸杞的滋补作用很强。</t>
  </si>
  <si>
    <t>九月三日放假吗</t>
  </si>
  <si>
    <t>放假，具体是三日放假一天，四日调休一天，五日是周六正常放假。六日是周日恢复上班。</t>
  </si>
  <si>
    <t>2015年是中国人民抗日战争暨世界反法西斯战争胜利70周年。为使全国人民广泛参与中央及各地区各部门举行的纪念活动，2015年9月3日全国放假1 天。</t>
  </si>
  <si>
    <t>暂时只是今年的 因为今年是70周年</t>
  </si>
  <si>
    <t>香蕉会氧化吗</t>
  </si>
  <si>
    <t>会的，香蕉绿的时候就被采收。绿色香蕉的表皮细胞仍会分泌各种酵素。这些酵素会与叶绿素发生化学反应破坏叶绿素，显出叶黄素的黄色素。当香蕉受了冻或受碰伤，被表皮细胞膜内的另一种氧化酵素，就会冲破细胞膜流出来。它会与空气中的氧气产生化学反应，生成一种黑色的物质。</t>
  </si>
  <si>
    <t>睡觉能做爱吗</t>
  </si>
  <si>
    <t>可以，被动性交。</t>
  </si>
  <si>
    <t>男性会在睡眠期间产生夜间勃起，这时只要女性想过性生活就可以，如果两人都在睡眠状态是不能过性生活的，只有一人睡眠，一人醒着才可以。</t>
  </si>
  <si>
    <t>张震岳结婚了吗</t>
  </si>
  <si>
    <t>据说没有结婚</t>
  </si>
  <si>
    <t>是的，张震岳结婚了。</t>
  </si>
  <si>
    <t>还没，他说：我结婚之日，就是退出娱乐圈之日。</t>
  </si>
  <si>
    <t>1974年5月2日，未婚，39周岁</t>
  </si>
  <si>
    <t>他结婚了!</t>
  </si>
  <si>
    <t>水表可以自己换吗</t>
  </si>
  <si>
    <t>私自更换水表是违法的犯法。主要因为私自更换水表属于盗窃行为。</t>
  </si>
  <si>
    <t>最好是问一下自来水公司的人，可不可以自己换，让他们尽快安排人来处理。</t>
  </si>
  <si>
    <t>应该找物业或是自来水公司的专业人员来换，怕被人怀疑。要不就说不清楚水表的度数。</t>
  </si>
  <si>
    <t>水表更换是水厂负责的，而且是免费，任何单位和个人都不允许更换。</t>
  </si>
  <si>
    <t>孕妇可以吃转基因油吗</t>
  </si>
  <si>
    <t>孕妇可以吃转基因的油。</t>
  </si>
  <si>
    <t>转基因大豆油，孕妇最好是不要吃。</t>
  </si>
  <si>
    <t>可以吃的，一般是没有这样的禁忌的，放松心情。</t>
  </si>
  <si>
    <t>国旗能当头像吗</t>
  </si>
  <si>
    <t>国旗不可以作为商业广告，私人活动等，作为头像当然可以，是体现爱国的一种，没有一条法律规定不可以这样做，不要听那些网友的，那些法盲和有偏见的人。</t>
  </si>
  <si>
    <t>孩子们，俺说你们怎么那么爱用国旗做头像啊~~~国旗不是给你们做头像的~国旗是中华人民共和国的象征和标志。</t>
  </si>
  <si>
    <t>不能，根据《国旗法》的规定精神，国旗是国家的象征，用国旗做头像，属于不尊重国旗，涉嫌违法 。</t>
  </si>
  <si>
    <t>只要不污损、改变，就可以</t>
  </si>
  <si>
    <t>决然不能。有辱国旗。是一种违法行为。</t>
  </si>
  <si>
    <t>如果用国旗当头像不属于国旗法规定的第十八条、第十九条情形的，是不违法的。相关法律规定：《中华人民共和国国旗法》；第十八条国旗及其图案不得用作商标和广告，不得用于私人丧事活动；第十九条 在公共场合故意以焚烧、毁损、涂划、玷污、践踏等方式侮辱中华人民共和国国旗的，依法追究刑事责任；情节较轻的，参照治安管理处罚条例的处罚规定，由公安机关处以十五日以下拘留。</t>
  </si>
  <si>
    <t>菌血症严重吗</t>
  </si>
  <si>
    <t>菌血症是指外界的细菌经由体表的入口或是感染的入口进入血液系统后，侵入血液循环并在其中生长繁殖，产生毒素而引起的全身性感染，其后果是很严重的。</t>
  </si>
  <si>
    <t>三国群英传能联机么</t>
  </si>
  <si>
    <t>应该不能。</t>
  </si>
  <si>
    <t>痛风能不能吃鸡蛋</t>
  </si>
  <si>
    <t>首先，鸡蛋中含有大量胆固醇，过多会引起血胆固醇含量过高，干扰尿酸排泄；其次，鸡蛋营养过剩会造成肥胖，而痛风发作25%和肥胖有关。因此专家建议，痛风患者吃鸡蛋要适量</t>
  </si>
  <si>
    <t>鸡蛋是可以吃的</t>
  </si>
  <si>
    <t>专家表示痛风患者是可以吃鸡蛋的，但是要适量的进行食用</t>
  </si>
  <si>
    <t>可以吃鸡蛋。鸡蛋含有丰富的蛋白质，可提供人们必须的氨基酸。</t>
  </si>
  <si>
    <t>鸡蛋含有丰富的蛋白质,可提供人们必须的氨基酸及其它多种营养成分,所含的嘌呤量却较低,痛风病人是可以吃的，但不要吃太多</t>
  </si>
  <si>
    <t>迎春花有毒吗</t>
  </si>
  <si>
    <t>没有毒哦，小时候我们还吃过哈，都没事。</t>
  </si>
  <si>
    <t>不会引起有毒有害结果。</t>
  </si>
  <si>
    <t>没有害的啊</t>
  </si>
  <si>
    <t>借贷宝上央视了吗</t>
  </si>
  <si>
    <t>借贷宝15秒广告将于8月19、20日登陆CCTV1《新闻联播》时段，具体播出时间段为19点30分至19点40分之间；CCTV13新闻频道也将同时段播出借贷宝广告；</t>
  </si>
  <si>
    <t>是真的，据说还请了范冰冰打广告了</t>
  </si>
  <si>
    <t>键盘可以拆开吗</t>
  </si>
  <si>
    <t>拆键盘很简单，首先，把键盘反过来，有按键的一面朝下，注意，拆键盘的全过程，键盘都不能再反过来，不然，嘿嘿，有的你忙。把所有的螺丝都拆下来，是所有，如果你拆下所有螺丝仍不能拿开后盖，那很可能还有一颗没拆。</t>
  </si>
  <si>
    <t>能拆开的</t>
  </si>
  <si>
    <t>可以的，把里面的通电的模块拿掉就可以了 用刷子刷。</t>
  </si>
  <si>
    <t>可以拆开，只要别用水清洗就好，用小毛刷</t>
  </si>
  <si>
    <t>看你的是什么键盘了，最好先去咨询下销售者，我的昨天拆开过的，一般拆开小心别碰到里面的线就没问题了</t>
  </si>
  <si>
    <t>普通键盘和笔记本键盘都可以拆下来。</t>
  </si>
  <si>
    <t>台式机的可以，手提电脑的比较麻烦建议不要自己拆．如果是台式机的话，用铁片或电笔之类的东西，轻轻一撬就出来了。</t>
  </si>
  <si>
    <t>当然可以拆的啦。</t>
  </si>
  <si>
    <t>枫斗的功效与作用对心脏病有好处吗</t>
  </si>
  <si>
    <t>有一定的作用。铁皮枫斗在保健产品中是比较珍贵的一种产品，它的价格也不是一般的贵，由于它自身有着各种各样的功用价值，是保健产品中功用价值较全的一种。功效有很多：润肺清胃、滋肾补肺，增强免疫和抗衰老能力，全面修复血管，神经、代谢、免疫等系统病变，消除全身乏力、手脚麻木等并发症。养阴益精。</t>
  </si>
  <si>
    <t>太姥山好不好玩</t>
  </si>
  <si>
    <t>很好玩，我去过两次。</t>
  </si>
  <si>
    <t>国庆自驾去的，好烂。配套设施还不完善。没什么好玩，那边的店非常黑（有黑的还没有这么黑的）。特别是景区上面那个什么太姥山庄老板更黑，有去那里千万不要去“太姥山庄”，它的左边的饭店也是同个老板。</t>
  </si>
  <si>
    <t xml:space="preserve">好玩的还是很多的 </t>
  </si>
  <si>
    <t>晚上扫地好不好</t>
  </si>
  <si>
    <t>可以，扫地时没有时间规定的。</t>
  </si>
  <si>
    <t>会造成空气中灰尘增加，影响睡眠时空气质量。</t>
  </si>
  <si>
    <t>你男友家一定很迷信,我知道这是一个迷信的表现,特别迷信的人家晚上都不扫地的,有讲究的</t>
  </si>
  <si>
    <t>湿气重可以吃香蕉吗</t>
  </si>
  <si>
    <t>香蕉是一种健康的水果，湿气重的患者吃一点不错的选择，香蕉对增加排便量有较好的效果，香蕉含有较多的钾、镁，但是不宜在空腹的时候食用，有可能会导致钙吸收不平衡，钾也会促进神经兴奋。</t>
  </si>
  <si>
    <t>湿气重不能吃的。湿气重应该避免吃水果的，不要吃凉性的，西瓜、香蕉和柿子是大忌。</t>
  </si>
  <si>
    <t>不好，香蕉越吃湿气越重</t>
  </si>
  <si>
    <t>湿气重可以吃香蕉，香蕉是一种健康的水果，湿气重的患者吃一点不错的选择，香蕉对增加排便量有较好的效果，香蕉含有较多的钾、镁，但是不宜在空腹的时候食用，有可能会导致钙吸收不平衡，钾也会促进神经兴奋。</t>
  </si>
  <si>
    <t>可以吃的。不过，深山果农提醒，香蕉性质寒湿，所以尽量少生吃，可以把熟香蕉放锅里蒸1分钟或者是其他香蕉弄熟的方法再吃</t>
  </si>
  <si>
    <t>商品条形码是必须的吗</t>
  </si>
  <si>
    <t>是的；每一种商品在世界上只有唯一的一个商品条形码。</t>
  </si>
  <si>
    <t>商品条码不是国家强制实行，而是积极推广！所以不是必须的。</t>
  </si>
  <si>
    <t>作为全国性的法规，没有对商品上使用条码作强制性的规定。</t>
  </si>
  <si>
    <t>污水处理厂工作对身体有害吗</t>
  </si>
  <si>
    <t>第一看什么类型的污水站（工业的还是生活的）。第二看在污水站的哪个岗位（是否接触有毒的化学药剂，工作时间长短，安全措施是否完善等）。一般来说污水站的噪声、空气都比常规的地方要差些，体质差得话肯定会对健康造成影响。</t>
  </si>
  <si>
    <t>没事啦，污水厂除了气味不太好，别的都很好的啦</t>
  </si>
  <si>
    <t>第一看什么类型的污水站（工业的还是生活的）。第二看在污水站的哪个岗位（是否接触有毒的化学药剂，工作时间长短，安全措施是否完善等）。一般来说污水站的噪声、空气都比常规的地方要差些，体质差得话肯定会对健康造成影响。还是建议多锻炼身体，养成良好的生活习惯。</t>
  </si>
  <si>
    <t>要看你们厂是处理工业污水还是生活污水，生活污水基本没什么害，但是工业污水就要看废水的来源了，多少对身体还是有点害的，不过平时注意点，还是没什么问题的。有害成分主要集中在气体和污泥中。</t>
  </si>
  <si>
    <t>其实做好安全就不会有太大影响的</t>
  </si>
  <si>
    <t>在按照科学的操作规程下工作是不会影响健康的。</t>
  </si>
  <si>
    <t>还有无害的，我老公就在污水处理厂工作，没事的，就是净化系统的</t>
  </si>
  <si>
    <t>抽象类是否可继承具体类(concrete class)?</t>
  </si>
  <si>
    <t>抽象类可以实现(implements)接口，抽象类是可以继承具体类。</t>
  </si>
  <si>
    <t>抽象类是可以继承具体类。</t>
  </si>
  <si>
    <t>瓷肌是不骗钱</t>
  </si>
  <si>
    <t>需要核实，有嫌疑的可以报警。</t>
  </si>
  <si>
    <t>不一定，有的是冒充者骗钱，也有的买假货，假货和真货表面包装一样，仔细看就会发现有很大问题喔</t>
  </si>
  <si>
    <t>塞黄体酮会来月经吗</t>
  </si>
  <si>
    <t>如果到了时间，有些人不停药也会来月经.所以属于正常的现象</t>
  </si>
  <si>
    <t>黄体酮用来人工调整月经周期虽然具有一定作用，但使用时必须要慎重。造成月经推迟的原因很多，黄体酮不是万能的，滥用不但无效，甚至还会对人体产生不利影响。 作为激素类药物，黄体酮属于处方药，需在医生的指导下使用。目前，黄体酮有口服和注射两种剂型。其制剂以前多为人工合成，如今主要以天然提纯为主。由于会增加人体内的孕激素水平，所以最适用于孕激素分泌不足引起的停经。而对其他原因导致的停经或闭经，就无能为力了。</t>
  </si>
  <si>
    <t>女方是少数民族可以生二胎吗</t>
  </si>
  <si>
    <t>不可以，必须是双方，我是汉族，我媳妇是满族，就不能生二胎，不符合法律规定</t>
  </si>
  <si>
    <t>应该不行吧。</t>
  </si>
  <si>
    <t>本来就符合政策，现在更可以</t>
  </si>
  <si>
    <t>可以根据计划生育新政策的规定,只有符合以下几种情况的,才可以申请育二胎,具体中国计划生育二胎新政策如下:　　(一)只有一个子女,经指定医疗机构诊断证明为非遗传性病残,不能成长为正常劳动力的;　　(二)夫妻双方均为独生子女,并且只有一个子女的;　　(三)婚后五年以上不育,经指定医疗机构诊断证明为不孕症,依法收养一个子女后又怀孕的;　　(四)再婚夫妻双方只有一个子女的;　　(五)从边疆调入本市工作的少数民族职工,调入前经当地县级以上计划生育行政部门批准允许生育第二个子女的;　　(六)兄弟二人或者二人以上均系农村居民,只有一对夫妻有生育能力,又只生育一个子女,其他兄弟不收养他人子女的;　　(七)男性农村居民到有女无儿家结婚落户并书面表示自愿赡养老人的(女方家姐妹数人只照顾一人);　　(八)远郊区､县农村居民,夫妻一方为二等乙级以上伤残军人,或者一方残疾基本丧失劳动能力的;　　(九)在深山区长期居住并以农业生产为主要生活来源的农村居民,只有一个女孩,生活有实际困难的｡　　另外,有其他特殊情形要求再生育一个子女的,需经市计划生育行政部门批准｡依照中国计划生育新政策允许生育第二个子女的,生育间隔不少于四年,或者女方年龄不低于二十八周岁｡　　第十九条符合下列条件之一的夫妻,经批准,可以再生育一个子女:　　(一)双方均为独生子女,已生育一个子女的;　　(二)双方均为农村居民(农业人口,下同),已生育一个女孩的,但一方为机关､团体､事业单位和其他组织职工或一方从事工商业一年以上以及双方与企业建立劳动关系一年以上的除外;　　(三)双方均为农村居民,一方两代以上均为独生子女,已生育一个子女的;　　(四)双方均为农村居民,女方父母只生育一个或两个女儿,男到女家落户,并赡养女方父母,已生育一个子女的(只适用于姐妹中一人);　　(五)双方均为少数民族,已生育一个子女的;　　(六)双方均为农村居民,一方是少数民族并具有本省两代以上户籍,已生育一个子女的;　　(七)一方为烈士的独生子女,已生育一个子女的;　　(八)一方未生育过,另一方再婚前已生育一个子女的;　　(九)一方未生育过,另一方再婚前丧偶并已生育两个子女的;　　(十)已生育一个子女,经设区的市以上病残儿童鉴定机构确诊为非遗传性残疾,不能成长为正常劳动力的;</t>
  </si>
  <si>
    <t>肯定可以，不信你可以查查法律文案什么的！</t>
  </si>
  <si>
    <t>莽荒记好看吗</t>
  </si>
  <si>
    <t>很经典的一部小说，值得观看。</t>
  </si>
  <si>
    <t>没写完 追书很累 不过确实很好看</t>
  </si>
  <si>
    <t>纽约市在纽约州吗</t>
  </si>
  <si>
    <t>纽约市（New York City）是美国最大城市及第一大港，也是世界第一大城市，位于纽约州东南部。</t>
  </si>
  <si>
    <t>一个是市、一个是州（相当于我国的一个是市，一个是省，省里可以有多个市），纽约市是纽约州中的一个城市。换句话来说就是纽约州包含纽约市，纽约市只是纽约州的一部分。</t>
  </si>
  <si>
    <t>不是，纽约州是美国东北部的一个州，首府是奥尔巴尼。</t>
  </si>
  <si>
    <t>纽约市是一个城市，坐落在纽约州内。</t>
  </si>
  <si>
    <t>纽约市是纽约州最大的城市。</t>
  </si>
  <si>
    <t>南拳妈妈解散了吗</t>
  </si>
  <si>
    <t>解散了</t>
  </si>
  <si>
    <t>没有吧？！肿么会？</t>
  </si>
  <si>
    <t>南拳妈妈没有解散哦</t>
  </si>
  <si>
    <t>不是说要重归了？！</t>
  </si>
  <si>
    <t>没有解散阿 ~ 跟老大周董混去了呗~</t>
  </si>
  <si>
    <t>没有啊！最近没什么消息应该是！各有各的事情</t>
  </si>
  <si>
    <t>没有解散</t>
  </si>
  <si>
    <t>苏州下雪吗</t>
  </si>
  <si>
    <t>这几年都没怎么下过，很小的雪</t>
  </si>
  <si>
    <t>冬季基本是要下雪的，天气也很冷的，基本都会在零下5——10度左右。</t>
  </si>
  <si>
    <t>是的，还在飘着雪花。</t>
  </si>
  <si>
    <t>会啊！一般每年春节前后都有几天雪，拙政园特别有冬雪拙政园的美景。</t>
  </si>
  <si>
    <t>兔子吃自己的粪便吗</t>
  </si>
  <si>
    <t>吃，是正常的，是兔子的生理特性。</t>
  </si>
  <si>
    <t>兔子是一种食草动物，主要栖息在草原和农作物地区。它喜欢吃嫩绿的青草和农作物，但有时也吃自己夜间排出的粪便。</t>
  </si>
  <si>
    <t>兔子会吃自己拉的屎 。</t>
  </si>
  <si>
    <t>兔子的大便通常是坚硬、圆滚滚的黑色小颗粒，偶尔也会出现柔软的粪便，稍不注意笼子 兔子可能立刻吃下这些柔软的粪便。 这些柔软的粪便中，含有食物中无法消化的植物纤维，再次吃进腹中，将身体所需的营养吸收后，变面圆滚滚的粪便排了体外。若不吃这些粪便，某些兔子可能会因营养不足而死亡。</t>
  </si>
  <si>
    <t>梅毒抗体可以转阴吗</t>
  </si>
  <si>
    <t>大多数会在6-9个月转阴</t>
  </si>
  <si>
    <t>梅毒抗体是终身携带的，不会通过治疗转阴，代表以前或者现在正在感染梅毒</t>
  </si>
  <si>
    <t>你好,梅毒抗体阳性不能转阴，梅毒抗体是感染梅毒获得的抗体,治愈后不能转阴的会是终生阳性的。</t>
  </si>
  <si>
    <t>幼儿能吃鲍鱼吗</t>
  </si>
  <si>
    <t>可以少吃一些。</t>
  </si>
  <si>
    <t>不可以，太补了对小孩不好。</t>
  </si>
  <si>
    <t>可以吃，会吃饭就可以吃。</t>
  </si>
  <si>
    <t>卢丁片能制高血压</t>
  </si>
  <si>
    <t>芦丁片是止血药。主要用于脆性增加的毛细血管出血症，也用于高血压脑病、脑出血、视网膜出血、出血性紫癜、急性出血性肾炎、再发性鼻出血、创伤性肺出血、产后出血等的辅助治疗。</t>
  </si>
  <si>
    <t>li是块元素吗</t>
  </si>
  <si>
    <t>都是块元素</t>
  </si>
  <si>
    <t>li是块级元素</t>
  </si>
  <si>
    <t>蒙牛是中粮的吗</t>
  </si>
  <si>
    <t>蒙牛乳业只是中粮集团下的一个业务板块，是中粮的一部分。中粮是一个很大的集团，它的业务包括很多方面的，比如粮食贸易、食品加工、饮料制造业、生物化工业、旅游业、房地产和金融业等等。</t>
  </si>
  <si>
    <t>蒙牛乳业只是中粮集团下的一个业务板块，是中粮的一部分。</t>
  </si>
  <si>
    <t>中粮收购了蒙牛百分之二十多的股份，成为蒙牛第一大股东。可以看做两者的一种联合，中粮和蒙牛各取所需，蒙牛要以中粮为靠山，拥有大国企的背景、资金支持、各业务单元的资源共享，中粮通过控股蒙牛，进军乳制品行业，继续做大。</t>
  </si>
  <si>
    <t>霓虹杀拳 蔚有特效吗</t>
  </si>
  <si>
    <t>没什么特效，感觉没自身的好看呢，你要想看下个盒子自定义皮肤，反正我不建议买</t>
  </si>
  <si>
    <t>我记得好像有，但是不太好看。电玩皮肤全特效的很不错，不知道蔚有没有电玩皮肤</t>
  </si>
  <si>
    <t>特效是有了，但是好丑的说。。。。</t>
  </si>
  <si>
    <t>回城时有，跟EZ未来战士回城时差不多，大招好像也有，颜色与炫丽点</t>
  </si>
  <si>
    <t>翻唱歌曲侵权吗</t>
  </si>
  <si>
    <t>一、翻唱别人的歌曲，如果为一般益表演翻唱节目，未向公众收取费用，也未向表演者支付报酬的，可以不经著作权人许可，不向其支付报酬。但是未取得授权而使用别人的歌曲参加商业比赛并进行电视直播、拍MV等用于商业用途就涉及侵权，包括在酒吧里演唱和歌手翻唱视频在网上传播等都可能涉及侵权。二、著作权法的相关规定：1、第3条规定，本法所称的作品，包括文字作品、音乐、戏剧、曲艺、舞蹈、杂技艺术等作品。2、第10条规定，著作权包括下列人身权和财产权:发表权、署名权、修改权、保护作品完整权、复制权、发行权、出租权、展览权、表演权、放映权、广播权、信息网络传播权、摄制权、改编权、翻译权、汇编权以及应当由著作权人享有的其他权利。3、第24条规定，使用他人作品应当同著作权人订立许可使用合同。4、第48条规定，未经著作权人许可，复制、发行、表演、放映、广播、汇编、通过信息网络向公众传播其作品的，应当根据情况，承担停止侵害、消除影响、赔礼道歉、赔偿损失等民事责任;情节严重的，著作权行政管理部门还可以没收主要用于制作侵权复制品的材料、工具、设备等;构成犯罪的，依法追究刑事责任。</t>
  </si>
  <si>
    <t>翻唱别人的歌曲，如果为一般益表演翻唱节目，未向公众收取费用，也未向表演者支付报酬的，可以不经著作权人许可，不向其支付报酬。但是未取得授权而使用别人的歌曲参加商业比赛并进行电视直播、拍MV等用于商业用途就涉及侵权，包括在酒吧里演唱和歌手翻唱视频在网上传播等都可能涉及侵权。</t>
  </si>
  <si>
    <t>别人的歌可以翻唱，但是未取得授权而使用别人的歌曲参加商业比赛并进行电视直播、拍MV等用于商业用途就涉及侵权，包括在酒吧里演唱和歌手翻唱视频在网上传播等都可能涉及侵权。</t>
  </si>
  <si>
    <t>当然要给钱了 如果未经别人允许就翻唱那么这个是要负法律责任的而且是属于侵权行为的 版权是什么 就是在维护作者的权益呀</t>
  </si>
  <si>
    <t>雅思考试有年龄限制吗</t>
  </si>
  <si>
    <t>　雅思考试没有年龄限制。</t>
  </si>
  <si>
    <t>没有年龄限制</t>
  </si>
  <si>
    <t>雅思考试没有年龄限制。</t>
  </si>
  <si>
    <t>支付宝转账能转到存折里吗</t>
  </si>
  <si>
    <t>支付宝是可以转账到存折的，操作步骤如下： 依、打开“支付宝钱包”，在登录支付宝之后来到首页，再点击“转账”。 贰、来到支付宝转账页面，选择“转到银行卡”。 三、然后输入收款人姓名、存折号，选择转账银行，输入转账金额，再点击“下一步”。 四、接着在弹出来的支付密码输入窗口，输入支付宝的支付密码并点击“确定”就可以看到支付宝已经转账到存折里，只需要等待银行处理就可以了</t>
  </si>
  <si>
    <t>支付宝是可以转账到存折的</t>
  </si>
  <si>
    <t>不可以的，我试过了</t>
  </si>
  <si>
    <t>支付宝是能转账到存折的，因为存折只是用来记录存款户口的银行交易的簿子，和银行卡一样都是有账</t>
  </si>
  <si>
    <t>好像可以，我之前成功用支付宝转账到邮政储蓄银行存折帐户。</t>
  </si>
  <si>
    <t>目前，支付宝暂不支持转账到存折，但是可以转账到存折对应的银行卡，建议转账到银行卡</t>
  </si>
  <si>
    <t>这个是不可以的，转银行卡是可以的啊</t>
  </si>
  <si>
    <t>苏卡达象龟会咬人吗</t>
  </si>
  <si>
    <t>一般不会咬人，咬人都是错把手指当成食物，喂食时候注意一点就行。</t>
  </si>
  <si>
    <t>陆龟不会主动咬人的</t>
  </si>
  <si>
    <t>一般是不会的，陆龟素食性，对人没有攻击性。但如果饿急了就会到处咬咬，试探哪些是食物</t>
  </si>
  <si>
    <t>咬人很疼的，别没事用手指逗弄旱龟。</t>
  </si>
  <si>
    <t>完美护肤品好吗</t>
  </si>
  <si>
    <t>很好用</t>
  </si>
  <si>
    <t>每个人肤质不同看你的吸收情况如何</t>
  </si>
  <si>
    <t>还不错的.</t>
  </si>
  <si>
    <t>这个品牌的整体口碑还算是可以的，但是也有一小部分人觉得这个品牌用着不好，也不是说化妆品不好，而是说每个人的肤质是不一样的，对护肤品的适应度是不一样的。</t>
  </si>
  <si>
    <t>完美门槛高，产品价位高，要做起来很困难，不如选择门槛低，高品质低价位的公司更有发展空间。</t>
  </si>
  <si>
    <t>联通话费能买东西吗</t>
  </si>
  <si>
    <t>当然可以。我联通卡。每月用手机卡冲黄钻的啊。</t>
  </si>
  <si>
    <t>联通的手机卡是不能买东西的.</t>
  </si>
  <si>
    <t>联通手机话费不支持消费购物的。联通手机话费可以用于支付网络游戏平台的游戏币和增值服务等业务，比如充值Q币和开通腾讯增值服务。如果该卡不想再用了，也可以办理销户，待系统结账后，剩余话费可以返还的。</t>
  </si>
  <si>
    <t>联通手机话费不支持消费购物的。</t>
  </si>
  <si>
    <t>联通手机话费可以办理联通各项实用的增值业务，还可使用联通话费办理第三方SP业务</t>
  </si>
  <si>
    <t>没有婚姻线是不是就没有婚姻</t>
  </si>
  <si>
    <t>这肯定不是了</t>
  </si>
  <si>
    <t>面对现实不要什么都信</t>
  </si>
  <si>
    <t>这是没关系的只能说，能不能结婚你们决定想要结婚，好好相处什么婚姻线都是骗人的</t>
  </si>
  <si>
    <t>不是。婚姻线往往只是对于过去经历的说明。很多人没有婚姻线，但是生活很幸福。</t>
  </si>
  <si>
    <t>不可不信不可全信。事在人为</t>
  </si>
  <si>
    <t>婚姻线没有的人，通常对于婚姻感情很忠诚，不是没有婚姻线就没有婚姻，而是相比于那种很多桃花的命，异性缘分稍微差几分而已，等行桃花运一样可以结婚</t>
  </si>
  <si>
    <t>艾米粒瘦瘦包是传销吗</t>
  </si>
  <si>
    <t>需从法律规定以及具体的运作模判断是否属于传销</t>
  </si>
  <si>
    <t>一个手机号能申请两个微信吗</t>
  </si>
  <si>
    <t>一个手机号只能注册一个微信号</t>
  </si>
  <si>
    <t>解决微信5.0没有QQ直接登录的办法，一个手机号也能注册多个微信账号</t>
  </si>
  <si>
    <t>一个手机号是不可以注册两个微信的</t>
  </si>
  <si>
    <t>可以申请多个，把现有的微信解除手机号码的绑定，就可以再用手机号码申请新的了。如果原来的微信绑定了qq或邮箱，用账号或邮箱或qq号码登陆就可以了。</t>
  </si>
  <si>
    <t>可以的，，，不过有点麻烦</t>
  </si>
  <si>
    <t>一个手机号码，是不可能同时绑定两个微信账号的，只能绑定一个微信号。</t>
  </si>
  <si>
    <t>一个手机号可以申请多个微信号，但是只能同时绑定一个微信号</t>
  </si>
  <si>
    <t>三国乱世有手机版吗</t>
  </si>
  <si>
    <t>三国乱世是腾讯的平台游戏，目前还没有手机版</t>
  </si>
  <si>
    <t>真没有</t>
  </si>
  <si>
    <t>三国乱世是腾讯的平台游戏，目前还没有手机版，</t>
  </si>
  <si>
    <t>手机浏览器，调成桌面浏览模式。在安装flash。这样就可以了。</t>
  </si>
  <si>
    <t>有手游版 单独的版本</t>
  </si>
  <si>
    <t>艾草可以泡茶吗</t>
  </si>
  <si>
    <t>艾叶泡茶喝有散寒除湿，温经止血的功效。</t>
  </si>
  <si>
    <t>艾草泡茶可以。</t>
  </si>
  <si>
    <t>深蹲减肚子吗</t>
  </si>
  <si>
    <t>可以减得，但是效果没有那么的，而且每天深蹲，大腿得不到休息，人会不舒服的</t>
  </si>
  <si>
    <t>深蹲起是一种腿部肌肉练习，为有氧运动，能充分燃烧体内的糖分，还可消耗体内脂肪，增强和改善心肺功能，预防骨质疏松，调节心理和精神状态，是健身的主要运动方式</t>
  </si>
  <si>
    <t>仰卧起坐，慢跑比较好，蹲起始锻炼大腿的</t>
  </si>
  <si>
    <t>深蹲是可以减肚子的。</t>
  </si>
  <si>
    <t>可以的，不过要坚持，每天5组，一组30个，以前跟私教训练的时候，就是这么要求的。</t>
  </si>
  <si>
    <t>深蹲和深弯腰对减肚子有效。</t>
  </si>
  <si>
    <t>如果你能做到长期坚持的话，是可以达到有效减肚子的效果的。</t>
  </si>
  <si>
    <t>深蹲是用来瘦腿的，深弯腰是有一定的瘦肚子的效果，但是效果不太好</t>
  </si>
  <si>
    <t>王源有qq吗</t>
  </si>
  <si>
    <t>王源是有qq号码。</t>
  </si>
  <si>
    <t>王源的qq号在tf少年go里有提到</t>
  </si>
  <si>
    <t>咖啡加盐好喝吗</t>
  </si>
  <si>
    <t>咖啡加盐确实难喝，但是加个奶油球昧道还能忍受，可能喝时间长了就会习惯了吧，就像喝清咖一开始好多人也喝不习惯，喝时间长了就习惯了，咖啡加盐也应该是吧</t>
  </si>
  <si>
    <t>加盐又好喝又不发胖哦</t>
  </si>
  <si>
    <t>难喝</t>
  </si>
  <si>
    <t>难喝，你可以试试</t>
  </si>
  <si>
    <t>会是一种新的口味啊，不象话喝纯的话，可以加糖和奶油！保证好喝！</t>
  </si>
  <si>
    <t>男人穿女人的内裤好吗</t>
  </si>
  <si>
    <t>可以！只要你愿意</t>
  </si>
  <si>
    <t>当然可以啦。各有所好嘛，别让别人发现就可以。</t>
  </si>
  <si>
    <t>可以的，我就买女性内裤在穿，这是我的自由，我的爱好</t>
  </si>
  <si>
    <t>有些情况下，也可以啊。</t>
  </si>
  <si>
    <t>诅咒贴是真的吗</t>
  </si>
  <si>
    <t>对于这种帖子，广大网民不用担心。这只是一种迷信、骗回贴量的烂方法。</t>
  </si>
  <si>
    <t>肯定是假的</t>
  </si>
  <si>
    <t>诅咒帖是一种迷信、骗回贴量的烂方法。</t>
  </si>
  <si>
    <t>假的。绝对假</t>
  </si>
  <si>
    <t>加油发票可以抽奖吗</t>
  </si>
  <si>
    <t>不可以。只有服务业的发票才可以。</t>
  </si>
  <si>
    <t>加油站发票能不能抽奖，要看你的省份在哪里。比如：1、一部分省市加油站发票无法进行抽奖、刮奖等。2、一部分省市加油站发票可以进行刮奖，奖金由政府定额。3、极少部分省市加油站发票可以进行抽奖，每月底举行抽奖，奖金由政府定额。</t>
  </si>
  <si>
    <t>可以，只要是国家税务局监制的发票都可以的。</t>
  </si>
  <si>
    <t>如果刮掉涂层不是“谢谢您”的话,你可以上当地的地税网查询一下你的获奖发票信息。</t>
  </si>
  <si>
    <t>希特勒是奥地利人吗</t>
  </si>
  <si>
    <t>现在的世界的观点是希特勒是德国人，因为希特勒当上德国领导人，并发动二战。但德国跟奥地利对此不一，奥地利是希特勒加入德国国籍才危害世界的，所以是德国人。但德国说希特勒出生在奥地利，是奥地利人。但纳粹主义分子说希特勒是德国人。在最伟大的德国人投票中，希特勒被排除在外。也就是说不能把希特勒当作德国人。</t>
  </si>
  <si>
    <t>希特勒是出生在奥地利的奥地利裔的德国人。</t>
  </si>
  <si>
    <t>怀孕初期可以吃鹅蛋吗</t>
  </si>
  <si>
    <t>鹅蛋和鸡蛋类似，所以肯定是能吃的。</t>
  </si>
  <si>
    <t>好像没有孕初期吃鹅蛋的说法.</t>
  </si>
  <si>
    <t>和怀孕没有了什么关系。怀孕了也是可以吃的。</t>
  </si>
  <si>
    <t>小米手机假货多吗</t>
  </si>
  <si>
    <t>有，而且有很多，有很多人不会网上购物就去实体店购买小米手机，</t>
  </si>
  <si>
    <t>小米是国内被山寨率最高的，比苹果三星都高</t>
  </si>
  <si>
    <t>有啊，真货有时也像假货，不咋的，最好在官网买</t>
  </si>
  <si>
    <t>当然有了，很多</t>
  </si>
  <si>
    <t>马化腾死了吗</t>
  </si>
  <si>
    <t>死了，早死了。只是没人知道罢了……早在腾讯创立之初，他就怕日后被人骂，于是就悄悄的死了！</t>
  </si>
  <si>
    <t>没有，怎么可能。</t>
  </si>
  <si>
    <t>没死，但是总让人有一种坑爹的感觉</t>
  </si>
  <si>
    <t>傻瓜 那都是恶搞的 网友的恶作剧</t>
  </si>
  <si>
    <t>让dnf那些人飞车那些人骂死的</t>
  </si>
  <si>
    <t>昨天死的</t>
  </si>
  <si>
    <t>狂野飙车8电脑版可以联网吗?</t>
  </si>
  <si>
    <t>在狂野飙车里的主菜单开始游戏下面就有多人。</t>
  </si>
  <si>
    <t>通常修改版的和破解版的都不能联网玩。</t>
  </si>
  <si>
    <t>别人盘过的星月菩提可以购买吗</t>
  </si>
  <si>
    <t>最好不要，要么是人家完全盘好，包浆开片的，要么是全新的，这种半吊子，不值得买</t>
  </si>
  <si>
    <t>超过1500就算了，自己弄新的慢慢盘</t>
  </si>
  <si>
    <t>玻璃胶耐热吗</t>
  </si>
  <si>
    <t>能，我用过的都是能耐热的</t>
  </si>
  <si>
    <t>听谁说的玻璃胶能耐高温的。</t>
  </si>
  <si>
    <t>耐高温玻璃胶是指能够耐受一定温度的特种玻璃胶。按材质不同分类，可以分为耐高温有机胶和耐高温无机胶;按耐热温度高低分类，可以分为耐343℃、538℃、1280℃。耐高温玻璃胶主要适用于高温工况下各类机件的粘接、修补和密封，具有粘接强度高、密封性能好、耐腐蚀等优点。一般在室温环境下固化，也可适度加温固化，使用非常方便。其他的玻璃胶长期处在60~80°环境会大大降低性能等。</t>
  </si>
  <si>
    <t>一般的玻璃胶主要用于门窗等缝隙的封接，不能耐高温。</t>
  </si>
  <si>
    <t>较好的硅酮玻璃胶能耐200度，其性能保持不变</t>
  </si>
  <si>
    <t>玻璃600度,可以用炉火变软,拉玻璃丝.煤气喷灯1300度,酒精喷灯1000度 ，玻璃没有一定的熔点和凝固点，但是普通的酒精灯就足以使它软化，普通玻璃是由纯碱、石灰石、石英和长石为主要原料，混合后在玻璃窑里熔融、澄清、匀化后加工成形，再经退火处理而得玻璃制品，普通玻璃主要成分大致为CaO∶Na2O∶6SiO2，它是磷酸钠、硅酸钙和二氧化硅熔合在一起的物质。没有一定的熔点，在某一温度范围内软化，在软化时可以制成任何形状的制品。除普通玻璃外，还有以硼酸盐、磷酸盐、氟化物为主的特种玻璃。制玻璃时，原料略高于1200℃时熔化，冷却以后即形成玻璃。</t>
  </si>
  <si>
    <t>普通玻璃胶耐-50摄氏度到+90摄氏度。耐高温玻璃胶（又称：耐高温密封胶、耐高温胶），是指能够耐受一定温度的特种玻璃胶。按材质不同分类，可以分为耐高温有机胶和耐高温无机胶；按耐热温度高低分类，可以分为耐343℃、538℃、1280℃。</t>
  </si>
  <si>
    <t>做蛋糕能用高筋面粉吗</t>
  </si>
  <si>
    <t>不能。用低筋面粉做</t>
  </si>
  <si>
    <t>面粉一般分为3种,高筋面粉,中筋面粉,低筋面粉(低筋面粉,这个就是适合做蛋糕的了)各种面粉用途:1.高筋面粉 高筋面粉又称强筋面粉，其蛋白质和面筋含量高。蛋白质含量为12%----15%，湿面筋值在35%以上。最好的高筋面粉是加拿大产的春小麦面粉。高筋面粉适宜做面包、起酥点心、泡夫点心等。2.低筋面粉 低筋面粉又称弱筋面粉，其蛋白质和面筋含量低。蛋白质含量为7%----9%，湿面筋值在25%以下。英国、法国和德国的弱力面粉均属于这一类。低筋面粉适宜制作蛋糕、甜酥点心、饼干等。 3.中筋面粉 中筋面粉是介于高筋面粉与低筋面粉之间的一类面粉。蛋白质含量为9%----11%，湿面筋值为25%----35%。美国、澳大利亚产的冬小麦粉和我国的标准粉等普通面粉都属于这类面粉。中筋面粉用于制作重型水果蛋糕、肉馅饼等。这是最原始的,现在又经过添加其它材料混合而成的其它粉类,比如有一种直接做蛋糕的,就叫面包粉,还有口味,不过我用过但效果并不好.</t>
  </si>
  <si>
    <t>做蛋糕的话，筋性会比低筋面粉高。这样会造成容易"出筋"，搅拌太久会让面包有一点像面包一样从中间膨胀开来。高筋面粉的吸水性也比较强，蛋糕会变乾、变硬！ 另外，高筋面粉的灰分也比较高，所以最好还是不要用高筋面粉做!!!</t>
  </si>
  <si>
    <t>蛋糕卷的话用低筋面粉比较好，比较松软，不然很有嚼劲的蛋糕卷你认为好吃吗？</t>
  </si>
  <si>
    <t>要用低筋面粉的</t>
  </si>
  <si>
    <t>虹鱼有毒吗</t>
  </si>
  <si>
    <t>托业难不难</t>
  </si>
  <si>
    <t>托业考试不难</t>
  </si>
  <si>
    <t>难度和六级和BEC中级差不多</t>
  </si>
  <si>
    <t>苹果电脑可以玩炫舞吗</t>
  </si>
  <si>
    <t>可以，装一个PD7虚拟机，让后在虚拟机里装WIN7系统即可。</t>
  </si>
  <si>
    <t>硬件是完全可以的，但是QQ炫舞需要Windows环境下运行，所以想用Mac玩这些游戏要么装双系统要么装虚拟机</t>
  </si>
  <si>
    <t>不能，QQ炫舞没有mac版本的，除非你装双系统，在windows系统下来玩，但对本本不大好，而且我觉得既然所以选择了苹果本本，就应该体验它的mac osx系统，我自己的就是用mac系统的。所以windows下的很多常见游戏就不能玩了</t>
  </si>
  <si>
    <t>因为炫舞没有苹果版本的</t>
  </si>
  <si>
    <t>孕妇能不能吃辣</t>
  </si>
  <si>
    <t>可以少吃</t>
  </si>
  <si>
    <t>可以吃。建议少吃或者不吃。</t>
  </si>
  <si>
    <t>可以。但是还是不吃为好。</t>
  </si>
  <si>
    <t>答案是肯定的，孕妇可以吃辣椒，但是，记得，这里的可以是指青椒，而不是尖椒。</t>
  </si>
  <si>
    <t>辣椒中含有一种特殊的物质，它能加速孕妇们的新陈代谢以达到燃烧体内脂肪的效果，而且效果十分的显著，从而起到减肥的作用。这种物质还可以促进荷尔蒙分泌，对孕妇们的皮肤有很好的美容保健作用，是女性的“补品”。</t>
  </si>
  <si>
    <t>提高蛋白质和脂肪的摄入，更有助于胎儿的发育。辣椒每百克辣椒维生素C含量高达198毫克，居蔬菜之首位，因此，女性怀孕期间，是可以吃辣椒的。</t>
  </si>
  <si>
    <t>怀孕期间可以偶尔吃点辣的，但是不能吃得太多，容易上火的</t>
  </si>
  <si>
    <t>在怀孕早期由于妊娠反应，大部分准妈妈食欲不佳，适当吃些辣椒，有助于增加食欲。吃饭不香、饭量减少时，准妈妈可以尝试在菜里放上一些辣椒改善一下食欲，增加饭量。但同时有一点，准妈妈也要注意，做辣椒时一定要掌握它的火候，因为辣椒本身所含的维生素C不耐热，很容易被破坏，还有最好避免使用铜质餐具来盛辣椒。　　辣椒中含有麻木神经的物质，会对宝宝的神经造成影响，所以孕妇在吃辣椒时，一定要注意不可以吃辣椒时吃到让口腔发麻，适量的食用即可。在吃辣椒时，只要掌握口腔是否感到麻木的原则，孕妇们就能安心吃辣了。</t>
  </si>
  <si>
    <t>飞机托运 刀</t>
  </si>
  <si>
    <t>菜刀可以托运</t>
  </si>
  <si>
    <t>红宝石里面有气泡吗</t>
  </si>
  <si>
    <t>宝石里面不会有气泡，就像石头里面没有气泡一样，如果有那就是假的。</t>
  </si>
  <si>
    <t>准生证和出生证一样吗</t>
  </si>
  <si>
    <t>不一样，一个是孩子出生时医院的出生证明，另外一个是你怀孕三个月内要办的允准生育的证明啊</t>
  </si>
  <si>
    <t>准生证是计划生育给开的表示允许你生孩子的证明。出生证明是你生孩子的医院开的，证明你是哪里人在哪里出生</t>
  </si>
  <si>
    <t>准生证是准许生，出生证已经出生的证明。</t>
  </si>
  <si>
    <t>不一样，出生证是宝宝出生时，你在哪个医院生的，哪个医院就会给你开，准生证是还没生宝宝之前，就要到夫妻任一方的户口所在地去办理，办理了准生证给宝宝上户口的时候才不会罚款。</t>
  </si>
  <si>
    <t>考研每年放弃的多吗</t>
  </si>
  <si>
    <t>一战复习了四个多月中途放弃，那时临考试只有一个多月，绕一圈回来二战——像我这样的人应该不多。考研是一个消磨意志力的过程，当你的热情耗尽的时候，任何一个微不足道的理由都会让你放弃。</t>
  </si>
  <si>
    <t>挺多的，很多同学到了复习后半段就不想复习了，随便考了一下。实际上坚持一下，是能考上的。</t>
  </si>
  <si>
    <t>放弃的人很多，所以最后能坚持到考试结束，很多人都是可以考上的，信心不足，心态不好，害怕失败。</t>
  </si>
  <si>
    <t>足贴去湿气有用吗</t>
  </si>
  <si>
    <t>使用足贴排毒去湿气，每天一定要按以下四个步骤才有效果：泡，搓，泡，贴。</t>
  </si>
  <si>
    <t>我试过没什么用。</t>
  </si>
  <si>
    <t>有用，但并没有那么神奇，应当保持理性态度使用：</t>
  </si>
  <si>
    <t>我就有用足贴，感觉不错啊，这东西一定要坚持，很多东西一定要自己用过才知道，毕竟每个人体质不同，对有的人有用，对有的人没用</t>
  </si>
  <si>
    <t>足贴可以排毒去湿气</t>
  </si>
  <si>
    <t>排湿气中成药都做不到，足贴自然不行的，</t>
  </si>
  <si>
    <t>除湿一般足贴都有用。足贴是通过刺激足底穴位作用，促进身体排泄，从而利用身体自身排泄功能除湿的。</t>
  </si>
  <si>
    <t>天降之物第三季出了吗</t>
  </si>
  <si>
    <t>有可能不会有第三季了.</t>
  </si>
  <si>
    <t>应该不出了吧.</t>
  </si>
  <si>
    <t>第三季不会出了，AIC已经倒闭了，百度上搜一下就能找到AIC已经被人收购的消息。很遗憾，永远的鸟笼就已经是最后的结局了....不过由于漫画毕竟人气还在，多少还是可以期待一下，别抱太大希望</t>
  </si>
  <si>
    <t>作者已经在漫画上发布了第三季的制作决定,但由于在第二季的结尾改了剧情,弄的第三季不好衔接,不过肯定会有的,只是时间问题.</t>
  </si>
  <si>
    <t>德拉诺可以飞吗</t>
  </si>
  <si>
    <t>能飞，但是要完成塔纳安丛林的成就才能解锁</t>
  </si>
  <si>
    <t>完成[德拉诺探路者]成就就可以在德拉诺飞行，而且成就还奖励一个坐骑——飞天魔龙~</t>
  </si>
  <si>
    <t>分局和市局是同级吗</t>
  </si>
  <si>
    <t>公安分局与公安局的职责职能相差不多，公安局是公安分局的上级领导机关。　　公安局是公安机关的组织形式，是主管公安工作的政府下设职能部门。受所在地政府、上级公安机关双重领导。　　公安局承担公安机关的工作职责：预防、制止和侦查违法犯罪活动；防范、打击恐怖活动；维护社会治安秩序，制止危害社会治安秩序的行为；管理交通、消防、危险物品；管理户口、居民身份证、国籍、出入境事务和外国人在中国境内居留、旅行的有关事务；维护国（边）境地区的治安秩序；警卫国家规定的特定人员、守卫重要场所和设施；管理集会、游行和示威活动；监督管理公共信息网络安全监察工作；指导和监督国家机关、社会团体、企业事业组织和重点建设工程的治安保卫工作，指导治安保卫委员会等群众性治安保卫组织的治安防范工作。</t>
  </si>
  <si>
    <t>1、公安分局与公安局的职责职能相差不多，公安局是公安分局的上级领导机关，如同省公安厅是市公安局的上级领导机关一样。2、公安分局不是公安局的直属单位，是其下属单位。公安局的直属单位是其内部设置的科室和部门，如“出入境管理科”等。3、许多地区设公安分局是便于公安系统更好地行使职权和分级管理，公安局有一部分职权会下放到分局。4、在一座城市里若分设公安分局与公安局时，公安局一般是作为公安部门的领导机关，领导、指挥分局及各公安支队的工作。</t>
  </si>
  <si>
    <t>分局是局的下属单位</t>
  </si>
  <si>
    <t>公安局是公安机关的组织形式，是主管公安工作的政府下设职能部门。受所在地政府、上级公安机关双重领导，也就是说，既受同级政府的领导，又受上级公安机关的指导。公安局按级别通常有：直辖市公安局、省会城市公安局、地级市公安局、县级公安局，除县级公安局外，前几者均可按城市的区下分区分局。公安局一般受所在地政府领导、受上级公安厅、局指导。公安机关的最高部门是公安部，指导全国公安工作，包括所有各级公安局。</t>
  </si>
  <si>
    <t>属于双重领导，业务上属于上级公安机关领导，行政上属于当地政府领导</t>
  </si>
  <si>
    <t>既属同级政府领导，也属上级公安机关领导，属于双重领导。</t>
  </si>
  <si>
    <t>肿瘤病人能吃西洋参吗</t>
  </si>
  <si>
    <t>一般癌症病人是不建议直接服用整棵人参的，不过西洋参很普通，不会特别滋补，可以适量服用的，建议配合今幸rh2服用更好的。</t>
  </si>
  <si>
    <t>出售淘宝店铺安全吗</t>
  </si>
  <si>
    <t>开店通过实名认证的，而且这个认证以后不能改成其他人的，支付宝账号对应的就是这个实名人的银行账号，不能改成其他人的账号的，这点是肯名的，所以无论如何都是无法解决这个支付宝的问题，交易的钱，总是会打倒之前那个卖家的银行卡里面，自己是无法拿到的，所以建议不要购买别人的账号。</t>
  </si>
  <si>
    <t>不安全！购买的店铺都不安全。</t>
  </si>
  <si>
    <t>由于淘宝网店注册的实名制原因，网店的转让也是有一定风险的。</t>
  </si>
  <si>
    <t>不安全 个人信息多在里面。</t>
  </si>
  <si>
    <t>私人间的网店转让很容易被骗。</t>
  </si>
  <si>
    <t>你永久关闭店铺贷款跟蚂蚁花呗签署转让合同没问题的。</t>
  </si>
  <si>
    <t>不安全， 多少钱看你淘宝店铺的等级。</t>
  </si>
  <si>
    <t>发蜡能带上飞机吗</t>
  </si>
  <si>
    <t>两种都不可随身携带 泡沫和膏状的都属于胶状液体 容量超过100ML的话 都是不允许带上飞机的 只能托运</t>
  </si>
  <si>
    <t>发蜡一般是分两种的,一种是一般的那种膏状的发蜡,这个是可以带上飞机的,还有一种是泡末发蜡,这种像摩丝一样进行压缩罐装的,是易爆品,就不行. 前者要带的话,单件容量不超过100ML,液态物品总量不超过1L,可以放在透明袋子里,随身携带上飞机的.</t>
  </si>
  <si>
    <t>不行!要办理托运</t>
  </si>
  <si>
    <t>坐飞机啫喱水和固体发蜡不可以随时携带</t>
  </si>
  <si>
    <t>飞机上不能带发蜡发胶</t>
  </si>
  <si>
    <t>红米2a流畅吗</t>
  </si>
  <si>
    <t>MIUI6不错</t>
  </si>
  <si>
    <t>冬天丽江冷吗</t>
  </si>
  <si>
    <t>丽江冬天天气（12月-2月）：气温约 -5℃ -15℃，气温较低，空气干燥。绝大多数情况下是晴天。</t>
  </si>
  <si>
    <t>冷啊，多准备过冬的衣服</t>
  </si>
  <si>
    <t>丽江的冬天早晚较冷</t>
  </si>
  <si>
    <t>冬天去大理、丽江好冷的。</t>
  </si>
  <si>
    <t>gts450能玩战地3吗</t>
  </si>
  <si>
    <t>可以的，别特效全开就行</t>
  </si>
  <si>
    <t>补牙打麻药疼吗</t>
  </si>
  <si>
    <t>补牙肯定要打麻醉</t>
  </si>
  <si>
    <t>打麻药一般在牙龈上，一般扎两针利多卡因，进行局部浸润麻醉，不太疼</t>
  </si>
  <si>
    <t>有一点点，但打完麻药就不痛了。</t>
  </si>
  <si>
    <t>打的时候有点疼，过后就不疼了。</t>
  </si>
  <si>
    <t>很痛</t>
  </si>
  <si>
    <t>是有表面麻醉的，但是效果不是很好，它适合简单的。补牙绝大部分不用麻药的，不会疼痛的。</t>
  </si>
  <si>
    <t>处女男和白羊女合适吗</t>
  </si>
  <si>
    <t>无所谓配与不配，关键看两人怎么相处交流</t>
  </si>
  <si>
    <t>白羊女和处女男 配对指数61%</t>
  </si>
  <si>
    <t>星座运势这些都是不太真实实际的，最重要的是两个人的感情一定要和得来，这样子的婚姻才能永久的牢固保鲜</t>
  </si>
  <si>
    <t>dnf85版本无影剑还有用吗</t>
  </si>
  <si>
    <t>楼上的，你当80那2把Ss太刀是吃醋的？＃＃开玩笑，你当无影百分三十的伤害是闹着玩的？</t>
  </si>
  <si>
    <t>有用，现在韩服85版本无影依旧是魔神的神器，目前没有超越的</t>
  </si>
  <si>
    <t>可以一直带#可以</t>
  </si>
  <si>
    <t>最好不要用</t>
  </si>
  <si>
    <t>除了艺龙剑，无影就是最好的了，平砍附加百分之30伤害，再说，85版本剑魂都用短剑了，短剑平砍堪称小拔刀，无影永远只有人追求，没被淘汰</t>
  </si>
  <si>
    <t>20年后房子还值钱吗</t>
  </si>
  <si>
    <t>一定的，国家现在开放二胎政策，人口会急剧增长，所以到时候对楼房的需求量也会增加，因为楼房20年后会值钱</t>
  </si>
  <si>
    <t>应该还会很贵，毕竟人口是越来越多，但是地方就这么大，你说会不会涨价</t>
  </si>
  <si>
    <t>肯定还是值钱的，只是问题是值多少的问题了，人口在增加，需求也在增加，现在的楼市主要是有一些人在哄抬楼市。</t>
  </si>
  <si>
    <t>房子是肯定值钱的，但不会像如今这么疯涨价格。由于土地是不可再生资源。</t>
  </si>
  <si>
    <t>未来房子肯定还会值钱</t>
  </si>
  <si>
    <t>值钱，城市的值钱，涌进城市的还是很多</t>
  </si>
  <si>
    <t>看什么位置，一般来说都会升值</t>
  </si>
  <si>
    <t>考研要学位证</t>
  </si>
  <si>
    <t>教育部有明确规定本科毕业生考研不需要学位证。</t>
  </si>
  <si>
    <t>报名时候会分两种，一种是有学位，一种是没有学位，考试流程都一样的，都给考，没什么不同。</t>
  </si>
  <si>
    <t>考研对不同的学历有不同的要求。研究生入学考试每年在1月份举行一般要求：普通高校应届本科毕业生；普通高校往届本科毕业生；专科毕业生，毕业2-3年后，可以以同等学力报考；成人应届本科毕业生，需以同等学力报考；成人往届本科毕业生，可以以本科生身份报考；同等学历报考，根据学校要求不同，需要发表论文，复试需要加试。</t>
  </si>
  <si>
    <t>按照国家《研究生入学考试条件》规定是没有学位证要求的，但有的学校或专业会规定考生具备学士学位或其他条件，需要查询报考学校招生简章具体规定。</t>
  </si>
  <si>
    <t>教育部有明确规定本科毕业生考研不需要学位证。应届和往届都是。任何学校不得随意更改研究生报名的条件。武汉大学明确规定应届本科生、往届报考的硕士研究生不需要学士学位证。</t>
  </si>
  <si>
    <t>有毕业证就可以，不用出示学位证。</t>
  </si>
  <si>
    <t>目前国内高校大部分是不需要学位证的，但少数学校规定本科应届、往届毕业生必须获得学士学位才能考研。如何查看报考学校是否需要学位证，可看该学校的招生简章，如果没有明确提出要学位证，那就默认为不需要。还可以拨打报考院校研究生院电话咨询。</t>
  </si>
  <si>
    <t>学历和学位是两个不同的概念，没有学士一样可以考。</t>
  </si>
  <si>
    <t>不会，一般在学校招生简章里面就有明确规定，包括初试复试要求，只不过一般考生不太在意而已；学校会因为没有本科的学位证而不发硕士学位证，没有这一说，正常录取了就发，除非学分不够，不能申请学位。</t>
  </si>
  <si>
    <t>没有学位证书可以考研。</t>
  </si>
  <si>
    <t>不需要的，可以考。</t>
  </si>
  <si>
    <t>h+是4g吗</t>
  </si>
  <si>
    <t>H+指的是4G网络的显示，4G网络开通的是DC-HSPA+功能，在使用时手机标识显示H+。</t>
  </si>
  <si>
    <t>这两种本身就是不同的网络，如果说关系方面，就是h+是3G的升级，4G是h+的升级</t>
  </si>
  <si>
    <t>亲，不是，4G显示的就是4G，H+是 HSPA+网络 ，比之3g网络快，可以称之为3.5g网络</t>
  </si>
  <si>
    <t>不是，H是3G网络的升级版</t>
  </si>
  <si>
    <t>H+表示是Hspa+网络，也就是3.75G网络。</t>
  </si>
  <si>
    <t>H+是HSDPA的升级版HSPA+，是3.75G网络，下行速度可达42Mb。4G指普通的4G网络，目前是最快的，下行速度可达1Gb。</t>
  </si>
  <si>
    <t>微博会员可以看最近访客吗</t>
  </si>
  <si>
    <t>新浪微博是没有查看访客的功能的，但是有个微博人脉top10和常与我互动可以查看好友记录。</t>
  </si>
  <si>
    <t>不会有。及时你关注了她，她发的微博在你的主页刷新了，才有可能增加她那条微博的阅读量+1，但也不能查看谁阅读了这条微博。</t>
  </si>
  <si>
    <t>在管理中心的数据中心可以看到的。</t>
  </si>
  <si>
    <t>新浪微博不能查看最近访客。</t>
  </si>
  <si>
    <t>不能看最近访客记录。悄悄关注人数增加了，关注人数也增加了。微博留言红名。微博置顶功能！</t>
  </si>
  <si>
    <t>气垫b b 霜用卸妆吗</t>
  </si>
  <si>
    <t>所有的BB霜都是底妆产品，既不可以直接涂抹（之前必须洁面和护肤）、晚间也必须首先卸妆.</t>
  </si>
  <si>
    <t>需要卸妆</t>
  </si>
  <si>
    <t>要的，气垫BB霜属于彩妆，需要卸妆的。</t>
  </si>
  <si>
    <t>这个是必须哦</t>
  </si>
  <si>
    <t>十一期间派出所上班吗</t>
  </si>
  <si>
    <t>不放假！派出所24小时有人值班！</t>
  </si>
  <si>
    <t>有人值班的放心办理去吧</t>
  </si>
  <si>
    <t>派出所“十一”期间放假。</t>
  </si>
  <si>
    <t>【1】国庆节是法定假日。10月4日，5日，6日，7日是调休。【2】派出所在国庆节放假期间，休息。但是有值班领导和工作人员轮流值班，处理日常公务。</t>
  </si>
  <si>
    <t>有值班的</t>
  </si>
  <si>
    <t>派出所只有值班民警上班，办理户籍业务或其它业务的都不办理，值班民警受理接处警业务工作。</t>
  </si>
  <si>
    <t>12月份工作好找吗</t>
  </si>
  <si>
    <t>12月份一般是不太好找工作，作为应届生，过了校招时间了。</t>
  </si>
  <si>
    <t>苹果手表掉漆可以换吗</t>
  </si>
  <si>
    <t>不可以的，掉漆 磨损 均不在3包范围。</t>
  </si>
  <si>
    <t>掉漆这种事是不更换的，只有找内部人员帮忙，例如花钱给直营店人员，几百吧，他会把你手机的音量键弄松动，不像人为的。这样就可以更换新机。只有苹果官方网站上能找到直营店和授权店，才可以这样做。其他店面多大都没用，一旦拆机拿到正规都不享受质保待遇</t>
  </si>
  <si>
    <t>一般非国内买的，出了问题国内店是不保修不换的，需要去买的国家维修或者换新。</t>
  </si>
  <si>
    <t>ipad mini看书 伤眼睛么</t>
  </si>
  <si>
    <t>这个跟液晶显示屏幕、光线、使用时间有关，就算是看普通的书，长时间看也会伤眼，不过相比液晶显示屏会小一些。所以长时间用眼，都应该注意让眼睛休息，最好看一段时间休息一下</t>
  </si>
  <si>
    <t>跟看电视一样，比看电视还伤眼睛。</t>
  </si>
  <si>
    <t>个体要交地税吗</t>
  </si>
  <si>
    <t>1.如果当月的销项减进项为零了，就不需要交增值税.也就是不用交国税。2.城建税和教育费附加是增值税的附属税也不需要交地税了。</t>
  </si>
  <si>
    <t>当然，比如说，个体户如果从事建筑安装，要交营业税，是地税收；有个人经营所得，要交个人所得税，也是地税收。</t>
  </si>
  <si>
    <t>除了补缴欠的税款外，还要缴滞纳金，罚款，个人所得税需要当地的税务所进行核定，然后再缴纳。</t>
  </si>
  <si>
    <t>有下列情况的个体户要交地税。地方税包括下列税种：1、缴交营业税的地方企业所得税2、个人所得税，3、城镇土地使用税，4、资源税，5、城市维护建设税6、房产税，7、车船税，8、印花税9、屠宰税10、农牧业税，11、对农业特产收入征收的农业税12、耕地占用税，13、契税，14、筵席税15、土地增值税。16.地方教育附加税。17.营业税</t>
  </si>
  <si>
    <t>个体户也就是个体工商户，是一个特定的登记类型，其实是属于无限公司。个体户是核定征收的，国税的起征点分两个情况定，分加工/修理和销售两种，简单说就是你的主营项目是什么。加工/修理的起征点为3000元/月，销售的起征点为5000元/月。还有一种情况是服务行业，例如餐饮，发廊，那就是纯地税，不用交国税，但相对地税也会交多一些</t>
  </si>
  <si>
    <t>酸奶补钙吗</t>
  </si>
  <si>
    <t xml:space="preserve">酸奶减肥补钙还解便秘 </t>
  </si>
  <si>
    <t>酸奶是很好的补钙美食，晚上喝酸奶则补钙效果是最强的。</t>
  </si>
  <si>
    <t>酸奶补钙，饭后两小时喝容易吸收</t>
  </si>
  <si>
    <t>奶里含有丰富的钙质，兼吃喝在一定程度上可预防缺钙。</t>
  </si>
  <si>
    <t>酸奶不能补钙，也不能多喝，补充钙建议喝纯牛奶。</t>
  </si>
  <si>
    <t>中国银行星期天开门吗</t>
  </si>
  <si>
    <t>中国银行周末上班，但是不提供对公业务</t>
  </si>
  <si>
    <t>除了国家法定假日，周末银行都是上班的。</t>
  </si>
  <si>
    <t>周六周日虽属法定节假日，但周六周日还是有留守工作人员上班的，但是不提供对公业务。</t>
  </si>
  <si>
    <t>中国银行周末上班，但是不提供对公业务。</t>
  </si>
  <si>
    <t>中国银行上班时间表：上午8点半到下午5点，中午会关闭部分窗口;周六周日是从上午9点到下午4点，不提供对公业务办理。</t>
  </si>
  <si>
    <t>碧欧泉好不好</t>
  </si>
  <si>
    <t>我是干性敏感皮肤，用了好几年碧欧泉，感觉很不错，夏天用绿活泉系列，秋冬用粉活泉系列，补水效果很好，原来一换季皮肤就过敏，脸红，现在改善好多。一直在用。</t>
  </si>
  <si>
    <t>那个谁写的长篇大论其实没啥用，碧欧泉你是男士用还是女士用，女士用的话挺温和的一个牌子，主打补水，我用过几次，没感觉，不会回购，如果你的皮肤只是缺水可以试试，每个人肤质不同，也许对你有用，哈哈</t>
  </si>
  <si>
    <t>过敏性皮肤别用，</t>
  </si>
  <si>
    <t>此致顶格写么</t>
  </si>
  <si>
    <t>此致空两格</t>
  </si>
  <si>
    <t>此致不用顶格写，空两格写。</t>
  </si>
  <si>
    <t>先写此致，一般空两格或在一行的中间写</t>
  </si>
  <si>
    <t>是的！</t>
  </si>
  <si>
    <t>时间重置是真的吗</t>
  </si>
  <si>
    <t>有人相信是平行世界 但现在还没有相关的科学依据</t>
  </si>
  <si>
    <t>这只是科学推论 没有真不真 就是有理论但还没有被证实</t>
  </si>
  <si>
    <t>时间重置 可能要涉及到 宇宙起源学 那就是 时空隧道 现在科学还是理论阶段 不过不是迷信 时间重置 有可能发生</t>
  </si>
  <si>
    <t>宫腔镜后月经会推迟吗</t>
  </si>
  <si>
    <t>宫腔镜手术需要根据具体手术的目的</t>
  </si>
  <si>
    <t>宫腔镜手术后约一个月左右就会正常来月经，如果提前来或者晚来都是不正常的。</t>
  </si>
  <si>
    <t>有可能影响月经</t>
  </si>
  <si>
    <t>李云龙自杀了?</t>
  </si>
  <si>
    <t>电视剧版本中的李云龙没演到他自杀，小说版本中的他是在文革中受到冲击，不愿意受侮辱自杀的。</t>
  </si>
  <si>
    <t>历史上没有李云龙</t>
  </si>
  <si>
    <t>李云龙是在文革时期被迫开枪自杀。</t>
  </si>
  <si>
    <t>月子能洗澡吗</t>
  </si>
  <si>
    <t>月子里洗澡有益于产妇健康。调查显示，产后洗澡对子宫收缩及恶露颜色、数量、气味、出血量均无不良影响。产后及时清洁身体具有活血、行气的功效，可帮助产妇解除分娩疲劳，保持舒畅的心情；还可促进会阴伤口的血液循环，加快愈合；使皮肤清洁干净，避免皮肤和会阴伤口发生感染；加深产妇睡眠、增加食欲，使气色好转。因此，月子里及时洗澡对产妇健康十分有益。如果会阴部没有伤口，只要疲劳一恢复就可开始洗沐浴。</t>
  </si>
  <si>
    <t>可以洗澡，那样对身体更好。但是必须要保持好室内温度别让风冒着，别感冒了</t>
  </si>
  <si>
    <t>只要条件许可，产妇在月子里是可以洗澡的</t>
  </si>
  <si>
    <t>一般产后一周可以洗澡、洗头，但必须紧持擦浴，不能洗盆浴，以免洗澡用过的脏水灌入生殖道而引起感染。6周后可以洗淋浴。</t>
  </si>
  <si>
    <t xml:space="preserve">按照传统坐月子不能洗澡洗头。事实上坐月子理论是可以洗头洗澡的，只是不能用阴阳水洗(指的是没有开过的冷热混合水，因为水没有烧开所以有可能带有细菌，产妇在坐月子期间全身毛细血孔都处于开放状态，细菌很容易进入产妇身体引起后患)，而是用开过的水（凉至适宜温度）或酒精隔水加热后来洗澡或洗头。 </t>
  </si>
  <si>
    <t xml:space="preserve"> 研究表明，产后及时清洁身体具有活血、行气的功效，可帮助产妇解除分娩疲劳，保持舒畅的心情;还可促进会阴伤口的血液循环，加快愈合;使皮肤清洁干净，避免皮肤和会阴伤口发生感染;加深产妇睡眠、增加食欲，使气色好转。因此，月子里及时洗澡对产妇健康十分有益。</t>
  </si>
  <si>
    <t>6s壳通用吗</t>
  </si>
  <si>
    <t>可以通用的哦！iphone6和iphone6S的手机壳是通用的。</t>
  </si>
  <si>
    <t>一模一样的的 就是配置发生了变化。</t>
  </si>
  <si>
    <t>大小一样。按键孔位置有差异。现在的不能通用</t>
  </si>
  <si>
    <t>怀孕鼻子会变大吗</t>
  </si>
  <si>
    <t>男胎，孕妇鼻大</t>
  </si>
  <si>
    <t>怀孕之后鼻子不会变大，你觉得自己鼻子变大是一种心理作用，建议你不要这么在意鼻子，怀孕不会导致鼻子变大的，有可能是面庞看上去相对的鼻子大小有所变化，但是实际上不存在说怀孕了就能让自己的鼻子变大。</t>
  </si>
  <si>
    <t>怀孕后鼻子会变大,生完宝宝后鼻子恢复原样</t>
  </si>
  <si>
    <t>怀孕以后整个身体都在发福，但是鼻子变大就有点不正常点，一般人发胖鼻子嘴巴眼睛这些地方应该不会变，如果觉得丑那就把鼻子变小了</t>
  </si>
  <si>
    <t>显卡贵吗</t>
  </si>
  <si>
    <t>显卡是一个统称，不同的级别，价格不同，不能一概而论。大体上：目前的顶级显卡，或者说发烧级显卡，价格4000左右（有一卡双芯的，价格超过8000）；高端显卡，价格2000以上；能很爽地玩市面上99.99%的游戏，绝大部分特效开最高中端显卡，价格1000以上，能比较爽的99%的游戏，特效可开中高入门级独显，400以上，能基本地玩95%的游戏，特效开中等或更低。300以下的显卡，属于入门级里最差的，比独显好一点，一般不建议买。</t>
  </si>
  <si>
    <t>那要分什么种类，最贵的是专业显卡</t>
  </si>
  <si>
    <t>看你要带动什么游戏的显卡咯，想玩质量效应，古墓丽影这类游戏的显卡当然贵。你只办公用几百块的就够了</t>
  </si>
  <si>
    <t>定金可以退回吗</t>
  </si>
  <si>
    <t>给付定金的一方不履行约定的债务的，无权要求返还定金；收受定金的一方不履行约定的债务的，应当双倍返还定金。</t>
  </si>
  <si>
    <t>如果购房者违约，定金不退，如果开发商违约，就要向购买方双们返还定金。</t>
  </si>
  <si>
    <t>定金有法律约束力，就是说，交付定金的一方不履行债务的，丧失定金；而收受定金的一方不履行债务的，则应双倍返还定金。</t>
  </si>
  <si>
    <t>要看当时有没有合同，如果没有合同，可以退的。</t>
  </si>
  <si>
    <t>对“订金”，目前法律上没有明确规定，一般可视为“预付款”。“订金”的效力取决于双方当事人的约定。双方当事人如果没有约定，“订金”的性质主要是预付款，卖方违约时，应无条件退款；买方违约时，可以与卖方协商解决并要求对方退款。如果双方当事人另有约定，则按照约定执行</t>
  </si>
  <si>
    <t>网上找打手靠谱吗</t>
  </si>
  <si>
    <t>可靠！需要定金！你需要？</t>
  </si>
  <si>
    <t>很正常啊，网上杀手都有，别说打手，所以做人要低调点，别到处惹事</t>
  </si>
  <si>
    <t>真的，给钱不？我帮你找！</t>
  </si>
  <si>
    <t>离婚一审要不要请律师</t>
  </si>
  <si>
    <t>在离婚诉讼中，聘请律师是有好处的，除了能为当事人更好的梳理案情外，由于律师长期从事诉讼活动，有着一般辩护人不具有的办案经验和应变能力。</t>
  </si>
  <si>
    <t>红薯和香蕉可以一起吃吗</t>
  </si>
  <si>
    <t>红薯和香蕉不能一起吃</t>
  </si>
  <si>
    <t>香蕉和红薯并没有产生对人体有害的物质，也不存在相克的问题，而且二者可以起到通便、助消化的作用，可以一起吃的。</t>
  </si>
  <si>
    <t xml:space="preserve">红薯和香蕉不能一起吃，红薯和香蕉吃后容易胀肚子,而且还伴有胃反酸现象,吃多了,会造成食品长时间停留在胃里,产生胃堵.如果红薯香蕉和红薯一起吃会慢性中毒 </t>
  </si>
  <si>
    <t>天天跑步5公里过量吗</t>
  </si>
  <si>
    <t>跑步对身心都有好处的。</t>
  </si>
  <si>
    <t>一周跑3-4次就可以了，多了伤膝盖。</t>
  </si>
  <si>
    <t>跑步5公里对身体还是很有好处的，好处如下：一、锻炼身体，提高身体抵抗能力，二、锻炼意志，长跑能使得人培养坚持不懈的意志品格，三、减脂健美塑形，有氧运动可以燃烧体内多余脂肪，给人塑形。不过也对注意以下方面，有的人体质可以承受5公里，有的人体质只能3公里，如果是刚开始进行跑步锻炼，可以从1公里、2公里逐渐增加，如果5公里跑下来觉得身体还可以支持，心肺等并没有什么特别不适的话对身体还是很好的，跑步当然还需要注意，有氧运动可以尽量的慢跑从而达到锻炼健身减脂的目的。</t>
  </si>
  <si>
    <t>好啊，我就天天跑7公里</t>
  </si>
  <si>
    <t>灵活掌握，刚锻炼时可1至2公里，适应后逐步提高2至5公里，早上慢步跑5公里内不算运动过量。岁数大了（50岁以后）仅为锻炼身体慢跑不要超过5公里。</t>
  </si>
  <si>
    <t>高铁可以带白酒吗</t>
  </si>
  <si>
    <t>可以携带酒类，安检时候他们会检查，但不会拒带。</t>
  </si>
  <si>
    <t>高铁可以带白酒的</t>
  </si>
  <si>
    <t>好像不可以</t>
  </si>
  <si>
    <t>2016新版“禁带目录”中规定，50度以上有正规包装、标识的白酒，乘车时最多带两瓶，50度以下的白酒，可带四瓶。除了正规包装白酒外，散装白酒不论数量和度数，一律禁带。封闭好的瓶装白酒，并且携带的数量上限为六瓶装的一箱</t>
  </si>
  <si>
    <t>乘高铁可以带酒.</t>
  </si>
  <si>
    <t>散装白酒不能带上火车，乘坐火车不能携带散装白酒。如果要带白酒可以携带封闭好的瓶装白酒，并且携带的数量上限为6瓶装的一箱。需要注意的是白酒的度数如果高于50度，只能携带2瓶乘车。</t>
  </si>
  <si>
    <t>高铁火车上可以带白酒！</t>
  </si>
  <si>
    <t>散装白酒是不能带上车的，但封存完好的瓶装白酒可以带上火车，不过数量不能超过一箱(6瓶装)</t>
  </si>
  <si>
    <t>七档双离合是自动挡吗</t>
  </si>
  <si>
    <t>自动的，与DSG大纲是一样，只是技术上不同</t>
  </si>
  <si>
    <t>双离合必定是自动挡，所以七档双离合首先是自动挡，然后也是手自一体变速器，手自一体变速器与双离合变速器都是自动档变速器的一种，都是自动档车的一个升级产品，让驾驶人驾车更舒适，更能适应各种路面的行驶，这两种变速器用到手动模式时，换档时只要动手拔动变速器操纵杆即可。</t>
  </si>
  <si>
    <t>是手自一体变速器</t>
  </si>
  <si>
    <t>你好，是的，双离合变速箱是自动变速箱的一种。</t>
  </si>
  <si>
    <t>是自动挡，像双离合，还有CVT，和普通的4AT 6AT都是自动挡</t>
  </si>
  <si>
    <t>是自动挡。</t>
  </si>
  <si>
    <t>双离合器一般都是自动挡车。</t>
  </si>
  <si>
    <t>双离合，就是自动档</t>
  </si>
  <si>
    <t>孕妇能吃草鱼吗</t>
  </si>
  <si>
    <t>可以吃的，草鱼中含有丰富的优质蛋白和氨基酸，氨基酸是合成蛋白质的主要物质，对人体非常重要，能够有效改善孕期准妈妈常出现的失眠、记忆力和抵抗力下降等症状，帮助准妈妈在怀孕期间调理身体。</t>
  </si>
  <si>
    <t>可以吃。鱼肉蛋白是优质蛋白，氨基酸的含量非常高，特别容易被吸收，可以有效地供应胎儿生长发育的需要，因此孕妇应适量吃些鱼肉。</t>
  </si>
  <si>
    <t>护士分科室吗</t>
  </si>
  <si>
    <t>综合医院分科室，专科医院只做专科护理。</t>
  </si>
  <si>
    <t>要看你工作的医院是什么类型，医院如果是综合医院，急诊门内科外科病房都需要护士，如果是专科医院那就只能做专科护理了。</t>
  </si>
  <si>
    <t>所有护士都归护理部管。各科都有护士长，护士长管着各科的护士。</t>
  </si>
  <si>
    <t>是的，我想你应该说的是哪个科室护士，一般都是对药，注射，测体温，护理病人，。每个科室护理不同的病人，妇产科，儿科外科等等，护理病人不同。另外还有非临床的，那都是2线了，杂活啥都有。。。。登记，帮助医技科室摆位管理患者等等。。</t>
  </si>
  <si>
    <t>广州南沙有海滩吗</t>
  </si>
  <si>
    <t>广州没有海沙滩</t>
  </si>
  <si>
    <t>有山爬，但是沙滩好像没有看到哦。</t>
  </si>
  <si>
    <t>有啊 我前年去过 很脏，不知道现在弄好了没有 在天后宫那边＃＃有有＃＃有，不过很脏</t>
  </si>
  <si>
    <t>有的，伸入海中的栈道既是一条景观步道，功能上也是防浪堤，防止了人造沙滩被海浪卷走，亦控制圆环内的水位，使公园与大海似断非断、相分相联，围合形成了广州第一人造城市海滩。</t>
  </si>
  <si>
    <t>遮瑕膏可以全脸用吗</t>
  </si>
  <si>
    <t>遮瑕膏可以全脸使用。</t>
  </si>
  <si>
    <t>不可以的，大多数遮瑕的东西因为要遮盖我们皮肤的瑕疵，质地会比较厚，如果涂全脸的话皮肤会有负担的，在粉底之后上遮瑕的，已经有粉底的话，肤质的已经颜色已经比较均匀了，只要在有痘痘或黑眼圈的地方抹一点点就可以了。</t>
  </si>
  <si>
    <t>不好，彩妆伤皮肤的</t>
  </si>
  <si>
    <t>可以啊，不过遮瑕膏干嘛要全脸涂，涂下重点就好了，不然夏天很油的啊</t>
  </si>
  <si>
    <t>遮瑕膏透气性不好，容易堵塞毛孔，全脸用的话容易起痘痘。</t>
  </si>
  <si>
    <t>十二指肠球部溃疡能吃大红枣吗</t>
  </si>
  <si>
    <t>可以的，红枣枸杞适合任何人。</t>
  </si>
  <si>
    <t>能吃。红枣，又名大枣。特点是维生素含量非常高，有“天然维生素丸”的美誉,具有滋阴补阳，补血之功效。</t>
  </si>
  <si>
    <t>拔牙拆线疼吗</t>
  </si>
  <si>
    <t>拆线不疼 。</t>
  </si>
  <si>
    <t>有一点疼</t>
  </si>
  <si>
    <t>口腔内部对疼痛不敏感，拆线不痛。</t>
  </si>
  <si>
    <t>拆线不会疼的</t>
  </si>
  <si>
    <t>拆线基本不疼的， 因为拆线时只是把线结轻微的提起然后剪断抽下来就可以。</t>
  </si>
  <si>
    <t>我的世界有结局吗</t>
  </si>
  <si>
    <t>没有结局 永远没有</t>
  </si>
  <si>
    <t>总共有4个结局</t>
  </si>
  <si>
    <t>每天喝排骨汤好吗</t>
  </si>
  <si>
    <t>排骨汤功效: 滋补润心，补阳益髓，壮体抗老。</t>
  </si>
  <si>
    <t>当然好了，喝汤会养胃，而且容易吸收营养，只要你不是每次都把排骨都吃光光，不会胖，肯定没有副作用了.</t>
  </si>
  <si>
    <t>可以喝，一周一次就挺好</t>
  </si>
  <si>
    <t>天天喝排骨汤不好</t>
  </si>
  <si>
    <t>苹果手机之间发短信真的免费吗</t>
  </si>
  <si>
    <t>苹果手机有一个iMessage功能，如果双方都开启了这个功能，那发短信是免费的，如果没有开，那是要收费的</t>
  </si>
  <si>
    <t>那个不叫短信，叫iMessage，需要在设置—信息，开启iMessage，然后在蜂窝数据或者WiFi的环境下，可以互发，不要钱。</t>
  </si>
  <si>
    <t>激活imessage可以免费发消息，只要是imessage形式发送的只耗流量，如果imessage发送不成功会自动转为短信方式发送</t>
  </si>
  <si>
    <t>手机卡发错短信是按照使用的套餐计费，和使用什么套餐没有关系，如果是iPhone手机上的那个不叫短信，叫iMessage。</t>
  </si>
  <si>
    <t>是的。。你看发短信的界面 通过短信服务器 是绿色的 不走短信服务器 是蓝色的。。</t>
  </si>
  <si>
    <t>淘宝客服兼职可信吗</t>
  </si>
  <si>
    <t>我做了快三年，感觉还是很靠谱的</t>
  </si>
  <si>
    <t>既然你都知道是骗局就不用考虑可不可信，天上掉馅饼的游戏被骗也是很难得。</t>
  </si>
  <si>
    <t>真确定的告诉你都是骗人的！我以前干过，被坑了，所以现在只做3658了</t>
  </si>
  <si>
    <t>靠谱的 不过就是这个骗子也很多</t>
  </si>
  <si>
    <t>不靠谱 十有九骗</t>
  </si>
  <si>
    <t>这个只能说有真的兼职，但是大部分都是假的，而且，假的一不小心就会被骗钱的 ，所以还是小心点，而且，就算是真的，一天能有个几块十几块的收入就算是不错的了，没有意义的。</t>
  </si>
  <si>
    <t>都不是靠谱得 一般QQ群里都是招兼职神马得 都不可靠</t>
  </si>
  <si>
    <t>网上一般分为两种：一种是先交报名费，还有一种是不用交钱。QQ群发布的不交钱，好多是要先垫资，再返还，再不了解是否真实，最好不要这样做。建议找身边朋友做过的，确定靠谱的再做。不管赚多赚少，先别赔进去。一定要确保长期做再缴费，交了报名费后，别做了一两个报名费还没收回就放弃了，那就得不偿失了。慎重，还不如找个生活中能看得见摸得着的兼职，比如派单、打电话、问卷调查等。需求途径：58同城、1010兼职、赶集网、还有校内自己组织的兼职群等。</t>
  </si>
  <si>
    <t>汉堡王贵吗</t>
  </si>
  <si>
    <t>味道还可以（比麦当劳肯德基要好点，自认为）不过有点贵</t>
  </si>
  <si>
    <t>我之前在汉堡王里工作过相比较的话汉堡王的东西比较贵但是料比较足更加卫生</t>
  </si>
  <si>
    <t>肯德基的好吃，但比较贵，汉堡王的便宜。吃起来当然没有那么好吃。</t>
  </si>
  <si>
    <t>堡王是全球第二大城市比较多，KFC第三</t>
  </si>
  <si>
    <t>贵，不如麦当劳</t>
  </si>
  <si>
    <t>价格相对其他家还偏贵，不划算哈</t>
  </si>
  <si>
    <t>杨颖整容过吗?</t>
  </si>
  <si>
    <t>杨颖（Angelababy）没有整容。</t>
  </si>
  <si>
    <t>要知道她整了八年- - 不过整完真的不错的啊</t>
  </si>
  <si>
    <t>因为杨颖本来就没整容</t>
  </si>
  <si>
    <t>杨颖做过整容鉴定了。</t>
  </si>
  <si>
    <t>当然整过，和现在差距有点大</t>
  </si>
  <si>
    <t>没有，她以前戴牙套所以嘴巴看起来就大，BABY说没有，相信BABY</t>
  </si>
  <si>
    <t>绝对没有</t>
  </si>
  <si>
    <t>麦包包的包是正品吗</t>
  </si>
  <si>
    <t>在官网上买肯定是正品的</t>
  </si>
  <si>
    <t>麦包包的东西是正品，特别是包包，麦包包的东东款式总算很新颖，紧跟时尚潮流，在不同的季节都可以选购到合适的包包，品牌也很齐全，麦包包是让我们放心购物包包的网站。</t>
  </si>
  <si>
    <t>不要买，质量差的很</t>
  </si>
  <si>
    <t>麦包包的包确实是假的，我300块钱买了一个说是头层皮的，用了1个星期皮就爆了，说2层皮有点可能，不要说我使用不当，我在实体店买了200块的头层皮包包，用了2年都没爆皮</t>
  </si>
  <si>
    <t>菲尼克斯手电假货多吗</t>
  </si>
  <si>
    <t>这个牌子啊，假货多得1B啊。反倒是和这个质量差不多的tank007没啥假货，防伪标签800各种一应俱全</t>
  </si>
  <si>
    <t>李承铉有钱吗</t>
  </si>
  <si>
    <t>作为一个知名艺人至少七八百万应该是有的吧</t>
  </si>
  <si>
    <t>蛇会拉屎吗</t>
  </si>
  <si>
    <t>当然会的。蛇会把不能消化的蛋壳、动物骨骼、呕吐出来，而消化物的残余则通过肛门正常排泄。</t>
  </si>
  <si>
    <t>蛇会大便.但是不会小便. 爬行类以尿酸的形式排出尿素.溶解在极少量的水中.所以随同粪便一起排出. 蛇通过泄殖腔排出这些废物.</t>
  </si>
  <si>
    <t>蛇是排便的.</t>
  </si>
  <si>
    <t>当然会拉屎。蛇的屎和尿是一起排泄的。</t>
  </si>
  <si>
    <t>菲律宾有红珊瑚吗</t>
  </si>
  <si>
    <t>女性40还能生育么</t>
  </si>
  <si>
    <t>可以，只要不断经就可以。</t>
  </si>
  <si>
    <t>可以当然是可以</t>
  </si>
  <si>
    <t>可以生</t>
  </si>
  <si>
    <t>当然可以了！只要你身体健康，没有什么大的疾病，而且没有绝经，就有可能怀孕的！</t>
  </si>
  <si>
    <t>可以的，不过属于高龄产妇，有一定的危险。</t>
  </si>
  <si>
    <t>有，看你的身体状况了，去医院做个全面检查，这个年龄一般来说是可以的。</t>
  </si>
  <si>
    <t>windows10可以玩dota2吗</t>
  </si>
  <si>
    <t>其实Win10 系统中出现游戏，软件崩溃已经有不少的案例了。为什么win10不能运行dota2？通过分析，大多都是由于win10和应用软件的兼容性不好导致，同样的DOTA2崩溃也是一样的问题，针对这样的故障，大家可以先使用兼容模式来运行出现故障的应用。</t>
  </si>
  <si>
    <t>win10并不成熟，而且采用的是“免费”模式，目前正在做“推送”，而且将来一定会开放下载，但是，win10将来极有可能是封闭体系，请慎重考虑安装或升级，说不定你的游戏就玩不了啦！或者你的办公软件只能从微软购买正版！或者你的Nvidia显卡驱动并不支持Win10而导致系统无法启动！强烈建议继续使用win7（不要考虑win8这种失败的过渡产品）。</t>
  </si>
  <si>
    <t>瓷肌祛斑真的有用吗</t>
  </si>
  <si>
    <t>您好，瓷肌祛斑系列产品，因添加了国家卫生部核准的3%浓度的传明酸，保证了优异的祛斑效果，且有纯天然植物草本研制而成，在保证功效性的同时，温和、不刺激吸收。瓷肌的产品在研发、生产阶段都经过反复测试，且产品由中华保险品质承保，90%以上客户使用反馈效果是很不错的</t>
  </si>
  <si>
    <t>用过，效果还不错</t>
  </si>
  <si>
    <t>想要知道瓷肌去斑有效果吗，就一定要先看看自己是属于什么肤质啊。瓷肌去斑有效果吗？对于这个问题，每个人的肤质不一样，对于瓷肌去斑有效果吗的评价也不一样。别人说瓷肌去斑有效果吗也不一定适合你呀。所以我觉得瓷肌去斑有效果吗这个问题，压根就不存在绝对的标准，你可以到网上搜一搜“瓷肌去斑有效果吗”，通过他们的口碑啊，功效啊，回购率去了解，看别人都是怎么评价瓷肌去斑有效果吗的。尤其是回购率是判断瓷肌去斑有效果吗的终极准绳哦。</t>
  </si>
  <si>
    <t>原配打小三违法吗</t>
  </si>
  <si>
    <t>原配打小三达到故意伤害罪的标准是要负法律责任</t>
  </si>
  <si>
    <t>打人犯法。法律面前人人平等.虽然解气，但不合适！</t>
  </si>
  <si>
    <t>原配打小三属于违法犯罪行为</t>
  </si>
  <si>
    <t>不管怎么说，打人都是要负刑事责任的。</t>
  </si>
  <si>
    <t>打人就犯法</t>
  </si>
  <si>
    <t>厘米就是公分吗</t>
  </si>
  <si>
    <t>厘米就是公分,在数学里叫厘米,人们一般口头称公分</t>
  </si>
  <si>
    <t>厘米和公分是一回事，公分只不过是厘米的旧称。</t>
  </si>
  <si>
    <t>一样的 厘米是国际通用 公分应该只是中国特有的</t>
  </si>
  <si>
    <t>是的，只是说法不同</t>
  </si>
  <si>
    <t>是。只是说法不同而已。</t>
  </si>
  <si>
    <t>公分也就是常说的厘米，只不过公分是旧的称呼而已</t>
  </si>
  <si>
    <t>云中歌会超过花千骨吗</t>
  </si>
  <si>
    <t>没有，收视率不高</t>
  </si>
  <si>
    <t>我认为一定不会了。以后也很难，不是说不会，是几率很小。</t>
  </si>
  <si>
    <t>云中歌完败花千骨，很多人表示不看云中歌，而且刚播完，热评都是骂湖南台的。</t>
  </si>
  <si>
    <t>痛风能吃甲鱼吗</t>
  </si>
  <si>
    <t>痛风不可以吃甲鱼的，甲鱼是高蛋白的食物，尽量少吃或不吃。</t>
  </si>
  <si>
    <t>不能，肉类含嘌呤都比较高！不建议食用</t>
  </si>
  <si>
    <t>甲鱼不能吃的</t>
  </si>
  <si>
    <t>不能,痛风病人不能吃高嘌呤食物，比如动物的心、肝、鱼虾、豆制品、海类等等</t>
  </si>
  <si>
    <t>ape可以刻录cd吗</t>
  </si>
  <si>
    <t>可以的，刻好以后还是ape文件哦，除非逆转码后再刻成cd格式才能做成真正的cd碟</t>
  </si>
  <si>
    <t>1，可以。但要看你怎样刻的。首先需要提前准备电脑，需要装有DVD刻录机且要买好CD-R刻录碟。2，然后下载好APE或FLAC的无损音乐文件。再装百度音乐播放器（千千静听）转换格式成WAV喔。3，会非常占硬盘空间。CD-R刻录盘有650M与700M之分根据需要买。要容下80分钟歌就700M。4，并且使用Nero等专业刻录软件刻录，软件里选择CD-A音乐碟规范，全盘一次刻录并封闭光盘。5，这样刻出的就是纯CD碟，可以在CD机，VCD机，DVD机，电脑上全可播。若选CD-ROM规格。6，直接把APE或FLAC文件刻录到CD-R碟上，则只能在电脑上聆听，其他一概不支持。自己取舍。</t>
  </si>
  <si>
    <t>用foobar2000打开CUE转成WAV,然后用NERO刻录就行.</t>
  </si>
  <si>
    <t>可以。打开NERO Express,选择“刻录光盘映像”，打开cue文件就行了！</t>
  </si>
  <si>
    <t>例假期间能吃橘子吗</t>
  </si>
  <si>
    <t xml:space="preserve"> 专家分析月经期可以吃橘子，因为女性经期受寒，会使盆腔内的血管收缩，导致卵巢功能紊乱，可引起月经量过少，甚至闭经。所以月经期最好是吃热橘子</t>
  </si>
  <si>
    <t>橘子是属性偏冷的一种水果，月经期间食用橘子容易引起痛经，经期变长的症状。</t>
  </si>
  <si>
    <t>来月经是可以吃橘子的，但最好少吃一点，一般橘子都是比较上火哦。</t>
  </si>
  <si>
    <t>橘子是可以吃的，现在天气冷，冷东西最好不要多吃就可以了</t>
  </si>
  <si>
    <t>碰碰香能放卧室吗</t>
  </si>
  <si>
    <t>因为它的无毒性，所以可以放在卧室里面</t>
  </si>
  <si>
    <t>碰碰香喜温暖阳光充足的环境，不耐寒冷。冬季需要5℃～10℃的温度。不耐潮湿，过湿则易烂根致死。适度修剪可促进分枝，生长健壮。长期放在室内没问题的。</t>
  </si>
  <si>
    <t>碰碰香适合放在室内，散发的香味没有毒，但有花粉味过敏的人不宜种植，无过敏的者可种植。</t>
  </si>
  <si>
    <t>因为它的无毒性，所以可以放在卧室里面。</t>
  </si>
  <si>
    <t>普利司通ep150耐磨吗</t>
  </si>
  <si>
    <t>挺好的，EP150是BS家绿歌伴系列节能轮胎的新款，低滚阻以降低油耗，同时又不影响刹车制动性能，唯一的美中不足就是轮胎稍硬，BS家轮胎普遍比较厚实，重视安全耐磨，舒适性稍微差一点。</t>
  </si>
  <si>
    <t>普利司通是所有轮胎里最耐磨的，不用比了。不过耐磨第二名是倍耐力，安全系数第一名还是倍耐力。倍耐力是运动胎，胎噪大操控好，耐磨，安全。</t>
  </si>
  <si>
    <t>EP150：是普利司通绿歌伴系列的新品，为东风日产新天籁的原配轮胎。其不但具备ECOPIA系列轮胎配方的尖端技术，以及在“省油环保、湿路安全、持久耐磨”等方面的优势，更在低滚动阻力方面有了较大程度的提升。其胎面均一化的突出的条形花纹块设计，确保了轮胎优异的制动性；3D花纹沟设计使轮胎的触地面积均匀化，从而提高了轮胎的耐磨性。</t>
  </si>
  <si>
    <t>同房第十一天能测出怀孕吗</t>
  </si>
  <si>
    <t>能，七天就可以</t>
  </si>
  <si>
    <t>应该是差不多呢</t>
  </si>
  <si>
    <t>应该是差不多呢，</t>
  </si>
  <si>
    <t>一个星期就可以测出</t>
  </si>
  <si>
    <t>差不多可以。</t>
  </si>
  <si>
    <t>用早早孕测试纸，在受孕7天后就可以测试出，应该是准确的。</t>
  </si>
  <si>
    <t>时间有点早，测试不出来，至少要15天以上</t>
  </si>
  <si>
    <t>柿子可以和柚子一起吃吗</t>
  </si>
  <si>
    <t>柚子味甘酸、性寒，与柿饼一起吃容易腹泻，今后注意，吃柿子不要吃螃蟹、鹅肉、甘薯、鸡蛋一起吃，不要吃醋。</t>
  </si>
  <si>
    <t>柚子性寒，与柿子一起吃容易腹泻。</t>
  </si>
  <si>
    <t>柚子性寒，与柿子一起吃容易腹泻，偶尔吃不会引起太大的反应的。＃＃闹不死人的</t>
  </si>
  <si>
    <t>柿子须知柿子虽然可以为人体带来不少的好处，但是在饮食方面也有很多要注意的地方，柿子为寒性食物，患有腹泻症状或者脾胃虚寒者最好不要食用，以免导致病情加重。柿子不宜与含有酸性成分的食物一同食用，容易引起结石。＃＃柚子须知吃柚子同样有不少需要注意的内容，柚子为凉性食物，不可一次性吃的太多，否则很容易引起腹泻症状。柚子具有降血压的作用，但是不能与降压的药物一同食用，否则会出现头晕、四肢无力等低血压症状，严重情况还会有生命危险。</t>
  </si>
  <si>
    <t>柚子味甘酸、性寒，与柿饼一起吃容易腹泻，今后注意，吃柿子不要吃螃蟹、鹅肉、甘薯、鸡蛋一起吃，不要吃醋。不要与柚子之类的寒性食品一起食用。但是，您现在问题不是很大。因为有的人吃了螃蟹再吃柿子，肚子痛得挂急诊。而您没有。</t>
  </si>
  <si>
    <t>浮顶式原油储罐是特种设备吗</t>
  </si>
  <si>
    <t>浮顶式原油储罐不是特种设备。</t>
  </si>
  <si>
    <t>\x0d\x09液下喷射泡沫灭火系统适用于固定拱顶储罐，不适用于外浮顶和内浮顶储罐。</t>
  </si>
  <si>
    <t>红薯能和橙子一起吃吗</t>
  </si>
  <si>
    <t>橙子和红薯没有禁忌，可以一起吃。</t>
  </si>
  <si>
    <t>这个可以的啊</t>
  </si>
  <si>
    <t>不能，海鲜和橘子里的维生素一起会产生砒霜，致人死亡。西红柿含的维C很多，更不要吃。</t>
  </si>
  <si>
    <t>可以一块吃</t>
  </si>
  <si>
    <t>可以，这两者没有任何影响</t>
  </si>
  <si>
    <t>王珂结婚了吗</t>
  </si>
  <si>
    <t>没有，绯闻男友是王新，但他两只是好朋友</t>
  </si>
  <si>
    <t>今年27吧，住在北京 未婚</t>
  </si>
  <si>
    <t>32，应该结了</t>
  </si>
  <si>
    <t>真的没有</t>
  </si>
  <si>
    <t>应该没结婚，但男友是有的。</t>
  </si>
  <si>
    <t>还没呢！</t>
  </si>
  <si>
    <t>打篮球能不能长高</t>
  </si>
  <si>
    <t>能哈 坚持下来一定能 1是因为长高是需要身体锻炼来促进身体发育。其他的方式也可以。最主要的是要多参与体育锻炼。 2是因为在打篮球的时候，运球和突破促使你自己的脊椎弯曲和伸直，不断的这样刺激。使得脊椎得到很好的锻炼。不会弯曲。对于长高有了一定的促进作用。 3是因为在打篮球运动的时候，抢篮板的过程中，身体会充分的舒展。使得全身的肌肉、骨骼都是处于伸展的状态，再次就是抢篮板跳起的腾空，使得克服地心引力，也能促使身体长高。 4运动完之后会十分的饥饿，那样会吃的多些。补充了很好的维生素和营养。 5运动后会疲劳。晚上睡觉的时候会很快的入睡，睡的香，睡眠质量有保障。</t>
  </si>
  <si>
    <t>如果你是二十岁以下的男生，长高会很明显滴。二十出头就比较难说了啊</t>
  </si>
  <si>
    <t>会的，有自我拔高这一说。</t>
  </si>
  <si>
    <t>打篮球对长高有帮助，其实大多数体育运动对身体的发育都有好处，只是效果明显和不明显的差距而已。</t>
  </si>
  <si>
    <t>打篮球是一种全体性的一种运动。大家知道，人之所以能长高，是因为脑垂体分泌的生长激素，而持续打篮球五分钟就能消耗人体的五分之一的能量，也就是体力，连续运动下来，随着体力不断地下降，人体所需的营养物质和氧气量便会随着不断增长，而通过食物、呼吸以及血流量加快可以使脑垂体也随着不断分泌跟多的生长激素来满足人体的需求，就这样，人的升高也就受到影响</t>
  </si>
  <si>
    <t>打篮球必须跟合理的营养结合才能增高，打篮球增加弹跳能力，有助于长高。在打篮球的时候，又跑又跳，很容易促进骨骼发育，发育期打篮球更是长高的绝佳机会。</t>
  </si>
  <si>
    <t>打篮球有助于长高。</t>
  </si>
  <si>
    <t>万表网的天梭是正品么</t>
  </si>
  <si>
    <t>天梭专柜的都说任何网站卖的天梭表都不是正品，而且专柜也不会给保修</t>
  </si>
  <si>
    <t>万表网的天梭手表是从相熟的专柜进货回来再进行销售，所以可以放心购买，凭手表和保卡前往品牌售后服务点要求进行简单的联保服务，如果肯为你服务即为正品。</t>
  </si>
  <si>
    <t>可以完全放心万表网的手表是正品</t>
  </si>
  <si>
    <t>正品</t>
  </si>
  <si>
    <t>万表是真的，价格比专柜的便宜一点。</t>
  </si>
  <si>
    <t>天梭是没有任何授权网店，所以肯定不是真的了</t>
  </si>
  <si>
    <t>万表网上的手表都是正品</t>
  </si>
  <si>
    <t>3m9501口罩防雾霾吗</t>
  </si>
  <si>
    <t>目前3M符合任何国家或地区标准的口罩都可以防霾。</t>
  </si>
  <si>
    <t>外地户口能在广州买房吗</t>
  </si>
  <si>
    <t>外地户口，以家庭为单位在广州可购买一套住宅</t>
  </si>
  <si>
    <t>广州购房政策：非本市户籍居民家庭能提供购房之日前5年在本市连续缴纳个人所得税缴纳证明或社会保险缴纳证明的，在本市限购1套住房，非本市户籍居民家庭不得通过补缴个人所得税缴纳证明或社会保险缴纳证明购买住房。</t>
  </si>
  <si>
    <t>外地户口想在广州买房首先满足有五年社保或者五年的税单，中间不可中断，只有这样才能在广州有买房的资格，</t>
  </si>
  <si>
    <t>可以，你需要在广州有工作，缴纳社保超过一年</t>
  </si>
  <si>
    <t>和私人买，有钱有交易</t>
  </si>
  <si>
    <t>可以的。需要当事人出具身份证，户口簿，婚姻状况证明，当事人在户籍所在地住房情况证明，以及当事人在广州纳税或社保证明，才可办理购房手续。</t>
  </si>
  <si>
    <t>一次性餐盒可以放微波炉吗</t>
  </si>
  <si>
    <t>一次性饭盒能放进微波炉中可以加热，不过最好不要这样加热，一次性饭盒在微波炉中加热，会释放出有害物质</t>
  </si>
  <si>
    <t>塑料制品加热后会加快分解，有害物质会较快析出，不利健康，所以微波炉里尽量少用塑料制品。</t>
  </si>
  <si>
    <t>不能 ，那种饭盒熔点低 ，它遇热还会融化的！</t>
  </si>
  <si>
    <t>不可以，因为泡沫方便饭盒不耐高温，如果放入微波炉去直接加热，会产生有害物质并浸入食物，给人的身体带来伤害。</t>
  </si>
  <si>
    <t>一般正规的餐馆用的一次性餐盒（透明且硬，盖与盒是分离的）是可以进微波炉的，你可看盒子的底部，有个三角形的图标，里面标有“5”外面是“PP”，这就表明是微波炉用，家用微波炉器皿（那种塑料的）都有这个标记。</t>
  </si>
  <si>
    <t>纸质一次性饭盒可以放进微波炉加热，pp材料一次性饭盒可以放进微波炉加热。</t>
  </si>
  <si>
    <t>宝宝睡米枕好么</t>
  </si>
  <si>
    <t>新生儿不要睡米枕头，因为太硬易造成扁头偏脸等畸形，还会把枕部的一圈头发磨掉而出现枕秃，枕芯一般以荞麦皮或泡过茶后晒干的茶叶为好，不但软硬度合适，吸湿性透气性强，且能清洗。其他如稗草籽等类似的物品也可以。</t>
  </si>
  <si>
    <t>米枕头很硬呢，很容易把宝宝娇嫩的头发磨掉，宝宝还那么小，不建议宝宝用米枕头，可以用蚕沙枕头或是其他的</t>
  </si>
  <si>
    <t>千万不要给BB睡米枕头,BB睡米枕头后面那里会因为太硬了摩擦引起的秃头,如果要用枕头应该选用质地柔软,吸汗的木棉枕头为宜.睡眠是一个生理过程，与醒着一样，均依赖大脑皮质和皮质下神经的活动来调节。</t>
  </si>
  <si>
    <t>米枕头会有点硬,婴儿小,头部正是出于定型期</t>
  </si>
  <si>
    <t>夏目友人帐漫画完结了吗</t>
  </si>
  <si>
    <t>没有啊。续 夏目友人帐目前出到7了</t>
  </si>
  <si>
    <t>还没有，会有第五季的</t>
  </si>
  <si>
    <t>应该会有第五季哦~ 而且现在漫画已经更到八十多话了，TV版应该还会再有，lz要耐心等~</t>
  </si>
  <si>
    <t>还没有完结。</t>
  </si>
  <si>
    <t>都四季了，更新不更新，也很难说啊。</t>
  </si>
  <si>
    <t>没呢，动漫还没结束呢</t>
  </si>
  <si>
    <t>光伏发电能带动空调吗</t>
  </si>
  <si>
    <t>一般很难的</t>
  </si>
  <si>
    <t>看输出功率能够有多大</t>
  </si>
  <si>
    <t>理论上说是能带动的，只要有足够大面积的太阳能发电板，有足够大容量的逆变器。但在实际应用中，由于成本、空间等因素限制，很难真正实现。太阳能发的电是直流电，要转换成空调用的50Hz交流电才能使用。</t>
  </si>
  <si>
    <t>邓紫棋是不是大舌头</t>
  </si>
  <si>
    <t>不是大舌头</t>
  </si>
  <si>
    <t>就是大舌头</t>
  </si>
  <si>
    <t>不是，是嘴里面肌肉萎缩，所以听起来有点大舌头</t>
  </si>
  <si>
    <t>是左边颚骨萎缩，所以说话会漏风</t>
  </si>
  <si>
    <t>是左边颚骨萎缩，所以说话必须翘舌</t>
  </si>
  <si>
    <t>不是吧，只是香港人说惯了粤语不习惯说普通话而已。</t>
  </si>
  <si>
    <t>手机有mac地址吗</t>
  </si>
  <si>
    <t>　手机有mac地址打开手机，找到“设置”图标，点击进入。进入设置之后，一直滑动屏幕到最后，找到“关于手机”，点击进去。进入“关于手机”之后，可以看到很多的手机的软硬件信息，继续往下滑动找到“状态消息”，点击进去。进入“状态消息”之后，往下滑动就可以找到“IP地址”和“WLAN MAC地址”，同时也可以看到很多其他的信息</t>
  </si>
  <si>
    <t>手机无线MAC地址和电脑MAC不一样是因为每个网卡都有一个独立的MAC地址，比如笔记本电脑有无线网卡和有线网卡，那么一台笔记本就有两个MAC地址。</t>
  </si>
  <si>
    <t>手机是有mac地址的。一般在 手机设置-关于手机 ，不同的手机查看路径可能不同。</t>
  </si>
  <si>
    <t>每个接入网络的设备都有一个专门的序号，这个序号被称为MAC,手机里特指WIFI无线网卡的MAC地址</t>
  </si>
  <si>
    <t>ipad air2可以导航吗</t>
  </si>
  <si>
    <t>如果你下载了一个导航软件，而你的ipad可以连上互联网，可以用作导航。如果你的机子只是wifi版，可以用手机的个人热点分亨网络。</t>
  </si>
  <si>
    <t>4G版可以，wifi版没有GPS模块，4G版有，有GPS模块，再配合导航软件就能导航。</t>
  </si>
  <si>
    <t>没有，所有的ipad都是没有GPS卫星定位模块的。</t>
  </si>
  <si>
    <t>下载导航程序，如高德导航，并下载地图包，可以离线导航。</t>
  </si>
  <si>
    <t>花千骨结局杀阡陌复活了吗</t>
  </si>
  <si>
    <t>本来是毁容长眠不起，后来花千骨死了后之前所有人都复活了！</t>
  </si>
  <si>
    <t>他一直都没有死过，只是沉睡了而已，花千骨曾说过，她死之时，便是杀阡陌苏醒之日。</t>
  </si>
  <si>
    <t>杀阡陌为救花千骨，为了助其转世，耗尽功力，最后死去。</t>
  </si>
  <si>
    <t>杀阡陌没有复活，而是第49集时在花千骨的怀中离世的。</t>
  </si>
  <si>
    <t>创业板能借壳吗</t>
  </si>
  <si>
    <t>因为创业板本身上市的门槛相对主板来说比较低，其次，创业板是鼓励中小企业，高新企业上市的。为什么要给别人借壳呢？最好创业板的壳自然都是比较好的，被借壳的股票，一般情况都是财务比较差的，或者是大股东行为，才允许借壳的</t>
  </si>
  <si>
    <t>别说退市了，就是不退市，创业板都是不允许借壳的。如果退市的话无论哪个版块都是无法借壳的。</t>
  </si>
  <si>
    <t>创业板只是不允许借壳，一般的重组收购还是可以的</t>
  </si>
  <si>
    <t>京东白条激活后不用有影响吗</t>
  </si>
  <si>
    <t>你好，没有一点影响的，这个可以尽管放心。</t>
  </si>
  <si>
    <t>白条账户开通成功后，如果您不消费使用，是不会产生费用，且对您的账户是没有影响的。</t>
  </si>
  <si>
    <t>没什么不好，人家也不会乱扣费的，不用就与你无管，但自己的号还是要保管好</t>
  </si>
  <si>
    <t>毒战孙红雷死了吗</t>
  </si>
  <si>
    <t>没死，你好好看，最后才死的</t>
  </si>
  <si>
    <t>哈士奇能喝酸奶吗</t>
  </si>
  <si>
    <t>哈士奇可以喝酸奶。</t>
  </si>
  <si>
    <t>可以，但是别多喝，点到为止就行了，喝多了会拉稀的，</t>
  </si>
  <si>
    <t>不能！</t>
  </si>
  <si>
    <t>狗是可以喝酸奶的.喝酸奶对肠胃消化有非常大的好处.但牛奶绝对不能喂.</t>
  </si>
  <si>
    <t>狗狗是可以喝酸奶的.</t>
  </si>
  <si>
    <t>辽宁公安好考吗</t>
  </si>
  <si>
    <t>公安系统的都不怎么好考， 狱警，你是司法类院校就好考 公安，你是公安类院校就好考 如果你不上2种院校毕业的，那么体检你能保证通过就好啦，</t>
  </si>
  <si>
    <t>小米4c会发热吗</t>
  </si>
  <si>
    <t>手机发热的原因是很多的，因为太阳直射，手机电路板或者是电池出现毛病，手机使用时间太长或者运行的软件太多</t>
  </si>
  <si>
    <t>1.在手机上玩大型游戏，长时间上网手机会很热，这种情况是正常的，发热的主要原因是处理器高速运转产生热量，该情况关闭游戏过一会，手机恢复正常。2.手机正常待机时发热，检查手机后台是否有程序运行，如有结束后台运行的程序，操作方法:待机时-长按主屏幕键进入“任务管理器”-结束后台程序尝试。3.手机后台没有程序运行，手机异常发热，该情况可能是手机出现故障，建议您先备份手机上重要数据，进入设定-(一般)关于手机-重置-恢复出厂设置测试</t>
  </si>
  <si>
    <t>1 . 手机中毒;打开腾讯手机管家的病毒查杀页面扫描病毒。2 . 时刻记得后台程序运行太多是导致手机大部分问题的首要因素;3 . 手机应用缓存、浏览器缓存数据垃圾太多;建议用腾讯手机管家清理加速，达到优化空间的目的。空间优化了，自然手机热的问题也会得到改善。4 . 用腾讯手机管家清理手机，空间优化了，自然手机发热也会得到改善。</t>
  </si>
  <si>
    <t>小米的发热都严重，开机不到80°就是不合格的小米手机</t>
  </si>
  <si>
    <t>比熊乖吗</t>
  </si>
  <si>
    <t>比熊犬性格友善、活泼、勇敢、机警、聪明伶俐，有优良的记忆力，会作各种各样的动作引人发笑，能给主人带来无穷的乐趣，但对生人凶猛。</t>
  </si>
  <si>
    <t>看性格。如果喜欢乖一点的。买的时候就挑乖的。</t>
  </si>
  <si>
    <t>有的比熊很淘气。有的比熊很很活泼。</t>
  </si>
  <si>
    <t>咬骨头：如果有东西可以堵住比熊儿的嘴，它们就没有时间乱叫了</t>
  </si>
  <si>
    <t>教授建议主人可随身带一个小铃铛，每当比熊叫个不停时，先摇一摇铃铛，确定它们听到铃铛声音后便离开房间。经过几次教训后，下回比熊狂叫的时候只要一听到铃铛声，就晓得应该闭上嘴了。</t>
  </si>
  <si>
    <t>九龙化骨水是真是假</t>
  </si>
  <si>
    <t>是真的，化时是请神来，神把它拿走了，</t>
  </si>
  <si>
    <t>破尿酸有副作用吗</t>
  </si>
  <si>
    <t>是药三分毒。</t>
  </si>
  <si>
    <t>打正品就没有副作用。假的吸收不了</t>
  </si>
  <si>
    <t>不会有什么大的副作用，但要少用。</t>
  </si>
  <si>
    <t>那么注射玻尿酸首先对人体没有副作用</t>
  </si>
  <si>
    <t>货币基金保本么</t>
  </si>
  <si>
    <t>现在中国的货币基金还是能保本的</t>
  </si>
  <si>
    <t>基金都不是保本保收益的</t>
  </si>
  <si>
    <t>保本基金的“保本”基本上是噱头。它是指从这个基金成立到结束这个周期内，一直持有才能“保本”。在这个期间，你如果发生买进卖出的话，“保本”这两个字你就当没听过吧。</t>
  </si>
  <si>
    <t>大多数货币市场基金投资品种就决定了货币式基金在各类基金中风险是最低的，货币基金合约一般都不会保证本金的安全，但在事实上由于基金性质决定了货币基金在现实中极少发生本金的亏损，一般来说货币基金被看作现金等价物。</t>
  </si>
  <si>
    <t>基本上不会亏损</t>
  </si>
  <si>
    <t>世界上有火甲虫吗</t>
  </si>
  <si>
    <t>应该根据像是虚构出来的，毕竟现实中没有什么甲虫能钻进脑壳里去</t>
  </si>
  <si>
    <t>其实有种类似的昆虫，在森林发生大火的时候出现并交配产卵，俗称火甲虫，是一种吉丁（鞘翅目昆虫）</t>
  </si>
  <si>
    <t>应该有，剧情说了无论多么坚硬的妖骨都可以切开</t>
  </si>
  <si>
    <t>携程网可以用支付宝吗</t>
  </si>
  <si>
    <t>可以的，但你在登录的时候要选择“其他会员登录”（在登录页面的中间）中的“支付宝会员登录”，然后就会跳转到支付宝网站登录（同时会产生一个新的携程网帐号），然后看页面提示完成付款步骤就行了。</t>
  </si>
  <si>
    <t>可以的 付款的时候有显示</t>
  </si>
  <si>
    <t>携程订机票可以使用支付宝支付。</t>
  </si>
  <si>
    <t>携程网是可以用支付宝支付的</t>
  </si>
  <si>
    <t>dopa不直播了吗</t>
  </si>
  <si>
    <t>一直都有直播  昨天也直播了</t>
  </si>
  <si>
    <t>休息几天 回广州直播</t>
  </si>
  <si>
    <t>一些播放器被封了，原因你懂的</t>
  </si>
  <si>
    <t>星期2，是不直播的，然后每天直播，前几天是回韩国休假去了</t>
  </si>
  <si>
    <t>凤凰古城国庆人多吗</t>
  </si>
  <si>
    <t>挤</t>
  </si>
  <si>
    <t>不建议节假日外出旅游，因为不管是什么节假日出来旅游的人都很多的。不过凤凰古城还好，不用排队，最多就是人比较多一点。</t>
  </si>
  <si>
    <t>十一黄金周过后的一周内人还是蛮多的，再往后人就少点。</t>
  </si>
  <si>
    <t>巴基斯坦冬天冷吗</t>
  </si>
  <si>
    <t>巴基斯坦的大部分地区常年炎热，只有北部山区冬天比较冷。</t>
  </si>
  <si>
    <t>巴基斯坦冬天白天不是很冷，晚上冷。</t>
  </si>
  <si>
    <t>巴基斯坦是热带季风气候11月-2月为冬季，冬季昼夜温差较大，白天气温最高可达25摄氏度，夜间有时会降到冰点（0度)。</t>
  </si>
  <si>
    <t>香港抽血测男女准吗</t>
  </si>
  <si>
    <t>准的</t>
  </si>
  <si>
    <t>假的正规大型医院在孕妇怀胎几个月后才能检查出来</t>
  </si>
  <si>
    <t>是真的，我在闽南这边，对生儿子很在乎。同公司的一个好朋友，前面生了女儿，后面怀了以后送老婆的血样去香港验的，很准，这边很多人送血样去香港验的。</t>
  </si>
  <si>
    <t>这个挺准的，而且早期就可以验出来，省了我好多事。我是上年3月份在香港优亚医疗中心验的，是个儿子，生的也是个儿子。</t>
  </si>
  <si>
    <t>香港验血查男女都挺准的呢，有个香港嘉宾专科就好像很不错，听说是送往化验所检测的，准确度极其高呢。</t>
  </si>
  <si>
    <t>福州到成都有动车吗</t>
  </si>
  <si>
    <t>截止2016年7月11日,福州站每天有一趟动车开往成都东站</t>
  </si>
  <si>
    <t xml:space="preserve">.K392/K389 福州 - 成都 11:07 - 05:09 </t>
  </si>
  <si>
    <t>有的，D2242 二等座 616元 一等座 739元。</t>
  </si>
  <si>
    <t>福州到成都的动车经过：福州、三明北、泰宁、抚州、南昌西、共青城、武汉、汉口、天门南、潜江、荆州、宜昌东、恩施、利川、涪陵北、重庆北、合川、成都东共18个车站。</t>
  </si>
  <si>
    <t>有，福州到成都的动车每天1趟，为D2242次，始发站：福州；终到站：成都东；全程共有20个停靠站</t>
  </si>
  <si>
    <t>每天只有一班动车</t>
  </si>
  <si>
    <t>胡歌 神话 好看吗</t>
  </si>
  <si>
    <t>我认为好看</t>
  </si>
  <si>
    <t>好看.就是结局有点悲</t>
  </si>
  <si>
    <t>醋泡脚能治灰指甲吗</t>
  </si>
  <si>
    <t>白醋泡脚可以治理灰指甲。用9度或10度白醋每天泡脚30分钟,泡后自然风干。</t>
  </si>
  <si>
    <t>加水，不能是纯醋酸，皮肤会被烧伤，醋酸泡灰指甲疗效不好。如果一定要用要坚持并按周期使用，同时清理鞋袜，清晰后放到阳光下晒晒，保持干燥，里面有真菌孢子很顽强。建议你还是去医院弄</t>
  </si>
  <si>
    <t>醋泡脚是可以治灰指甲的</t>
  </si>
  <si>
    <t>只是改善而已，不能完全好</t>
  </si>
  <si>
    <t>超过预产期多久算是正常,对宝宝是否有不良影响?</t>
  </si>
  <si>
    <t>只要在预产期前后两周内生产 那都是正常的哦</t>
  </si>
  <si>
    <t>般超过预产期两周之后，孩子就有危险的，最好是去医院检查，看看具体的情况的</t>
  </si>
  <si>
    <t>高血压能喝咖啡吗?</t>
  </si>
  <si>
    <t>咖啡内含有咖啡因，咖啡因会促使血压上升，对高血压患者的危害是非常大的。一般而言，单是咖啡因就能使血压上升五到十五毫米汞柱，比如，原来血压是120/60的人，在摄取咖啡因后，可能上升至135/75。血压若超过140/90对健康就有不利影响。因此不建议患有高血压的人喝咖啡。</t>
  </si>
  <si>
    <t>喝咖啡有升高血脂,促进动脉硬化的作用,患有动脉硬化,高血压,心脏病的人也不宜喝咖啡.</t>
  </si>
  <si>
    <t>你好：有高血压的人不宜喝咖啡,长期或大量饮用咖啡,可引起心血管疾病</t>
  </si>
  <si>
    <t>高血压人不能喝咖啡</t>
  </si>
  <si>
    <t>户口可以挂靠吗</t>
  </si>
  <si>
    <t>户口满足条件是可以挂靠到亲戚家的。户口挂靠的条件：1、大中专院校毕业生、归国留学生、引进的人才、城镇用工人员，本单位集体户尚未建立，不具备家庭户立户条件，亲友同意将其户口迁入家中挂靠的；2、常住户口居民因工作辞退、离职或调动等原因，人事劳动关系委托人才服务中心等机构管理的，允许将其户口由原单位集体户内或派出所代管户内迁入人才服务中心等单位挂靠；3、常住户口居民符合下列情况之一的，允许将户口迁入亲友家中挂靠。</t>
  </si>
  <si>
    <t>1、户口挂靠在亲友家中的，由挂靠人向迁入地派出所提出申请。对本区、县内挂靠的，申请人持迁入地派出所批准证明、本人户口簿、身份证到迁入地派出所办理迁移手续，持户口迁移证、亲友户口簿、亲友家庭户户主签名的挂靠户口责任书到迁入地派出所办理入户手续；对跨区挂靠户口的，由迁入地派出所审核后报分局签发《户口准迁证》。2、经批准同意接收、引进的招调人员、毕业生、各类人才，申请在亲友家中挂靠的，落户前应当向迁入地派出所提出申请。3、户口挂靠在人才服务中心等中介机构集体户内的，凭人才中心等中介机构的证明办理户口迁移手续。</t>
  </si>
  <si>
    <t>户口挂靠亲友，实体上要满足一定的条件。不符合挂靠条件的，不可以办理挂靠手续。户口挂靠的条件一般为：1、大中专院校毕业生、归国留学生、引进的人才、城镇用工人员，本单位集体户尚未建立，不具备家庭户立户条件，亲友同意将其户口迁入家中挂靠的；2、常住户口居民因工作辞退、离职或调动等原因，人事劳动关系委托人才服务中心等机构管理的，允许将其户口由原单位集体户内或派出所代管户内迁入人才服务中心等单位挂靠；3、常住户口居民符合下列情况之一的，允许将户口迁入亲友家中挂靠：（1）户口在企业集体户内，因企业破产、倒闭、改制等原因，企业已无专人管理集体户，亲友同意将其户口迁入家庭户内的；（2）户口在派出所代管户内的；（3）户口在人才服务中心等中介机构的。</t>
  </si>
  <si>
    <t>户口挂靠有两种方式，一种是挂靠在人才市场，一种是挂在本地的亲戚家里。这些都是针对户口不在当地的外地人而言。户口在本市的无需再办理户口挂靠。</t>
  </si>
  <si>
    <t>例假能吃海带吗</t>
  </si>
  <si>
    <t>女人在例假期间可以吃海带，适量吃不会对月经造成影响。</t>
  </si>
  <si>
    <t>海带是良性的，别吃</t>
  </si>
  <si>
    <t>月经不能吃，你能吃。</t>
  </si>
  <si>
    <t>天天炫斗康士坦丁厉害吗</t>
  </si>
  <si>
    <t>天天炫斗康士坦丁的紫色武器30级阶段叫“霸权之镰”当然了，随着玩家角色将这个武器的等级升高，名字还是会改变的，那么霸权之镰侧重的属性是什么呢?如图所示，答案是是攻击，在同等级状态下，霸权之镰要比其他职业的攻击力高上一下，如果玩家有幸将镰刀的附加属性洗出了暴击，那么这个攻击力还会翻倍的。</t>
  </si>
  <si>
    <t>非常厉害</t>
  </si>
  <si>
    <t>烂</t>
  </si>
  <si>
    <t>在打的时候，感觉新角色镰刀康士坦丁的职业定位有点偏向于近程定点爆发。在PVE会有明显的感觉，例如在打副本BOSS的时候，会明显感觉到打Boss毫无压力，更是不用说</t>
  </si>
  <si>
    <t>相信大家在初期的pk中感觉到镰刀的PK效果不怎么好，需要结合位移和无敌技能（80级技能分析），据了解镰刀康士坦丁暂时没有走位技能，这也许是一种牵制吧。</t>
  </si>
  <si>
    <t>支付宝可以给对公账号转账吗</t>
  </si>
  <si>
    <t>可以，企业支付宝可以转到对公和对私都可以！</t>
  </si>
  <si>
    <t>支付宝不支持转账到对公银行账户，但是可以将企业账户中的资金提现到对公银行账户中。</t>
  </si>
  <si>
    <t>支付宝转账分为转账到卡和转账到支付宝账户,转账到卡不支持转到对公银行账户</t>
  </si>
  <si>
    <t>不可以转对公账户</t>
  </si>
  <si>
    <t>可以，但最好不要用支付宝对公账户转账，对公司不好</t>
  </si>
  <si>
    <t>不支持。如果您通过支付宝向公司账户转账，付款成功后银行端会做失败处理，转账款项将会原路退</t>
  </si>
  <si>
    <t>个人可以持有商标吗</t>
  </si>
  <si>
    <t>可以，按照我国商标局目前的规定，个人可以申请或者通过转让获得商标，但是除了递交身份证外，还必须同时递交一个个体工商户的营业执照复印件，申请人是法人。</t>
  </si>
  <si>
    <t>自然人是可以持有商标的</t>
  </si>
  <si>
    <t>自然人不能以个人名义申请商标。</t>
  </si>
  <si>
    <t>商标持有人，可以为个人。</t>
  </si>
  <si>
    <t>月见草例假能吃吗</t>
  </si>
  <si>
    <t>百度百科看到的相关资料：女性经期之间不适宜服用，经期量多的女性减少服用，经期还是不建议吃。可以在经期前多吃。</t>
  </si>
  <si>
    <t>不能，瓶子上也有说明，月经期间最好不要吃，一般都在来月经前吃。</t>
  </si>
  <si>
    <t>喜爱夜蒲3好看吗</t>
  </si>
  <si>
    <t>qq群升级后可以降级吗</t>
  </si>
  <si>
    <t>QQ群升级后是会降级的。开通QQ会员后创建或升级的2000人群、1000人群在会员关闭后会直接降级为200人群。</t>
  </si>
  <si>
    <t>不会，只要不解散就不会降了！</t>
  </si>
  <si>
    <t>在群主的会员业务关闭的72小时后，高级群将会降为普通群</t>
  </si>
  <si>
    <t>qq群会有一个活跃度的，如果长期没人说话就会降到0</t>
  </si>
  <si>
    <t>不能降级</t>
  </si>
  <si>
    <t>你好，目前官方没有直接降级的操作。</t>
  </si>
  <si>
    <t>中国有牛郎店吗</t>
  </si>
  <si>
    <t>有吧。</t>
  </si>
  <si>
    <t>一般大一点的城市多多少少都会有。</t>
  </si>
  <si>
    <t>深圳，成都都有。</t>
  </si>
  <si>
    <t>没有,不合法的.</t>
  </si>
  <si>
    <t>硬盘能不能当u盘用</t>
  </si>
  <si>
    <t>完全可以，移动硬盘就相当于是个大U盘。</t>
  </si>
  <si>
    <t>可以，只要有连接线就成。</t>
  </si>
  <si>
    <t>倒是可以。</t>
  </si>
  <si>
    <t>不可以当成U盘的。</t>
  </si>
  <si>
    <t>只要到网上或电子市场买一个硬盘盒子，硬盘盒子配有电源和USB插头。将硬盘装入硬盘盒子，就可以作为移动硬盘使用。</t>
  </si>
  <si>
    <t>可以的，只不过你拔掉的时候最好是正常插拔，比较不容易损坏移动盘。</t>
  </si>
  <si>
    <t>qt有免费兼职打字的吗</t>
  </si>
  <si>
    <t>假的，千万不要信，我就刚刚被骗了钱</t>
  </si>
  <si>
    <t>是打字的都是骗人的</t>
  </si>
  <si>
    <t>车辆进水保险公司是否可以拒赔</t>
  </si>
  <si>
    <t>车辆发动机进水，保险公司一般不赔付。车辆商业险条款中明确规定这是个明确的免赔项目：第七条 保险车辆的下列损失和费用，保险人不负责赔偿：（九） 在淹及排气筒或进气管的水中启动，或被水淹后未经必要处理而启动车辆，致使发动机损坏；</t>
  </si>
  <si>
    <t>如果你购买了机动车车辆损失险，因暴雨导致发动机进水熄火，但是你没有在水中强行启动车辆，发动机内部没有大面积进水。保险公司是负责正常范围内的清理费用的。</t>
  </si>
  <si>
    <t>车辆被水浸泡了，只要发动机没进水，只是更换零件、修理电路等，都属于车损险的保障范围。即便是暴雨将整个车身淹没，造成汽车全损，保险公司也可以按照全损赔偿。如果遇到道路积水，在可预见发生故障的情况下，车主依然涉水行驶造成的车辆损失，保险公司是不会赔偿的。</t>
  </si>
  <si>
    <t>由于大部分保险公司的商业车辆损失险均把“发动机进水后导致的发动机损坏”列为不予赔偿的项目，在机动车浸水或涉水熄火后，只要没有在水中强行发动导致发动机进水损坏的，普通商业车辆损失险即可对相关损失修复费用进行赔偿。但是如果发生水中强行发动导致发动机进水损坏的话，就只有投保了涉水损失险这种附加险种的情况下，才能向保险公司索赔。</t>
  </si>
  <si>
    <t>如果车辆停在那里，被水泡了，发动机里面是不会进水的，这样被水泡了，保险公司会赔你所有的水引起的损失。但如果你开动着，一直到开不了，那发动机里面可能就会进水了，不管你有没有二次发动，发动机里面的损失都不会赔的</t>
  </si>
  <si>
    <t>任九好中吗</t>
  </si>
  <si>
    <t>这玩意除了对各球队的了解，更多的在靠运气，有钱的人，用技术，买更多彩票，中奖几率就提高了。</t>
  </si>
  <si>
    <t>做爱会怀孕吗</t>
  </si>
  <si>
    <t>如果母体有卵子等待就会受孕成功！所以只有全程带套是最安全的！不得心存侥幸！不得马虎！免得伤身伤财！祝幸福平安～</t>
  </si>
  <si>
    <t>肯定会怀孕的</t>
  </si>
  <si>
    <t>看你是在安全期还是危险期了，如果是安全期就不会怀孕，如果是危险期，你们身体都很好的话，很可能就会怀孕</t>
  </si>
  <si>
    <t>看女方是否在排卵期，是就会</t>
  </si>
  <si>
    <t>女性在排卵期才有可能怀孕，其它时段不会。</t>
  </si>
  <si>
    <t>排卵期过后阴道有些流水是怀孕吗</t>
  </si>
  <si>
    <t>你既然在排卵期同房，这个时间怀孕的机会就很大的，现在具体等待检查时间即可。</t>
  </si>
  <si>
    <t>可能是阴道里残留的爱液，正常情况下，怀孕的前6周以内身体不会有任何感觉的。</t>
  </si>
  <si>
    <t>火风离婚后再婚了吗</t>
  </si>
  <si>
    <t>火凤的现任妻子是演员姜华</t>
  </si>
  <si>
    <t>红米note2移动版可以用联通吗</t>
  </si>
  <si>
    <t>可以用联通卡的</t>
  </si>
  <si>
    <t>红米note2有两个版本，移动版的用联通卡只能使用2g网络，几乎无法上网，双网通版本的可以使用移动和联通4g网络</t>
  </si>
  <si>
    <t>红米note2移动版，经过小米客服证实，是可以支持联通3G和联通4G的</t>
  </si>
  <si>
    <t>可以使用</t>
  </si>
  <si>
    <t>红米NOTE2移动版不支持联通4G网络，但可以使用联通4G手机卡。</t>
  </si>
  <si>
    <t>苹果6s会降价吗</t>
  </si>
  <si>
    <t>肯定降价，而且会大幅度降价。</t>
  </si>
  <si>
    <t>已经降价了。降价一次就不会有第二次。</t>
  </si>
  <si>
    <t>8即将发布，6现在已经开始大幅降价，接下来6s也会有降价的。</t>
  </si>
  <si>
    <t>会的，因为iPhone 8出了，11月份估计iPhoneX，也要发布了，肯定还会降价。</t>
  </si>
  <si>
    <t>现在都降价了。</t>
  </si>
  <si>
    <t>12月份或1月份可能有点降</t>
  </si>
  <si>
    <t>cpu80度有问题吗</t>
  </si>
  <si>
    <t>CPU超过70度就算比较高了，会导致CPU降频，从而性能出现明显下降。</t>
  </si>
  <si>
    <t>满载80度很正常。超过90度才开始耗损。只要CPU温度不长期超过80度，CPU是安全的，偶尔超过85度也没有关系。而且CPU在90度时候会自动关机。也就说主板温度监测正常CPU不会烧坏。因为到了90度就会关机。</t>
  </si>
  <si>
    <t>电脑cpu温度达到80度肯定是不正常的，你可以看一下电脑是否灰尘过多。建议清理灰尘！电脑cpu导热硅松动，导致散热不良。建议在cpu和导热轨松动位置重新涂上硅脂，贴好导热轨即可。</t>
  </si>
  <si>
    <t>当然不正常,温度太高了.</t>
  </si>
  <si>
    <t xml:space="preserve">有问题 CPU 温度在40到50度之间正常 </t>
  </si>
  <si>
    <t>有问题，你的CPU温度偏高，换风扇，加装机箱风扇</t>
  </si>
  <si>
    <t>百度外卖能否微信支付</t>
  </si>
  <si>
    <t>选择更多支付方式，如果有微信支付的话，选择微信支付，点击确认支付，然后输入你的微信支付密码即可</t>
  </si>
  <si>
    <t>百度外卖支持微信支付</t>
  </si>
  <si>
    <t>联豪牛排好不好</t>
  </si>
  <si>
    <t>还不错，我都是在我厨上买回来自己煎着吃的，除了联豪牛排，我厨的原切牛排也很不错。</t>
  </si>
  <si>
    <t>最好去大超市买腌制好的冷藏牛排，比较新鲜，而且出现假肉的机会很低。</t>
  </si>
  <si>
    <t>肯定是呀，不然这么做生意。牛肉含有丰富的蛋白质，氨基酸组成比猪肉更接近人体需要，能提高机体抗病能力，对生长发育及手术后、病后调养的人在补充失血和修复组织等方面特别适宜。寒冬食牛肉，有暖胃作用，为寒冬补益佳品。中医认为：牛肉有补中益气、滋养脾胃、强健筋骨、化痰息风、止渴止涎的功能。适用于中气下陷、气短体虚，筋骨酸软和贫血久病及面黄目眩之人食用。</t>
  </si>
  <si>
    <t>来了几次了,口味很好,价格也很合理.店刚开始没多长时间,有很多的优惠.还会常 常关注.</t>
  </si>
  <si>
    <t>淋巴结肿大自己会好吗</t>
  </si>
  <si>
    <t>这个一般是需要至医院行淋巴结穿刺活检明确这个淋巴结肿大的病因来治疗的。建议就诊明确。</t>
  </si>
  <si>
    <t>要看淋巴结肿大的原因的。如果淋巴结肿大只是炎症引起的，炎症消退后就自己好了，如果是其他原因引起的，要首先消除病因的，否则淋巴结肿大是不会自己好的。</t>
  </si>
  <si>
    <t>皮肤油是因为缺水吗</t>
  </si>
  <si>
    <t>出油就是因为皮肤内部缺水，导致细胞为保护自己分泌油分保湿。</t>
  </si>
  <si>
    <t>内分泌问题，可以吃花粉调理内分泌。</t>
  </si>
  <si>
    <t>皮肤出油说明水油不平衡，有可能是因为严重缺水。</t>
  </si>
  <si>
    <t>皮肤油大多数原因是由于缺水造成的，同时也存在其他的一些原因。</t>
  </si>
  <si>
    <t>能带药品上飞机吗</t>
  </si>
  <si>
    <t>固体药品可以带上飞机，不超重即可，不用开盖检查。关于液体药品的规定如下：糖尿病患者或其他患者可以携带必需的液态物品，如液态药品、液态无糖食物等，但其数量应以乘机旅行过程中的用量为限，并出示医院或医生的证明。</t>
  </si>
  <si>
    <t>可以的。在100ML内，只要不是违禁品就都可以，比如汽油什么的就是违禁品。放在一个透明可多次重复使用的塑料袋里面，在过安检的时候检查就行了。</t>
  </si>
  <si>
    <t xml:space="preserve">随身携带可以的，但不要带的过多。安检时拿出就可以了 </t>
  </si>
  <si>
    <t>药可以随身带的,如果是量大的还是托运</t>
  </si>
  <si>
    <t>可以携带,液体药品要么不超过100毫升 要么开医生证明 如果安检让你拿出来你再拿就好了 固态的药品一般没事的 我带好几瓶维生素上去都没有开箱检查</t>
  </si>
  <si>
    <t>药膏不超过100毫升可以随身携带，中成药只要不是液体也可以携带只要不超过20公斤</t>
  </si>
  <si>
    <t>现在针对液态物品,随身携带是有限制的.单件容量不超过100ML,总量不超过1L的液态物品,可以放在透明袋子里,随身携带上飞机.超过的必须托运.香水是必须托运的.托运的限制就是不超过免费托运重量.</t>
  </si>
  <si>
    <t>坐飞机不可以带液体药品，液体药品需托运。</t>
  </si>
  <si>
    <t>根据《中国民用航空运输管理规定》：喷雾类药物（包括中药）如附有医生处方或医院证明，均可获得豁免，药物数量以旅客在飞机上所需为准。容器和塑料袋无要求。药物应另行交给安检人员，以便接受X光检查。安检人员会要求旅客出示医生证明书或医生处方。旅客如患有糖尿病，可以携带足够的胰岛素制剂及带针头的皮下注射器在飞机上使用，但须出示医疗证明。糖尿病旅客如须携带个人的规定食物（例如无糖果汁）在飞机上食用，若容器的容量多于100毫升须出示医疗证明方可携带。豁免的药物及食物应与其它手提行李分开，以便接受检查。</t>
  </si>
  <si>
    <t>爱奇艺能下载mp4格式吗</t>
  </si>
  <si>
    <t>下不了MP4。只能脱壳使用。</t>
  </si>
  <si>
    <t>下载不了,下载的视频格式是qsv格式.</t>
  </si>
  <si>
    <t>爱奇艺下载的视频格式是qsv，只能用爱奇艺播放器播放。</t>
  </si>
  <si>
    <t>找爱奇艺以前的老版本，下载好后，可以直接在安装的软件里找到MP4格式的电影，6.0以前的版本，新的版本不行。还有，要么就是手机分辨率低点的，新版本下的，也能显示MP4格式的。</t>
  </si>
  <si>
    <t>南昌公交卡可以坐地铁吗</t>
  </si>
  <si>
    <t>南昌公交卡可以坐地铁。</t>
  </si>
  <si>
    <t>直接刷卡进，刷卡出＃＃直接刷卡呀！</t>
  </si>
  <si>
    <t>蜂王浆能直接涂脸吗</t>
  </si>
  <si>
    <t>有被男朋友打屁股的女生么</t>
  </si>
  <si>
    <t>有啊，只是一调情的一种，真打的话应该没有吧</t>
  </si>
  <si>
    <t>这种人可能不太好，您考虑一下，忍不住就分手吧</t>
  </si>
  <si>
    <t>苏克沙哈是忠臣吗</t>
  </si>
  <si>
    <t>是忠臣</t>
  </si>
  <si>
    <t>苏克萨哈和鳌拜都算不上是忠臣，苏克萨哈想借康熙和太皇太后之手杀鳌拜；鳌拜想杀康熙。其实最是畜牲的就是班布尔善。</t>
  </si>
  <si>
    <t>清康熙辅政大臣---苏克萨哈，基本是忠臣。</t>
  </si>
  <si>
    <t>苏克萨哈是地道的忠臣他若不是忠臣就不会为苏纳海、朱昌祚、王登联据理力争了。</t>
  </si>
  <si>
    <t>苏克萨哈也不能说是奸臣...其实他对朝廷还是比较忠心的..只是因为当时党派争斗..他是属于不左不右的..所以很多话都不好说而且不能说...左右得罪人的事谁也不想做啊...</t>
  </si>
  <si>
    <t>奥数几年级开始学好</t>
  </si>
  <si>
    <t>2-3年级，如果数学好可以五年级再学也行</t>
  </si>
  <si>
    <t>学习奥数几年级最适合，可以从孩子自身情况而定</t>
  </si>
  <si>
    <t>ios9更新好吗</t>
  </si>
  <si>
    <t>坦白的说不好，除了更占空间和还有7大安卓早就有的功能外，还有就是那最后一行字：说是可以提升电池续航3个小时以上。怎么个续航呢？我告诉你，这版本加入了多任务动画效果，最直观就是你切换程序的时候跟翻页一样没什么乱用的效果，这个很费电，会让你的手机比原来还要费电。然后伟大的IOS9就加入了一个塞班时代就有的功能：节电模式，也就是低电量开关，开了以后无非是网速变慢，亮度变低 关闭推送，这样一来就没那么费电了，可是那DUANG的特效也就没有了。负负得正，等于就没有什么特别的提升，非6S升级后会不同程度的反应迟钝，主要表现在换任务和进软件的时候。不小心升级了，现在悔的肠子都清了，那7大功能对老机型有个蛋用！</t>
  </si>
  <si>
    <t>怀孕了可以吃皮蛋吗</t>
  </si>
  <si>
    <t>怀孕应该慎吃皮蛋。也就是说，可以偶尔吃一次，但不能多吃，体质不好的更不要吃，吃多了对孕妇和胎儿都没有好处。</t>
  </si>
  <si>
    <t>皮蛋这种食物其实不适合孕妇食用。皮蛋是通过混合纯碱、石灰、盐和氧化铅，将鸭蛋包裹而腌制的，当中含有铅，所以如果经常食用，有机会引起铅中毒。皮蛋，腌制过后，在营养上也有所下降。</t>
  </si>
  <si>
    <t>怀孕期间可以适当吃一些皮蛋，不影响胎儿正常发育和生长，不影响母体自身健康。</t>
  </si>
  <si>
    <t>如果在怀孕期间吃的话会流产，铅如果穿透脑，会直接抑制生长激素分泌，引起孩子矮身材、性早熟、肥胖等。为了宝宝的健康，最好在怀孕期间不要吃皮蛋。</t>
  </si>
  <si>
    <t>不可以，没怀孕的人都要少吃，何况怀孕的人。</t>
  </si>
  <si>
    <t>不建议吃，皮蛋含铅对宝宝不好。</t>
  </si>
  <si>
    <t>会议纪要是否要盖章</t>
  </si>
  <si>
    <t>此会议纪要是不需要加盖公章的。</t>
  </si>
  <si>
    <t>属于公司内部的例行会议，会议纪要无需盖章的；属于公司和客户就某些合作事宜进行协商开会，会议确有重要共识，这种会议纪要如果需要提供给对方作为备忘录，那是需要盖章的。</t>
  </si>
  <si>
    <t>按照规定公文除“会议纪要”和以电报形式发出的以外，应当加盖印章。因此会议纪要是不需要加盖公章的。企业的公文处理参照国家行政机关的使用方法，也不需要加盖公章。</t>
  </si>
  <si>
    <t>会议纪要正式行文时要盖章，会议纪要记录参会负责人要签名。</t>
  </si>
  <si>
    <t>不需要 不是正式文件，属于会议记录性质的。</t>
  </si>
  <si>
    <t>不需要，会议纪要是对会议过程的真实记录，由参会人员签字证明即可。</t>
  </si>
  <si>
    <t>会议纪要需要签发的要加盖政府印章，不需要签发的需召集人（或主持者）签名。</t>
  </si>
  <si>
    <t>一般的会议纪要需要在正文右下角写明时间，然后盖上公章。</t>
  </si>
  <si>
    <t>一般国企的会议纪要完成后，领导一般要签阅(如写上“已阅”，并签名)。而一般股份制企业、合资企业的重要会议，如董事会会议，那就需各位董事签名。 这是一个企业或组织内部对某一事情作出的重要决策，签名后表示各位领导、或董事对此事已经审议，并确认通过。而盖公章只是企业对外部的证明，显然会议纪要是不能对外甚至是保密的。</t>
  </si>
  <si>
    <t>lol简单人机和一般人机金币一样吗</t>
  </si>
  <si>
    <t>不一样的，假设游戏时间一样，在一般人机模式下，获得的金币只有匹配模式的70%，在简单模式下，获得的金币只有匹配模式的30%左右。</t>
  </si>
  <si>
    <t>肯定不一样啊，无论什么游戏难度和奖励都是成正比的</t>
  </si>
  <si>
    <t>打一般的电脑给的金币和经验都多</t>
  </si>
  <si>
    <t>还是有差距的。</t>
  </si>
  <si>
    <t>不一样，简单的很少</t>
  </si>
  <si>
    <t>荆轲是男是女</t>
  </si>
  <si>
    <t>是男的</t>
  </si>
  <si>
    <t>产检需要预约吗</t>
  </si>
  <si>
    <t>应该是不用预约的，确定怀孕可到医院所接受第一次产前检查</t>
  </si>
  <si>
    <t>不用提前预约.</t>
  </si>
  <si>
    <t>cpu风扇重要吗</t>
  </si>
  <si>
    <t>与CPU是否带风扇有直接关系的是TDP “Thermal Design Power”， 也就是散热设计功耗。这个数值与CPU的电功率并无直接关系，当然有些厂家将TDP和CPU全速运行时的功率视为等同，是因为电功率可以在设计阶段确定，而热功率只能通过测量得出。</t>
  </si>
  <si>
    <t>CPU必须要散热器，具体是哪种就看你的CPU发热量和钱包了。</t>
  </si>
  <si>
    <t>可以不带风扇，CPU发热时就可以在上面煎蛋了，多香呀！</t>
  </si>
  <si>
    <t>所有组装机都需要CPU散热器。</t>
  </si>
  <si>
    <t>必须的， 没安装的话根本开不了机子，CPU的温度会超过100度，很容易烧掉的，要看你的CPU是什么牌子的，英特尔和AMD的有些是不同的，要根据你的想好去选择风扇。</t>
  </si>
  <si>
    <t>散热器是必须的，但不一定非得花钱买，一般盒装CPU都会送一个散热器，足够你日常用了，包括玩游戏，不超频原装的足以应付。</t>
  </si>
  <si>
    <t>当然重要，无法散热的结果就是过热自动断电</t>
  </si>
  <si>
    <t>肯定很重要，因为风扇是给CPU散热用的，如果CPU在长期的高温状态下工作，轻则过热保护自动断电，重则危害到主板烧毁电路保护或者引发火灾。</t>
  </si>
  <si>
    <t>韩国有微信吗</t>
  </si>
  <si>
    <t>韩国有微信的</t>
  </si>
  <si>
    <t>咳嗽吃洋葱</t>
  </si>
  <si>
    <t>不行，洋葱是热气的</t>
  </si>
  <si>
    <t>有一定刺激性，最好别吃。</t>
  </si>
  <si>
    <t>滴滴出行好用吗</t>
  </si>
  <si>
    <t>感觉很方便的.</t>
  </si>
  <si>
    <t>滴滴是完全没有诚信的，不是为了出行的，是为了盈利的.</t>
  </si>
  <si>
    <t>还行吧</t>
  </si>
  <si>
    <t>垃圾软件，客服电话永远打不通，用软件叫车叫来个电召车，还要多收费。</t>
  </si>
  <si>
    <t>红参贵吗</t>
  </si>
  <si>
    <t>很贵。</t>
  </si>
  <si>
    <t>觉得上好的，有参龄的野生红参会贵得多</t>
  </si>
  <si>
    <t>下雨天影响网速吗</t>
  </si>
  <si>
    <t>雨天网速慢的问题很可能就是第二种，由于下雨属于恶劣天气，在天气不好的情况下，线路容易因为天气原因出现故障。另外由于电信的网络线路在分户时候大多采用直接接外线的情况，所以更容易受到恶劣天气</t>
  </si>
  <si>
    <t>不会的，但是下雨天最好不要上网，以免被雷击了，那样会击坏猫的，也对网卡不好，本人曾经因此把网卡击坏了，幸好还在保修期，免费换了一块。</t>
  </si>
  <si>
    <t>网速跟下雨没关系的</t>
  </si>
  <si>
    <t>只要接口和线的质量没有问题，是不会影响的，并且现在的集成交换机都在楼道里，刮不着淋不着，如果你们那块的交换机是放在外面（比如电话线杆子），接口质量好的话应该影响不大，如果接口氧化或松动甚至盒子年久生锈，别说下雨，估计刮风都影响，想当年我也是在一刮风就掉线的苦逼环境下过来的。</t>
  </si>
  <si>
    <t>有线通的网速只和电视用户的使用峰谷有关，理论上它的屏蔽效果比普通电话线和网线好。下雨不会有影响，除非你所在城市的有线电视台是露天的</t>
  </si>
  <si>
    <t>下雨对wifi没有干扰，因为wifi的本质是电磁波，就是光，下雨影响的是连接wifi路由器的网线（从运营商机房到你家的网线），湿度会干扰网线传输速率，更不用说运营商机房到你家多么远了，下雨影响了光纤、网线的传输速率，所以最终会感觉上网变慢了。</t>
  </si>
  <si>
    <t>火焰之地只有忏悔者才能成就一个人能做吗</t>
  </si>
  <si>
    <t>这个成就单个人无法完成，需要6人以上一起做。</t>
  </si>
  <si>
    <t>这个成就单个人无法完成，需要6人以上</t>
  </si>
  <si>
    <t>友臣肉松饼好不好</t>
  </si>
  <si>
    <t>很不错</t>
  </si>
  <si>
    <t xml:space="preserve">  挺好吃的。</t>
  </si>
  <si>
    <t>味道还不错，刚巧我才几天吃了，打算又去买</t>
  </si>
  <si>
    <t>个人感觉还蛮好吃的</t>
  </si>
  <si>
    <t>友臣肉松饼确实很好吃，就是价位颇高。＃＃味道不错，肉松的量挺足的。＃＃喜欢吃糕点就喜欢吃这个</t>
  </si>
  <si>
    <t>银行卖银条吗</t>
  </si>
  <si>
    <t>国有银行都有卖，但要提前预约，你可以登陆网上银行购买实物金银，银行会送上门的</t>
  </si>
  <si>
    <t>银行卖的银条,带证书和发票的,都可回购。</t>
  </si>
  <si>
    <t>排卵之后 还要行房么</t>
  </si>
  <si>
    <t>同房，这样的话受孕的几率比较大一些。</t>
  </si>
  <si>
    <t>女人自慰有害处吗</t>
  </si>
  <si>
    <t>伤肾伤身体的，特别是你的容颜和对你未来生孩子的影响啊，还有内分泌等等都有很多影响的！</t>
  </si>
  <si>
    <t>在七十年代，有美国的调查发现，百分之九十四的男性及百分之六十三的妇女曾经自慰，且几乎所有的研究也找不出自慰的害处。</t>
  </si>
  <si>
    <t>但未婚女子手淫，即使不频繁，也可能造成程度不同的危害，至于频繁而又强烈的手淫则会引起多种不良后果，最突出的是导致不育。c</t>
  </si>
  <si>
    <t>未婚女子手淫对健康有害，危害一：阴道外伤，危害二：生殖器炎症，危害三：性冷淡，危害四：泌尿系统感染</t>
  </si>
  <si>
    <t>浪费时间，平时也容易老想起来而影响正常生活，消耗精力。但是适度的，可以缓解欲望，是有益健康的</t>
  </si>
  <si>
    <t>女性适当的手淫不会对身体造成影响也不会导致月经失调，但要注意卫生以免引起感染。 您好！ 女性偶然存在的手淫行为完全是一种正常的生理现象，如果过度手淫没有注意清洁卫生合并生殖系统感染如阴道炎、宫颈炎、子宫内膜炎以及输卵管炎等。严重的可以导致不孕。所以要克制自己，培养自我控制和自我约束的能力，保持外阴部清洁。一个月算,手淫不超过5次</t>
  </si>
  <si>
    <t>适当的手淫对身体没有危害.相反还能绶解性压力.只不过一定要注意安全,讲究卫生啦.</t>
  </si>
  <si>
    <t>有的，一是导致精力透支，身体疲劳 ，二是损伤肾精。</t>
  </si>
  <si>
    <t>没有伤害的</t>
  </si>
  <si>
    <t>三一重工是不是国企</t>
  </si>
  <si>
    <t>不属于国企，国企是那些重要的生产资料，而且受到监督，每年赚了多少钱，那些钱干了什么。</t>
  </si>
  <si>
    <t>不是国企</t>
  </si>
  <si>
    <t>三一重工不是央企，属于民营企业。</t>
  </si>
  <si>
    <t>民营企业</t>
  </si>
  <si>
    <t>世界上有元武道吗</t>
  </si>
  <si>
    <t>没有元武道，只有跆拳道，跆拳道是韩国的，以腿法为主，元武道只是旋风少女里面虚拟里面出来的。</t>
  </si>
  <si>
    <t>没有，这是作者或者编剧为该电视节目专门度造出来的 。</t>
  </si>
  <si>
    <t>电视剧中创造的， 不过话说回来，什么跆拳道，截拳道也都是创造的，管他什么道 天下武功，唯快不破。＃＃不造，其实感觉就是跆拳道</t>
  </si>
  <si>
    <t>既然有说就是有，我想即使以前没有以后也会有，这就是创造，至少到目前没有元武道</t>
  </si>
  <si>
    <t>就是跆拳道，电视里改了说法。</t>
  </si>
  <si>
    <t>月牙泉在哪里</t>
  </si>
  <si>
    <t>月牙泉位于敦煌市西南5公里处（坐标 ：北纬 40°05′11.98″ ，东经 94°40′09.99″ ）：是一处神奇的漫漫沙漠中的湖水奇观。鸣沙山下，泉水形成一湖，在沙丘环抱之中，酷似一弯新月而得名月牙泉。</t>
  </si>
  <si>
    <t>孕妇可以用维e涂脸吗</t>
  </si>
  <si>
    <t>这个是可以的，不会有影响。</t>
  </si>
  <si>
    <t>维生素E胶囊孕妇都拿来吃的.擦脸不会有什么问题的.</t>
  </si>
  <si>
    <t>当然可以，维生素E很好的，对孕妇和胎儿都有好处，以后皮肤也会好的</t>
  </si>
  <si>
    <t>维生素E是脂溶性维生素，有抗氧化的作用，可以延缓衰老，养颜美容。孕妇适当补充比较好，涂脸上也可以。</t>
  </si>
  <si>
    <t>时时彩平台靠谱吗</t>
  </si>
  <si>
    <t>骗人的，现在已不允许网平台售彩票了，千万别上当。</t>
  </si>
  <si>
    <t>我是不敢玩这个了，服务在好也不会玩，警察叔叔抓这个很严的了，说不定第二天就上视频了呢</t>
  </si>
  <si>
    <t>nexus4能用电信卡吗</t>
  </si>
  <si>
    <t>不可以的 ，该型号的手机不能支持电信CDMA网络，是不能使用电信手机卡的。</t>
  </si>
  <si>
    <t>不能用，而且也不支持4G</t>
  </si>
  <si>
    <t>NEXUS4是不支持电信卡的，也不支持电信网络。</t>
  </si>
  <si>
    <t>您好，首先感谢您对中国电信的支持。根据您的描述，该手机的网络制式是WCDMA，而中国电信手机使用的是CDMA、CDMA2000，所以是无法使用电信手机卡的。</t>
  </si>
  <si>
    <t>不能使用，硬件不支持.</t>
  </si>
  <si>
    <t>钙片能多吃吗</t>
  </si>
  <si>
    <t>钙片，不能长期吃！</t>
  </si>
  <si>
    <t>不建议长期服用的因为钙的单纯过量补钙，很可能“钙中毒”。</t>
  </si>
  <si>
    <t>不能。如果超过每天建议摄取量10倍或甚至20倍，会造成高钙血症。高钙血症的病人会产生身体虚弱、恶心呕吐、嗜睡，便秘，如果这种情形没有即时改善，很容易会进入昏迷的状态，因为钙质会影响细胞正常机能的作用。</t>
  </si>
  <si>
    <t>不能长期吃，看缺钙的程度，再决定时间。</t>
  </si>
  <si>
    <t>老人是长期吃最好。</t>
  </si>
  <si>
    <t>固体物质火灾属于 类火灾</t>
  </si>
  <si>
    <t>A类火灾是指固体物质燃烧引起的火灾</t>
  </si>
  <si>
    <t>晚上可以吃西红柿吗</t>
  </si>
  <si>
    <t>晚上吃番茄，可加快身体的基础代谢，促进身体积极消耗摄入的能量，改善体质，使身体不容易胖起来。</t>
  </si>
  <si>
    <t>晚上吃番茄，可加快身体的基础代谢，促进身体积极消耗摄入的能量，改善体质，使身体不容易胖起来。此外，番茄含有的褪黑素能够帮助睡眠，促进体内生长激素的分泌，生长激素又能够加快新陈代谢，促进脂肪的分解和燃烧。</t>
  </si>
  <si>
    <t>可以吃的，但是晚上建议不要吃太多东西不消化</t>
  </si>
  <si>
    <t>西红柿是很好的食品，有美容，抗炎抗癌等作用，可以吃。</t>
  </si>
  <si>
    <t>小孩能不能看3d电影</t>
  </si>
  <si>
    <t>没什么问题</t>
  </si>
  <si>
    <t>看多了对眼睛不好，但偶尔看是可以的</t>
  </si>
  <si>
    <t>如果小孩子8岁以下，确实是不适宜过多观看3D电影，大点的孩子建议选靠后位置，抓住电影里不是很精彩的情节，每隔15―20分钟摘掉眼镜，闭眼休息。</t>
  </si>
  <si>
    <t>可以，但尽量不要多看，偶尔看一次两次没问题</t>
  </si>
  <si>
    <t>4岁以下的孩子对于剧情的聚焦时间低，而且4岁以下儿童由于双眼单视，融合，立体视能力还在发育阶段，不宜多看.</t>
  </si>
  <si>
    <t>光眼患者以及可疑青光眼者儿童不宜看3D电影.</t>
  </si>
  <si>
    <t xml:space="preserve">心脏病儿童也不宜看3D电影 </t>
  </si>
  <si>
    <t>可以，至少对你孩子的眼睛来说，是没有问题的。没有证据显示，看3D影像会损害孩子的视力。</t>
  </si>
  <si>
    <t>红米2电池可拆卸吗</t>
  </si>
  <si>
    <t>可以拆电池，</t>
  </si>
  <si>
    <t>红米2的电池支持可拆卸。直接打开手机的后盖就可以轻松的抠出电池。</t>
  </si>
  <si>
    <t>这个电池的拆卸肯定是可以的。</t>
  </si>
  <si>
    <t>可以拆卸的。</t>
  </si>
  <si>
    <t>可以拆卸，这款手机不是一体机。</t>
  </si>
  <si>
    <t>电池可以拆卸，内存卡就在电池的旁边，把电池卸载就可以把内存卡拔出来了</t>
  </si>
  <si>
    <t>养生堂维生素c有用吗</t>
  </si>
  <si>
    <t>长期服用会产生药物依赖性，建议服用一段时间即可。</t>
  </si>
  <si>
    <t>澳大利亚旅游签证需要面签吗</t>
  </si>
  <si>
    <t>澳大利亚签证是不需要面签的。澳大利亚现在实行电子签证政策，大家只如果熟悉流程的话自己可以在家里用电脑申请签证，按照要求上传电子版材料就可以了。</t>
  </si>
  <si>
    <t>理论上和政策上需要的，但实际当中只有个别签证、在个别情况才面签。</t>
  </si>
  <si>
    <t>按照签证申请中心网站上的步骤申请即可，一般情况下不需要面签。</t>
  </si>
  <si>
    <t>澳洲旅游签证不需要面签</t>
  </si>
  <si>
    <t>澳大利亚旅游签证目前是不需要面签的，只要提供真实有效的签证资料即可。</t>
  </si>
  <si>
    <t>具体情况，具体分析。要看申请人的具体情况而定。一般来说，澳洲签证都不需要面签。除非申请人的材料有问题，而且电话调查无法核实，就可能会需要面签。</t>
  </si>
  <si>
    <t>大学成绩单能改吗</t>
  </si>
  <si>
    <t>这个不可以改的，当你的成绩出来就已经录入网上档案了。</t>
  </si>
  <si>
    <t>只要公开发布，就不能改动了。在此之前，还会有可能。</t>
  </si>
  <si>
    <t>大学的成绩可以改的，去咨询你们学校的教务系统。如果你要出国或是做交换生的话，应该每门课85分以上（这是我们学校的要求），考试之前，你就应该和该科目的老师打声招呼，说你以后要出国，你的最低分数不能低于85，老师都喜欢成全学生的，老师到时候就不会给你的分数很低啦</t>
  </si>
  <si>
    <t>音乐难学吗</t>
  </si>
  <si>
    <t>不会很难，要有信心</t>
  </si>
  <si>
    <t>有的人天生就乐感挺好，一段音乐听几遍就记住了，还能写下谱子来，</t>
  </si>
  <si>
    <t xml:space="preserve">学习音乐可以提高孩子的气质与生活品位 </t>
  </si>
  <si>
    <t>移动硬盘坏道能修复吗</t>
  </si>
  <si>
    <t xml:space="preserve">如果在保换保修期内，你可将硬盘拿到销售商出处更换，而过了三保期又该怎么办呢？下面是笔者维修维护硬盘的一些方法，希望能对你维修硬盘有所帮助。 </t>
  </si>
  <si>
    <t>硬盘坏道分为逻辑坏道和物理坏道两种，前者为软坏道，通常为软件操作或使用不当造成的，可用软件修复；后者为真正的物理性坏道，它表明你的硬盘磁道上产生了物理损伤，只能通过更改硬盘分区或扇区的使用情况来解决。</t>
  </si>
  <si>
    <t>是的。有可能的。</t>
  </si>
  <si>
    <t>看电视好不好</t>
  </si>
  <si>
    <t>应该多看.小学的学习任务不是很重.有比较多的时间.多看点电视开阔一下视野。</t>
  </si>
  <si>
    <t>看电视有好处也有坏处</t>
  </si>
  <si>
    <t>好处：1 ,经常看电视，可以开阔眼界，增长知识，有趣的文艺节目令人开心，轻松头脑；一些好的电视剧、 电影中的各路英雄人物会给你教益，激发爱国主义情感。2、看电视应选择节目 看了电视以后，要动脑筋想一想，这个节目或其中某个人物好在哪里， 为什么好，不好又错在哪里。 看电视的好处与坏处，不是在于电视自己的影响，而是在于看电视者是否拥有自我控制能力。 并能够看一些对自己有利的电视节目，那就可以得到意想不到的收获.坏处：看电视对眼睛不好容易患近视;有关研究表明大约有50种疾病与看电视有关，主要的有以下几种：1 斑疹 电视荧屏表面存有大量静电荷，其聚积的灰尘借光束的传递射击人们的面部，如不及时清洗面部，就会生出难看的斑疹。2 电视孤独症 3－7岁儿童看电视时间长，会养成一种非常孤独与难以和人沟通的性格，这是一种心理疾病。 3 感冒 因坐电视机前时间多，户外活动时间少，缺乏阳光浴，呼吸不到新鲜空气，使人血液运行不畅，躯体活动不灵，不能适应室内外环境，机体抗病免疫力降低，所以很容易患感冒。4 肥胖症 看电视使人体力消耗减少，皮下脂肪堆积；看电视时还会不限制地吃高能量的零食；另外电视中的食品广告有增进食欲的作用等。 5 干眼病 长时间盯着荧屏，会使眼球充血，更会使眼球视网膜的感光功能失调，同时还会出现眼球干燥；还会引起视觉障碍，造成植物神经紊乱。6 肠胃病 一边看电视一边吃饭，会使胃功能紊乱。据统计，有40％以上看电视在3小时以上的人，都有胃下垂、溃疡等症状。 7 心血管疾病 在观看刺激性强的节目后会使血压增高或心脏病发作等。 电视腿 看电视久坐使下肢血液回流受阻，产生胀、麻、疼等症状；因静脉血管壁薄，易受压，导致血流受阻，促进血凝过程，下肢静脉血栓形成，形成电视腿。 8 尾骨病 长时间坐在电视荧屏前，会出现程度不一的尾骨部疼痛症状，有时向臀部和大腿放射，叫“电视性尾骨病”。</t>
  </si>
  <si>
    <t>看电视可以从中掌握好多的知识。电视节目精彩纷呈，知识丰富广博，而且语言生动，加上视频的直观形象，可以让孩子在轻松愉快中学习。这些知识孩子不用刻意地去记忆，就能牢固地掌握。可以开阔眼界，增长知识，激发他热爱科学的兴趣；有趣的文艺节目令人开心，轻松头脑；一些好的电视剧、电影中的各路英雄人物会激发爱国主义情感。</t>
  </si>
  <si>
    <t>首先，因为坐在电视机面前时间过于长久，户外的活动时间变减少了，从而导致缺少阳光的沐浴，减少了新鲜空气的呼吸。会导致人的血液不流通，导致不能适应外界环境的，容易导致抵抗力下降，很容易会感冒。第二，电视荧屏表面有大量的静电荷，它的表面的灰尘将会传递到人们的面部，如果。长时间，就会有难看的斑疹。同时，看电视将会减少体能的消耗，再加上在看电视的时候，大部分的人喜欢吃零食，很容易造成脂肪堆积。第三，长时间看电视，会让自己的眼球充血，甚至干涩，从而影响孩子的视力，从而导致许多的人近视。</t>
  </si>
  <si>
    <t>vb语言好学吗</t>
  </si>
  <si>
    <t>不难学，挺简单的。</t>
  </si>
  <si>
    <t xml:space="preserve">最最高级的语言，容易上手！ </t>
  </si>
  <si>
    <t>不能一概而论，一开始可能是VB好学，但是后来也许就是C好学，关键看目标是什么，想学到哪个程度。</t>
  </si>
  <si>
    <t>VB其实应该作为一种语言的基础，基本上符合人们的思维习惯，而且流程清晰，适合初学者。</t>
  </si>
  <si>
    <t>VB,因其语言简单，容易理解，不复杂，适合初学者使用。</t>
  </si>
  <si>
    <t>vb好学，但使用者较少，前景一般。</t>
  </si>
  <si>
    <t>江西省养牛有补贴吗</t>
  </si>
  <si>
    <t>2016年养牛补贴也是要看每个地区的政策，还有你所发展的规模大小来定。一般养母牛的在1000-3000不等。</t>
  </si>
  <si>
    <t>江西养牛有补贴政策，种植增润牧草，甜象草等优质高产牧草也有补贴。</t>
  </si>
  <si>
    <t>这个得在工商局备案，需要相关文件才能申请补贴</t>
  </si>
  <si>
    <t>养牛都有补贴的</t>
  </si>
  <si>
    <t>集资房,三证齐全,土地性质出让.可以购买吗</t>
  </si>
  <si>
    <t>单位集资房所属土地是集体性质，个人无土地证。其次，集资房个人产权没有全部，房产证有很多种，不是说有个本子，房产就算商品房。需要卖掉产权，办理商品房房产证，土地出让金，取得个人名义出让性质土地证。再有契税完税证明。三证齐全，住房可办理你要的不动产证。</t>
  </si>
  <si>
    <t>你要看它的三证是否齐全，并且土地性质是否为国有出让，房产证是否已经转入个人名下，如果手续齐全的，就可以交易。</t>
  </si>
  <si>
    <t>集资房与商品房的本质属性都是住宅，它的区别在于：一个是用于自住，一个是买给他人居住。只要你的《房屋产权登记证》和《土地证》是齐全的，它和商品房没有什么区别，都可以入市交易。</t>
  </si>
  <si>
    <t>集资房是单位划拔土地性质的单位职工集资的成本造价的房子，有产权证，土地证是一幢房子一本证的，也可以贷款。</t>
  </si>
  <si>
    <t>皮肤过敏要看医生吗</t>
  </si>
  <si>
    <t>如果你确定是过敏性咳嗽 可以查一查的 查过敏原只是在身上贴几个试纸 没有什么副作用</t>
  </si>
  <si>
    <t>挂皮肤科就可以</t>
  </si>
  <si>
    <t>如果长时间没有消退建议去看下医生，以后就不要吃那种食物了。一般过敏涂点药膏就好了，我吃海鲜过敏涂药膏很快就消退了！</t>
  </si>
  <si>
    <t>那要看你的肤质了，不过建议你有条件的最好是看看医生</t>
  </si>
  <si>
    <t>如果是经常过敏那么就要去看医生了。</t>
  </si>
  <si>
    <t>迁入户口需要房产证么</t>
  </si>
  <si>
    <t>迁户口是要房产证的</t>
  </si>
  <si>
    <t>入户的几种情况在各地公安局办证大厅都有说明的.就学入户,工作入户,购房入户等等.其中购房入户是需要房产证的,手续也不复杂.首先你要在自己户口所在地派出所开具户籍证明.</t>
  </si>
  <si>
    <t>购房入户</t>
  </si>
  <si>
    <t>不需要房产证</t>
  </si>
  <si>
    <t>根据《中华人民共和国户口登记条例 》：“第十条 公民迁出本户口管辖区，由本人或者户主在迁出前向户口登记机关申报迁出登记，领取迁移证件，注销户口。公民由农村迁往城市，必须持有城市劳动部门的录用证明，学校的录取证明，或者城市户口登记机关的准予迁入的证明，向常住地户口登记机关申请办理迁出手续。公民迁往边防地区，必须经过常住地县、市、市辖区公安机关批准”办理。</t>
  </si>
  <si>
    <t>房产证，身份证，一寸证件照，结婚证，户口单页，物业居住证明。如果有孩子，还要出生证明，登记后的计划生育证。</t>
  </si>
  <si>
    <t>出生证明有血型吗</t>
  </si>
  <si>
    <t>出生证上面明确注明孩子的血型《出生证》 是每个婴儿(公民)出生都应该颁发的证件，证明其出生时间、地点、姓名、性别、体重、身高、血型、婴儿号、胎次、出生证号、健康状况、接生医生等情况。</t>
  </si>
  <si>
    <t>孩子出生证明上没有血型，主要是孩子性别、出生地、医院名称、出生体重以及健康状况是否良好，父母姓名及身份证号码等。</t>
  </si>
  <si>
    <t>出生证明上都没有血型的，医院好像在宝宝出生时都不提供这项服务的，想知道宝宝血型的话可以去医院化验一下血，检测一下就知道了</t>
  </si>
  <si>
    <t>出生证上没有 血型在医院出具的血型检测单上</t>
  </si>
  <si>
    <t>不会写血型，2014年1月1日起国家卫生和计划生育委员会正式启用新版《出生医学证明》，新版《出生医学证明》上没有血型选项，不注明血型。</t>
  </si>
  <si>
    <t>参加婚礼能穿短裤吗</t>
  </si>
  <si>
    <t>一般来说，穿的正式一些是对主人的尊重，但是现在婚礼里面也不是非常注重，如果主人是比较上流,富贵些的,自然会比较在意。</t>
  </si>
  <si>
    <t>可以的，不过主要还是要看朋友的婚礼是什么形式的，要是传统中国式的话，只要穿的休闲点就可以了.</t>
  </si>
  <si>
    <t>三星s6能无线充电吗</t>
  </si>
  <si>
    <t>S6内置无线充电线圈，支持无线充电功能。</t>
  </si>
  <si>
    <t>三星最新发布的Galaxy S6和S6 Edge手机均支持无线充电技术，而且支持多种无线充电技术——Qi无线充电、PMA无线充电以及WPC无线充电技术。</t>
  </si>
  <si>
    <t>目前不能</t>
  </si>
  <si>
    <t>三星最新发布的Galaxy S6和S6 Edge手机均支持无线充电技术，而且支持多种无线充电技术：Qi无线充电、PMA无线充电以及WPC无线充电技术。</t>
  </si>
  <si>
    <t>S6内置无线充电线圈，支持无线充电功能</t>
  </si>
  <si>
    <t>小邻通 可信吗</t>
  </si>
  <si>
    <t>起外面的随便喊的可靠，到是没有实体店。起码有售后保障，先行赔付。</t>
  </si>
  <si>
    <t>外地人在北京能办护照吗</t>
  </si>
  <si>
    <t>非北京市户籍的居民可以在北京申请办理护照等出入境证件了。</t>
  </si>
  <si>
    <t>非北京市户籍在京就业人员和高等院校在读大学生办理出入境证件要先到北京市公安局网站进行预申请（应邀赴台除外）。符合条件的外地人在京办理出入境证件时要提前网上预约，以提前完成审核工作。</t>
  </si>
  <si>
    <t>起居服是睡觉时候穿的吗</t>
  </si>
  <si>
    <t>这个还真的是根据个人爱好和生活习惯来。有的人喜欢睡觉前看电视的时候就穿着睡衣，睡觉时候也穿睡衣，但穿着睡觉的睡衣一定不要太厚，不然不太舒服；有的人喜欢在家里穿家居服，睡觉的时候穿个T恤/簿的睡衣，还有的喜欢裸睡.....自己怎么穿舒服就怎么穿，别人的意见都是别人的习惯，</t>
  </si>
  <si>
    <t>苹果合约机可以机卡分离吗</t>
  </si>
  <si>
    <t>可以分离的，不过你只能装移动卡才能用的了这台合约机。</t>
  </si>
  <si>
    <t>合约机的特性是：换机锁卡、换卡锁机。</t>
  </si>
  <si>
    <t>合约机是要求过了承诺期才能机卡分离的</t>
  </si>
  <si>
    <t>移动合约机可以使用其他移动卡，但是如何合约没有到期，通常不要移动合约机机卡分离，否则会出现违约承担责任。</t>
  </si>
  <si>
    <t>5s要不要带套</t>
  </si>
  <si>
    <t>当然得带套，不仅是好看，主要是起到保护作用</t>
  </si>
  <si>
    <t>干嘛带套呢，带了一点不好看，我就没带</t>
  </si>
  <si>
    <t>戴套好，保护手机。</t>
  </si>
  <si>
    <t>自己使用没必要</t>
  </si>
  <si>
    <t>苹果5s 带套好</t>
  </si>
  <si>
    <t>热天建议不带，现在IOS系统较高了，容易发热</t>
  </si>
  <si>
    <t>带套好</t>
  </si>
  <si>
    <t>不带好，反应灵敏快捷。</t>
  </si>
  <si>
    <t>你好，这个看个人需要，如果你喜欢个性的图案，可以戴保护套，如果喜欢原色的iPhone，就不需要戴</t>
  </si>
  <si>
    <t>需要手机套。</t>
  </si>
  <si>
    <t>带不带套，个人喜好而已，有个套就安全点</t>
  </si>
  <si>
    <t>央行2016年还会降息吗</t>
  </si>
  <si>
    <t>现在的经济增长强劲，这意味着不降息。</t>
  </si>
  <si>
    <t>亚投行可以存钱吗</t>
  </si>
  <si>
    <t>亚投行我感觉就像我们国家的中国人民银行一样，你是不能往里面存钱的，他只是一个金融管理、协调机构，不是所有带“银行”字眼的机构都能存钱。</t>
  </si>
  <si>
    <t>不能 但以后可以购买它发放的债券</t>
  </si>
  <si>
    <t>秦皇岛达飞贷款可靠吗</t>
  </si>
  <si>
    <t>不可靠。真的。还是去银行吧。</t>
  </si>
  <si>
    <t>乌龟怕不怕冷</t>
  </si>
  <si>
    <t>当然会怕冷，乌龟是冷血动物，也就是变温动物，体温随着周围温度的变化而变化,从而减低新陈代谢,以减低用于抗寒所损失的能量，但是外界气温低于0度时，乌龟被冻死。</t>
  </si>
  <si>
    <t>当然会怕冷，乌龟是冷血动物，也就是变温动物</t>
  </si>
  <si>
    <t>三九脑科医院好吗</t>
  </si>
  <si>
    <t>还可以，不过都是靠吃药控制的，去不了根的，可以缓解。</t>
  </si>
  <si>
    <t>去任何正规国有医院都可以，但千万别去三九脑科医院，不然世上没有后悔药。</t>
  </si>
  <si>
    <t>脑科专业就真心不错，要命的是除了头以外的问题所有都不会。</t>
  </si>
  <si>
    <t>在广东省是排名第一的医院。</t>
  </si>
  <si>
    <t>三九医院是擅长脑科，而南方医院是综合方面的，如果是脑科方面还是三九专科好</t>
  </si>
  <si>
    <t>挺好的，三九脑科医院对脑部疾病治疗比较有经验。</t>
  </si>
  <si>
    <t>牛排可以烤吗</t>
  </si>
  <si>
    <t>残疾人可以开车吗</t>
  </si>
  <si>
    <t>需要看肢体残疾部位在哪，如果不影响开车就允许开车。　</t>
  </si>
  <si>
    <t>你好，肢体残疾人是允许开车的。</t>
  </si>
  <si>
    <t>残障人士自己驾车就是其中一项。</t>
  </si>
  <si>
    <t>目前世界上绝大多数国家和地区不禁止残疾人驾驶汽车</t>
  </si>
  <si>
    <t>可以开残疾人专用车</t>
  </si>
  <si>
    <t>要看是什么残疾</t>
  </si>
  <si>
    <t>过门石有必要么</t>
  </si>
  <si>
    <t>安装过门石应该是根据各家需要，你喜欢两种颜色搭配可以安装，不喜欢也可以不装，</t>
  </si>
  <si>
    <t>卫生间的过门石是必需的</t>
  </si>
  <si>
    <t>如果全铺地砖的话就没必要了，如果要是地板是铺一部分地方就要用。</t>
  </si>
  <si>
    <t>过门石就是石头门槛解决内外高差、解决两种材料交接过渡、阻挡水、起美观等作用的一条石板。</t>
  </si>
  <si>
    <t>客厅一般是木地板， 厨房卫生间是瓷砖、过门石的作用就是两种材质的过渡 ！只有这样才能起到链接作用</t>
  </si>
  <si>
    <t>过门石要视情况而定，如果你们家卫生间地面比外面低的话，可以不装。</t>
  </si>
  <si>
    <t>丁丁租房倒闭了吗</t>
  </si>
  <si>
    <t>可以使用百度地图的搜索附近功能来查找房子。手机百度地图：启动百度地图应用程序，进入地图界面，直接定位到当前地点。进入地图界面后点击，左下角的附近选项，进入附近列表项。进入娱乐列表项之后，点击房子选项，可以在附近的房子列表中，选择自己喜欢的房子类型，房子价格。然后点击进入房子的详细信息。PC端百度地图：打开百度搜索输入百度地图，进入百度地图主界面。然后我们在左边可以看到菜单选项，点击上方的房子频道然后在左边列表中就会出现相应的房子列表，地址，价格等等详细信息，我们选择好点击预订即可。</t>
  </si>
  <si>
    <t>丁丁租房已经解散，丁丁租房业务已并入链家。</t>
  </si>
  <si>
    <t>买房可以用两个人的公积金吗</t>
  </si>
  <si>
    <t>可以。 只要购房时你俩有结婚证，凭购房合同和付款票据2，就可以申请办理2夫妻公积金提取或是夫妻公积金贷款买房。</t>
  </si>
  <si>
    <t>缴存住房公积金的职工在买房时，可以两个人同时申请住房公积金贷款。但两个人必须是夫妻或者是直系亲属。而且直系亲属必须是房产共有人。</t>
  </si>
  <si>
    <t>您好，可以，但是贷款额度需要看当地的公积金政策，有些省市是可以累加的，比如单人最高额度40w，那夫妻两人总共就可以贷80，然后提取公积金的时候，你们可以就这笔贷款分别提取公积金。</t>
  </si>
  <si>
    <t>夫妻一起去申请住房贷款，可以提高公积金贷款的额度。与商业住房贷款相比，公积金贷款的利率要低1.07个百分点，夫妻共同申请住房贷款，可以使用的公积金贷款比例提高了，为住房贷款所需要支付的利息自然也会减少。</t>
  </si>
  <si>
    <t>可以的。你只要在房产证上写上2个人的房子就可以一起</t>
  </si>
  <si>
    <t>黑豆有黄体酮吗</t>
  </si>
  <si>
    <t>黑豆里面应该不含有黄体酮的。</t>
  </si>
  <si>
    <t>三星s6 edge+卡吗</t>
  </si>
  <si>
    <t>全网通的机型。电信联通移动全4g。用nano sim卡。就是苹果6的小卡。</t>
  </si>
  <si>
    <t>不卡</t>
  </si>
  <si>
    <t>S6 Edge+ (G9280)是一款全网通公开版双卡手机，卡槽1和卡槽2均可使用移动卡、联通卡或电信卡。</t>
  </si>
  <si>
    <t>胃癌能吃羊肉吗</t>
  </si>
  <si>
    <t>这个食物是可以吃的，癌症患者除了药物积极治疗之外，饮食上也是要注意的营养健康和均衡的，使之达到人体所必需的营养,就能增强其抵抗力,加快康复。</t>
  </si>
  <si>
    <t>胃癌病人饮食最好以清淡、温软的食物，可以适当吃牛肉，最好不要吃羊肉。吃牛肉时也要顿的软，少量食用。</t>
  </si>
  <si>
    <t>你好 平时需要注意提倡高蛋白质、高维生素、低糖、低脂肪饮食。不吃或少吃动物性脂肪、甜食。多吃青菜、水果和富含纤维素的食物，祝您身体健康 可看（胃癌阳光生活，唐君化）如有帮助 望采纳</t>
  </si>
  <si>
    <t>如果明确诊断是胃癌晚期的患者，暂时不能吃羊肉，可能会因为胃的消化功能底下导致消化不良出现腹部胀痛的现象。建议吃流质或半流质的饮食为主，如鸡蛋羹、牛奶、豆浆、稀饭及瓜果蔬菜汁等。同时还需要定期复查就可以</t>
  </si>
  <si>
    <t>可以吃点，但不宜多吃，速把检查的报告都发我看下，给你具体的治疗方面以及吃什么药怎么吃防止继续恶化这方面的建议</t>
  </si>
  <si>
    <t>紫皮腰果的皮能吃吗</t>
  </si>
  <si>
    <t>腰果被中国植物图谱数据库收录的有毒植物，其毒性为果壳和种皮有毒，腰果壳中含有“腰果壳油”，毒性极强。其中含有以腰果酚为代表的一些化学物质，可以侵蚀人的皮肤，这也是腰果所在的漆树科植物所共有的特点。据说，腰果最初就是当做毒药来使用的。其水提取物与皮肤接触发生刺痛、红肿和起泡。误食则引起舌部刺痛和腹痛。外皮的水和醇提取物给麻醉描静脉注射均可降低血压，对小鱼的毒性较强。果皮的毒性比果壳相比要弱一点，但是毕竟是为了给人类食用，也是去掉的，最好不要吃。所以腰果皮是不能吃的。</t>
  </si>
  <si>
    <t>touch id坏了可以修吗</t>
  </si>
  <si>
    <t>可以的，但比较贵，在售后需要300多，</t>
  </si>
  <si>
    <t>首先看看你的iPhone6plus是否还在保修期之内，如果在保修期之内，这个属于硬件坏了，可以直接去售后换新机，当然如果不在保修期内，最好也送到售后维修，千万不要自己拆机，直接维修价格，直接咨询售后人员即可</t>
  </si>
  <si>
    <t>申诉放款安全吗</t>
  </si>
  <si>
    <t>不安全.</t>
  </si>
  <si>
    <t>午饭后吃苹果好吗</t>
  </si>
  <si>
    <t>水果中富含单糖类物质，他们通常在小肠吸收，但饭后他们却不易立即进入小肠而滞留于胃中；因为食物进入胃内，须经过1～2小时的消化过程，才能缓慢排出，饭后立即吃进的水果会被食物阻滞在胃内，如停留时间过长，单糖就会发酵而引起腹胀、腹泻或胃酸过多、便秘等症状。</t>
  </si>
  <si>
    <t>不好，饭后不能立即吃水果</t>
  </si>
  <si>
    <t>会使人体缺铜，吃水果宜在饭后2小时或饭前1小时、鱼，必须经过一到二小时的消化过程饭前吃好，引起冠心病、味的改变，会降低水果的营养价值，因此。无论是在餐厅，因为，使苹果的色。如果人们长期坚持这种生活习惯：过量食用水果，从而引起腹胀、伤寒。</t>
  </si>
  <si>
    <t>不好，两次饭间吃水果。</t>
  </si>
  <si>
    <t>当然好，可以在早餐时吃苹果，一天会有精神，午餐后苹果建于养生，晚餐后苹果建于消化，午餐和晚餐建议二十分钟后食用！</t>
  </si>
  <si>
    <t>饭后吃水果不会很好，因为饭后立即吃水果会被食物阻滞在胃内，如停留时间过长，单糖就会发酵而引起腹胀、腹泻或胃酸过多。</t>
  </si>
  <si>
    <t>饭后吃水果容易被先吃下的食物阻滞于胃中，出现胀气、便秘等症状，给消化带来不良影响，而且苹果中的鞣酸和蛋白质结合生成不不易消化的鞣酸蛋白质，更会是肠胃发胀。所以，饭后两个小时后再吃苹果比较好。</t>
  </si>
  <si>
    <t>鱼缸的水声对孕妇有影响吗</t>
  </si>
  <si>
    <t>会影响睡眠质量。</t>
  </si>
  <si>
    <t>有的人听着这水流声感觉自己在大自然会很开入睡，有的人一点响声都无法入睡，所以这个很难说，如果你是属于后者那么最好把鱼缸移出卧室</t>
  </si>
  <si>
    <t>好多家庭养鱼都有这种现象，只要习惯了就不会受水声的影响</t>
  </si>
  <si>
    <t>一般来说是对孩子没有影响的，注意日常的正常环境，不要存在太大的噪音，保持一个良好心态，每天适当锻炼就可以了。</t>
  </si>
  <si>
    <t>糖葫芦酸吗</t>
  </si>
  <si>
    <t>主要是山楂酸</t>
  </si>
  <si>
    <t>六味地黄丸能治失眠吗</t>
  </si>
  <si>
    <t>六味地黄丸对于失眠有一定疗效，但不能根本治愈</t>
  </si>
  <si>
    <t>由阴虚引起的阳不入阴可治</t>
  </si>
  <si>
    <t>发送的邮件可以撤回吗</t>
  </si>
  <si>
    <t>一般时候误发了邮件在对方没有阅读之前是可以进行邮件撤回的，但是一般只能是相同的邮件服务商才可以进行撤回</t>
  </si>
  <si>
    <t>大部分公司的内网邮件不能。</t>
  </si>
  <si>
    <t>大部分公司的内网邮件不能。但是163邮箱和QQ邮箱，在对方还没有阅读邮件的前提下，可以撤回。</t>
  </si>
  <si>
    <t>发给QQ邮箱的，在对方没看时可以撤回</t>
  </si>
  <si>
    <t>只有同服务商的邮件才有可能被撤回啊.而且是在收件方读取之前.</t>
  </si>
  <si>
    <t>大部分公司的内网邮件不能#不能</t>
  </si>
  <si>
    <t>可以撤销</t>
  </si>
  <si>
    <t>做小米主题赚钱吗</t>
  </si>
  <si>
    <t>做小米主题是可以赚钱的</t>
  </si>
  <si>
    <t>手机的相关服务是未来需求的最大潜力市场，是淘金的好方向目前智能机已经逐渐变成主流机型，这些机需要大量的娱乐资源和手机软件的支持及下载、服务。</t>
  </si>
  <si>
    <t>如果你做的好的话，定价合理，很多买的，小米主题设计师有专制的，一年光拿提成就超过10万，比上班赚钱多了</t>
  </si>
  <si>
    <t>这个是由您主题的下载量等情况决定的哦。</t>
  </si>
  <si>
    <t>泳裤里面要不要再穿</t>
  </si>
  <si>
    <t>游泳一般是不要穿内衣内裤的</t>
  </si>
  <si>
    <t>穿不穿内裤看个人喜欢</t>
  </si>
  <si>
    <t>不需要，穿了也得湿</t>
  </si>
  <si>
    <t>看你讲不讲卫生</t>
  </si>
  <si>
    <t>不用，泳裤里面不需要穿内裤了</t>
  </si>
  <si>
    <t>蚂蚱是不是蝗虫</t>
  </si>
  <si>
    <t>蚂蚱就是蝗虫</t>
  </si>
  <si>
    <t>蚂蚱的学名叫蝗虫。蚱蜢也是蝗虫的一种，长的样子不一样。</t>
  </si>
  <si>
    <t>蚂蚱属于蝗虫。</t>
  </si>
  <si>
    <t>不是，它只是属于蝗虫科，但并不是蝗虫。</t>
  </si>
  <si>
    <t>蚂蚱较小,蝗虫较大,蚱蜢也即是蚂蚱 。</t>
  </si>
  <si>
    <t>蝗虫包括的范围大,蚂蚱是蝗虫中的一些类群.</t>
  </si>
  <si>
    <t>感冒能喝中药</t>
  </si>
  <si>
    <t>很多中药就是治感冒的.</t>
  </si>
  <si>
    <t>一般来讲，感冒期间不宜服用人参，黄芪等滋补类中药的，具体情况建议您还是咨询一下就医的中医师。</t>
  </si>
  <si>
    <t>可以吃中药的，但是不要吃补药，感冒吃补品会把风邪关在体内。</t>
  </si>
  <si>
    <t>新股申购还冻结资金吗</t>
  </si>
  <si>
    <t>根据市值直接进行申购，无须缴款，也无需冻结资金。</t>
  </si>
  <si>
    <t>现在申购新股，不需要冻结资金了，只要有新股申购额度就可以。</t>
  </si>
  <si>
    <t>沪市冻结3个交易日,深市冻结4个交易日.</t>
  </si>
  <si>
    <t>不需要；现在新股申购以你申购日两天前（T-2）的20交易日平均市值来配售。</t>
  </si>
  <si>
    <t>新股申购后,可用资金里面就会相应减少冻结的资金。</t>
  </si>
  <si>
    <t>teamview 安全吗</t>
  </si>
  <si>
    <t>这个软件虽然ID是不变的，但是每次连接需要的密码都是变化的 ，别人不知道密码，就算你软件运行着，没密码估计也连不上。其实他就是个第三方软件，差不多可以类比为支付宝，你把钱放那，别人没你密码和安全控件取不走钱，主动控制的一方人品好的话这个软件还是比较安全的。不过技术在快速发展，搞不好哪天就有大神破了teamviewer的堡垒也是不奇怪的。＃＃还是相对安全的，建议设立一个私人密码。＃＃可以的</t>
  </si>
  <si>
    <t>只要不设置无人值守，而且不要让它随着操作系统自启动，基本还是安全的。</t>
  </si>
  <si>
    <t>不能操作了，对方要知道你teamview上的帐号和密码才行，密码是随机的</t>
  </si>
  <si>
    <t>不会啊，别人如果想控制你电脑需要密码的，并且teamviewer密码可以修改</t>
  </si>
  <si>
    <t>分两种情况：1：你只是打开teamviewer，没有对外提供密码，这个就没有任何的关系；2：你对外提供了密码，这样，别人和你安装同一版本的teamviewer就可以在你打开teamviewer的时候随后控制的你的电脑，或者偷偷从你电脑拿东西。综上，你不用的时候，就别打开软件就行。打开后，用完就关闭就行。</t>
  </si>
  <si>
    <t>绣眉显老么</t>
  </si>
  <si>
    <t>不会，因为你秀的时候会根据你的脸选择适合你的眉型，当然可能刚开使你有点不习惯。</t>
  </si>
  <si>
    <t>不会。只要选择好适合自己的眉形，比如一字眉、粗眉等比较减龄的眉形，纹出来比较漂亮</t>
  </si>
  <si>
    <t>不显老。不过整容需谨慎</t>
  </si>
  <si>
    <t>猫感冒会传染人吗</t>
  </si>
  <si>
    <t>动物感冒尽量不要去接触它：1、通过唾液传播。如患狂犬病的猫、狗，它们的唾液中含有大量的狂犬病病毒，当猫狗咬伤人时，病毒就随唾液进入体内，引发狂犬病。人畜共患病人畜共患病。2、通过粪溺传播。粪便中含有各种病菌这是众所周知的。结核病、布氏杆菌病、沙门氏菌病等的病原体，都可借粪便污染人的食品、饮水和用物而传播。大多数的寄生虫虫卵就存在粪内。钩端螺旋体病的病原是经由尿液传播的。3、有病的畜禽在流鼻涕、打喷嚏和咳嗽时，常会带出病毒或病菌，并在空气中形成有传染性的飞沫，散播疾病。4、畜禽的全身被毛和皮肤垢屑里，往往含有各种病毒、病菌、疥螨、虱子等，它们有的就是某种疾病的病原体，有的则是疾病的传播媒介。某些宠物爱好者如果不注意个人防范，任意与动物拥抱、亲吻、食同桌、寝同床，是有可能从它们身上染上共患病的。</t>
  </si>
  <si>
    <t>不会。感冒可能会有食欲下降、咳嗽、流鼻涕、呼吸加快等症状，可用宠物药感冒清治疗，有时还会伴随发烧症状，你给它测量一下体温，正常温度为37.5-39度。发烧还需要打退烧针。</t>
  </si>
  <si>
    <t>还有细菌感染</t>
  </si>
  <si>
    <t>地下城与勇士烧钱吗</t>
  </si>
  <si>
    <t>其实烧不烧钱主要还是看你想玩成什么样，以及选的什么职业。</t>
  </si>
  <si>
    <t>这个变态的游戏，金库就给你几格，放3件衣服就放不下了，所以金库要升级花钱。</t>
  </si>
  <si>
    <t>一开始起步时肯定花钱。像我这种玩了快2年，创建新号绝对不再花钱了，一身神装是用自己大号赚钱买的，没有时装照样猛</t>
  </si>
  <si>
    <t>不一定 这得看你怎么玩 如果你每天都有3H的时间玩的话 自己就能玩起来 不用花钱 如果是上班族 早出晚归的那种 估计得烧钱了。</t>
  </si>
  <si>
    <t>平民有平民的玩法。弄个节日套388元，移动和攻速上去了就是操作了，这游戏还是个以操作为主的，差距不是太大往往是操作定胜负。＃＃有头脑的人玩地下城不一定烧钱。</t>
  </si>
  <si>
    <t>烧钱 没钱跟别人PK送死</t>
  </si>
  <si>
    <t xml:space="preserve">不烧钱 </t>
  </si>
  <si>
    <t>发票章需要备案吗</t>
  </si>
  <si>
    <t>发票专用章需要到公安局备案后才能刻章。</t>
  </si>
  <si>
    <t>必须备案的</t>
  </si>
  <si>
    <t>当然需要，不备不成方圆。</t>
  </si>
  <si>
    <t>按公安机关现行对企业印章的管理规定，企业行政公章、财务专章、合同专章以及法定代表人私章均应在公安机关备案后方可刻制，对发票专用章没有强行规定，事实上也没有将发票专用章纳入备案管理，所以发票专用章是不用在公安机关备案的。但纳税人在刻制发票专用章后应及时到主管国税局进行报备。</t>
  </si>
  <si>
    <t>发 票专用章不一定要备案。比如北京的发 票专用章是必须备案的，山东的发 票专用章就不需要备案。各省规定亦一样。</t>
  </si>
  <si>
    <t>发票专用章、公章、财务章、合同章这些都需要备案，只是备案不在工商局，而是公安局。</t>
  </si>
  <si>
    <t>善存 好不好</t>
  </si>
  <si>
    <t>没有不好，就是维生素和微量元素。</t>
  </si>
  <si>
    <t>以前一直吃21金维他，但是感觉没啥用，可能是很难买到真的了。现在买了善存维佳片，活动价一百二十几块钱，150片吃五个月，价格还是很划算的。主要是效果很好，先给我妈妈买了吃，她月经不正常停好久了，吃了善存几天就好了，过了一段时间咽炎也好多了。</t>
  </si>
  <si>
    <t>没有坏处</t>
  </si>
  <si>
    <t>不好,是药三分毒,只有食物才能经常吃.</t>
  </si>
  <si>
    <t>mysql有varchar2吗</t>
  </si>
  <si>
    <t>MySQL Proxy就是这么一个中间层代理，简单的说，MySQL Proxy就是一个连接池，负责将前台应用的连接请求转发给后台的数据库，并且通过使用lua脚本，可以实现复杂的连接控制和过滤，从而实现读写分离和负载平衡。</t>
  </si>
  <si>
    <t>没有，是varchar，oracle里面是varchar2</t>
  </si>
  <si>
    <t>mysql中没有varchar2 ,只有varchar ,oracle中有varchar2</t>
  </si>
  <si>
    <t>红曲米有毒吗</t>
  </si>
  <si>
    <t>不仅无害而且有益。红曲米是中国独特的传统食品，距今已经有千年历史，早在明代药学家李时珍所著《本草纲目》中，就记载红曲可做为中医药材，认为红曲营养丰富、无毒无害、具有健脾消食、活血化淤的特殊功效。历来被视为安全性高的食品补充剂。 本世纪七十年代末，日本学者远藤章教授等人从红曲中分离出一种能降低人体血液中胆固醇的有效物质，并且命名为Monacolin-k,从此给功能性红曲有调节血脂作用提供了科学的依据。 功能性作用 众所周知，心脑血管疾病是当前威胁中老年人群生命的第一杀手，而患高血脂和高胆固醇症又是主要病因之一。 人体内积累胆固醇主要通过两大途径，外源性，指来自饮食，占1/4；内源性指自身合成占3/4，比例最大。 代谢途径表明，人体自身合成胆固醇需经过一系列代谢过程，其中关键就是羟甲基戍二酰辅酶 A（HMG-CoA)在其还原酶(HMG-CoA-R)的作用下生成甲羟戊酸,再进一步合成胆固醇。而红曲中有效成份正是HMG-CoA还原酶的竞争性抑制剂，从而就阻断了合成胆固醇的通路，起到治疗与预防心脑血管疾病的作用。</t>
  </si>
  <si>
    <t>天然发酵菌种的，当然无害，而且还有很好的益处，近年来药理学家发现，红曲入药，是一种出色的降血脂、降血压天然药物</t>
  </si>
  <si>
    <t>天然发酵菌种的，当然无害，</t>
  </si>
  <si>
    <t>红曲色素以大米经红酒曲霉发酵/提取制成，毒理试验显示10，000毫克/公斤（人类）没有中毒症状，是一种天然/安全性高的食用色素。</t>
  </si>
  <si>
    <t>新生儿黄疸会影响智力吗</t>
  </si>
  <si>
    <t>如果黄疸值过高的话对宝宝的智力会有一定影响的。</t>
  </si>
  <si>
    <t>会啊，严重的黄疸会造成脑部损伤，脑性瘫痪</t>
  </si>
  <si>
    <t>黄疸多长时间影响孩子的神经系统不好说主要是看黄疸的程度胆红素的数值。这个没有定数的，建议积极治疗，如果黄疸严重的可能会有核黄疸影响孩子神经系统的发育，可以吃点退黄药物，茵栀黄颗粒观察看看，再就是停母乳看看吃点配方乳。</t>
  </si>
  <si>
    <t>不会，不用担心。</t>
  </si>
  <si>
    <t>小宝宝有黄疸对他的智力影响是没有的</t>
  </si>
  <si>
    <t>浴霸有没有必要</t>
  </si>
  <si>
    <t>洗澡的时候，室内温度不理想就有必要装。</t>
  </si>
  <si>
    <t>天冷的时候就会发现浴霸的好处了，</t>
  </si>
  <si>
    <t>对于身强力壮的年轻人，无关紧要</t>
  </si>
  <si>
    <t>不一定，看生活需求，冬天家里人怕冷，安装一个还是不错的（冷天洗澡可以有效防止被冻感冒）。</t>
  </si>
  <si>
    <t>殷瓦钢中国能生产吗</t>
  </si>
  <si>
    <t>殷瓦合金国内肯定能生产。</t>
  </si>
  <si>
    <t>拉卡拉手机收款宝有积分吗</t>
  </si>
  <si>
    <t>信用卡刷卡是否有积分需要核实下银行积分的规定。一般刷卡购物买东西会有积分。具体积分累计规则还需要咨询您信用卡所属银行。</t>
  </si>
  <si>
    <t>信用卡刷卡是否有积分需要核实下银行积分的规定。一般刷卡购物买东西会有积分。</t>
  </si>
  <si>
    <t>湖北天马服饰能治病吗</t>
  </si>
  <si>
    <t>不知道就不要乱说，我是亲身穿过的，穿了内裤一个月，痔疮就好了！</t>
  </si>
  <si>
    <t>是可以的，但是具体调理哪些疾病还需要好好咨询客服人员详细说下病因然后搭配产品使用！</t>
  </si>
  <si>
    <t>怎么可能，都是瞎吹，市面上有很多的产品可起到保健的功能，但毕竟不能取代药品。</t>
  </si>
  <si>
    <t>天马保健服饰只是在一定程序上能够治疗或者预防相应疾病甚至是减缓疾病的概率，再说也不可能对所有人都有作用，这个还需要因每个人的不同情况、不同体质等做分析。有的人用了天马产品就好了，有的人用了之后一点用都没有。</t>
  </si>
  <si>
    <t>是的，天马服饰可以调理牛皮癣，如果只是一般的牛皮癣只需要一套甲壳素二代秋衣裤和两双二代保健袜即可，如果脑袋上、手上、大腿根处等其他地方也有牛皮癣，就需要再配上睡帽、围领、二代甲壳素内裤、甲壳素手套等，一般情况下长时间24小时穿半个月到一个月效果很明显的。</t>
  </si>
  <si>
    <t>联想g410能玩gta5吗</t>
  </si>
  <si>
    <t>建议到该游戏官网查询最低配置要求，在与电脑进行分对比，若满足即可。</t>
  </si>
  <si>
    <t>可以，最低特效绝对没问题</t>
  </si>
  <si>
    <t>最差都要9800gt.</t>
  </si>
  <si>
    <t>icloud drive要开吗</t>
  </si>
  <si>
    <t>你要是电脑、平板都是苹果的就可以开，这样都可以看到你的照片 如果只有手机的话就没必要开了，还有如果你使用的流量的话建议关掉，WIFI再使用。</t>
  </si>
  <si>
    <t>你准备好生二胎了吗</t>
  </si>
  <si>
    <t>我是会选择生两个的，能一胎生下来最好了。主要看自己的条件和打算。在我们的祖国，像我们的父母一样，生了两个的话基本上就大半辈子为孩子忙了（还取决于怎么教育，国外的话孩子一到懂事的年龄就基本独立了，父母也就解脱了） 。</t>
  </si>
  <si>
    <t>生一个有一个有好，生两个有两个的好，这里的话篇幅有限，有讨论的不多，</t>
  </si>
  <si>
    <t>个人觉得能生还是生的，没有付出哪来的回报，年轻的时候不辛苦还什么时候辛苦。</t>
  </si>
  <si>
    <t>娃是生命延续，生几个未来会不会对自己有好处，得看自己怎么带，如果娃好自己就好，如果带得不好，未来再多只会是受罪，当然还得拼人品。建议是人生苦短、及时行乐。</t>
  </si>
  <si>
    <t>新鲜莲子能发芽吗</t>
  </si>
  <si>
    <t>莲子可以种出荷花</t>
  </si>
  <si>
    <t>新鲜莲子是可以种出荷花的，但是过程并不是很容易，需要小心养护才能成功。</t>
  </si>
  <si>
    <t>可以的。我去年买的莲蓬，留了几个莲子，今年泡在水里都发芽了，正准备种在堵住眼的大花盆里。就要看到和花了，成功在即！</t>
  </si>
  <si>
    <t>不可以。拿来卖的莲蓬都不可能很老，因为是让人吃的</t>
  </si>
  <si>
    <t>如果你把它翘一个小小的孔肯定会</t>
  </si>
  <si>
    <t>不会，因为没有成熟</t>
  </si>
  <si>
    <t>实习生要买社保吗</t>
  </si>
  <si>
    <t>请注意分清实习学生与试用员工的区别。如果是学生，在未毕业拿到毕业证之前，到单位只能算实习，这期间仍是学生身份，是不用缴社保的。但是，如果是非在校学生，只要用工，试用期也应上保险的。</t>
  </si>
  <si>
    <t>一、毕业前的实习因为还算是在校生，所以不能算是与公司建立了劳动关系； 二、毕业后与公司签订了劳动合同才算是与公司建立了劳动关系； 三、劳动合同法明确规定，用人单位与劳动者建立了劳动关系就应当依法为劳动者缴纳社会保险；</t>
  </si>
  <si>
    <t>实习生公司需要交纳社会保险金。</t>
  </si>
  <si>
    <t>一、如果您是在校学生假期实习，那这个是不能买社保的。二、如果您是已经毕业了，在实习试用期，那公司就要买社保的。</t>
  </si>
  <si>
    <t>1.实习期很试用期是不一样的，实习期是在校学生的那种，也就是没有毕业，去实习，这个是可以不买的，但如果试用期的话，那么是必须买的</t>
  </si>
  <si>
    <t>按照劳动法律规定，实习期间属于劳务范畴，不受劳动法规制约，不签订劳动合同，不缴纳社会保险。</t>
  </si>
  <si>
    <t>淘宝买家给差评 卖家能申诉吗?</t>
  </si>
  <si>
    <t>收集证据，然后找淘宝客服处理</t>
  </si>
  <si>
    <t>乐视手机有otg功能吗</t>
  </si>
  <si>
    <t>支持，可以用官方的otg线实现</t>
  </si>
  <si>
    <t>支持的，我的就是这手机</t>
  </si>
  <si>
    <t>支持otg。还可以支持hdmi</t>
  </si>
  <si>
    <t>支持，乐视超级手机1硬件上支持OTG功能</t>
  </si>
  <si>
    <t>支持的，配一根OTG线就可以了</t>
  </si>
  <si>
    <t xml:space="preserve">乐2硬件上支持OTG功能，但受限于Type-C数据接口的特殊性，OTG功能相比普通智能手机显然没有那么具有实用性. </t>
  </si>
  <si>
    <t xml:space="preserve">支持的 需要自己单独购买TYPE-C +OTG线 就可有使用 </t>
  </si>
  <si>
    <t>乐视2是支持OTG的 只是使用OTG连接设备时，得购买TYPE-C +OTG线。</t>
  </si>
  <si>
    <t>乐视手机是支持otg功能的</t>
  </si>
  <si>
    <t>是有这个功能的</t>
  </si>
  <si>
    <t>乐视手机都支持OTG</t>
  </si>
  <si>
    <t>支持otg功能，不过需要你自己购买otg的转接线使用</t>
  </si>
  <si>
    <t>支持的，需要转接头和otg线就可以实现了</t>
  </si>
  <si>
    <t>支持 乐视手机都支持的</t>
  </si>
  <si>
    <t>睡觉前能运动吗</t>
  </si>
  <si>
    <t>睡觉之前不可以做剧烈运动，量力而为地做适当的运动，</t>
  </si>
  <si>
    <t>临睡前做一些如慢跑之类的轻微运动，可以促进体温升高。当慢跑后身体微微出汗时（这一运动时间因人而异，一般来讲在20－30分钟为宜），随即停止。这时，体温开始下降。当30－40分钟后睡觉时，人将很容易进入深度睡眠，从而提高睡眠质量。</t>
  </si>
  <si>
    <t>运动改善睡眠，这已是众所周知的结论，但是对临睡前运动是否影响睡眠这个问题，学术界有不同的观点。运动生理学专家、专家认为，不同阶段进行体育锻炼对睡眠的影响效果不同，下午和傍晚适度进行体育锻炼，对睡眠的改善相当明显。晚间是否适于健身要根据不同人的作息习惯，但是无论几点健身，睡觉前一小时就应该停止运动，以免影响睡眠。专家解释，人处于睡眠状态时副交感神经兴奋。人体进入睡眠需要一个准备期，运动的时候交感神经比较兴奋，需要一段时间让它逐渐安静下来，以便副交感神经进入工作状态。</t>
  </si>
  <si>
    <t>睡前运动会不会影响睡眠也不能一概而论，还要视每个人的具体情况而定，您要是长时间保持有睡前做运动的习惯而且不影响您的睡眠的话，也没必要改变。因为每个人有每个人的作息习惯，不用刻意去效仿所谓的“健康”习惯。但是如果正准备养成一种健身习惯，还是强烈建议您在睡觉前避免做剧烈运动。</t>
  </si>
  <si>
    <t>有氧运动可以，力量训练不行</t>
  </si>
  <si>
    <t>睡觉前可以做适当的运动,运动最晚别超越晚上九点,运动以微出汗为佳</t>
  </si>
  <si>
    <t>如果是体育锻炼不建议，会影响睡眠。大脑会处于兴奋状态</t>
  </si>
  <si>
    <t>可以，</t>
  </si>
  <si>
    <t>自来水还能喝吗</t>
  </si>
  <si>
    <t>煮沸后的自来水才能喝，尽管自来水的卫生质量符合国家卫生标准，但未经煮沸的自来水最好不喝，因为自来水是生活饮用水，而不是直接饮用水，这两者之间是存在巨大区别的。</t>
  </si>
  <si>
    <t>自来水中含有较多的消毒剂，最好不要直接在饮用。</t>
  </si>
  <si>
    <t>男人单身能使用情趣用品吗</t>
  </si>
  <si>
    <t>可以，但是我没用过。</t>
  </si>
  <si>
    <t>偶尔用下没事的</t>
  </si>
  <si>
    <t>wwe可以打死人吗</t>
  </si>
  <si>
    <t>没有 都是装的</t>
  </si>
  <si>
    <t>表演的时候摔角手指尖都是互相配合表演的，但也不是很多人所说的假打，有时候也会配合失误导致受伤</t>
  </si>
  <si>
    <t>WWE以前打死过人。但是从80年代以后慢慢的转变为表演性质的比赛了。</t>
  </si>
  <si>
    <t>发票抬头可以更改吗</t>
  </si>
  <si>
    <t>已经开出来的发票抬头就不能修改了。现在的处理办法只能是把发票退回去，让他们重新给你开一张正确的。他们自己再开张红冲发票。这两张票做账做在这个月，不用重新做上个月的账。也不用再纳税。只是用他两张空白发票。处理起来很简单的。至于相关法律条文这些，我就不太清楚了。</t>
  </si>
  <si>
    <t>发票的抬头开错了应该重新开具，原发票作废</t>
  </si>
  <si>
    <t>可以修改抬头，并在修改处加盖发票专用章或财务章。</t>
  </si>
  <si>
    <t>不可以，必须重开。</t>
  </si>
  <si>
    <t>还可以改</t>
  </si>
  <si>
    <t>发票抬头开错不可以直接改</t>
  </si>
  <si>
    <t>能经常洗牙吗</t>
  </si>
  <si>
    <t>不好，牙龈具有特殊的组织结构。</t>
  </si>
  <si>
    <t>当然不好了，洗牙会破坏牙釉质的，就像吸毒，它会把你的牙毁掉的，能不洗就不要洗</t>
  </si>
  <si>
    <t>不好 会导致牙的损坏</t>
  </si>
  <si>
    <t>如果牙齿有牙结石和黑色污渍，应该洗，至于多长时间洗一次，可以根据个人情况确定，建议每年1次，或者2年一次即可。</t>
  </si>
  <si>
    <t>可以，不用经常洗，1年一次就可以了。</t>
  </si>
  <si>
    <t>一年一次即可，应该算是干净，价格不会一样的，一般的地方一百元左右。</t>
  </si>
  <si>
    <t>一般建议每半年到一年洗一次牙，洗牙可以清除牙齿表面着色，帮助牙齿恢复正常光泽及颜色，去除刷牙等其他家庭口腔保健措施不能去除的牙菌斑、牙结石、预防牙病。</t>
  </si>
  <si>
    <t>绍兴文理学院学报 好不好中</t>
  </si>
  <si>
    <t>各方面肯定还是中国计量学院好些的，总体实力，规模，排名之类的。</t>
  </si>
  <si>
    <t>行车记录仪可以看到别人划车吗</t>
  </si>
  <si>
    <t>那要看你行车记录仪的视角有没有达到，另外也看刮车到时候你行车记录仪是不是还在开机运行的。</t>
  </si>
  <si>
    <t>您好，看不到的。</t>
  </si>
  <si>
    <t>这个是比较困难的，除非当时行车记录仪能录到了</t>
  </si>
  <si>
    <t>如果行车记录仪带有移动侦测的功能的话，一般有人或者车从摄像头前面经过的话，都会启动录制的。但是这类的都不一定能取证到~~</t>
  </si>
  <si>
    <t>这要看用的行车记录仪是否带有停车监控功能。</t>
  </si>
  <si>
    <t>这个一般是看不到的，车子停着的启动录像一般要两个条件：1、你开启了停车监控功能（也叫离车录制或者其他类似）。2、车辆受到振动或者有物体从镜头前经过。当然满足这两个条件，要录到别人划车的情况，必须要在摄像头可以拍到的范围。一般两侧后方是拍不到的。</t>
  </si>
  <si>
    <t>桂圆泡水需要去壳吗</t>
  </si>
  <si>
    <t>当然要去皮，剥开后放泡水。才可以把营养泡出来。</t>
  </si>
  <si>
    <t>桂圆泡水喝时可去皮也可不去皮。这个完全是看个人洗好和对桂圆功效的选择，桂圆皮在经过干制之后有生时的黄色变为黑色，经过水泡发之后也是黑色，有觉得影响食欲的可以将桂圆的皮去掉之后，用桂圆的果肉泡水，色泽黄色带有褐色，适合食用。</t>
  </si>
  <si>
    <t>肯定要扔的呀</t>
  </si>
  <si>
    <t>剥壳，吃肉</t>
  </si>
  <si>
    <t>建议去壳，除非你要壳来有特别作用，因为桂圆干带壳的都是果园果，一般都残留农药的</t>
  </si>
  <si>
    <t>桂圆就是一味滋阴养血的药，就在他的滋润力上有效成分都在肉上，外面那个外壳没有滋润力，泡了没效果。</t>
  </si>
  <si>
    <t>泰迪可以喝板蓝根吗</t>
  </si>
  <si>
    <t>可以少喂就行。</t>
  </si>
  <si>
    <t>人的感冒药（无论中药还是西药）都不合适狗狗用，一是未必对症，二是可能引发急性或慢性不良反应。</t>
  </si>
  <si>
    <t>你还是别给他瞎吃，有什么去医院看看吧！</t>
  </si>
  <si>
    <t>也不是说不可以，但是始终是人喝的。</t>
  </si>
  <si>
    <t>顺风能代收货款吗</t>
  </si>
  <si>
    <t>顺丰代收货款的服务需要满足以下条件：客户月结运费达到1000元，且签订《代收货款服务协议》；现金客户不受运费限制，与顺丰签订《代收货款服务协议》即可开通代收货款业务；如果没有签定协议顺丰是不会帮忙代收的。</t>
  </si>
  <si>
    <t>该说每个地方的操作不一样，一般按他们的流程是可以的#顺丰代收货款业务必须得签月结协议和代收货款协议#每个月运费必须达到1万元以上才可以做代收货款业务#顺丰安全可以的</t>
  </si>
  <si>
    <t>顺丰有代收货款业务，如果需要需要拨打全国统一客服电话4008111111，</t>
  </si>
  <si>
    <t>如果寄方和顺丰签了代收货款协议就可以，如果没有就不行</t>
  </si>
  <si>
    <t>可以的，在快递鸟网站申请一个账号，然后对接接口，就可以使用了。没有强制要求发货量的</t>
  </si>
  <si>
    <t>有三种方法，第一种是找快递员，但是服务费可能会高，第二种是通过快递鸟接口，第三种是在快递发发上发代收货款的快递＃＃可以的，直接跟快递员说好像就可以。</t>
  </si>
  <si>
    <t>市净率越低越好吗</t>
  </si>
  <si>
    <t>每股净资产除以股价的比率就是市净率，当然越低越安全的！如果是破产解散，没有接盘重组者，那净资产也是负数的呵呵，对于崇尚安全投资的股民有参考价值，起码不会赔太多钱，但赚钱的机率也小。</t>
  </si>
  <si>
    <t>市净率低并不代表股票好，投票投资是看行业赢利前景和投资回报的。但市净率也是重要的参照标准之一，一但行为基本面好了，就会带来好的收益的。</t>
  </si>
  <si>
    <t>是的，市盈率越低</t>
  </si>
  <si>
    <t>极光的天窗能打开吗</t>
  </si>
  <si>
    <t>不可以，是单块玻璃。</t>
  </si>
  <si>
    <t>天窗是能打开的。</t>
  </si>
  <si>
    <t>很敞亮但是打不开！</t>
  </si>
  <si>
    <t>因为是超大全景天窗所以不能打开</t>
  </si>
  <si>
    <t>五个月打胎有危险吗</t>
  </si>
  <si>
    <t>有相当的风险。</t>
  </si>
  <si>
    <t>肯定有危险。打胎会有一定的附加伤害</t>
  </si>
  <si>
    <t>不要堕胎，已经是个活生生的孩子了，而且有胎动，这时去堕胎等于杀子，果报很严重</t>
  </si>
  <si>
    <t>还是有一些危险的额，有可能是导致子宫破裂，或者是不孕的</t>
  </si>
  <si>
    <t>自然堂冰肌膜要洗吗</t>
  </si>
  <si>
    <t>不是免洗的就要洗。</t>
  </si>
  <si>
    <t>使用后在15-20分钟后洗去，停留时间越长吸收越充分效果越好。</t>
  </si>
  <si>
    <t>属于睡眠的就不用不属于就要清洗。</t>
  </si>
  <si>
    <t>需要洗掉的，里面除了精华成分还有很多增稠等不吸收堵塞皮肤毛孔的成分。</t>
  </si>
  <si>
    <t>自然堂冰肌膜要洗，不然会损伤皮肤。</t>
  </si>
  <si>
    <t>车损险每年都一样吗</t>
  </si>
  <si>
    <t>目前，保险公司车损险保额的确定是随投保时当时同款车的市场价定的，如果市场车价下降，那投保的车损险保额就应当下降。否则，你多投保的金额只能多缴钱，即使出现全损时或者被盗抢时，保险公司也要按照市场新车价减去折旧赔偿的。因此，车损险</t>
  </si>
  <si>
    <t>由于投保车损险的时的车价是按照新车购置价或者按投保时保险车辆的实际价值决定，而车辆是有折旧率的，因此车损险的实际车价每年都是有变动的。</t>
  </si>
  <si>
    <t>森海保修需要发票吗</t>
  </si>
  <si>
    <t>必须有保修的发票，如果没有保修发票，就没有办法确认是否在保修期。如果找不到保修发票，可以联系卖家，让他们出具证明</t>
  </si>
  <si>
    <t>不能再享受保修服务了，没有办法，只能收费修理，但也建议在森海的维修部维修，效果较好。</t>
  </si>
  <si>
    <t>幸福归来根据同名小说改编吗?</t>
  </si>
  <si>
    <t>《色戒》是根据张爱玲的同名小说改编的。</t>
  </si>
  <si>
    <t>电信营业厅春节放假吗</t>
  </si>
  <si>
    <t>电信营业厅一般节假日是正常上班的，您可以持本人身份证到营业厅办理业务、购买手机等。</t>
  </si>
  <si>
    <t>会轮休的，过年都是要放的，但是岗位特殊，所以会安排提前轮休</t>
  </si>
  <si>
    <t>中国电信的营业厅过年期间是有工作人员值班的。</t>
  </si>
  <si>
    <t>通信营业厅一般不会按法定节假日休假的</t>
  </si>
  <si>
    <t>一般电信营业厅春节期间只有春节一天放假，具体可以到当地营业厅咨询。</t>
  </si>
  <si>
    <t>快播可以看黄片吗</t>
  </si>
  <si>
    <t>因为快播只是点播而已,快播本身不生产电影.</t>
  </si>
  <si>
    <t>点击左上方，出现有一个雷达选项 点击，之后你就知道。</t>
  </si>
  <si>
    <t>这个是不行的，快播可以，而且看多伤身吖</t>
  </si>
  <si>
    <t>这个是骗人的，通过各种手段不断的让你充值，最后还是看不了，所以建议不要再继续充值了，那样你会损失的更多。</t>
  </si>
  <si>
    <t>可以从百度下，也可以用电脑管家下，手机的话用手机助手</t>
  </si>
  <si>
    <t>360旋转鞋柜好不好</t>
  </si>
  <si>
    <t>其优点是：在室内摆放更加方便，不锈钢的材质结实耐用，内部小格子空间规划、分类的存放鞋子物品，查找和整理更舒适便捷。</t>
  </si>
  <si>
    <t>tdlte是移动4g吗</t>
  </si>
  <si>
    <t>移动4G的网络模式是移动TD-LTE</t>
  </si>
  <si>
    <t>TD-LTE(4G)是移动4G；4G是第四代移动通信技术的简称，中国移动和4G采用了4G LTE标准中的TD-LTE。TD-LTE演示网理论峰值传输速率可以达到下行100Mbps、上行50Mbps。TD-LTE是由中国主导的4G网络标准，技术成熟，具备了大规模推广的条件，目前已正式商用。</t>
  </si>
  <si>
    <t>eco有用吗</t>
  </si>
  <si>
    <t>用处不大</t>
  </si>
  <si>
    <t>就是说eco模式在市区多红灯的情况下应该是最合理的咯，因为省油，而且反正速度也上不来。</t>
  </si>
  <si>
    <t>在高速上离加油站远又快没油情况下使用,堵车长时间龟速时可使用 其它情况用它没用</t>
  </si>
  <si>
    <t>盖伦钢铁军团可以买吗?</t>
  </si>
  <si>
    <t>能啊，129。</t>
  </si>
  <si>
    <t>简直酷炫，半价已经入手。</t>
  </si>
  <si>
    <t>不可以买。</t>
  </si>
  <si>
    <t>可以，皮肤随时可以买。</t>
  </si>
  <si>
    <t>住在三亚是否很潮湿</t>
  </si>
  <si>
    <t>不潮湿</t>
  </si>
  <si>
    <t>海南有热带与亚热带两个气候特征，空气湿润多雨，房子潮湿是不可避免的问题，但是相比较起来要好一点的还是位于北纬18°以南的热带气候区域，也就是我们熟知的大三亚板块。像是清水湾的海景住宅房就是不错的，比如碧桂园、绿城蓝湾小镇、雅居乐等，这里的房子采用的也都是防雨防潮的材质，最大限度的来保证房子的质量。其实要想房子不潮湿，最重要的还是要在天气好的时候经常性开窗通风干燥。</t>
  </si>
  <si>
    <t>三亚空气比较适合居住的，不潮湿的</t>
  </si>
  <si>
    <t>三亚的海面很开阔，海风大，不会潮湿</t>
  </si>
  <si>
    <t>中国劲酒能壮阳吗</t>
  </si>
  <si>
    <t>劲酒有可以壮阳的作用，但是也不宜多喝</t>
  </si>
  <si>
    <t>不能。酒伤肝，肝肾同源，故而伤肾。肾为先天之本，肾伤则阳损，没有壮阳的说法。通常酒鬼的孩子读比较孱弱，这与酒伤阳有很大的关系</t>
  </si>
  <si>
    <t>bad air sponge有毒吗</t>
  </si>
  <si>
    <t>可以做空气香氛剂吧，除甲醛好像是效果不怎么样，除甲醛还是建议用一些比较科学的办法，像国内知名的光触媒、埃矿炭晶这类的，至少吸附和分解原理咱们自己大概都能看懂，也有论文、专利的支撑，应该不会差</t>
  </si>
  <si>
    <t>内存2g能装win7吗</t>
  </si>
  <si>
    <t>没有问题的。</t>
  </si>
  <si>
    <t>能装，但不建议装，因为2G内存根本不够用。内存两g是可以装windows七 六十四位的。但是两g的内存比较小，运动起来会比较卡。</t>
  </si>
  <si>
    <t>2G内存的电脑可以装win7 64位操作系统，但是建议还是安装32位的WIN7或者是XP系统可以，2G内存已经不错了，没什么问题。</t>
  </si>
  <si>
    <t>五</t>
  </si>
  <si>
    <t>排卵试纸可以测出怀孕吗</t>
  </si>
  <si>
    <t>不准确的</t>
  </si>
  <si>
    <t>排卵试纸是检测排卵的,无法检测是否怀孕,可以用早孕试纸检测是否怀孕.</t>
  </si>
  <si>
    <t>检测不出来</t>
  </si>
  <si>
    <t>不能，排卵试纸是检查排卵的，不是检查是否怀孕的。</t>
  </si>
  <si>
    <t>一般是在同房15天才可以用早早孕试纸检查出来的，排卵试纸不会检测出有没有怀孕的。</t>
  </si>
  <si>
    <t>外地户口可在深圳办结婚证吗</t>
  </si>
  <si>
    <t xml:space="preserve">理论上你们拿齐证件（包括双方的身份证和双方的户口本，你的户口不在当地则拿原户口所在地的户口本或者证明），应该可以办理。 </t>
  </si>
  <si>
    <t>结婚登记只能在男女双方任一方的常住户口所在地的民政局申请办理，不能异地办理，具体手续及需要的证件、资料，当事人可以参看《婚姻登记条例》第4--7条的规定办理。</t>
  </si>
  <si>
    <t>您好！男女两人中至少要有一人持有深圳市的户口，才可以在深圳市办理结婚登记手续。如果双方的户口都不在深圳市，在深圳市是办不了结婚登记手续的。</t>
  </si>
  <si>
    <t>1.可以2.男女双方持身份证,户口本.结婚证合照.户籍地婚姻登记机关出据的&lt;婚姻状况证明&gt;,3.持居住证到深圳你住所的辖区民政局就可以办理结婚证.</t>
  </si>
  <si>
    <t>不可以，要在任何一方的户口所在地领取。</t>
  </si>
  <si>
    <t>结婚登记只能在夫妻双方任何一方的户籍所在地办理!!不可能说你有房在深圳,就可以在深圳办理的!楼上的不懂不要瞎说!</t>
  </si>
  <si>
    <t>快e融质押的股票可以交易吗</t>
  </si>
  <si>
    <t>不可以再进行交易了。</t>
  </si>
  <si>
    <t>股权质压只有都有相应的冻结期限,在冻结期内是不能交易的。</t>
  </si>
  <si>
    <t>移动能赠送流量吗</t>
  </si>
  <si>
    <t>点击“流量管家”，进入页面后。在下面的选项中，有一个“赠送和索取”。进入后，有“我要赠送和我要索取”两个选择。选择“我也赠送”，也就是要送给别人流量包。</t>
  </si>
  <si>
    <t>移动流量是可以转赠给别人的，最多可以转赠给5人。转赠需要功能费5元/月。转赠业务说明如下：＃＃不可以的，但是可以你花钱给别人办理流量包</t>
  </si>
  <si>
    <t>中国移动好像有这样的功能，不过目前只支持亲情网内的用户；赠送的流量自己要花钱的，具体情况建议咨询运营商。</t>
  </si>
  <si>
    <t>可以送人，</t>
  </si>
  <si>
    <t>可以 你给10086客服打她应该就会教你了</t>
  </si>
  <si>
    <t>可以的，现在支持转赠流量给好友，到有手续费，具体可以咨询人工客服或者，附近营业厅</t>
  </si>
  <si>
    <t>不能的#不能转给别人，但是可以开热点给别人连接，如果是距离远的话没办法了</t>
  </si>
  <si>
    <t>2016年没春吗</t>
  </si>
  <si>
    <t>2015年的立春时间是农历2014年腊月16,2016年的立春时间是农历2015年腊月二十六，</t>
  </si>
  <si>
    <t>2016年2月4日就是立春节气，按阳历总是有立春的，有的阴历年份没有立春</t>
  </si>
  <si>
    <t>极品五笔能打拼音吗</t>
  </si>
  <si>
    <t>用鼠标点一下“拼音输入”字样，就会变成“五笔字型”，再点一下就会变成“五笔拼音”。这个五笔拼音非常好用，打五笔时有不会拆的字可以不用转换任何输入法，直接在键盘上输入拼音就行了，而且你拼出字的旁边还会显示五笔的对应字根键。试试吧真的很好用我也是今年才发现的。</t>
  </si>
  <si>
    <t>现在好多五笔输入法都可以支持五笔跟拼音</t>
  </si>
  <si>
    <t>三支一扶算应届生吗</t>
  </si>
  <si>
    <t>这个具体地方应该不一样吧，我们这只有应届毕业生可以考，往届生可以报考进村进社。</t>
  </si>
  <si>
    <t>每年的三支一扶报考主要是应届毕业生，辅招前两届的毕业生</t>
  </si>
  <si>
    <t>新天龙八部需要点卡吗</t>
  </si>
  <si>
    <t>不需要，游戏免费，道具收费</t>
  </si>
  <si>
    <t>新天龙八部不需要点卡，只要有网络即可下载安装游戏。</t>
  </si>
  <si>
    <t>不是点卡收费制的，但是道具收费制的。</t>
  </si>
  <si>
    <t>不需要 天龙是道具收费 比烧点卡还贵</t>
  </si>
  <si>
    <t>不要但是 不冲钱你玩起来很垃圾的</t>
  </si>
  <si>
    <t>鸡蛋能跟豆浆一起吃吗</t>
  </si>
  <si>
    <t>煮熟的鸡蛋可以和豆浆一起吃</t>
  </si>
  <si>
    <t>准确说应该是豆浆和鸡蛋不能同煮 否则会产生一些化学反映 使营养不能充分吸收 但是 煮熟的鸡蛋和煮熟的豆浆通吃就没有关系了</t>
  </si>
  <si>
    <t>可以一起吃.前天才看了央视2台的消费节目.这两样东西一起吃不影响营养的吸收.</t>
  </si>
  <si>
    <t>可以，不过不能混在一起煮着吃，分开吃就没事，也可以同时吃，</t>
  </si>
  <si>
    <t>一起吃对身体不好。因为豆浆中含有胰蛋白酶，鸡蛋中含有黏性蛋白，一起吃的话就会跟豆浆中的胰蛋白酶结合，阻碍蛋白质的分解，进而影响蛋白质的吸收。</t>
  </si>
  <si>
    <t>鸡蛋和豆浆不要一起吃。</t>
  </si>
  <si>
    <t>可以啊，特别是早上吃，对身体好有帮助的，有营养嘛！</t>
  </si>
  <si>
    <t>豆浆和鸡蛋是可以同时吃</t>
  </si>
  <si>
    <t>豆浆能和蛋黄一起吃，两者互不相克</t>
  </si>
  <si>
    <t>一岁宝宝能吃荸荠吗</t>
  </si>
  <si>
    <t>婴幼儿最好不要吃荸荠，荸荠性寒，属于生冷食物，不适宜正处于肠胃生长发育还不健全、消化力弱的宝宝。</t>
  </si>
  <si>
    <t>婴儿吃荸荠 ,最好是等宝宝大点时再吃。</t>
  </si>
  <si>
    <t>可以煮热之后给宝宝吃，孛荠是凉性的，不要吃得太多了，以免引起腹泻。</t>
  </si>
  <si>
    <t xml:space="preserve">儿童最宜食用。 </t>
  </si>
  <si>
    <t>朝招金8196赎回是立马到账吗</t>
  </si>
  <si>
    <t>不行。24小时以后。</t>
  </si>
  <si>
    <t>8196招行赎回到账时间一般是 t+4 个交易日。</t>
  </si>
  <si>
    <t>朝招金只能在工作日9：30之后申购和赎回。</t>
  </si>
  <si>
    <t>　8196和8197赎回到账时间是根据赎回的时间段、是否全额赎回、是否快速赎回、是否在交易日操作赎回等信息有关，可在8：00-18：00，拨打95555选择“2”人工服务-“1”个人银行业务-“3”证券基金业务进入人工服务详细了解。</t>
  </si>
  <si>
    <t>羽毛球拍越轻越好吗</t>
  </si>
  <si>
    <t>这个并不是绝对的，在选购球拍时不能一味追求羽毛球拍是否轻巧，虽然手感较轻的球拍在防守以及出手上显的较为敏捷，并且长期挥动时，对手臂负担也较轻，但是应该了解一下自己是属于防守型队员还是进攻型角色，因为过于轻便的球拍，在进攻以及扣杀时，会显得力量过于弱小。</t>
  </si>
  <si>
    <t>不一定，标准的最好。</t>
  </si>
  <si>
    <t>不是的，得看人。</t>
  </si>
  <si>
    <t>不是。球拍轻，速度快，但是没力</t>
  </si>
  <si>
    <t>理论上是的，拍子重打到后面手酸，不过拍头稍微重一点的话，加速度快，杀球比较有力。</t>
  </si>
  <si>
    <t>这个完全是要看你自己的个人喜好了 有的人喜欢重的有的人喜欢轻的</t>
  </si>
  <si>
    <t>当兵武警好吗</t>
  </si>
  <si>
    <t>当然好啦，可以维护世界和平。</t>
  </si>
  <si>
    <t>当然武警</t>
  </si>
  <si>
    <t>风寒感冒能吃羊肉吗</t>
  </si>
  <si>
    <t>风寒感冒，在早晨和中午可以吃羊肉，但是晚上不可以吃羊肉，因为晚上肝需要轻松地代谢，再加上您已经感冒，需要自身的正气去抵抗外邪风寒，减轻肝脏的负担，可以很好地提高自身的正气，加快感冒痊愈。</t>
  </si>
  <si>
    <t>风寒感冒是可以吃羊肉的，羊肉可以发温，帮助病情恢复的</t>
  </si>
  <si>
    <t>最好不要吃羊肉.</t>
  </si>
  <si>
    <t>不可以吃的，很容易造成了火上加油的现象而加重感冒的病情！ ...</t>
  </si>
  <si>
    <t>风寒感冒不能吃羊肉。风热感冒、流行性感冒的时候，就不能吃那些湿热性的食物，比如狗肉、羊肉、鱼、桂圆、荔枝、胡桃、桔子及韭菜、香菜、辣椒、姜、葱、酒类等。</t>
  </si>
  <si>
    <t>藏宝阁安全吗</t>
  </si>
  <si>
    <t>安全的。只要你是通过正规渠道在藏宝阁上买的，都是安全的。</t>
  </si>
  <si>
    <t>CBG非常安全。</t>
  </si>
  <si>
    <t>香港机场有没有免费wifi</t>
  </si>
  <si>
    <t>香港机场有免费wifi</t>
  </si>
  <si>
    <t>香港依然如期推出了第一批Wi-Fi服务计划，在全城35个政府特定区域提供免费无线上网服务。日前在香港机场、香港亚洲国际博览馆等公共场所。已经可以Wi-Fi免费无线上网</t>
  </si>
  <si>
    <t>有的，叫HK AIRPORT FREE WIFI</t>
  </si>
  <si>
    <t>山东富吗</t>
  </si>
  <si>
    <t>在全国整体来说应该在前列</t>
  </si>
  <si>
    <t>沿海胶东地区还行，鲁西南差点。</t>
  </si>
  <si>
    <t>sap是不是世界500强</t>
  </si>
  <si>
    <t>SAP本身并不是500强</t>
  </si>
  <si>
    <t>当然不是了。</t>
  </si>
  <si>
    <t>恩，是500强。德国的企业。</t>
  </si>
  <si>
    <t>不是。通常所说的世界500强是指《财富》杂志评定的，按照上年企业总营业额计算。在2011年的榜单中，全球的软件企业只有微软和甲骨文两家上榜。</t>
  </si>
  <si>
    <t>现房需要网签吗</t>
  </si>
  <si>
    <t xml:space="preserve"> 必须，不管什么房子要成交都需要网签，只有网签了才会有房本，才会在建委登记 才会被承认 。</t>
  </si>
  <si>
    <t>都是需要网签的，网签了就相当于在房产局备案了。</t>
  </si>
  <si>
    <t>2012年10月以后购置的商品房必须网签，取得预售许可证后就可以网签</t>
  </si>
  <si>
    <t>hd3000能玩lol吗</t>
  </si>
  <si>
    <t>绝对能，我的显卡配置8500GT都玩得松松的，不瞒你说我只有256显存。</t>
  </si>
  <si>
    <t>还凑合，能玩</t>
  </si>
  <si>
    <t>1. Intel HD Graphics 3000集成显卡的笔记本，可以玩lol，显卡已达到最低配置要求，所以可以玩，但是需要调成最低特效。否则会卡。</t>
  </si>
  <si>
    <t>HD3000 是一般扳机的配置 。就是CPU好一点 显卡不好 打价格战。如果你CPU是I3 I5 这个你可以玩 ，不能开全特效。中等或者低足以</t>
  </si>
  <si>
    <t>不能玩lol，最低要4000＃＃可以啊，比我的都好</t>
  </si>
  <si>
    <t>可以，但是效果一般不是特别好。</t>
  </si>
  <si>
    <t>夏天用冷水洗澡好吗</t>
  </si>
  <si>
    <t>最好是不要洗冷水澡的,洗冷水澡时因水温过低，人体会感到寒冷，产生一系列应激反应，如心跳加快，血压升高，肌肉收缩，神经紧张等，不但不能消除疲劳，还易引起感冒。</t>
  </si>
  <si>
    <t>一年四季用冷水也对身体很好</t>
  </si>
  <si>
    <t>如果你一年四季都习惯了洗冷水澡，那没什么问题。如果是很炎热的天气，你一下子冲冷水澡会导致身体和大脑血管收缩后果很严重。如果天气炎热， 建议洗温水澡可以帮助降温。</t>
  </si>
  <si>
    <t>好,可以增强抵抗力</t>
  </si>
  <si>
    <t>对于大部分人来说，如果洗冷水澡的方法正确，是有利于健康的。冷水澡并非人人适宜，以下人群在洗冷水澡时就应该“悠”着点：婴幼儿及60岁以上的老人最好不要洗，女性在经期、孕期不要洗，平时水温也要避免过低；因长期持续加班或生病而导致免疫力较差的人，细菌和病毒容易趁虚而入，引起感冒、咽喉炎等疾病；对冷水敏感者也不宜洗，否则会起疹子；高血压患者洗冷水澡，会使血压升高，甚至导致脑血管出血、中风、昏迷等；心脏病患者洗冷水澡，会加重心脏负担，诱发心绞痛、急性心肌梗死甚至猝死；风湿病、坐骨神经痛患者受冷水刺激会加重局部疼痛，也不宜洗冷水澡。</t>
  </si>
  <si>
    <t>夏日要天天洗澡，许多人图省事，常洗冷水浴，也有的人是为了养生健身而洗冷水浴。冷水浴有多方面的作用，对皮肤来说，能使血管先收缩后扩张，增进血液循环效率，而增强皮肤营养，使皮下组织堆积一定量的脂肪，使皮肤外观年轻，富有弹性，不易患皮肤病。冷水浴能锻炼皮肤温觉神经感受器，消除不正常出汗。对全身而言，冷水浴能提高身体对寒冷的快速适应力，不易患因着凉而起的病，如感冒、支气管炎、扁桃体炎、肺炎及过敏性鼻炎等。冷水浴促进皮肤内脏间的血液来回循环。下列几种人不宜洗冷水澡。1（1）高血压病人：皮肤一接触冷水，血管就急剧收缩，大量血液涌回内脏，使本来就高的血压更升高。严重者可使脑血管破裂、出血、中风、昏迷甚至死亡。血压轻度增高者可洗冷水澡，但只能慢慢来，即先用冷水洒一洒，搓一搓身体的某些部位，不要一下子来个“冷处理”。)（2）坐骨神经痛、关节炎病人：神经受寒受凉后，疾病会更加剧烈。,|AC（3）对冷过敏的人：如寒冷性荨麻疹、皮肤瘙痒症患者，在疾病发作期间不要洗冷水澡。不发作时想锻炼皮肤，可行逐步降温法，即最初洗热水澡，渐改为温水澡，再步步降低水温，直到水温已相当低但又不发病为止。</t>
  </si>
  <si>
    <t>根据个人身体情况</t>
  </si>
  <si>
    <t>周末属于节假日吗</t>
  </si>
  <si>
    <t>法定节假日包括三类。第一类是全体公民放假的节日。第二类是部分公民放假的节日及纪念日。第三类是少数民族习惯的节日。周六日是公休日，不是法定节假日。</t>
  </si>
  <si>
    <t>节假日是节日和假日的合称。双休日属于假日，故也为节假日。</t>
  </si>
  <si>
    <t>公休日是指劳动者在法定节假日之外的休息时间，比如双休日（星期六、星期日）。因此，双休日不是节日，是公休放假日。</t>
  </si>
  <si>
    <t>肯定算法定节假日了，国家有明文规定，周六周日上班要负双倍薪资，节日加班要负三倍薪资。</t>
  </si>
  <si>
    <t>星期六和星期天在法律上称为休息日，不是法定节假日。</t>
  </si>
  <si>
    <t>国务院公布的〈全国年节及纪念日放假办法〉中规定：全体公民放假的假日，如果适逢星期六、星期日，应当在工作日补假。所以不算。</t>
  </si>
  <si>
    <t>周六、周日属于公休日。</t>
  </si>
  <si>
    <t>法定节假日是指：根据《全国年节及纪念日放假办法》第二条中规定(一)元旦，放假1天；(二)春节，放假3天；(三)清明节，放假1天；(四)劳动节，放假1天；(五)端午节，放假1天；(六)中秋节，放假1天；(七)国庆节，放假3天，以上是法定节假日，共计11天全年。而双休日是法定休息日，共计104天全年。</t>
  </si>
  <si>
    <t>大学有书法专业吗</t>
  </si>
  <si>
    <t>大学有书法专业。艺术类大学：中央美术学院、中国美术学院、兰亭书法艺术学院、鲁迅美术学院、南京艺术学院、山东艺术学院、山东工艺美术学院、天津美术学院、湖北美术学院、石家庄东方美术学院。综合类大学：北京大学、中国人民大学、南开大学、浙江大学、暨南大学、南京航空航天大学、西安交通大学、西安工业大学、三峡大学、河南大学。师范类大学：北京师范大学、南京师范大学、上海师范大学、山西师范大学、太原师范学院、哈尔滨师范大学、杭州师范大学、河北师范大学、鞍山师范学院、曲阜师范大学。</t>
  </si>
  <si>
    <t>所知道2015年，明确开设书法专业的国内高校：中国美术学院，天津美术学院，四川美术学院，湖北美术学院，广西艺术学院，南京艺术学院，鲁迅美术学院，山东艺术学院，吉林艺术学院，山东工艺美术学院等。</t>
  </si>
  <si>
    <t>2015年明确开设书法专业的国内高校：中国美术学院，天津美术学院，四川美术学院，湖北美术学院，广西艺术学院，南京艺术学院，鲁迅美术学院，山东艺术学院，吉林艺术学院，山东工艺美术学院。</t>
  </si>
  <si>
    <t>学校名称：中国美术学院，中央美术学院，鲁迅美术学院，天津美术学院，山东艺术学院，山东工艺美术学院，郑州美术学院，北京师范大学，南京师范大学，天津师范大学。</t>
  </si>
  <si>
    <t>最好的是央美，其次是国美。然后就是八大美院。</t>
  </si>
  <si>
    <t>发的那个志愿书上有的。</t>
  </si>
  <si>
    <t>专业美术院校16所：中央美术学院、中国美术学院 、四川美术学院、湖北美术学院、天津美术学院、河北美术学院 、广州美术学院、西安美术学院、鲁迅美术学院、南京艺术学院等。综合性大学30所：浙江大学、河南大学、四川大学、山西大学、南开大学、长安大学、三峡大学、临沂大学、聊城大学、郑州大学等。师范类大学40所：北京师范大学、河北师范大学、江苏师范大学、长春师范大学、云南师范大学、山西师范大学、上海师范大学、江西师范大学、广西师范大学、贵州师范大学等。地方学院等27所：保定学院、黑河学院、陇东学院、宜春学院、宿州学院、许昌学院、昭通学院、巢湖学院、晋中学院、德州学院等。</t>
  </si>
  <si>
    <t>黄体酮治月经不调吗</t>
  </si>
  <si>
    <t>病情分析： 黄体酮是可以治疗月经不调的</t>
  </si>
  <si>
    <t>黄体酮是激素药，不建议，月经不调有人为的因素外，还有一些是病理原因，如妇科炎症等，建议中药调理</t>
  </si>
  <si>
    <t>建议您补充营养，吃黄体酮只是临时的</t>
  </si>
  <si>
    <t>要是长时间的不来月经，由于黄体酮可以促进子宫内膜的生长，是可以使用黄体酮的，在使用药物期间，子宫内膜进一步生长，一般使用几天之后，就要停药了，这时候的宫内膜突然失去了孕激素的支持，就会发生脱落出血，出现药物性清宫的作用而起到治疗月经不调的目的。</t>
  </si>
  <si>
    <t>黄体酮是可以治疗月经失调的疾病的，对于月经推后或者闭经疾病起到治疗。而黄体酮是由卵巢黄体分泌的一种天然孕激素，在体内对雌激素激发过的子宫内膜有显著形态学影响，为维持妊娠所必需的激素药物。</t>
  </si>
  <si>
    <t>电脑版微信没有朋友圈吗</t>
  </si>
  <si>
    <t>电脑版的只有聊天信息的</t>
  </si>
  <si>
    <t>微信主要是一款手机上使用的设备，而目前的电脑版本（包括电脑客户端和电脑网页版）都只提供了基本的聊天和群聊的功能，不支持朋友圈。所以电脑微信没有朋友圈。</t>
  </si>
  <si>
    <t>唯品会上的东西好吗</t>
  </si>
  <si>
    <t>我买过很多次了，我可以凭良心说，很生气的说，差！！！假！！！</t>
  </si>
  <si>
    <t>我买了两件衣服，花了六百元，质量一点都不好。图片拍得很贴身，买的和图片相差太远了</t>
  </si>
  <si>
    <t>我挺喜欢去唯品会淘东西的，价格便宜，质量也不错</t>
  </si>
  <si>
    <t>很差！这么差的网购经验我是第一次遇到，希望也是最后一次。从下订单到现在一周的时间过去了，东西还是收不到，打电话催了两次都还是没有音信，客服服务也很差。总之就是一个垃圾网站。奉劝你别买，买了就后悔。</t>
  </si>
  <si>
    <t>最不愉快的购物经历就是在唯品会买东西，东西出现质量问题</t>
  </si>
  <si>
    <t>不好！收到就已经坏了的东西要退还还要自己出邮费，质量也很差。</t>
  </si>
  <si>
    <t>还可以的</t>
  </si>
  <si>
    <t>有的东西可以，有的还是很垃圾，跟其他网站都一样撒</t>
  </si>
  <si>
    <t>高中毕业证有用么</t>
  </si>
  <si>
    <t>高中毕业证在升学、出国留学和找工作时可以作为证明文件。</t>
  </si>
  <si>
    <t>有用，在大学考证的时候会要求填高中毕业证编号。例如：考完会计证领证书的时候就需要高中毕业证。</t>
  </si>
  <si>
    <t>如果你已经考上了正经的大学，现在在国内高中毕业证基本没有了什么作用。但是你如果还想出国留学的话，高中毕业证还有重要的作用，因为国外的很多名校特别看重你的潜质，那么高中毕业成绩有很大的参考价值。</t>
  </si>
  <si>
    <t>高中毕业证可能有一点点作用，一般是没有作用的</t>
  </si>
  <si>
    <t>1980年的粮票值钱吗</t>
  </si>
  <si>
    <t>值钱。</t>
  </si>
  <si>
    <t>粮票不值钱。</t>
  </si>
  <si>
    <t>1980年粮票现在不值钱，只有搞收藏的人需要，但是要求品相、数量等都很高，一般个人卖不上价的。</t>
  </si>
  <si>
    <t>粮票存世量巨大，不值钱，留作纪念吧</t>
  </si>
  <si>
    <t>要看是什么粮票，一般的就快把钱。海南的值钱</t>
  </si>
  <si>
    <t>值，当然值啊</t>
  </si>
  <si>
    <t>家里可以养老虎吗</t>
  </si>
  <si>
    <t>老虎是国家一级保护动物，不允许个人饲养。</t>
  </si>
  <si>
    <t>老虎不紧伤人，还吃人</t>
  </si>
  <si>
    <t>从小养的话，慢慢磨掉野性就可以，但是食肉动物而且是大型的要非常小心内心潜伏的危险因素，千万不能饿肚子，千万要和别的宠物一起养，它会模仿狗狗或者猫咪的习性，怎么养大怎么成虎，取决它有个什么样的妈妈。经常沟通情感经常喂饱，与它建立感情，就可以像国外那些家庭家里养着，然而说了这么多国内不许养。</t>
  </si>
  <si>
    <t>想养的话要具备以下几条 1 你有胆量 2 周围邻居同意 3 政府同意 4 你能搞到老虎</t>
  </si>
  <si>
    <t>途径合法的话是可以的。</t>
  </si>
  <si>
    <t>外地户口可以拍上海牌照吗</t>
  </si>
  <si>
    <t>能， 社保满3年， 长期居住证， 驾证缺一不可， 去国拍申请标书 ，参加拍牌。</t>
  </si>
  <si>
    <t>需要在上海办理居住证,上海社保要缴满时间要满3年，1年内违章不能超过5次，</t>
  </si>
  <si>
    <t>需要在上海办理居住证,时间要满一年以上</t>
  </si>
  <si>
    <t>外地户口可以参加拍卖上海牌照的。</t>
  </si>
  <si>
    <t>需要在上海办理居住证，时间要满一年以上，因为居住证可以证明是在上海长期居住和缴纳社保的，然后需要身份证，驾驶证。再来就是去买标书，参加车牌拍卖了，这个拍卖什么时候能拍到车牌是没有准确时间的，有的人拍了一两年都没有拍中过。</t>
  </si>
  <si>
    <t>外地人上上海车牌；有两种选择及上牌材料: 1、上海牌照分为郊区和市区牌照。如果要上“沪C”也就是郊区牌照，只要有上海外环以外的暂住证就可以去安亭上“沪C”。但是郊区牌照是不能进入外环以内的。2、如果上市区牌照，要有市区的暂住证，最重要的是，要有上海牌照的额度。</t>
  </si>
  <si>
    <t>男生自来卷可以烫头嘛</t>
  </si>
  <si>
    <t>向理发师咨询情况</t>
  </si>
  <si>
    <t>你的头发比较稀疏，我觉得不适合烫头发，那样的话对头发的破坏很严重的</t>
  </si>
  <si>
    <t>看头发长短和厚薄的，中长 发量适中以下都可以出来效果</t>
  </si>
  <si>
    <t>公积金交不交</t>
  </si>
  <si>
    <t>住房公积金交了划算。</t>
  </si>
  <si>
    <t>肯定交，不管买不买房，放在里面就当存款，你自己拿在手上一花也就没了。存在里面，离开该市就可以提取。万一你哪天准备买房，到时后悔不已</t>
  </si>
  <si>
    <t>这主要看你有没有购房贷款需求了，公积金的主要作用就是体现在购房贷款上，因为用公积金购房贷款的利息很低，约为正常银行货款利息的一半。如果没有购房方面的贷款需求，可以每月支取现金，如果以后有购房货款需求了，你也可以再交纳，只要连续交纳超过12个月就可以用公积金货款，只是货款额度相应的要少!</t>
  </si>
  <si>
    <t>缴存了公积金，以后买房的时候还可以申请公积金贷款，利息会比普通商业贷款便宜许多的。</t>
  </si>
  <si>
    <t>排卵期一定有白带拉丝吗</t>
  </si>
  <si>
    <t>排卵期一定会有白带拉丝</t>
  </si>
  <si>
    <t>正常的白带应该是乳白色或无色透明，略带腥味或无味;其分泌量、质地受体内雌、孕激素水平高低的影响，随月经周期而有量多量少、质稀质稠的周期性变化。一般月经期后白带量少;排卵期时白带增多，质稀、色清，外观如鸡蛋清样，能拉长丝;排卵期后，白带质地稠厚，色乳白，延展性变差，拉丝易断。</t>
  </si>
  <si>
    <t>排卵期不一定出现白带拉丝</t>
  </si>
  <si>
    <t>dha孕妇吃了有用吗</t>
  </si>
  <si>
    <t>准妈妈提前补充DHA，不仅对胎儿大脑发育有重要影响，而且对视网膜光感细胞的成熟有重要作用。</t>
  </si>
  <si>
    <t>你好，DHA是神经系统细胞生长及维持的一种主要元素，是大脑和视网膜的重要构成成分，在人体大脑皮层中含量高达20%，在眼睛视网膜中所占比例最大，约占50%，因此，对胎婴儿智力和视力发育至关重要。 在鱼类的食物中也是含有的，所以经常吃些鱼类也有补充的作用，并不是非吃不可。</t>
  </si>
  <si>
    <t>如果明确了DHA的来源是鱼油中提取，请不要食用。鱼油中提取DHA，必含EPA，EPA会促使孩子早熟。如果想补充DHA，一是食补，比如核桃、蛋黄；二是购买海藻中提取的DHA，如马泰克海藻DHA。</t>
  </si>
  <si>
    <t>DHA，二十二碳六烯酸，俗称脑黄金，是一种对人体非常重要的多不饱和脂肪酸，属于Omega-3不饱和脂肪酸家族中的重要成员。DHA是神经系统细胞生长及维持的一种主要元素，是大脑和视网膜的重要构成成分，在人体大脑皮层中含量高达20%，在眼睛视网膜中所占比例最大,约占50%，对胎婴儿智力和视力发育至关重要</t>
  </si>
  <si>
    <t>DHA属于长链多不饱和脂肪酸中的一种，同蛋白质、氨基酸一样，是人类健康不可缺少的营养要素之一。</t>
  </si>
  <si>
    <t>dnf制裁72小时能用1小时替代吗</t>
  </si>
  <si>
    <t>可以多区登录，一个账号在两个区登录，36小时就可以出狱，如果要达到你说的一个小时，你可能需要在72个区同时登录，嗯 就是这样~</t>
  </si>
  <si>
    <t>老老实实挂机吧，别搞这些不实在的问题</t>
  </si>
  <si>
    <t>大秦帝国第一部好看吗</t>
  </si>
  <si>
    <t>第一部好看。是很厉害的一个导演，画面壮阔，浩大，雄伟，很有历史的真实性，各方面都比第二部要好</t>
  </si>
  <si>
    <t>第一部的大秦帝国很好看，演员演得很好。</t>
  </si>
  <si>
    <t>韩国适合自由行吗</t>
  </si>
  <si>
    <t>暂时不行。</t>
  </si>
  <si>
    <t>硬盘可以不分区吗</t>
  </si>
  <si>
    <t>不分盘的话在速度上没什么影响,只是对于日常的一些操作和管理上不是很方便!但是你习惯了应该也没什么不便了,但是还是主张分区</t>
  </si>
  <si>
    <t>分区吧 便于管理 而且碎片能少点 运行速度能快点！！不分区的快 你备份或者重装系统都不好弄！！</t>
  </si>
  <si>
    <t>务必要分区的，系统和平时的文档如果在一个区的话，要是系统有问题，那就很麻烦了</t>
  </si>
  <si>
    <t>当然可以不分区了，根据自己需要，看你拿来装什么了。比如装高清的话，那就单分区足矣；如果是单位要用或者装一些零散小文件的话（比如照片、文档一类的）可以用分区也可以用文件夹进行分类管理，检索上会方便些。当然你不怕乱的话，都放在根目录下也不是不可以。</t>
  </si>
  <si>
    <t>真的有龙吗</t>
  </si>
  <si>
    <t>龙是存在的。。按照那些所谓的科学家的说法。</t>
  </si>
  <si>
    <t>骗人的啦！！！凡事都要有证据的嘛！</t>
  </si>
  <si>
    <t>龙乃灵物,信则有,不信,则没有.</t>
  </si>
  <si>
    <t>龙，蛟类，它一直是个传说</t>
  </si>
  <si>
    <t>有,(叶公好龙)佛教的天龙八部就有龙.</t>
  </si>
  <si>
    <t>有，十二生肖中十一个都是真正存在的，那为什么偏偏要把一个不存在的东西加入十二生肖中呢？世界上没有空穴来风的事情，凡事都有依据，你可以多看看野史，相信里面一定有关于龙的事情。</t>
  </si>
  <si>
    <t>当然有龙，龙是畜生道众生里的一种</t>
  </si>
  <si>
    <t>汉兰达有倒车雷达吗</t>
  </si>
  <si>
    <t>有的有倒车雷达，有的有可视倒车影像，有的都有，有的什么都没有。根据个人使用体会，有雷达更好一些。</t>
  </si>
  <si>
    <t>可以自己加装</t>
  </si>
  <si>
    <t>苏宁易购买手机是正品吗</t>
  </si>
  <si>
    <t>苏宁易购分为pop跟自营，自营的商品一般都会有保障，pop的商品由不同的商家直接发货，苏宁作为平台，无法做到一一监管，所售商品不能完全保证是正品！</t>
  </si>
  <si>
    <t>肯定是正品.但是质量不咋地.</t>
  </si>
  <si>
    <t>所有网上卖的都有正品，也有赝品，你找个评价好的去买</t>
  </si>
  <si>
    <t>一般是行货，买到假货的可能性不大。</t>
  </si>
  <si>
    <t>是的，全是正品行货。</t>
  </si>
  <si>
    <t>电子产品基本没问题，你看好是不是自营的，买自营的</t>
  </si>
  <si>
    <t>现在难说，买的时候要自己检查。</t>
  </si>
  <si>
    <t>肯德基好吃吗</t>
  </si>
  <si>
    <t>肯德基和麦当劳最大的区别就是没有区别了，有肯德基的地方就有麦当劳，每天一开张，两边的员工眼睛都带着血丝瞅着对方，其实要说吃呢，还是肯德基吧</t>
  </si>
  <si>
    <t>肯德基在中国推出的时候还为中国人的口味做过适当的调整，所以较适应中国人的口味，但麦当劳却没有，这也就是为什么肯德基里面生意比麦当劳好的原因，不过这二种都是垃圾食品，最好不要吃得太多！</t>
  </si>
  <si>
    <t>早先肯德基和麦当劳在产品定位上存在很大的差异，麦当劳以汉堡为主打产品，较为适合欧美人（这从美国食品业界研究机构对2002年和2003年全美快餐销售额和餐厅数量的统计可以看到，连续两年排在前三位分别是麦当劳、汉堡王和温迪，而它们都是以汉堡为主打产品的快餐连锁集团）。而肯德基以鸡肉类的产品为主，与麦当劳相比更适合于亚洲人尤其是中国人的口味，因此更容易为中国消费者接受。近年来麦当劳虽也强力推出与肯德基类似的“麦辣鸡”、“鸡腿汉堡”，然而肯德基六十年烹鸡经验无法在短期复制，其“烹鸡专家”的形象更是无从模仿。比口味比感觉的餐饮市场，产品的细微差异就很大程度上使麦当劳处于不利的竞争位置。 在产品的本土化上，肯德基更是不遗余力地满足中国消费者的不同需求。从20世纪90年代中期起，肯德基就决意要为中国人打造一个合乎中国人需求的品牌。 我们在研究肯德基与麦当劳的过程中还发现了这样一个事实，虽然这两家彼此都视对方为最重要、最直接的竞争对手，但也都在中国市场都取得了不俗的成绩。他们没有陷入同质化进而互打价格战的恶性竞争中去，却各以各的方式提升自己的竞争力，竞争的结果是实现了双赢。这也许更值得中国本土企业思考和借鉴。</t>
  </si>
  <si>
    <t>在北京生活压力大吗</t>
  </si>
  <si>
    <t>在北京生活压力真的挺大的，你这里的压力可以简单地概括为物质压力与精神压力。</t>
  </si>
  <si>
    <t>对于像我这样的平民百姓来说，北京的生活压力确实挺大的，一个月的新水里，租房占了大部分剩下的钱还得生活。</t>
  </si>
  <si>
    <t>在北京有近6年了。从一开始就觉得北京生活压力太大。</t>
  </si>
  <si>
    <t>北京压力并不大，城区5000的月工资就可以，近郊会更少，在北京本科以上很轻松就能找到3000左右的工作。</t>
  </si>
  <si>
    <t>压力超级大，物价高、交通拥挤、竞争激烈。工资水平高有高的生活，低有低的生活</t>
  </si>
  <si>
    <t>不是生活压力很大，实在北京活下去压力太大！</t>
  </si>
  <si>
    <t>2016熊猫金银币还有卖的吗</t>
  </si>
  <si>
    <t>各大银行也有销售熊猫金银币，您可以去柜台咨询，看看价格。</t>
  </si>
  <si>
    <t>2016年熊猫金银币发行量大，无需抢购，所以不要着急。一般在银行网点和中国金币总公司各地经销商都可以预定。</t>
  </si>
  <si>
    <t>有，2016熊猫币是回用克位计量的熊猫币。</t>
  </si>
  <si>
    <t>linux比windows快吗</t>
  </si>
  <si>
    <t>，ubuntu对CPU的使用比windows更加优秀，尤其是多任务的时候。我的是P7450，在windows上解码的时候双核全部99%，而ubuntu上一个是80%多，一个只有百分之十几</t>
  </si>
  <si>
    <t>答案是肯定的：LINUX操作系统，这是因为windows 系统占用了太多资源，而linux所有的东西是开源的，执行某项程序，直接有内核控制，而windows 系统则要从内核中调取指令，在从资源管理器中调动资源。</t>
  </si>
  <si>
    <t>蓝莓宝宝可以吃吗</t>
  </si>
  <si>
    <t>蓝莓营养很丰富，被称为水果皇后，宝宝四个月添加辅食肠胃逐渐适应后就可以吃点蓝莓了，宝宝还小你可以给宝宝喝点蓝莓汁，把蓝莓放入干净的碗中，用小勺背挤压其汁，加少量的温开水，即可哺食，不需加热。</t>
  </si>
  <si>
    <t>可以呢，弄碎了给他吃</t>
  </si>
  <si>
    <t>蓝莓营养丰富，可以给婴幼儿吃，8个月以上可以。没有咀嚼能力的宝宝要磨成泥吃。但不能多吃，蓝莓性寒。每天最多吃5个</t>
  </si>
  <si>
    <t>蓝莓对宝宝的眼睛发育有好处，宝宝可以适当吃一些</t>
  </si>
  <si>
    <t>我很丑 温柔还有用吗</t>
  </si>
  <si>
    <t xml:space="preserve"> 相貌不是特别重要，只要你内心善良，你就是最美的女孩。</t>
  </si>
  <si>
    <t>聚富吧挖矿是真的吗</t>
  </si>
  <si>
    <t>一般说挂机给钱的都是骗人的＃＃突然间出现了这么大量的问答啊！</t>
  </si>
  <si>
    <t>这个可以真正的赚钱，不用投资，邀请好友就赚钱，具体看图</t>
  </si>
  <si>
    <t>你这个项目我没听说过，我有其他的，一起交流一下？</t>
  </si>
  <si>
    <t>包皮过长有必要切吗</t>
  </si>
  <si>
    <t>绝大多数情况下不需要去做手术</t>
  </si>
  <si>
    <t>十分长的需要切.不然容易积污垢</t>
  </si>
  <si>
    <t>男性包皮过长一般情况下不仅会影响到正常性生活，还会导致自己和伴侣出现疾病，如果不及时做包皮切割手术的话，细菌容易出现反复感染，并且难以好转，建议还是做比较好</t>
  </si>
  <si>
    <t xml:space="preserve"> 包皮是否需要切，就看包皮能不能上翻，如果能翻上去，又不会把冠状沟卡得太紧，包皮和龟头上又没有炎症的情况下，一般来说可以先不切，如果要是不能翻上去，或者翻上去以后包皮口比较紧，牢牢的卡住了龟头，那么那就需要做手术进行治疗。 </t>
  </si>
  <si>
    <t>对于男性来说，包皮过长会直接影响到男性健康，而且对也会对男性的正常性生活产生影响。</t>
  </si>
  <si>
    <t>孕妇能吃三七吗</t>
  </si>
  <si>
    <t>孕妇是绝对不能吃三七的!，三七是活血化瘀的,虽然伤气耗血的作用微弱,但也会影响胎儿,孕妇是绝不能吃活血的要的,除非要打胎。</t>
  </si>
  <si>
    <t>三七孕妇忌用！</t>
  </si>
  <si>
    <t>孕妇是不能吃三七，和不能吃药一个意思，但产后可以吃，有补血的作用。</t>
  </si>
  <si>
    <t>妇是不能吃三七粉的，还有就是女性朋友来例假的时候也不能吃。</t>
  </si>
  <si>
    <t>女性在怀孕期间，是不能用三七粉泡水喝的，因为三七粉泡水喝是活血化瘀的，但是可以用来炖乌鸡，熟吃的三七就变成补血的了，对孕妇是有好处的。</t>
  </si>
  <si>
    <t>路由器算固定资产吗</t>
  </si>
  <si>
    <t>办公桌、椅子多的话可以入为一套固定资产，其他入低值易耗品就可以。</t>
  </si>
  <si>
    <t>至于路由器，如果花了几千块钱买的，也可以入固定资产，每月计提折旧计入当期费用，如果花的钱不多，也就几百块钱，直接入进当期费用就行。</t>
  </si>
  <si>
    <t>首先，看看购入金额有没有大于2000元（不含税价），其次，看使用寿命，如果大于2000那就是固定资产。</t>
  </si>
  <si>
    <t>如果是类似于无线路由器之类的东西，就是固定资产！</t>
  </si>
  <si>
    <t>不能，价值太低了，记低值易耗品或直接进费用</t>
  </si>
  <si>
    <t>一般情况下建议你走费用，如果价值较高的专业路由器，可以计入固定资产，3年计提完折旧。</t>
  </si>
  <si>
    <t>这个应该按照低值易耗品来计算的。</t>
  </si>
  <si>
    <t>卡牛里面的爱钱进借啊 可以借到款吗</t>
  </si>
  <si>
    <t>借不到</t>
  </si>
  <si>
    <t>有一定几率</t>
  </si>
  <si>
    <t>金农币是不是传销</t>
  </si>
  <si>
    <t>是假的 不建议从事 我这边有真的</t>
  </si>
  <si>
    <t>天上不会掉馅饼</t>
  </si>
  <si>
    <t>百度财富值可以换钱吗</t>
  </si>
  <si>
    <t>不能换钱，可以在财富商城换礼品</t>
  </si>
  <si>
    <t>财富值不能兑换现金，但可以在财富商城里兑换话费，手表等礼品。</t>
  </si>
  <si>
    <t>银行工资流水单能ps吗</t>
  </si>
  <si>
    <t>银行工资流水单可以做</t>
  </si>
  <si>
    <t>逆战混沌值得买吗</t>
  </si>
  <si>
    <t>有巴雷特原子力量，就不要再买混沌了，原子力量和混沌属性差不多，都是重狙大炮，如果有收藏控收藏也可以，土豪玩家可以无视</t>
  </si>
  <si>
    <t>netservice可以删除吗</t>
  </si>
  <si>
    <t>安装过了就可以删了。</t>
  </si>
  <si>
    <t>最好不要，很多程序的运行需要它支持的</t>
  </si>
  <si>
    <t>社保个人买划算吗</t>
  </si>
  <si>
    <t>单纯从缴费角度来看有点不合算，因为有单位，社保的全额单位负担2/3，个人负担1/3。没有单位个人缴费，社保费用全额自己负担。 从老有所养的角度，花钱给自己买一份老来的生活保障还是值得的。</t>
  </si>
  <si>
    <t>从长远看是划算的，尤其是在北广深一线城市，买房买车、小孩上学、入户等等都跟社保挂钩。</t>
  </si>
  <si>
    <t>有祛斑成功的吗</t>
  </si>
  <si>
    <t>我成功是吃渼太璎子给去了的。</t>
  </si>
  <si>
    <t>有，雀斑跟了我19年，今年终于去掉了</t>
  </si>
  <si>
    <t>我就是啊，我是遗传妈妈的雀斑</t>
  </si>
  <si>
    <t>办了港澳通行证 就可以去香港了吗</t>
  </si>
  <si>
    <t>拿到就可以去了。</t>
  </si>
  <si>
    <t>只要带港澳通行证和身份证就能去香港旅游。</t>
  </si>
  <si>
    <t>有了《往来理港澳通行证》就可以在有效期内进出香港和澳门。</t>
  </si>
  <si>
    <t>已经持有《港澳通行证》，同时，《港澳通行证》内有有效的赴香港的签注，那么，可以直接持《港澳通行证》前往深圳口岸过关，然后入境香港。</t>
  </si>
  <si>
    <t>如果你已经持有《港澳通行证》，同时，《港澳通行证》内有有效的赴香港的签注</t>
  </si>
  <si>
    <t>英雄联盟符文被融了能找回吗</t>
  </si>
  <si>
    <t>不能恢复的。</t>
  </si>
  <si>
    <t>符文被融是不可以恢复的.</t>
  </si>
  <si>
    <t>是的，可以找回</t>
  </si>
  <si>
    <t>应该不能哦</t>
  </si>
  <si>
    <t>符文被融后就没有了！消失在火海里了！请慎重!</t>
  </si>
  <si>
    <t>不能恢复</t>
  </si>
  <si>
    <t>一贫是不是李逍遥</t>
  </si>
  <si>
    <t>一贫当然是李逍遥</t>
  </si>
  <si>
    <t>香水可不可以带上飞机</t>
  </si>
  <si>
    <t>香水是可以带上飞机的，不过只是可以少量携带，可以分装到一些小瓶子用透明塑料袋包好带上飞机，可是不能整瓶带上去，一定要带的话可以考虑行李托运。</t>
  </si>
  <si>
    <t>上飞机不能随身带的物品按照新规定是：旅客一律禁止随身携带液态物品,但可办理托运。登机前请将液态物品如洗发水、牙膏、化妆品等放入托运行李。液态物品包括：所有液体、浆状、膏状、凝胶及喷雾类物品。例如矿泉水、饮料、汤及糖浆、乳霜、护肤液、护肤油、香水、剃须泡沫及香体喷雾、牙膏、隐形眼镜药水、头发定型及沐浴用的凝胶产品等。</t>
  </si>
  <si>
    <t>可以带的！旅客可以携带任何固体化妆品登机，因此一般唇膏及香体膏也可以。</t>
  </si>
  <si>
    <t>应该是可以的，没有超过量，</t>
  </si>
  <si>
    <t>在去外地的飞机不能带香水</t>
  </si>
  <si>
    <t>不能，化妆品，以及香水之类的都不可以随身携带，只能办理托运，容量大的就更不要说能过关了</t>
  </si>
  <si>
    <t>一般情况下是不可以的。现在无论是国内还是国外航班都有规定，总量超过100ML的液体是不能通过安检的，也就是不能带上飞机，只能托运。</t>
  </si>
  <si>
    <t>应该可以 液体只要不超过100ml</t>
  </si>
  <si>
    <t>解除合同必须书面吗</t>
  </si>
  <si>
    <t xml:space="preserve">必须书面通知 </t>
  </si>
  <si>
    <t>解除合同必须采取书面形式</t>
  </si>
  <si>
    <t>公司解除合同，应向员工出具书面的通知</t>
  </si>
  <si>
    <t>要提前通知，但没要求书面</t>
  </si>
  <si>
    <t>必须以书面形式作出。</t>
  </si>
  <si>
    <t>艾滋病窗口期一定有症状吗</t>
  </si>
  <si>
    <t>艾滋病感染分为急性期、无症状期和艾滋病期。（一）急性期：通常发生在初次感染HIV后2-4周左右。临床主要表现为发热、咽痛、盗汗、恶心、呕吐、腹泻、皮疹、关节痛、淋巴结肿大及神经系统症状。多数患者临床症状轻微，持续1-3周后缓解。（二）无症状期 此期持续时间一般为6-8年。</t>
  </si>
  <si>
    <t>有的人少，一般都不会有什么症状，高危6周后检查一下就知道了</t>
  </si>
  <si>
    <t>有相当一部分人在感染HIV病毒后，可以在长达十年之内没有任何明显症状。但其血液、精液里还是含有病毒。期间如果发生危险性活动，将会把病毒传染给性伴。所以没有症状不一定没有受过感染。</t>
  </si>
  <si>
    <t>不是，也有一部分人没有任何症状</t>
  </si>
  <si>
    <t>有的人艾滋病初期症状会表现为像感冒一样，当然也有的人完全没有症状的，自己对感染了艾滋病没有觉察。</t>
  </si>
  <si>
    <t>招行月开鑫1号保本吗</t>
  </si>
  <si>
    <t>挺好。</t>
  </si>
  <si>
    <t>月开鑫1号是不保本的基金，也就是说收益会进行波动的。</t>
  </si>
  <si>
    <t>每天都在跌，感觉坑大了。</t>
  </si>
  <si>
    <t>这个产品是看净值的，净值上涨是盈利的，净值下跌是亏损的。月开鑫类似于净值型基金，也就是在赎回时根据赎回当日的净值来计算赎回金额，用赎回金额减去购买金额即是最终收益。</t>
  </si>
  <si>
    <t>西班牙香奈儿便宜吗</t>
  </si>
  <si>
    <t>有购买的必要。Chanel在国外买的比国内便宜。而且买的多还会赠送小样和免税。在上海一支Chanel口红259，而我在日本买的才200出头。</t>
  </si>
  <si>
    <t>聚生网管收费吗</t>
  </si>
  <si>
    <t>哺乳期可以吃黄体酮吗</t>
  </si>
  <si>
    <t>您说的这种情况，在哺乳期使用黄体酮也是可以的，没有什么副作用。在孕期还可以正常使用，不要担心</t>
  </si>
  <si>
    <t>这个药物对宝宝没有什么影响的.可以使用这个药物止血.多注意观察.</t>
  </si>
  <si>
    <t>暂时停两三天。等孕酮片的代谢物排出体外后再喂奶。但要记得每天把奶挤出来。</t>
  </si>
  <si>
    <t>注册造价工程师会取消吗</t>
  </si>
  <si>
    <t>　造价工程师不会取消，目前造价工程师仍然是稀缺。</t>
  </si>
  <si>
    <t>造价工程师并没有取消，取消的是造价员。</t>
  </si>
  <si>
    <t>造价工程师没有取消</t>
  </si>
  <si>
    <t>聚酯纤维是海绵吗</t>
  </si>
  <si>
    <t>完全不一样，是两种不同材料制成的，但源头是来自于石油。</t>
  </si>
  <si>
    <t>2015年晚婚假一定要在2016年前休完么?</t>
  </si>
  <si>
    <t>2016年已经没有晚婚假了，而且还比正常的婚假要短</t>
  </si>
  <si>
    <t>新生儿臂丛神经损伤能治好吗</t>
  </si>
  <si>
    <t>这个需要看损伤严重的程度的，如果单纯是牵拉伤的话慢慢是可以恢复的，但是如果是断裂的话就需要手术的，因为神经的损伤是不可以再生的。</t>
  </si>
  <si>
    <t>新生儿臂丛神经损伤能治好</t>
  </si>
  <si>
    <t>臂丛神经损伤比较轻，一般情况下三至六个月内可以恢复的，建议应用神经营养药物，局部被动活动康复练习观察。</t>
  </si>
  <si>
    <t>这个没有太特殊的治疗方法,只能是康复治疗一段时间观察看看,一般是轻的都可以自己恢复.</t>
  </si>
  <si>
    <t>清吧赚钱吗</t>
  </si>
  <si>
    <t>应该不是很赚钱,投资还大</t>
  </si>
  <si>
    <t>神武破体式好不好</t>
  </si>
  <si>
    <t>破体式好用</t>
  </si>
  <si>
    <t>FC的话其实都不能用 破体这种可以无视。</t>
  </si>
  <si>
    <t>郑容和会中文吗</t>
  </si>
  <si>
    <t>懂一点</t>
  </si>
  <si>
    <t>郑龙华不会</t>
  </si>
  <si>
    <t>月经期间能喝姜汁红糖吗</t>
  </si>
  <si>
    <t>月经期间可以喝姜汁红糖水的。</t>
  </si>
  <si>
    <t>红糖水最好是月经后或者前喝。</t>
  </si>
  <si>
    <t>一、经期受寒腹痛、月经来时易感冒的人，服用姜汤红糖水是有好处的，也是可以祛寒的。二、女性因受寒、瘀血所致的行经不利、痛经、月经暗红兼腹冷痛等症，喝些红糖水常能起到治疗和缓解作用。三、每一个不同的女性，有自己不同的经期，经期能不能喝姜汤，就需要判断自己是不是宫寒，宫寒可以喝姜汤，宫寒来月经前有明显的腹痛，有手脚发凉的感觉，可以服用姜汤来缓解症状。</t>
  </si>
  <si>
    <t>可以,但是对体质生热的女性不宜多喝</t>
  </si>
  <si>
    <t>体质虚寒的女性可以喝红糖姜茶，体质生热的女性不可以喝。</t>
  </si>
  <si>
    <t>姜水和红糖水都是温性的，可以调节月经期痛经的。尤其是痛经者，不但能缓解痛经还可以补血的，可以预防贫血。但是也不要喝得过多。红糖姜水对妇女月经有顺畅作用，是因为红糖姜水可以让身体温暖，增加能量，活络气血，加快血液循环，所以月经也会排得较为顺畅。红糖姜水具有补气益血的功效，如果经后感觉精神差，气色不好，可以每天喝一杯红糖姜水，有很好的改善作用。</t>
  </si>
  <si>
    <t>女人月经期间可以适当喝红糖姜水的，不建议多喝，避免月经量过多。</t>
  </si>
  <si>
    <t>苏州是不是副省级城市</t>
  </si>
  <si>
    <t>苏州市还不是副省级城市</t>
  </si>
  <si>
    <t>不是的。只有省的首府市才是副省级</t>
  </si>
  <si>
    <t>因为当时定下的副省级城市没有苏州。不能。南京的大吧。副省级有前途。副省级城市是早就定好的计划单列市，苏州是算不上。</t>
  </si>
  <si>
    <t>苏州毕竟是地级市，经济再发达，在城市规模上页不能和广州，重庆，深圳这些地方比的。苏州是个典型的工厂城市，在旅游方面没杭州做的好，我在苏州待了6年了已经，确切了一点：苏州还是中等城市。</t>
  </si>
  <si>
    <t>苏州是地级市。</t>
  </si>
  <si>
    <t>贴瓷砖可以不留缝吗</t>
  </si>
  <si>
    <t>瓷砖铺贴必须要留缝</t>
  </si>
  <si>
    <t>贴地板砖必须留缝的</t>
  </si>
  <si>
    <t>贴瓷砖要留缝，一般瓷砖都会有冷热涨缩不均衡的现象的，所以你请师傅铺贴的时候要留一些缝隙的；要注意一定的延展性的；填缝剂是一种有韧性的、强度较低的柔性产品，弥补了瓷砖热胀冷缩的膨胀系数，可在一定程度上避免空鼓、开裂。另外，铺设瓷砖时，要让瓦工尽量将瓷砖地板铺设平整。</t>
  </si>
  <si>
    <t>瓷砖铺贴必须需要留缝，是基本的常识</t>
  </si>
  <si>
    <t>建议要留缝，瓷砖在铺贴的时候进行留缝处理，无论瓷砖是属于“无缝砖”还是“圆边砖”铺贴的时候都需要留缝处理！</t>
  </si>
  <si>
    <t>淘宝要不要刷单</t>
  </si>
  <si>
    <t>不要刷单，刷单有销量也是假的，现在淘宝是不显示销量了的，也不是真实的顾客，而且被淘宝促到了，是要封铺的。</t>
  </si>
  <si>
    <t>孕早期能吃海鲜吗</t>
  </si>
  <si>
    <t>孕妇吃海鲜是有忌讳的。</t>
  </si>
  <si>
    <t>妊娠期不能吃有堕胎作用的水产品。许多水产品有活血软坚作用，食用后对早期妊娠会造成出血、流产之弊。如螃蟹、甲鱼、鳖甲(即甲鱼壳)、海带等</t>
  </si>
  <si>
    <t>准妈妈在孕期还是可以吃海鲜的，比如富含蛋白质和钙质的虾类和鱼类。但是并不是所有的海鲜都能吃，像鳖类、蟹类都应避免食用。</t>
  </si>
  <si>
    <t>因为海鲜的含汞量越来越高,孕妇和哺乳期妇女如果常吃海鲜(指每周4次以上,每次100克以上,会影响胎儿和新生儿的神经系统发育,而且某些症状要到孩子7岁甚至是14岁以后才出现。专家们认为,孕妇和哺乳期妇女应少吃海鲜</t>
  </si>
  <si>
    <t>公文附件加书名号吗</t>
  </si>
  <si>
    <t>不用加书名号，但是要是正式文件都有发文字号的</t>
  </si>
  <si>
    <t>公文末尾注明有哪些附件时，附件的名称是不用书名号的</t>
  </si>
  <si>
    <t>公文正文中提及附件时，附件名称要加书名号。</t>
  </si>
  <si>
    <t>需要加书名号</t>
  </si>
  <si>
    <t>加上吧 试卷试题上的文件都加了</t>
  </si>
  <si>
    <t>如果附件是一般说明性材料，不加书名号。如果是正式文件，应加书名号。</t>
  </si>
  <si>
    <t>国家行政公文处理办法8.2.4 附件规定：公文如有附件，在正文下空1行左空2字用3号仿宋体字标识“附件”，后标全角冒号和名称。附件如有序号使用阿拉伯数码（如“附件：1．×××××”）；附件名称后不加标点符号。所以，如果原文件名中有符号的保留，没有的不加。</t>
  </si>
  <si>
    <t>现金宝有风险吗</t>
  </si>
  <si>
    <t>货币基金投资存在一定的风险，但是相对于其他投资方式而言，风险还是比较小的。</t>
  </si>
  <si>
    <t>风险不大，现金宝是天天盈公司创立的产品，现金宝就是一个货币基金，把钱投入那里，就会有货币基金的收益，不会赔。</t>
  </si>
  <si>
    <t>互联网金融平台是否安全无法预判，现在监管加强，只要开立平台就都是正规的，而风险主要来源于后期运营过程，这是无法预判的</t>
  </si>
  <si>
    <t>他的分类属于货币基金，贵金属本来就是风险很高的，高风险高收益</t>
  </si>
  <si>
    <t>如果订婚男防解除婚约女方要返还礼金吗</t>
  </si>
  <si>
    <t>如果男方先开口说解除婚约，那之前的彩礼钱女方是不返还的。</t>
  </si>
  <si>
    <t>这种礼节是根据当地的风俗传统定的。</t>
  </si>
  <si>
    <t>双方只是订婚而没有办理结婚登记手续的，男方可要求女方退还彩礼。根据《婚姻法》解释二，第十条，当事人请求返还按照习俗给付的彩礼的，如果查明属于以下情形，人民法院应当予以支持：（一）双方未办理结婚登记手续的；（二）双方办理结婚登记手续但确未共同生活的；（三）婚前给付并导致给付人生活困难的。适用前款第（二）、（三）项的规定，应当以双方离婚为条件。</t>
  </si>
  <si>
    <t>不合理</t>
  </si>
  <si>
    <t>必须退啊</t>
  </si>
  <si>
    <t>不退，如果女方家讲理的话会退的，但是正常是不退的，毕竟被退婚后人家会说她的。</t>
  </si>
  <si>
    <t>男方解除婚约，无权要求退还赠与的彩礼。</t>
  </si>
  <si>
    <t>宝马论坛520i汽车质量好么</t>
  </si>
  <si>
    <t>优点1：是价格便宜，2.0T的动力不弱，该有的安全性配置不缺，外观看上去和高配区别不大，国产加长后的空间比较奢侈。优点2： 造型时尚，大气，天使眼大灯无敌缺点1：是舒适性配置和高配没法比，动力相比高配不足。其他也没什么，一等价钱一等货。缺点2：整车价格比较贵，保养费用也比较高。</t>
  </si>
  <si>
    <t>内部空间真的很大,大得感觉有点用不着,特别是后排的空间,可以用宽敞来形容。 舒适度 座椅很舒服,包裹性很好,虽然没有腰部支撑调节,但里面的填充物弹性不错</t>
  </si>
  <si>
    <t>新车没有行驶证能上路</t>
  </si>
  <si>
    <t>不可以，机动车行驶证是准予机动车在我国境内道路上行驶的法定证件。《道路交通管理条例》第17条规定：“车辆必须经过车辆管理机关检验合格，领取号牌、行驶证，方准行驶。”</t>
  </si>
  <si>
    <t>一、新车上户拿到行驶证车身上没有牌照是不能上路行驶的。二、国家道路交通法规定，汽车上路必须悬挂正式牌照或者临时牌照，没有任何牌照是绝对不能上路的。</t>
  </si>
  <si>
    <t>不可以。新车没有车检没上牌没车险没行驶证只有临时牌照不能上路行驶。如果上路行驶属于违法，被执法交警查到会给予处罚，如果出了事故，没有保险不能获得保险公司的赔偿，所有责任损失要自己负担。</t>
  </si>
  <si>
    <t>新车上户拿到了行驶证还没有上正式牌照想上路行驶的话，可向当地车管所申领临时号牌，新车使用临时牌照不得超过15天，车主应及时向车辆管理机关申请使用正式牌照。过期或不张贴临时牌照，会面临暂扣车辆、罚款200元、扣12分的处罚决定。</t>
  </si>
  <si>
    <t>没有行驶证的汽车不能上路，被交警拦住后将扣留机动车，需及时提交或补办行驶证并依法处罚。</t>
  </si>
  <si>
    <t>可以上路，因为买新车有一张临时牌照，车子要上了户才会有正式牌照和行驶证的，所以新买车是可以上路的 。</t>
  </si>
  <si>
    <t>没有行驶证不可以上路。</t>
  </si>
  <si>
    <t>女王家kobo粒是日本的吗</t>
  </si>
  <si>
    <t>我有个日本盆友我叫他看看 他说根本没这东西</t>
  </si>
  <si>
    <t>淘宝上买的手机可靠吗</t>
  </si>
  <si>
    <t>如果是官方旗舰店是靠谱的！但是第三方的店铺就是良莠不齐，有好的有差的。</t>
  </si>
  <si>
    <t>天猫的旗舰店还行。</t>
  </si>
  <si>
    <t>最好在当地品牌店买，最起码售后服务好、方便。</t>
  </si>
  <si>
    <t>首先说淘宝买手机的好处,针对于网上买手机很多网上商城都在卖,可以肯定是正品的同时价格方面甚至比专卖店还贵,但是淘宝就另说了,淘宝上的手机大多分为美版,欧版以及港版也就是我们通常说的水货,其实水货并不是不好的东西,我们应该了解在国外买手机很便宜,把国外的手机带到国内,或者一些港版的手机没有经过直营店价格都很低,质量也没问题,所以是说在淘宝上买手机只要信誉不错的还是比较可信的。同样他的敝处也有,也就是手机没有专卖的保修,一旦出现问题很麻烦,但并不是说不能修,而且针对于很多商家偷换零件,改版也是让人很头疼,尤其是价格很高的手机，更是容易被朋友们担心,但是这样的商家却是极少数,毕竟真正销量好的店铺都是注重信誉的。</t>
  </si>
  <si>
    <t>强生婴儿孕妇可以用吗</t>
  </si>
  <si>
    <t>病情分析: 您好,根据您的描述,怀孕后孕妇体质是比较敏感的,不建议使用彩妆,可以使用一些无刺激或者刺激小的护肤品,强生对皮肤刺激小,孕妇都是可以使用的。</t>
  </si>
  <si>
    <t>这个孕妇能用的吧，既然是小孩都能用的东西孕妇也能用的</t>
  </si>
  <si>
    <t>孕期的最好用些孕妇专用的护肤品吧，那些婴儿专用的是供给不够孕妈妈的肌肤养分，现在市场上早为孕期的妈妈设计的护肤品了</t>
  </si>
  <si>
    <t>强生外用护肤或是清洁的日用品对胎儿没有影响，而且皮肤使用全身吸收是比较小的孕妇可以用，只是强生很多产品是针对婴幼儿的，对成人用处不大</t>
  </si>
  <si>
    <t>觉得是可以用的</t>
  </si>
  <si>
    <t>财政补贴收入要交税吗</t>
  </si>
  <si>
    <t>财政补贴收入 不交税</t>
  </si>
  <si>
    <t>财政拨款和财政补贴需要纳税</t>
  </si>
  <si>
    <t>企业取得的财政补贴收入，只有符合国家税务总局所称财政性资金三个条件的，可以按不征税收入处理，否则要纳入当期应纳税所得额缴纳企业所得税。</t>
  </si>
  <si>
    <t>一般的财政补贴收入需要交企业所得税，要是符合条件的专项应付款就不需要了（入账入专项应付款，支出时冲减专项应付款）</t>
  </si>
  <si>
    <t>不同牌子红色防冻液能否混合</t>
  </si>
  <si>
    <t>防冻液本身是无色透明的液体，这些防冻液之所以做成鲜艳的颜色，主要是为了便于区分和辨别而加入了一些染色剂，另外一个作用就是防止误食。防冻液的颜色与性能、质量没有必然的联系。个人认为，可以混用。</t>
  </si>
  <si>
    <t>能，没什么问题的！只是牌子不一样而已。</t>
  </si>
  <si>
    <t>不是一个牌子的防冻液颜色一样也不能混着用的。不同品牌的防冻液中添加了不同类型的防腐剂、防锈剂、消泡剂和染色剂，它们的化学成分各不相同，相互混用容易发生化学反应，引起沉淀、结垢和腐蚀等危害，从而影响发动机的使用寿命。</t>
  </si>
  <si>
    <t>没问题，防冻液主要起防冻除锈效果，颜色只是为了区分一下，没什么坏处</t>
  </si>
  <si>
    <t>不能的，不同的品牌可能主要成分都不一样，另外冰点，沸点什么的可能也是不同的，跟颜色都没什么关系，</t>
  </si>
  <si>
    <t>如果是相同颜色的，正常情况是可以混加的。</t>
  </si>
  <si>
    <t>支付宝理财可靠吗</t>
  </si>
  <si>
    <t>可信的，也是比较安全的；</t>
  </si>
  <si>
    <t>支付宝中余额宝、招财宝理财产品可以放心购买，目前没出现过亏损，系统也没出现过什么大的安全问题。</t>
  </si>
  <si>
    <t>支付宝属于第三方支付。理财产品的可信度，要看你所购买的产品，是哪个公司的，该公司要是可信度高，那就没有问题！</t>
  </si>
  <si>
    <t>应该还是可信的，支付宝是通过国家认证的第三方支付公司，还是比较规范的，且功能在不断的完善，不断壮大，不错的，祝您新年快乐</t>
  </si>
  <si>
    <t>支付宝中的理财产品，其中有一个余额宝，基本上没有风险，余额宝由阿里巴巴，天弘基金，内蒙君正三家公司控股投资组成，其中天弘基金是国有资产，也是国内最大的货币基金公司，余额宝的安全等级相当于国有各大银行，余额宝的收益高于银行三年定期存款，余额宝最近7日年化收益率是3.87%，国有五大银行三年定期存款的利率是3.80%，余额宝按日结算，可以随时取钱，两个小时之内到账，方便灵活快捷安全#要是支付宝上直接出现的理财，一般支付宝都审核过，基本属于零风险。</t>
  </si>
  <si>
    <t>还是很可靠的，周围好多朋友都用，比银行利息好一点</t>
  </si>
  <si>
    <t>可以开车上庐山吗</t>
  </si>
  <si>
    <t>庐山可以开车上去。</t>
  </si>
  <si>
    <t>可以开车上山，但是不能开车进入核心景区，核心景区需要步行或者乘坐景区游览车进入的</t>
  </si>
  <si>
    <t>可以，从九江市的荷花垄往威家镇方向走，</t>
  </si>
  <si>
    <t>庐山公安局交警队关于庐山旺季有关交通管理规定的通知，特别注意第六条，跟自驾游旅游息息相关，对于不购买观光车，特别注意此条例，根据公司与交通局的了解，如车子没有宾馆办理的通行证，只能停在山上北门口（即小天池停车场），不得进入牯岭镇，即有宾馆的通行证也车子也只能运行宾馆与园门之间，具体的运营情况，要等实际操作才能确定</t>
  </si>
  <si>
    <t>庐山可以自己开车上去，但只可以开到庐山街上，宾馆都行，但是核心景区私家车进不去。</t>
  </si>
  <si>
    <t>圆通vip单快吗</t>
  </si>
  <si>
    <t>vip快。</t>
  </si>
  <si>
    <t>逆战女英雄值得买吗</t>
  </si>
  <si>
    <t>买肯定还是值，要买只能通过开箱子和稀有碎片合成，箱子里普通版只有时限，高配版有碎片/永久，如果你把狼王和虎王都买齐了，就去碎片合成，没买齐就去开箱子</t>
  </si>
  <si>
    <t>买的都没什么用！又贵，一把枪永久的都要上百，还不如拿买装备的钱去大吃一顿来的划算</t>
  </si>
  <si>
    <t>角色的话，可以买</t>
  </si>
  <si>
    <t>PVP的话因为从高处掉落不受伤害，而且默认的蝴蝶刀移动速度比其他近身武器都要快，所以还是不错的，但是打猎场的话，这两个属性显然没有什么作用，包括地狱女王的吸血效果也没有太大的作用，尤其是后面的几个图，动不动就被秒杀了根本没有时间给你吸血。从审美角度来说这三个角色也并不十分漂亮，所以除非是有新品强迫症每次出新都要买的话，这个英雄角色包其实并不值这个价</t>
  </si>
  <si>
    <t>玛丽，实用，不摔血</t>
  </si>
  <si>
    <t>有吸血、免死和召唤这三种女英雄</t>
  </si>
  <si>
    <t>看你喜欢哪个，</t>
  </si>
  <si>
    <t>微鲸电视怎么样值得买吗</t>
  </si>
  <si>
    <t>值</t>
  </si>
  <si>
    <t>垃圾 谁买谁上当`售后超级差</t>
  </si>
  <si>
    <t>买微鲸只能是拼运气</t>
  </si>
  <si>
    <t>杂牌子!质量超差!别买 谁买谁后悔</t>
  </si>
  <si>
    <t>千万别买，我用人格保证买了会后悔，</t>
  </si>
  <si>
    <t>还是不错的，我看发布会了，4k屏幕和音效非常吸引我，我觉得现在天猫抢购有399优惠，还是很好的，我已经抢了，坐等电视</t>
  </si>
  <si>
    <t>屏幕是LG原装4K屏看起来颜色很舒服，音质也不错，用了半年，很满意，可以考虑入手</t>
  </si>
  <si>
    <t>非常不好，买了就后悔，质量不行。</t>
  </si>
  <si>
    <t>孕妇能吃全麦面包吗</t>
  </si>
  <si>
    <t>肯定能吃。</t>
  </si>
  <si>
    <t>孕妇可以选择吃一点全麦面包。 孕妇要尽量避免丹麦面包. 面包中热量最高的是松质面包</t>
  </si>
  <si>
    <t>可以吃啊，全麦面包不错</t>
  </si>
  <si>
    <t>孕妇是可以吃全麦面包的，但不能长期作为主食食用</t>
  </si>
  <si>
    <t>能吃的。</t>
  </si>
  <si>
    <t>甩脂机好吗</t>
  </si>
  <si>
    <t>没有做仰卧起坐效果好。</t>
  </si>
  <si>
    <t>这个机器对身体是没有害的是有效果的，是没有副作用的</t>
  </si>
  <si>
    <t>不要经常用</t>
  </si>
  <si>
    <t>有效果，但也要配合运动才可以</t>
  </si>
  <si>
    <t>这个甩脂机对于减肥是有作用的，作用是有的，但是就是不怎么明显，需要坚持使用，不管怎么样坚持才是最重要的，一人曲甩脂机的使用原理它采用运动科学中的平衡侧动，振幅叠加原理，让全身的脂肪运动起来，消耗热量，消除体内围积过量的脂肪，每天您只需使用5—10分钟，相当您慢跑1个小时所消耗的热量，相当于跑步运动30倍的速度燃烧卡路里，减肥的最根本本质就是消耗能量燃烧脂肪，当然这个缺少不了坚持，只要坚持不断的使用，作用还是有的</t>
  </si>
  <si>
    <t>厦门北站可以取票吗</t>
  </si>
  <si>
    <t>卖火车票的地方都可以取。</t>
  </si>
  <si>
    <t>厦门北站的取票口在就在厦门北站的售票处大厅。</t>
  </si>
  <si>
    <t>流产后能吃莲子吗</t>
  </si>
  <si>
    <t>人流手术后是可以吃莲子的。对身体没有什么影响！</t>
  </si>
  <si>
    <t>你好，可以的，人流后应忌食辣椒之类的刺激性食品。</t>
  </si>
  <si>
    <t>可以的，这个对于身体是没有不良影响的，流产后应该注意休息，避免过度劳累，注意腹部保暖，避免受凉，多吃些富有维生素与蛋白质的食物。</t>
  </si>
  <si>
    <t>能吃，红枣银耳莲子汤是一款食补粥品，主要材料有红枣、银耳和莲子，主要烹饪工艺是煮。有美容养颜的效果。</t>
  </si>
  <si>
    <t>莲子，中药名。为睡莲科植物莲Nelumbo nucifera Gaertn.的干燥成熟种子。分布于我国南北各省。具有补脾止泻，止带，益肾涩精，养心安神之功效。常用于脾虚泄泻，带下，遗精，心悸失眠。</t>
  </si>
  <si>
    <t>石斛怕冷吗</t>
  </si>
  <si>
    <t>怕冷，铁皮石斛适宜在凉爽、湿润、空气畅通的环境生长。生于海拔达1600米的山地半阴湿的岩石上，喜温暖湿润气候和半阴半阳的环境，不耐寒。</t>
  </si>
  <si>
    <t>体质畏寒的人不宜吃铁皮石斛，铁皮石斛适合阴虚内热的人吃。</t>
  </si>
  <si>
    <t>不同的石斛兰对温度的要求不一样，有怕热的，也有怕冷的，要看哪个品种。</t>
  </si>
  <si>
    <t>厦门到上海顺丰一天能到吗</t>
  </si>
  <si>
    <t>厦门发上海，使用顺丰，一般而言第二天就能到，过年期间也许慢一点，再隔一天肯定能到。</t>
  </si>
  <si>
    <t>快的1天，最迟2天</t>
  </si>
  <si>
    <t>如果是快件，三天时间，如果加急快，10小时内，普快，7个工作日内。</t>
  </si>
  <si>
    <t>顺风的话隔天就应该到达的.23号发货,24号肯定能收到!</t>
  </si>
  <si>
    <t>估计要2-3天，顺风速度还是比较好的</t>
  </si>
  <si>
    <t>两种洗发水换着用好吗</t>
  </si>
  <si>
    <t>最好是不常换，用配套的</t>
  </si>
  <si>
    <t>你这个可以这样换着洗没有关系</t>
  </si>
  <si>
    <t>我觉得换着用比较好 我 就老喜欢换着用，但是 不是天天换，只是大概用一段时间这种的，再换用别种的，但是最好不要在一次西头过程中用不同种的洗发露</t>
  </si>
  <si>
    <t>换着好，用几天这个再用几天那个</t>
  </si>
  <si>
    <t>觉得偶尔换着会好点，每个牌子和系列的功效有所不同</t>
  </si>
  <si>
    <t>磨毛面料会掉毛么</t>
  </si>
  <si>
    <t>磨毛无论怎么贵都掉毛，大家千万不要买磨毛的，为了手感舒适通过磨砂，但是这些短毛是粘贴不牢固的，随时会掉，对呼吸道危害很大，尤其是千万不要给婴幼儿用这些所谓的磨毛制品，家里灰尘都来自于磨毛4件套，感觉就是磨毛后喷了胶水什么的，高温洗涤就掉毛，干燥的状态下是灰尘，湿润的情况下用手来回搓就会很明显的出脏东西，就像人身体的污垢一样，恶心的设计，生产者为了挣消费者的钱，弄这些虚伪的噱头炒作害人。</t>
  </si>
  <si>
    <t>磨毛加工过程中，会有一些受损纤维，在后期处理时依然附着在面料上。使用和清洗时，会逐步脱落，在现有技术条件下，应属正常情况。随使用时间的延长和清洗次数的增多，情况会逐步改善。注意，纯棉制品切忌用洗衣粉清洗，既伤颜色又伤纤维</t>
  </si>
  <si>
    <t>一般性的磨毛面料，多少都会掉一点，但如果用的棉花不好，磨毛又太重的话，掉毛就会很厉害，这样对人肯定不好，但也不会有什么很大的影响。</t>
  </si>
  <si>
    <t>机票往返便宜吗</t>
  </si>
  <si>
    <t>因为往返套票也要看当时航空公司给的是什么折扣，有时航空公司在一段时期是不主经营往返套票的，往返套票给的折扣就在6折左右或更高，单程票反倒有最低折扣。不过现在都是电子客票，你可以一次性买好两段的机票，到时光拿身份证登机就可以，不一定只选择往返套票</t>
  </si>
  <si>
    <t>当然便宜，不是简单的两个相加！</t>
  </si>
  <si>
    <t>通过网上查看看哪个网站有打包特价票，往返的很便宜的</t>
  </si>
  <si>
    <t>如果要订往返机票，只有在票务公司实体店可以，相对优惠5-10%。常规往返：往返天数有限制，多为旅游包机的机票，价格非常优惠。非常规往返：往返天数无限制，但多数为当月往返，价格比单程预订优惠。</t>
  </si>
  <si>
    <t>往返机票比2个单程要便宜一些，但有些情况反票可能不能退</t>
  </si>
  <si>
    <t>大众高尔夫烧机油吗</t>
  </si>
  <si>
    <t>正常情况下不烧机油</t>
  </si>
  <si>
    <t>高尔夫的EA211发动机基本没有烧机油的现象。</t>
  </si>
  <si>
    <t>新车都不会烧，如果用久了， 保养不到位就容易烧机油了 。</t>
  </si>
  <si>
    <t>带T发动机由于缸内压力比普通的发动机缸内压力高，易产生温升现象，发动机温度升高，对高速运转的机件产生不利影响。第二，高温对机油润滑系统带来负面影响；第三，由于工作温度高，高速运动使得活塞、活塞环的等机件受热膨胀极易产生咬缸现象，考虑到上述因素，一般活塞环与缸壁的间隙都不同于不带T型发动机，所以带T的发动机一般都烧机油，只要关注一下你的爱车排气管就知道，如果你的爱车排气管像个柴油车的排气管那么100%于烧机油现象。</t>
  </si>
  <si>
    <t>第一次吸毒会上瘾吗</t>
  </si>
  <si>
    <t>第一次吸毒，肯定会上瘾。</t>
  </si>
  <si>
    <t>现在吸食的都是新型毒品，客观的说第一次不会上瘾，反而会觉得恶心不舒服，或者根本没感觉。</t>
  </si>
  <si>
    <t>第一次吸毒会上瘾的，建议每个社会成员都能远离毒品！</t>
  </si>
  <si>
    <t>会上瘾,需要很大的毅力才能戒掉.跟戒烟差不多.</t>
  </si>
  <si>
    <t>不会上瘾.既然是隐,总要有个过程.但一旦不决心或被骗有二次就完了.</t>
  </si>
  <si>
    <t>会，有了第一次就有第二次，有些一碰就上瘾，有的有几次，最好一次都不要</t>
  </si>
  <si>
    <t>不会，只要不吸大了就没事</t>
  </si>
  <si>
    <t>一定远离毒品</t>
  </si>
  <si>
    <t>只要以后不吸毒，根据个人体质的不同，在一个月左右就会转好的</t>
  </si>
  <si>
    <t>万票网可靠吗</t>
  </si>
  <si>
    <t>挺好的 大家多去看看就知道啦 也就了解啦</t>
  </si>
  <si>
    <t>订票还是选信誉好的，比较大的公司订，比如说携程、艺龙，价格贵一点，但是绝对不必担心上当被骗！</t>
  </si>
  <si>
    <t>wcdma在美国能用吗</t>
  </si>
  <si>
    <t>国内买的3G手机制式是WCDMA的，在美国可以使用和上网。</t>
  </si>
  <si>
    <t>这主要看你WCDMA手机是否支持850MHz/1900MHz的3G频段，如果支持的话，那麽可以在美国使用AT&amp;T的3G网络。当然，如果你的手机不支持850MHz/1900MHz的WCDMA网络，那麽就无法使用美国运营商的3G网络。</t>
  </si>
  <si>
    <t xml:space="preserve">你不用担心 美国有GSM网络 也有WCDMA </t>
  </si>
  <si>
    <t>联通手机在国外可以使用。</t>
  </si>
  <si>
    <t>美国有WCDMA网络。</t>
  </si>
  <si>
    <t>70岁能否开车</t>
  </si>
  <si>
    <t>能开车。18岁到70岁。只要你考得到驾驶证都可以考。不过每年要体检一次</t>
  </si>
  <si>
    <t>需要重新去体检，体检通过才可以。</t>
  </si>
  <si>
    <t>不能开车</t>
  </si>
  <si>
    <t>①F级别的驾驶证：没有年龄限制，只要本人身体允许，就可以一直开车。②C1、C2、C3、C4、D、E级别的驾驶证：可以到70岁，超过70岁，驾驶证被自动注销。③其他（含A1、A2、A3、B1、B2）：可以开车到60岁。超过60岁，驾驶证将被自动注销。</t>
  </si>
  <si>
    <t>超过每半年检查身体，是可以的</t>
  </si>
  <si>
    <t>有驾驶证超过70岁，只要身体条件符合要求还可以开车。1、年龄在60周岁以上的，不得驾驶大型客车、牵引车、城市公交车、中型客车、大型货车、无轨电车和有轨电车；持有大型客车、牵引车、城市公交车、中型客车、大型货车驾驶证的，应当到机动车驾驶证核发地车辆管理所换领准驾车型为小型汽车或者小型自动挡汽车的机动车驾驶证。2、年龄在70周岁以上的，不得驾驶低速载货汽车、三轮汽车、普通三轮摩托车、普通二轮摩托车和轮式自行机械车；持有普通三轮摩托车、普通二轮摩托车驾驶证的，应当到机动车驾驶证核发地车辆管理所换领准驾车型为轻便摩托车的机动车驾驶证。3、年龄在60周岁以上的机动车驾驶人，应当每年进行一次身体检查，在记分周期结束后三十日内，提交县级或者部队团级以上医疗机构出具的有关身体条件的证明。</t>
  </si>
  <si>
    <t>　70周岁以上的，可以驾驶小型汽车、小型自动档载客汽车，但每年要到医院进行身体检查，并向交警部门提交体检证明</t>
  </si>
  <si>
    <t>药流可以上班吗</t>
  </si>
  <si>
    <t>　可以的，你可以在医生的指导下，这么跟你说吧，我的女友刚刚做了流产，并没有很大的影响，一定要注意卫生！尽量安排早点去做，因为还要进行一个相关的检查，如果有什么炎症的话，还要做先期治疗，不过也很快，不要有心理压力，一般一个星期就差不多了</t>
  </si>
  <si>
    <t>不要，容易出事。</t>
  </si>
  <si>
    <t>林青霞红吗</t>
  </si>
  <si>
    <t>林青霞是一个时代的标志</t>
  </si>
  <si>
    <t>她是国际影后地位。林青霞在香港电影颠峰时期给中国人民留下了深刻的印象，所以我们都觉得她很出名</t>
  </si>
  <si>
    <t>克龄蒙能治好闭经吗</t>
  </si>
  <si>
    <t>闭经是吃的好的。吃了差不多2个疗程月经就按时来了</t>
  </si>
  <si>
    <t>年前被狗咬没有打疫苗现在打有用吗</t>
  </si>
  <si>
    <t>再打疫苗没有意义，一般需要在24小时内打疫苗才行。</t>
  </si>
  <si>
    <t>尽早打针就是为了跟病毒发病赛跑，而不是说超过多长时间打针就没用！ 任何时候只要能抢在发病前打针形成抗体人就安全，超过24小时打针无效的说法是谣传，已被官方明确否定。</t>
  </si>
  <si>
    <t>凯迪拉克是日本车吗</t>
  </si>
  <si>
    <t>不是。凯迪拉克是美国通用汽车的豪华品牌</t>
  </si>
  <si>
    <t>凯迪拉克是：美国通用汽车公司的品牌车，</t>
  </si>
  <si>
    <t>美国车来的</t>
  </si>
  <si>
    <t>世界造车第三强国美国，代表品牌，福特，凯迪拉克，特斯拉，阿斯顿马丁，通用，</t>
  </si>
  <si>
    <t>潘祥记鲜花饼好吃吗</t>
  </si>
  <si>
    <t>好，潘祥记最有名</t>
  </si>
  <si>
    <t>非常好吃，在云南只吃潘祥记的。</t>
  </si>
  <si>
    <t>品质有保证，口感也很好，毕竟是大企业做出来的，和小作坊不一样！</t>
  </si>
  <si>
    <t>我一直都吃潘祥记的鲜花饼，个人喜欢玫瑰味的。</t>
  </si>
  <si>
    <t>大专学历可以报考在职研究生吗</t>
  </si>
  <si>
    <t>可以的，报名条件第二条规定大专毕业满两年并达到本科同等学力可以参加考试。</t>
  </si>
  <si>
    <t>推荐还是报考1月份的。如果你是想提升学历的话，5月10月都不行，因为只有单证，即只有学位证，而你的学历还是大专。另外同等学力申硕需要毕业5年，10月的在职硕士联考需要学士证书，没有的话你拿不到硕士证。</t>
  </si>
  <si>
    <t>大专毕业生是可以报考在职研究生的，报考的专业有限，且要有一定的工作经验。毕业两年后可以考在职研究生，报名时按照同等学力对待，考试都是一样的，只不过在复试阶段有加试，不会很难的，如果不想两年后再考，那就通过自考形式拿到学位即可。有些院校只要求有本科毕业证，没有学位也可，要看具体学校在职研究生招生简章。</t>
  </si>
  <si>
    <t>白乳胶 有甲醛吗</t>
  </si>
  <si>
    <t>有的（甲醛是辅料）</t>
  </si>
  <si>
    <t>肯定有，都是好大的味，无醛不成胶</t>
  </si>
  <si>
    <t>你好，白乳胶是最常用的胶类产品之一。作为一种水溶性胶黏剂，正规的白乳胶是以醋酸乙烯酯为主要原料，经过一系列化学工艺生产出来的乳状液体。无论是制作的原料还是制作后的成品，从理论上讲都是无毒的,祝你健康</t>
  </si>
  <si>
    <t>白乳胶是含甲醛的</t>
  </si>
  <si>
    <t>狗狗能吃面粉吗</t>
  </si>
  <si>
    <t>面粉好吃！</t>
  </si>
  <si>
    <t>狗本身就是杂食动物，只要适量大部分东西它们是可以吃的。</t>
  </si>
  <si>
    <t>可以吃的，不能咸了，最好吃狗粮加水，这样狗狗不容易生病</t>
  </si>
  <si>
    <t>铁观音有茶多酚吗</t>
  </si>
  <si>
    <t>铁观音中的茶多酚：含量20%~35%。</t>
  </si>
  <si>
    <t>各有各的特点。营养程度差不多，绿茶咖啡因多些，保健作用还是铁观音多。</t>
  </si>
  <si>
    <t>太笼统了。铁观音也分优劣</t>
  </si>
  <si>
    <t>htconem7支持4g吗</t>
  </si>
  <si>
    <t>国行HTC One 一共4款手机，3款双卡手机，一款单卡手机，4款手机都不支持4G网络，</t>
  </si>
  <si>
    <t>支持国外的LTE 4G，但是不支持国内的TD-LTE，TD-LTE的很快可能就会有了。等一阵吧。</t>
  </si>
  <si>
    <t>htc one m7没有支持移动4G的版本</t>
  </si>
  <si>
    <t>国行的不行。国际版的几个版本可以。但是现在这个阶段不推荐买了。第一已经停产，第二，水货太多。</t>
  </si>
  <si>
    <t>HTC ONE支持联通3G的WCDMA，移动4G的LTE，所以要想用4G得选移动的卡</t>
  </si>
  <si>
    <t>One的国内版和台湾版都不支持4G，更加不会支持移动的TD-LTE这种全球独一的格式，美版支持联通的4G格式。支持4G的手机很多，而且因为联通的4G格式是全球通用的，所以简介中说明这部机支持4G，基本就是默指联通4G</t>
  </si>
  <si>
    <t>根据现在的情况看，移动是积极推动TD的，一定是得到TD-LTE，那么联通和电信会用FDD-LTE。现在国际商用的4G网络大多数是FDD，也就是说，你基本上随便买一部水货的4G手机，将来就可以支持用联通的卡。new one没有4G版本的，所以不用想它会在4G时代有什么作为了。不过现在3G都还没普及呢，4G要正式商用并且覆盖率达到城乡正常使用，最起码还需要5年时间甚至更长。如果你喜欢one这部机子，现在入手就行，等到中国上了4G，那时候就有更好的机子出来了。</t>
  </si>
  <si>
    <t>邯郸祥龙水世界好玩吗</t>
  </si>
  <si>
    <t>不赖，水很多。</t>
  </si>
  <si>
    <t>贝塔币是传销吗</t>
  </si>
  <si>
    <t>不是传销，传销是靠发展人赚钱，贝塔币无需发展照样赚。</t>
  </si>
  <si>
    <t>贝塔币就是之前的摩根币更名而来，摩根币就是典型的网络传销、庞氏骗局，打着虚拟货币和静态受益的幌子。</t>
  </si>
  <si>
    <t>是传销 。</t>
  </si>
  <si>
    <t>没有产品，没有正式的公司，通过人拉人，加入，收取每人加入者的会费（有的通过买所谓的股份来收取）来获得金钱，组成金字塔型的集团，一级一级抽取下面加入者的会费，级别高的抽成高些，级别低的抽的低些，再简单说，就是A作为金字塔的头，拉了B\C\D来入会，B\C\D各自有拉了一些人进来，然后B拉来进来的叫了会费后，比如说30%被B抽成，50%被A抽成，再后面进来的会费，被前面进来的人抽成，这是种不创造任何社会价值的组织，最后的金钱大部分部被金字塔顶的几个人获得，造成全国很多家庭家破人亡的非法活动，被国家明令禁止</t>
  </si>
  <si>
    <t>酸奶有钙吗</t>
  </si>
  <si>
    <t xml:space="preserve">有的，酸奶还是钙的良好来源。虽然说酸奶的营养成分取决于原料奶的来源和成分，但是一般说，酸奶比原料奶的成分都有所提高，一方面因为原料质量的要求高，另一方面因为有些酸奶制作中加入少量奶粉。所以一般来讲，饮用一杯15O克的酸奶，可以满足10岁以下儿童所需的一天钙量的1/3，成人钙量的1/5。 </t>
  </si>
  <si>
    <t>酸奶有钙。酸奶是以牛奶为原料，经过巴氏杀菌后再向牛奶中添加有益菌（发酵剂），经发酵后，再冷却灌装的一种牛奶制品。</t>
  </si>
  <si>
    <t>酸奶含钙，而且含钙量很高。</t>
  </si>
  <si>
    <t>酸奶中也是含有钙质的，而且含钙丰富，平均每100克酸奶中含有118微克的钙。</t>
  </si>
  <si>
    <t>酸奶含有钙</t>
  </si>
  <si>
    <t>中药能治愈梅毒吗?</t>
  </si>
  <si>
    <t>梅毒治愈就行了，血清转阴可能需要很长的时间。有的终身不转阴。中药治梅毒就是个忽悠，还是不花冤枉钱为好</t>
  </si>
  <si>
    <t>当然可以，而且这样的病，选择中药比西药更可靠</t>
  </si>
  <si>
    <t>不敢说绝对不行，但是效果不会太好，见效的话也会很慢。西药里面的抗生素才是见效比较快的，患者也不用受那么大的罪。</t>
  </si>
  <si>
    <t>吃什么中药也不能根治梅毒。</t>
  </si>
  <si>
    <t>不能，梅毒是终身携带的，只能不复发，就像感冒一样，永远无法彻底治愈，只能是提高免疫力不复发而已.</t>
  </si>
  <si>
    <t>当然不是，内服外养，外用药也很重要</t>
  </si>
  <si>
    <t>一只眼睛看不见能考驾照吗</t>
  </si>
  <si>
    <t>理论上是不可以的，但是可以找关系，如果关系打点好了应该不是大问题！</t>
  </si>
  <si>
    <t>达到要求也是可以考取部分准驾车型的驾照的</t>
  </si>
  <si>
    <t>可以，虽然新的交通法对视力这个也尽管说明了 两眼视力达到多少多少 才能申请驾照 但是实际实施并不严格，驾照是可以拿到的。办理C2本绝对的没有问题，但是办理C1你需要走走关系。B2本难度更大。现实社会你也明白的，</t>
  </si>
  <si>
    <t>好像不行，我表叔就是一只眼看不到不给报考，通过关系找人办的，</t>
  </si>
  <si>
    <t>是的，《机动车登记规定》第十九条申请转移登记的，现机动车所有人应当填写申请表，交验机动车，并提交以下证明、凭证：（一）现机动车所有人的身份证明；（二）机动车所有权转移的证明、凭证；（三）机动车登记证书；（四）机动车行驶证；（五）属于海关监管的机动车，还应当提交《中华人民共和国海关监管车辆解除监管证明书》或者海关批准的转让证明；（六）属于超过检验有效期的机动车，还应当提交机动车安全技术检验合格证明和交通事故责任强制保险凭证。现机动车所有人住所在车辆管理所管辖区域内的，车辆管理所应当自受理申请之日起一日内，确认机动车，核对车辆识别代号拓印膜，审查提交的证明、凭证，收回号牌、行驶证，确定新的机动车号牌号码，在机动车登记证书上签注转移事项，重新核发号牌、行驶证和检验合格标志。</t>
  </si>
  <si>
    <t>胃不好可以吃韭菜吗</t>
  </si>
  <si>
    <t>胃不好的人可以吃韭菜。</t>
  </si>
  <si>
    <t>可以少吃一点的,韭菜对肠胃蠕动有帮助,可是吃多了会有副作用.胃会反酸水,难受.建议少吃为妙呀.</t>
  </si>
  <si>
    <t>一般胃病都会有胃粘膜不同程度的损伤的，韭菜不容易消化吸收，会增加粘膜的磨损程度。</t>
  </si>
  <si>
    <t>可以吃，不过不能吃的太多，韭菜有个外号叫“穿肠草”</t>
  </si>
  <si>
    <t>当然可以的吃韭菜没问题的。胃病你可以用鸡蛋。趁热加上蜂蜜。连续吃半个月。可以根除的。</t>
  </si>
  <si>
    <t xml:space="preserve"> 胃病一般是胃炎，胃蠕动减慢反流，胃溃疡等疾病，最好不要吃韭菜，这个不容易消化</t>
  </si>
  <si>
    <t>鸭肉热量高吗</t>
  </si>
  <si>
    <t>高啊</t>
  </si>
  <si>
    <t>优瑞派狗粮好吗</t>
  </si>
  <si>
    <t>好是好就是有点小贵</t>
  </si>
  <si>
    <t>优瑞派感觉还可以，我家的三只狗都是吃他家的狗粮。</t>
  </si>
  <si>
    <t>看包装感觉很山寨的样子，还是别给狗狗吃这种狗粮了，怎么看都感觉不安全。</t>
  </si>
  <si>
    <t>纯钛锅好不好</t>
  </si>
  <si>
    <t>纯钛厨具，家居用品已经比较成熟了。例如极致钛业这家公司的纯钛厨具就很不错。</t>
  </si>
  <si>
    <t>纯钛锅，钛生产加工极其复杂，耗时耗电不说，加工难度极高，钛合金烤瓷牙都贵的要命</t>
  </si>
  <si>
    <t>缺点：造价高，加工难度大。导热性能差。优点：耐高温，一般炉子干烧想烧漏很难。重量较轻。无毒无害。</t>
  </si>
  <si>
    <t>藤条打过之后还疼吗</t>
  </si>
  <si>
    <t xml:space="preserve">很疼的 </t>
  </si>
  <si>
    <t>会疼，而却会很疼，如稍加用力是会打破的，会把肉皮打裂开，是皮肉之苦，很多人是受不了的。</t>
  </si>
  <si>
    <t xml:space="preserve">肯定疼，打完以后肯定会留下痕迹，伤口好了就会消失的。 </t>
  </si>
  <si>
    <t>藤条打屁股非常痛，以前被藤条抽过一顿屁股像刀子割肉一样，</t>
  </si>
  <si>
    <t>会很疼！很不好恢复！因为藤条上面有刺！</t>
  </si>
  <si>
    <t>可疼了</t>
  </si>
  <si>
    <t>特莱斯顿软膏有用吗</t>
  </si>
  <si>
    <t>别去买了！骗人的！</t>
  </si>
  <si>
    <t>银行国庆放假吗</t>
  </si>
  <si>
    <t>国庆节银行不放假，会营业，只是不受理个人信贷业务和对公业务，只受理个人业务。</t>
  </si>
  <si>
    <t>按照往年惯例，10月1日至3日各银行除保留部分网点对外营业外，其余网点放假停业</t>
  </si>
  <si>
    <t>不是全放假，应该是网点轮休的，有网点上班</t>
  </si>
  <si>
    <t>一般会放假，不过有值班人员。</t>
  </si>
  <si>
    <t>国庆节银行不放假，会营业，只是不受理个人信贷业务和对公业务，只受理个人业务</t>
  </si>
  <si>
    <t>马航现在安全吗</t>
  </si>
  <si>
    <t>别做马航就ok</t>
  </si>
  <si>
    <t>非常安全</t>
  </si>
  <si>
    <t>看运气吧</t>
  </si>
  <si>
    <t>能坐，马来西亚航空一直都是五星航空。出的那几次事情都在马航基本属于巧合。更何况连续损失两家波音777.马航肯定安全意识会提高。我以一个航空爱好者的身份担保，马航是你出行的良好选择</t>
  </si>
  <si>
    <t>应该安全</t>
  </si>
  <si>
    <t>工资卡可以办信用卡吗</t>
  </si>
  <si>
    <t>可以。工资卡属于借记卡，和信用卡办理不矛盾。</t>
  </si>
  <si>
    <t>信用卡当工资卡岂不是狠浪费？大部分信用卡如果自身卡里有钱的话是没有利息的，相反如果你提取的话没准要你手续费，得不偿失。 据说中行长城卡，好像存款有利息，如果提自己卡中已有的钱是不收手续费的。 你大可以弄个联名卡，工资卡对应信用卡，到时候还钱可以用工资卡到日子扣款。＃＃能，到不要的好</t>
  </si>
  <si>
    <t>工资卡只能作为办信用卡其中的一个条件。</t>
  </si>
  <si>
    <t>有工作就可以申请，柜台或者官网申请都可以</t>
  </si>
  <si>
    <t>出轨了能原谅对方吗</t>
  </si>
  <si>
    <t>出轨不重要，重要的是你还爱不爱他，爱就原谅，不爱就走，不用想别的，做自己就好了。</t>
  </si>
  <si>
    <t>视你现在的情况决定 如果没有结婚 马上分手 即使你想原谅都要告诉自己不要这样做 因为一辈子太长 结婚前都管不住自己 结婚后你的苦日子就来了 如果你结婚了 就要考虑分开后你会不会过得比现在好 如果可以 那就叫他滚 如果不行 那就开始积攒资本 时刻做好准备离开他 等自己保证可以自己衣食无忧了 就马上踹了他 因为结婚后的男人出轨 有第一次就有第二次 况且这是被你发现了一次 还有很多你没发现的呢</t>
  </si>
  <si>
    <t>看你自己想和她好好过就原谅（前提是，她愿意重新和你在一起）如果觉得她对不起你，就不原谅，净身出户要是她重新想好好和你过，你三天俩头的老师提以前，那么就离婚，老夫老妻了都，幸福是个比较级，要有东西垫底才感觉的到。</t>
  </si>
  <si>
    <t>出轨属于原则性错误，在她认错并做出保证的前提下，是否能原谅要你自己来决定。如果不原谅就果断离婚；如果原谅的话就要彻底，今后别再提，大家好好过。你做得到吗？</t>
  </si>
  <si>
    <t>说实话，有孩子的话可能会，没孩子就绝对不能原谅。</t>
  </si>
  <si>
    <t>不能，有一就有二。</t>
  </si>
  <si>
    <t>白萝卜吃了会胀气吗</t>
  </si>
  <si>
    <t>不会啊，萝卜是顺气的。</t>
  </si>
  <si>
    <t>白萝卜性凉，吃多是会引起腹胀、胃痛以及腹泻等不适的。 因此食用白萝卜务必要适量，最好不要天天食用，且每次食用不应超过50克。</t>
  </si>
  <si>
    <t>吃生的会胀气，吃熟的会顺气</t>
  </si>
  <si>
    <t>拉杆箱尺寸算轮子吗</t>
  </si>
  <si>
    <t xml:space="preserve">拉杆箱的尺寸分两种：本体和外体。本体就是打开拉杆箱，相当于容积，所谓的多少寸就是打开拉杆箱测量内径.外体就是包括轮子顶部把手，侧边把手，侧边的侧脚，还有底部的轮子. </t>
  </si>
  <si>
    <t>应该算，因为乘飞机对行李箱的尺寸限制是指行李箱外形轮廓，也就是要包括轮子，拉杆等，所以55cm对应的是21寸，标准20寸行李箱一般是没问题的，22寸就不好说了。</t>
  </si>
  <si>
    <t>不算，真的不算</t>
  </si>
  <si>
    <t>可以的，航空公司不会计较这点的。</t>
  </si>
  <si>
    <t>ahc 好用吗</t>
  </si>
  <si>
    <t>觉得很一般，比较鸡肋</t>
  </si>
  <si>
    <t>我个人觉得不太好用</t>
  </si>
  <si>
    <t>婴儿晚上能出门吗</t>
  </si>
  <si>
    <t>晚上的话最好还是不要带宝宝出去，再就是宝宝现在还小，晚上出去怕吹风感冒了。</t>
  </si>
  <si>
    <t>最好不要带，因为黑天容易吓到宝宝，也容易让宝宝招一些不干净的东西，半夜哭闹</t>
  </si>
  <si>
    <t>只要天气好温度合适就可带宝宝出门的，以前老人说不能出门都是一种迷信的说法，是没有科学依据的。</t>
  </si>
  <si>
    <t>你说呢？只要你放心就行</t>
  </si>
  <si>
    <t>恋恋不忘有第二部吗</t>
  </si>
  <si>
    <t>没有，大结局了。</t>
  </si>
  <si>
    <t>当兵需要注销户口吗</t>
  </si>
  <si>
    <t>应征入伍要注销户口</t>
  </si>
  <si>
    <t>你说的这种情况通常会在异地入伍时出现，真正户籍所在地户口还在，义务期满后你可以直接回到户籍所在地，如果以后在部队转干或考上学以后，户口应当就销了。</t>
  </si>
  <si>
    <t>于素秋死了吗</t>
  </si>
  <si>
    <t>于素秋，原名于小圆，上海人。为1950年代、1960年代香港著名电影明星。父亲是著名京剧名武生于占元，由於出身自京剧世家，自小开始学戏，擅打北派，是有名的京剧刀马旦，也是成龙、洪金宝等人的大师姐和韩英杰小姨。现在还健在。</t>
  </si>
  <si>
    <t>于美国时间5月12日，因肺炎安详离世，享年89岁。</t>
  </si>
  <si>
    <t>刚烫的头发能软化吗</t>
  </si>
  <si>
    <t>不可以,过2个星期后可以洗直</t>
  </si>
  <si>
    <t>如果刚烫完的话 过2个星期在 如果决的还是不好看不适应的话在去洗直。 因为刚烫过头发的话，毛鳞片它是张开的，如果你没有做一些酸性的护理的话，毛鳞片会在2个星期后自动闭和。所以当时你洗直的话头发很容易焦哦。</t>
  </si>
  <si>
    <t>贫血会不会引起白血病</t>
  </si>
  <si>
    <t>不会的！根本就是两回事！ 贫血是指全身循环血液中红细胞总量减少至正常值以下。</t>
  </si>
  <si>
    <t>不是。贫血是指在一定容积的循环血液内红细胞计数、血红蛋白量以及红细胞压积均低于正常标准者称为贫血。</t>
  </si>
  <si>
    <t xml:space="preserve">不是的，因为贫血与白血病没关系。 </t>
  </si>
  <si>
    <t>贫血是由于造血干细胞生成血小板数量减少造成的 2.白血病是由于体内白细胞增多高于正常值致使人的免疫力低下。因此是两种病，不会造成的。</t>
  </si>
  <si>
    <t>不会的，白血病是指来源于骨髓等处造血干细胞的一种恶性肿瘤。以发热及血常规检查中白细胞异常的增高为主要表现。而贫血一般是指血细胞计数（如红细胞或血红蛋白等）低于正常值所引起的。</t>
  </si>
  <si>
    <t>先要区分是属于什么贫血，还可查一下血常规和血色素。缺铁性贫血可食补增加孩子的运动量，保持膳食平衡是最好的药方。动物肝脏、猪血等，动植物食品混合吃，会增加铁的吸收率。也可以用硫酸亚铁补铁口服液等。还应同时服用（齐凤，心路历程）和维生素C，以促进铁的吸收。</t>
  </si>
  <si>
    <t>一般不会，但是白血病患者会贫血</t>
  </si>
  <si>
    <t>早起喝水好吗</t>
  </si>
  <si>
    <t>可以的，每天早上喝一杯温水，对肠胃好</t>
  </si>
  <si>
    <t>总之如果掌握好水温，喝水的量，喝水的时间，喝水的速度，早晨空腹喝水对人体的健康具有很大的帮助。</t>
  </si>
  <si>
    <t>在早晨起来的时候，您也许经常不会感到饿，不想吃东西。可是不吃早饭的话，到了中午又会饿得发慌。其实，您只要早上喝一杯水就会不一样了。水会使趋于睡眠状态的副交感神经兴奋起来，这样一来，您就有了想吃早饭的欲望。而且早晨起床后喝杯水，还能促进肠胃的蠕动，有利于排便，从而起到清洁体内垃圾的作用。</t>
  </si>
  <si>
    <t>清晨喝水必须是空腹喝，也就是在吃早餐之前喝水，否则就收不到促进血液循环、冲刷肠胃等效果。最好小口小口地喝水，因为饮水速度过猛对身体是非常不利的，可能引起血压降低和脑水肿，导致头痛、恶心、呕吐。</t>
  </si>
  <si>
    <t>并不是每个人都适合喝淡盐水的，由其是对于一些高血压患者来说，如果早上起来就喝淡盐水的话，是会使血压升高的，再者现代人的钠元素已经过多了，实在没有必要早上空腹喝淡盐水了。</t>
  </si>
  <si>
    <t>忌喝淡盐水。喝淡盐水并不利于身体健康，有研究认为，人在整夜睡眠中未饮滴水，然而呼吸、排汗、泌尿却仍在进行中，这些生理活动要消耗损失许多水分。早晨起床如饮些白开水，可很快使血液得到稀释，纠正夜间的高渗性脱水。而喝盐水则反而会加重了高渗性脱水，令人更加口干。何况，早晨是人体血压升高的第一个高峰，喝盐水会使血压更高。</t>
  </si>
  <si>
    <t>好，有以下几大好处：1、解渴，人睡一晚上没有进水，第二天肯定需要补充些水分的；2、稀释血液，一早引用的谁，容易被肠胃吸收进入血液，起到稀释血液的作用；3、冲洗肠胃，晚上躺着睡觉，食物残渣容易积留在肠的一侧，喝水冲一下，利于大便的排除，清洗肠胃；每天早晨起来喝点水对很人体是很有利的，喝水的时候也可以适当的加一点点盐，还能起到杀菌的作用。</t>
  </si>
  <si>
    <t>“一日之计在于晨”，清晨第一杯水就显得尤为重要。</t>
  </si>
  <si>
    <t>章子怡胸大吗</t>
  </si>
  <si>
    <t>A罩杯，人瘦骨嶙峋，屁股也不大，脂肪不多。</t>
  </si>
  <si>
    <t>求生刀是管制刀具吗</t>
  </si>
  <si>
    <t>如果打开后能自锁，基本就可以认定是管制刀具了。</t>
  </si>
  <si>
    <t>刃长大于10cm都算的。</t>
  </si>
  <si>
    <t>求生刀具也得参照管制刀具规定。凡是属于管制刀具类别的，不管是家用刀、猎刀、求生刀均不合法。</t>
  </si>
  <si>
    <t>　1、属于。2、管制刀具包括如下：(1) 匕首、三棱刀、三棱刮刀、半圆刮刀、侵刀、扒皮刀、羊骨刀、猎刀、弹簧刀；(2) 刀体八厘米以上，带自锁装置或非折叠式的单刃、双刃尖刀；(3) 武术用刀(能开刃的)、剑等器械；(4) 少数民族用的藏刀、腰刀、靴刀；(5) 其它可能危害社会治安的刀具。</t>
  </si>
  <si>
    <t>在中国属于，在有些国家不是</t>
  </si>
  <si>
    <t>管制刀具是有标准的，你说那个求生刀很长，刀身长度超过220毫米么？超了的话·尖角度大于60度，刀身长度超过220毫米的各类单刃、双刃和多刃刀具。 都是管制刀具，匕首的话，带有刀柄、刀格和血槽，刀尖角度小于60度的.....那也是管制刀具了，</t>
  </si>
  <si>
    <t>是管制刀具</t>
  </si>
  <si>
    <t>痘疤会自己慢慢消始吗</t>
  </si>
  <si>
    <t>会，长时间不去碰，少吃深色素食品，做些除疤面膜更好。</t>
  </si>
  <si>
    <t>不会。痘痕是机体对组织损伤产生的一种修复反应，当皮肤的损伤深及真皮或大面积的表皮缺损，该部位的表皮不能再生，将由真皮纤维细胞，胶原以及增生的血管所取代，这样就出现了痘痕。</t>
  </si>
  <si>
    <t>会，但是时间久。</t>
  </si>
  <si>
    <t>看情况，如果是假性疤痕，过一段时间就会慢慢消失，如果是真性疤痕，那它不会自动消失。</t>
  </si>
  <si>
    <t>达赖结婚吗</t>
  </si>
  <si>
    <t>达赖和班禅出家期间都不能结婚，当然，如果还俗了就可以结婚了，</t>
  </si>
  <si>
    <t>但班禅、达赖是灵童转世来传承，一般是不结婚生子的</t>
  </si>
  <si>
    <t>不能 是出家人了</t>
  </si>
  <si>
    <t>胃病一定要做胃镜吗</t>
  </si>
  <si>
    <t>用专业术语就是看你有没有看做胃镜的指征，也就是看病情和症状看需要不需要做胃镜。</t>
  </si>
  <si>
    <t>患了胃病不可乱治疗，规范治疗才是根本解决之道！根据胃病不同的状况,采用相应的对策结合胃病的具体情况,提出指导性建议,选择民众能接受的方案，给予指导，克服思想上的焦虑，同时配合药物治疗。</t>
  </si>
  <si>
    <t>建议要去医院做个胃镜检查，现在检查胃部疾病的最可靠的方法是胃镜和病理,目前没有任何一个方法可以和胃镜相比.</t>
  </si>
  <si>
    <t>不一定，但是那样可以检查的很是彻底，是最完全的一种方法</t>
  </si>
  <si>
    <t>胃镜是一高清晰的摄像头，可以看到胃、食管、十二指肠各个部位的真实彩色放大图像。如果半年内没做过胃镜，并且年龄大于40岁，有胃癌的家族史，或者有胃溃疡的病史，或者大便发黑，以及其他一些胃癌、溃疡的高发人群，是必须要做胃镜的。</t>
  </si>
  <si>
    <t>考警察好吗</t>
  </si>
  <si>
    <t>鼓膜穿刺疼吗</t>
  </si>
  <si>
    <t>穿刺真的不怎么疼，最好让医生给你打点麻药。</t>
  </si>
  <si>
    <t>会有点疼的。</t>
  </si>
  <si>
    <t>会痛，建议到医院咨询医生</t>
  </si>
  <si>
    <t>黑洞出现过吗</t>
  </si>
  <si>
    <t>发现了，是天鹅座X－1射电源。其中存在一个黑洞。</t>
  </si>
  <si>
    <t>nba2k12有没有姚明</t>
  </si>
  <si>
    <t>姚明已经退役了.游戏里面自然没有啦</t>
  </si>
  <si>
    <t>没有啊，不过下的必须再加个中文补丁就好了</t>
  </si>
  <si>
    <t>绝对没有。现在3D模型工具还没有，姚明的脑型在2k12里也没有相像的，没人做面补，名单自然就没有人做，等面补出来也可以自己添加</t>
  </si>
  <si>
    <t>没有姚明</t>
  </si>
  <si>
    <t>卫生间长的蘑菇有毒吗</t>
  </si>
  <si>
    <t>主要是厕所长期浸水,长期湿度大 通风效果不好所致, 这种蘑菇一般都有毒 最好别碰，蘑菇属于蕈类，是一种菌株植物，喜欢生长在潮湿阴暗土质腐殖的地方，蘑菇中多数都是不能食用的，其中还有不少色彩艳丽的蘑菇是有毒的，甚至有迅速致人死命的毒蘑</t>
  </si>
  <si>
    <t>这是纯黄白鬼伞。有毒的菌类。不能食用。此菌表面具有鲜亮的柠檬黄色色彩，便于识别，外形特征是：子实体较小，柠檬黄色。菌肉黄白色，薄，质脆。菌柄细长，向下渐粗，孢子印白色。</t>
  </si>
  <si>
    <t>宿舍的厕所里长出了这种蘑菇，告诉你这是一种毒蘑菇</t>
  </si>
  <si>
    <t>没毒的</t>
  </si>
  <si>
    <t>肯德基可以刷卡吗</t>
  </si>
  <si>
    <t>现在肯德基，麦当劳里面都支持刷卡的.</t>
  </si>
  <si>
    <t>肯德基麦当劳绝大部分是不能刷银行卡的，因为肯德基、麦当劳都属于快餐，快速消费，客流量较大，刷卡会造成额外的工作负担。</t>
  </si>
  <si>
    <t>绝对可以，但是要是肯德基专门的卡。</t>
  </si>
  <si>
    <t>肯德基外卖可以网上支付，不可以刷卡。</t>
  </si>
  <si>
    <t>一般都可以，因地制宜</t>
  </si>
  <si>
    <t>到目前为止中国大陆地区的肯德基不可以刷银行卡，北京地区可以用中信银行下发的一卡通（公交卡）</t>
  </si>
  <si>
    <t>肯定是可以的。</t>
  </si>
  <si>
    <t>在肯德基消费是可以刷卡的，这类地方一般都是能刷卡的。</t>
  </si>
  <si>
    <t>宝宝体温35.9正常吗</t>
  </si>
  <si>
    <t>以上体温三十五度九是体温偏低了，孩子寒冷应当保暖及对症治疗感冒；小孩子正常腋窝温度应当保持在三十六度八到三十七度二一下</t>
  </si>
  <si>
    <t>正常的，测量体温一般常用3个部位，即口腔、腋窝及肛门</t>
  </si>
  <si>
    <t>一般腋下正常体温为36-37℃。口腔温度比腋下高0.2～0.4度。出现体温偏低，临床上多见于使用 糖皮质激素 等治疗后引起，如果是足月产，一般停药后，加以保暖措施，宝宝体温会很快恢复正常的，请不必担心。</t>
  </si>
  <si>
    <t>一般来说宝宝的体温应该在36-37度的，35度以下属于体温不升，35.9度属于体温偏低，但属于可以接受的体温，可以注意给宝宝适量保暖的</t>
  </si>
  <si>
    <t>体温在35.9也是正常的，注意及时补充适当的水分</t>
  </si>
  <si>
    <t>牛角梳有臭味吗</t>
  </si>
  <si>
    <t>可以闻到一股腥味，如果闻不到，可以用热水泡一下，是真的角梳就会有味道的。</t>
  </si>
  <si>
    <t>有的。受潮会有，加热后也会有。</t>
  </si>
  <si>
    <t>真正的牛角梳，首先闻一下，可以闻到一股腥味，如果闻不到，可以用热水泡一下，是真的角梳就会有味道的。</t>
  </si>
  <si>
    <t>是的。真牛角梳会有角质的味道</t>
  </si>
  <si>
    <t>有腥臭味的应该是真的</t>
  </si>
  <si>
    <t>一个要看种类，角梳包括水牛角梳都可能有臭味的，没有臭味的就不是真角梳。</t>
  </si>
  <si>
    <t>南京团车网靠谱吗</t>
  </si>
  <si>
    <t>本人觉得靠谱</t>
  </si>
  <si>
    <t>我个人还是比较满意的</t>
  </si>
  <si>
    <t>团购的东西一般都是有点问题的，一般都是小问题，肯定和正常售价的不一样。</t>
  </si>
  <si>
    <t>骗子多哦</t>
  </si>
  <si>
    <t>电视背景墙用瓷砖好吗</t>
  </si>
  <si>
    <t>可以的。目前市面开始流行起一种仿石材的瓷砖，这种瓷砖不是用来铺地的，而是用来做电视背景墙的。</t>
  </si>
  <si>
    <t>根据自己的喜好来定，温馨一点即可。</t>
  </si>
  <si>
    <t xml:space="preserve">关键是看自己的预算有多少咯。如果预算充足的话建议用瓷砖做，如果预算很少的话就用壁纸吧，但是壁纸的缺点就是易旧，潮湿易坏，而且不够档次。今年比较流行用瓷砖电视背景墙。 </t>
  </si>
  <si>
    <t>可以的。现在用瓷砖做电视背景墙也是有的，用做电视背景墙装饰，很是能提高客厅档次</t>
  </si>
  <si>
    <t>电视背景墙在材料的选择上，也有很多的选择，像是常见的就是木材、大理石瓷砖以及软包等等。深色的大理石尊贵大气，白色、米色等浅色大理石则温润饱满，其鲜明的纹路为电视背景墙设计带来了丰富的内涵。木材，软包对于防火方面不是很好，且使用年限长容易老化，所以还是贴瓷砖的。</t>
  </si>
  <si>
    <t>自住房可以买卖吗</t>
  </si>
  <si>
    <t>自住型商品房在取得房屋产权证5年后可以上市交易，交易收益部分30%返还北京市政府，且今后不允许购买自住型商品房</t>
  </si>
  <si>
    <t>当然能卖了</t>
  </si>
  <si>
    <t>此类住房价格比周边商品住房低30%左右，面向全市符合限购条件的家庭；购买此类住房后五年内不得上市，五年后上市收益的30%上交财政。</t>
  </si>
  <si>
    <t>自住房又名自住型商品房，在取得房产证5年之后是允许出售的。</t>
  </si>
  <si>
    <t>只能居住、出租，不能买卖</t>
  </si>
  <si>
    <t>只是一般的商品房的话随时都可以卖，但是如果不是满五年或者唯一住房的话会交百分之二十多的税，如果住满五年，而且这是你唯一住房的话只用交百分之一的契税就可以了。</t>
  </si>
  <si>
    <t>碎木屑可以种花ma</t>
  </si>
  <si>
    <t>直接就可以，营养放一边，起码可以土质疏松，不积水啊，就像掺沙子一样。</t>
  </si>
  <si>
    <t>有些卖花的直接用木屑缠很少塘泥颗粒来种花，这样前期长的又快又好，运输也很轻，但买回来一定要及时换植料，不然害处很多。</t>
  </si>
  <si>
    <t>加了木屑后只浇一点水也会很快浸出来，不太能保持水分。</t>
  </si>
  <si>
    <t>不可以。因为木屑是未经腐烂的，还要在微生物的作用下才能变成易被植物吸收的养料，微生物的作用有可能破坏植物根系。</t>
  </si>
  <si>
    <t>可以，发酵一下比较好，加点培养土比较好，疏松透气性好养分充足，植物生长更好更旺。</t>
  </si>
  <si>
    <t>股份有限公司转让股权是否要登记</t>
  </si>
  <si>
    <t>有限责任公司内部股东之间不引起股东名称发生变化的股权转让，无需办理工商变更登记</t>
  </si>
  <si>
    <t>股权转让一定要办理工商变更登记，否则无效。</t>
  </si>
  <si>
    <t>公司任何变更都是需要工商变更登记的，否则无效哦！如果公司另有股权架构协议，则复杂的多。</t>
  </si>
  <si>
    <t>有限公司或个体企业当然要办理工商变更登记公司章程和内容。上市公司或股份公司则不必。</t>
  </si>
  <si>
    <t>公司变更股权 到公证处做登记 变更股权的当事人需要亲自到场才可以</t>
  </si>
  <si>
    <t>不需要。股份公司的设立登记和章程拟定只需要记载发起人的状况。因为股份公司的股份的载体是股票。当某个人持有该股份公司股票的时候，他就是该公司的股东。而公司登记机关很难掌握到这些交易信息。所以，公司登记机关是不登记非发起人股东的</t>
  </si>
  <si>
    <t>人间中毒全裸拍摄是假戏真做的吗</t>
  </si>
  <si>
    <t>没错</t>
  </si>
  <si>
    <t>虽打着19禁不伦恋情的名义，可尺度并不算太大；不可能假戏真做的</t>
  </si>
  <si>
    <t>流鼻涕能不能打预防针</t>
  </si>
  <si>
    <t xml:space="preserve">小儿流清涕，多是受凉所致，也或是上呼吸道感染的伴发症状，如果呈浊涕，甚至是黄浊涕，则应适当口服抗生素药物，如头孢菌素类。小儿免疫注射疫苗多是一些活菌减毒的疫苗，或是微毒性神经类毒素制剂。一般不建议孩子身体素质不好时接种，如孩子近期身体状态不佳，则最好延迟接种。 </t>
  </si>
  <si>
    <t>只要是不发烧，是可以打疫苗的。但是一定要跟医生再强调一下。我家宝宝上次就是轻微流涕，但不发烧，医生说不要紧。打了也没什么不适反应</t>
  </si>
  <si>
    <t>不可以的，宝宝如果流鼻涕，感冒生病什么的都不能打预防针</t>
  </si>
  <si>
    <t>生病的时候体质本来就弱，免疫系统不能很好的对抗注射的病毒，反而可能会真的得病。</t>
  </si>
  <si>
    <t>如果有感冒的症状，最好是别打的</t>
  </si>
  <si>
    <t>不可以的、只要宝宝不舒服就不能接种疫苗以防宝宝有不良反应、加重病情。</t>
  </si>
  <si>
    <t>不能，宝宝生病免疫力正处在薄弱时期，疫苗是一种活菌，这个时候给宝宝打疫苗，会加重病情。</t>
  </si>
  <si>
    <t>兔子吃树叶吗</t>
  </si>
  <si>
    <t>兔是草食小动物，需要采食一定量的纤维性食物。树叶、嫩枝以及果渣等经过适当处理可以作为家兔的饲料。</t>
  </si>
  <si>
    <t>有一些树叶可以吃，也有一些树叶兔子是不吃的</t>
  </si>
  <si>
    <t>兔子吃什么树叶，干草是兔子的主食，如果在没有干草的情况下，其实偶尔也是可以用一些别的树叶来代替的，对于一般的树叶兔子也是很喜欢吃的。比如刺槐叶、紫穗槐叶、桑叶及其枝条等等，或者是给它们适当的吃一些蔬菜也是可以的。下面我们来关注一下兔子爱吃的树叶有哪些吧。</t>
  </si>
  <si>
    <t>碧丽珠有毒吗</t>
  </si>
  <si>
    <t>虽然是用来抛光地板或家具的，但是其为化学试剂，肯定会有毒的。</t>
  </si>
  <si>
    <t>不会有毒，碧丽珠(美国)是一种水性的养护上光剂，气味芬芳，但是价格很贵。装修的时候最后都要在木质上面喷一遍，起到上光保护的作用。</t>
  </si>
  <si>
    <t>没毒。用多了就会有不适感。</t>
  </si>
  <si>
    <t>渝川大宗有政府批文吗</t>
  </si>
  <si>
    <t>渝川大宗是由四川省人民政府、四川省商务厅、凉山州人民政府批准成立的大宗交易市场，是有正式批文的。</t>
  </si>
  <si>
    <t>狗狗会躲雨吗</t>
  </si>
  <si>
    <t>狗根本不躲雨</t>
  </si>
  <si>
    <t>有的会，有的不会，要看狗狗的个性</t>
  </si>
  <si>
    <t>会躲雨</t>
  </si>
  <si>
    <t>当然知道呀，生物都有趋利避害的本能~</t>
  </si>
  <si>
    <t>极品体育是正品吗</t>
  </si>
  <si>
    <t>不一定的</t>
  </si>
  <si>
    <t>有好也有坏便宜没好货</t>
  </si>
  <si>
    <t>没有房产证可以交易吗</t>
  </si>
  <si>
    <t>没有房产证只有购房合同是不能进行交易的。　</t>
  </si>
  <si>
    <t>从国家法律政策来讲，没有产权证的房产是不允许交易的</t>
  </si>
  <si>
    <t>没有房产证的房子是不能买卖的，小产权房是没有在房管局做备案的，所以是不能买卖的</t>
  </si>
  <si>
    <t>新生儿耳屎稀黄正常吗</t>
  </si>
  <si>
    <t>如果是油性的少量分泌物，可以观察再看，如果发现可疑的脓性分泌物，就要及时到耳鼻喉科让医生检查一下，如果有感染，就及时冲洗用药治疗。</t>
  </si>
  <si>
    <t>宝宝的耳道分泌物是黄色的，有点油性的，粘成一小块，类似糊状，不是很干燥。这是因为宝宝在您的肚子里和羊水呆在一起好几月，不是像大人或大孩子那样很干燥。 如果宝宝的耳道分泌物不是很稀的那种，就是正常的，宝宝的代谢是很旺盛的，注意及时</t>
  </si>
  <si>
    <t>可能是得了油耳</t>
  </si>
  <si>
    <t>孕囊形状看男孩女孩准吗</t>
  </si>
  <si>
    <t>看你b超单上。第一个。如果是圆形就是女孩。长的，像茄子似的就是男孩。</t>
  </si>
  <si>
    <t>胎囊形状看男女，准。</t>
  </si>
  <si>
    <t>姜水可以洗头吗</t>
  </si>
  <si>
    <t>姜具有辛辣的性质 盐水具有低碱性 所以两者可以一起洗头</t>
  </si>
  <si>
    <t>可以的，姜水可以防脱发盐水有杀菌止痒的功效</t>
  </si>
  <si>
    <t>宫颈leep刀手术疼吗</t>
  </si>
  <si>
    <t>痛苦过程有一分多钟，对于我来说不算很疼.忍忍就过去.</t>
  </si>
  <si>
    <t>不疼的</t>
  </si>
  <si>
    <t>不疼，是无痛的。</t>
  </si>
  <si>
    <t>leep刀治疗宫颈糜烂手术治疗过程中痛感并不明显。</t>
  </si>
  <si>
    <t>你好，这种手术不疼的，激光手术疼痛感都比较小。LEEP刀创伤小，手术时间短，是目前主流的宫颈糜烂手术方式，而且效果不错。不用担心，祝你早日康复</t>
  </si>
  <si>
    <t>不会太痛，只是个小手术，如果有生育要求的话还是选择保守治疗，可以选用其他外用涂抹制剂，专业清除HPV病毒的治疗方法。</t>
  </si>
  <si>
    <t>上饶火车站和高铁站在一起吗</t>
  </si>
  <si>
    <t>是的！上饶普速列车与高铁都在一个唯一的火车站，上饶站。</t>
  </si>
  <si>
    <t>上饶就一个火车站，不论T/D/K的普速列车还是G/D的高铁动车都是在上饶站。</t>
  </si>
  <si>
    <t>上饶高铁站就是上饶新火车站，新火车站与老火车站二站之间相距8.5公里左右。走路要一个小时左右</t>
  </si>
  <si>
    <t>上饶是江西唯一普快和动车，高铁都集中在一个站的，到上饶，不管做什么火车，只要买上饶站就对了。</t>
  </si>
  <si>
    <t>胸胀是不是怀孕了</t>
  </si>
  <si>
    <t>不一定啊,只要还来月经就没事。</t>
  </si>
  <si>
    <t>可能 是怀孕哦</t>
  </si>
  <si>
    <t>导致乳房胀痛的原因很多，是否怀孕建议你验孕测试来确定结果。因此建议你以最后一次同房时间为准，在同房2周做个验孕测试；或者：如果平时月经规律，在月经推迟7天后验孕测试也可以确定结果</t>
  </si>
  <si>
    <t>这个不是这样说的，</t>
  </si>
  <si>
    <t>不一定怀孕的，怀孕常常表现为恶心，呕吐，厌油腻等胃肠道症状。建议做B超看看是否宫内有妊娠囊可以确诊的。</t>
  </si>
  <si>
    <t>奶茶能喝吗</t>
  </si>
  <si>
    <t>当然能喝啊</t>
  </si>
  <si>
    <t>奶茶能喝，但是最好不要天天喝，一周顶多喝个一、两杯解个馋即可.</t>
  </si>
  <si>
    <t>奶茶对人体有很多好处的，奶茶可以去油腻、助消化、益思提神、利尿解毒、消除疲劳，也适合于急慢性肠炎、胃炎及十二指肠溃疡等病人饮用。对酒精和麻醉药物中毒者，它还能发挥解毒作用。多喝就会起反作用，适量而止</t>
  </si>
  <si>
    <t>多喝奶茶对身体有很大伤害！！奶茶是高糖、高油、高热量，没有营养价值可言，算是一种垃圾食品。奶茶加的奶精，多由椰子油制成，喝多了容易发胖，脂肪容易堆积在肚子上，形成中广体形，很多习惯喝奶茶的人想要减肥，第一件事就是戒奶茶。椰子油中含大量饱和脂肪酸，会加速体内制造胆固醇，血脂肪也会急速上升，形成血管硬化，长期大量饮用，容易罹患高血压、糖尿病等慢性病。曾有统计数字显示，大量饮用奶茶超过三个月，血脂肪及胆固醇都会升高。奶茶只是油和糖的结合，因为奶精并非牛奶制成品，奶茶中又有大量糖分，几乎不含钙质，根本无法补充钙质，还对身体有很大伤害。奶茶最好不要天天喝，一周顶多喝一、两杯解个馋即可。</t>
  </si>
  <si>
    <t>水泥池井水可以养锦鲤吗</t>
  </si>
  <si>
    <t>可以! 只要是天然水,没经过加工的就可以。</t>
  </si>
  <si>
    <t>养锦鲤使用井水是很好的选择，但是井水通常温度很低，不能直接给锦鲤用。可以通过以下方法对井水加温后使用：1、阳光暴晒法加温，将井水放在阳光下暴晒观察水温变化，接近鱼缸内水温后即可给锦鲤使用。2、热得快加温，将热的快放入井水中通电观察水温变化，接近鱼缸内水温后即可给锦鲤使用。3、热水加温法，将一部分井水加热到50°以上，然后将热水一点点的倒入井水中观察水温变化，接近鱼缸内水温后即可给锦鲤使用。注：第一次使用井水最好测一下井水的ph值最好是7-8之间。如果差距很大可以去水族店买些调水体ph值的药物进行细微的调整。</t>
  </si>
  <si>
    <t>可以，不过要经过晾晒一到俩天放鱼时往水放点盐。</t>
  </si>
  <si>
    <t>能养，但是得换水，用高浓度盐水消毒。</t>
  </si>
  <si>
    <t>井水、自来水都可以养，不过要晒上一晒，最好用河水养。养鱼要绿水熟水，井水要经过晾晒，含氧量低，无有益菌，直接换的话不要换太多！</t>
  </si>
  <si>
    <t>可以，要暴晒，地下水溶氧量低，氯气大，再一个就看地下水质怎么样。</t>
  </si>
  <si>
    <t>健身可以带隐形眼镜吗</t>
  </si>
  <si>
    <t>一般正常的运动都是可以配戴的，像慢跑、台球、健身等等。</t>
  </si>
  <si>
    <t>健身不适合戴隐形眼镜</t>
  </si>
  <si>
    <t>运动的时候可以戴，就是小心撞到眼睛。</t>
  </si>
  <si>
    <t>佩戴隐形眼镜运动，更适合于框架眼镜。首先，隐形眼镜更贴合眼球，对于矫正视野效果来说，会更好，更清晰，更有利于运动员的发挥。其次，佩戴隐形眼镜，则不会因为出汗和碰撞，造成眼镜的破损和脱落。更便捷也更安全。</t>
  </si>
  <si>
    <t>可以的，戴隐形眼镜会更方便一些，隐形眼镜到魅眼官网选。</t>
  </si>
  <si>
    <t>没问题的，</t>
  </si>
  <si>
    <t>扬州宾馆有小姐吗</t>
  </si>
  <si>
    <t>你要什么这边基本都，有的。</t>
  </si>
  <si>
    <t>神武结拜了还能结婚吗</t>
  </si>
  <si>
    <t>可以，神武里夫妻结拜后也可以结婚，结婚后也可以结拜。</t>
  </si>
  <si>
    <t>结婚了可以结拜，结拜了可以结婚，都可以有两个称谓。</t>
  </si>
  <si>
    <t>斗破苍穹 完结了吗</t>
  </si>
  <si>
    <t>《斗破》已经完结了</t>
  </si>
  <si>
    <t>早完结了，都出版了</t>
  </si>
  <si>
    <t>小说更新完了，漫画还没更新完毕</t>
  </si>
  <si>
    <t>已经完结</t>
  </si>
  <si>
    <t>早就完咯</t>
  </si>
  <si>
    <t>完结了，已经出书了</t>
  </si>
  <si>
    <t>网络教育毕业难吗</t>
  </si>
  <si>
    <t>毕业证好拿，学位证难取，看你什么需求了。</t>
  </si>
  <si>
    <t>网络教育本科只要认真的看课件，那么是不难的！</t>
  </si>
  <si>
    <t>这类学历的社会认可度一般，目前国家承认的学历有，统招，自考，成考，远程，电大。</t>
  </si>
  <si>
    <t>网络教育还是比较容易毕业的</t>
  </si>
  <si>
    <t>女孩会每天自慰吗</t>
  </si>
  <si>
    <t>怪盗基德帅吗</t>
  </si>
  <si>
    <t>基德SAMA最帅了，特别是穿着白西装的时候，哇塞，帅呆了#怪盗基德的魅力很大我认为是基德殿下最帅啦</t>
  </si>
  <si>
    <t>怪盗基德都不帅，你认为世界上谁还会帅，就算你认为他不帅，你总有觉得帅的人吧，而基德会变装术，你喜欢谁他变谁。怪盗基德不但帅，智商还高，会变魔术让人开心，又时不时给你一个惊喜，加上对女友的痴情，对亲人的孝心，这样的男人不帅都难。（本人一向为基德的帅气倾倒，想起他就犯花痴）</t>
  </si>
  <si>
    <t>不错啊，和新一是命运的对手。而且长相和新一几乎一模一样。</t>
  </si>
  <si>
    <t>个人觉得挺帅的</t>
  </si>
  <si>
    <t>我大快斗最帅！</t>
  </si>
  <si>
    <t>很帅，觉地比新一 帅啊。</t>
  </si>
  <si>
    <t>胃癌卵巢转移还能手术吗</t>
  </si>
  <si>
    <t>胃癌属于比较常见的消化道的恶性肿瘤，一般早期可以及时手术治疗，出现转移的情况的话，则说明是出现中晚期的情况，在出现转移之后，已经失去最佳的手术时机，一般是不建议进行手术治疗的，可以根据情况进行放化疗治疗。</t>
  </si>
  <si>
    <t>如果你是医学生答案是Krukenburg瘤。如果是家属：胃癌转移至卵巢还是胃癌，是晚期表现，建议先行化疗。</t>
  </si>
  <si>
    <t>惠联惠商盟是传销吗</t>
  </si>
  <si>
    <t>单纯凭上述描述无法确定其是否属于传销范畴，传销是指组织者或者经营者发展人员，通过对被发展人员以其直接或者间接发展的人员数量或者销售业绩为依据计算和给付报酬，或者要求被发展人员以交纳一定费用为条件取得加入资格等方式牟取非法利益，扰乱经济秩序，影响社会稳定的行为</t>
  </si>
  <si>
    <t>健康安全网 惠联惠就是骗子传销公司</t>
  </si>
  <si>
    <t>我也办了张卡,也是1500,我都办了一年了,经常去店里买,比如说,雅力斯蛋白质粉,我原来都是在天猫上买168元一桶,我现在在惠联惠买46元钱,家里老人孩子都在吃,一个月就差不多两桶,一年下来省了很多钱,负离子生物磁的卫生巾在别的地方都25元,会员价也得近20元,我去惠联惠卖才4.5元,我是受益者,我觉得惠联惠不像你们说的那样不好,,我觉得有些人是恶意的,也有些人是专门来挑事的!</t>
  </si>
  <si>
    <t>冬天能去西藏吗</t>
  </si>
  <si>
    <t>冬季去西藏旅游是合适的，寻找冬天的暖意，拉萨天高气爽，自由地穿行藏地文化与自然的结合。给自己一个理由，冬天就去西藏旅游。</t>
  </si>
  <si>
    <t>零八年前的冬天很适合进藏</t>
  </si>
  <si>
    <t>冬游西藏也是很不错的，很漂亮。</t>
  </si>
  <si>
    <t>依个人身体状况，如果进藏前感冒，那就等感冒好了再进藏。冬天的西藏含氧量要低很多，一般刚到西藏会有一些高山反应都是正常的，依个人身体状况，需要2-3天的时间来适应，所以，不要把行程安排的太紧张。</t>
  </si>
  <si>
    <t>高原气候寒冷，空气稀薄。不适合冬季去旅游。</t>
  </si>
  <si>
    <t>833的车牌好吗</t>
  </si>
  <si>
    <t>注意事项。在选车牌时，还应注意以下几点。1、 阴阳互见。所谓阴阳互见，就是车牌号的数字要有单有双，不能全单或全双，因为《易》理认为，孤阴不生，独阳不长。2、 三才得配。所谓三才得配是指天、地、人三者的关系要处理恰当，人生活在天地之间，一定要尊天敬地。如果三位数，其中间数不要全大于前后的数，如果四位数字，其中间两位数不要全大于前后的数，如果五位数，其中间的一位数不要全大于两边的数。</t>
  </si>
  <si>
    <t>个人觉得还不错。</t>
  </si>
  <si>
    <t>这个号很不错。</t>
  </si>
  <si>
    <t>这个车牌说真的，不咋滴。</t>
  </si>
  <si>
    <t>连云港有火车站吗</t>
  </si>
  <si>
    <t>有连云港站和连云港东站。</t>
  </si>
  <si>
    <t>两个，连云港和连云港东，连云港东站火车多，连云港站一天只有两三个火车。</t>
  </si>
  <si>
    <t>连云港站（新浦）火车站正在重建中，所有火车都到连云港东站下客。</t>
  </si>
  <si>
    <t>连云港市有2个火车站。</t>
  </si>
  <si>
    <t>神仙道还有人玩吗</t>
  </si>
  <si>
    <t>现在玩的人还是比以前少了很多的</t>
  </si>
  <si>
    <t>鱼缸对着门好吗</t>
  </si>
  <si>
    <t>要看你家大门方向</t>
  </si>
  <si>
    <t>鱼缸对着大门不一定就不好，但也不一定就好，关键看这个鱼缸的方位，一定不能摆错，否则可能出现意想不到的破财之事。</t>
  </si>
  <si>
    <t>可以的，最好在鱼缸里也放上一些水草</t>
  </si>
  <si>
    <t>不好，不聚财</t>
  </si>
  <si>
    <t>很好呀！没关系的！鱼跃龙门！</t>
  </si>
  <si>
    <t>主要应根据户主的命卦五行而定。</t>
  </si>
  <si>
    <t>风水说可以摆的，主要是看面朝向，一般朝大门或朝南，鱼挡煞水聚财，尽量不要对厨房、卧室和卫生间就可以。</t>
  </si>
  <si>
    <t>根据风水学来说不能。</t>
  </si>
  <si>
    <t>宫颈锥切术要住院吗</t>
  </si>
  <si>
    <t>必须住院的</t>
  </si>
  <si>
    <t>你好，都需要住院，4-5天时间，</t>
  </si>
  <si>
    <t>宫颈锥切手术需要住院治疗</t>
  </si>
  <si>
    <t>苹果耳机是美标吗</t>
  </si>
  <si>
    <t>苹果采用的耳机接口标准为3.5国际标准（也是美标）。</t>
  </si>
  <si>
    <t>不一样的，因为有两个标准，一个是国际的，一个是天朝的，天朝标准的耳机圈圈是黑色的，国际的是白色的。最主要的还是因为地线和麦线接法不一样。</t>
  </si>
  <si>
    <t>国行肯定是国标的；美版的耳机是美标。区分在于插头的颜色而已。</t>
  </si>
  <si>
    <t>lol女生玩的多吗</t>
  </si>
  <si>
    <t>多，现在玩这游戏的很多。</t>
  </si>
  <si>
    <t>真心少，男性是占大多数的。</t>
  </si>
  <si>
    <t>绝对不少，但是不会很多</t>
  </si>
  <si>
    <t>黑色玫瑰的女生第一多，大约十分之一是女生，平均玩一局就能碰见一个。第2是诺克萨斯</t>
  </si>
  <si>
    <t>ios系统要不要更新</t>
  </si>
  <si>
    <t>假如你是想更新到iOS10.3.1 那么先别更新 ，据升级客户反应 存在三方面问题1.严重卡顿2.频繁死机3.耗电快。因此 建议再等等 等着这些问题解决了再升级</t>
  </si>
  <si>
    <t>设备硬件过旧,容易被外来软件攻击，更新可以加强系统安全性，软件更新可以更好的使用和安全。</t>
  </si>
  <si>
    <t>那要看是什么机型了。</t>
  </si>
  <si>
    <t>怀上第二胎后老是拉肚子,会早产吗</t>
  </si>
  <si>
    <t>拉肚子严重的可能会导致早产。因为拉肚子很厉害的时候，会引起宫缩，所以怀孕的时候拉肚子还是要很注意的。平时自己多注意点，不要吃生冷的冰凉的辛辣的饮食，注意保暖，不要太紧张了。</t>
  </si>
  <si>
    <t>拉肚子有可能会引起早产或流产,所以准妈妈在拉肚子时,尽快去医院化验大便,防止病毒性感染。</t>
  </si>
  <si>
    <t>拉肚子严重会出现宫缩，是会引起早产现象，需要重视，建议平时注意饮食清淡，不要吃生冷辛辣刺激性的食物，多吃含维生素，含蛋白质高的食物，注意保暖，避免感冒着凉。</t>
  </si>
  <si>
    <t>如果不是身体原因，都应该是在预产期前后，生育前后相差几天，也都属于正常现象。</t>
  </si>
  <si>
    <t>牛皮癣能吃羊肉吗</t>
  </si>
  <si>
    <t>不可以食用。羊肉可益气补虚，促进血液循环，增强御寒能力。但是，很少有人清楚牛羊肉属于红肉，肌肉纤维粗硬、脂肪含量较高，花生四烯酸的含量更是高于其他的肉类食物。牛皮癣皮疹中含有高于正常人20多倍的花生四烯酸，而花生四烯酸的代谢产物参与了牛皮癣的炎症。很多患者正是因为喝了羊肉汤，让潜伏多年的牛皮癣复发。因此，牛皮癣患者要对羊肉严格的忌口。尤其是病情严重的牛皮癣患者。由于牛皮癣受到饮食的忌口制约，所以对于牛皮癣患者来说，格外容易引发牛皮癣的羊肉是应该鄙弃不食用的。</t>
  </si>
  <si>
    <t>牛皮癣是一种易复发的疾病，诱发的因素很多，牛、羊肉是牛皮癣患者的禁食食物，原因是：牛、羊肉主动而性升浮，食品易动风升阳，可以诱发或加重皮肤疮疡肿毒。所以建议患有牛皮癣的人群不要食用牛羊肉这些发物。</t>
  </si>
  <si>
    <t>邪瞳好看吗</t>
  </si>
  <si>
    <t>我看过这部小说，总体写的还不错，主要讲了血族异眸少女火彤穿越到五行之国，附身于火家三小姐的身上，由于身体无法承受血族力量，她不得不寻求增强体质的方法，因此卷入了五行纷争和七国战乱之中，为了保护哥哥和自己，火彤不断地和各方敌对势力争斗，铲除一切敌人，平定内乱，擒拿叛贼，并代表国家出席七国会议，揭穿敌人阴谋，将七国自战火之中解放。</t>
  </si>
  <si>
    <t>好看呀,已经出版了穿越玄幻文。</t>
  </si>
  <si>
    <t>好好看</t>
  </si>
  <si>
    <t>癌症能吃鸡蛋吗</t>
  </si>
  <si>
    <t>戴龙瑞教授认为，社会上流传着：“癌症病人不能吃鸡和鸡蛋”，这种说法是没有科学根据的。近年来，国内外医学家研究发现，鸡蛋是一种防癌抗癌佳品，我国专家从鸡蛋中分离出一种抗胃癌细胞的IGY抗体，经动物实验证明，该抗体能杀死大部分胃癌细胞，而对正常组织细胞无任何损伤。</t>
  </si>
  <si>
    <t>蛋清有益可以吃，蛋黄属强酸性食品尽量不吃。</t>
  </si>
  <si>
    <t>大连海之韵公园好玩吗</t>
  </si>
  <si>
    <t>改建后的大连海之韵公园比原先多了很多的雕塑景点，但是因为交通先行如果不做电瓶车的话，还是比较累的，但是依山傍水的景色却是非常好</t>
  </si>
  <si>
    <t>有一年没去了，一年前公园都拆了，盖楼，然后重建，估计楼还没盖好，公园也没修好。</t>
  </si>
  <si>
    <t>徒步可以的，非常好玩</t>
  </si>
  <si>
    <t>路由器密码需要修改吗</t>
  </si>
  <si>
    <t>不需要。家用路由器有个默认ip地址的(如果没有可以去改动的话)，你可以通过电脑（有线或无线方式都可）http访问这个地址，然后进去修改无线网密码就可以。（无线访问的话，当你修改密码保存后，你的电脑就联不到这个路由器了，原来那个web页面关掉即可）过一会再用新的密码接入无线网即可。</t>
  </si>
  <si>
    <t>女人夏天穿bra 不热吗</t>
  </si>
  <si>
    <t>热啊</t>
  </si>
  <si>
    <t>确实有很多不穿的，穿着就是热得难受。</t>
  </si>
  <si>
    <t>当然会热啦 有几次没有穿 但还是穿着比较好</t>
  </si>
  <si>
    <t>有 肯定很热</t>
  </si>
  <si>
    <t>热啊 热也得穿啊</t>
  </si>
  <si>
    <t>热</t>
  </si>
  <si>
    <t>有夏款的胸罩，也有冬款的胸罩，只要在夏天搭配夏款的文胸，就不会出现这种现象。所以还是要在不同的季节搭配不同的厚度的胸罩才行。</t>
  </si>
  <si>
    <t>金龙鱼的油好吗</t>
  </si>
  <si>
    <t>好啊！我家只吃金龙鱼，金龙鱼调和油1:1:1就是金龙鱼油所说的黄金比例食用调和油，其中含浓香花生油、芝麻油、玉米油、葵花籽油、菜籽油、大豆油、亚麻籽油、红花籽油等八种原料，意思是在一瓶油里能同时摄取八种植物油的营养。</t>
  </si>
  <si>
    <t>好是好，但没有价格优势，所以滞销。</t>
  </si>
  <si>
    <t>花生油还是不错的 其他的什么调和油嘛 就不行了</t>
  </si>
  <si>
    <t>听说不是很好，具体不知道是不是真的。</t>
  </si>
  <si>
    <t>最近金龙鱼葵花籽油出了新包装，用来炒菜味道比较香</t>
  </si>
  <si>
    <t>卤菜健康吗</t>
  </si>
  <si>
    <t>是的啊 ~~~</t>
  </si>
  <si>
    <t>卤菜不是健康食品</t>
  </si>
  <si>
    <t>也不一定的，不过也不能经常吃的，那样肯定对体身有害的，偶尔吃一次没有关系的</t>
  </si>
  <si>
    <t>不好，常吃卤的菜会降低人体免疫力而且卤制品中都要加食盐，如果食盐量低于15%，细菌就会大量繁殖，使食品中的亚硝酸盐含量增加，亚硝酸盐又极易与胺化合，生成亚硝胺，长期食用亚硝酸盐含量高的食品，有可能诱发癌症。希望可以把你到你，不要再吃那些卤制品了</t>
  </si>
  <si>
    <t>最好还是少吃为好,腌制食品 在腌制过程中，需要大量放盐，这会导致此类食物钠盐含量超标，造成常常进食腌制食品者肾脏的负担加重，发生高血压的风险增高。</t>
  </si>
  <si>
    <t>邓丽君唱过千里之外吗</t>
  </si>
  <si>
    <t>《千里之外》是费玉清、周杰伦合唱的一首歌曲，由周杰伦作曲，方文山作词，收录于周杰伦2006年发行的专辑《依然范特西》中，是周杰伦的代表作品之一。此歌有独唱版，由费玉清演唱。</t>
  </si>
  <si>
    <t>用360度立体投影将邓丽君请到舞台上一起合唱过</t>
  </si>
  <si>
    <t>邓丽君没有唱过。</t>
  </si>
  <si>
    <t>不是邓丽君，那是声音超像邓丽君的一位好声音学员名字叫朗嘎拉姆</t>
  </si>
  <si>
    <t>刷单是否违法</t>
  </si>
  <si>
    <t>刷单是违法的</t>
  </si>
  <si>
    <t>刷单行为牵涉电商平台、卖家、刷客、所谓的中介公司等多方利益关系，这一社会新现象并非属于法律监管的真空，很明确这一行为是违法的。</t>
  </si>
  <si>
    <t>很明确这一行为是违法的。根据《反不正当竞争法》的规定，经营者不得利用广告或者其他方法对商品的质量、制作成分、性能、用途、生产者、有效期限、产地等作引人误解的虚假宣传，商家通过刷客提高自己信誉的行为，触犯了《反不正当交易竞争法》。</t>
  </si>
  <si>
    <t>刷单刷信誉是一种违背诚信的不正当竞争行为。首先，对于刷单刷信誉的组织、领导者，以及刷单活动的积极参加者而言，其行为属于非法经营行为，情节严重的，还涉嫌非法经营罪。</t>
  </si>
  <si>
    <t>刷单并不违法，仅仅是属于淘宝违规，法律没有任何一条规定电商刷单行为的，刷单早就是电商平台的潜规则了，仅仅只是靠平台自我约束，和法律扯不上任何关系。</t>
  </si>
  <si>
    <t>抽烟不过肺有危害吗</t>
  </si>
  <si>
    <t>就看你怎么吸了。像你这样，会损伤气管，烟龄如果太长，还可能导致口腔癌和喉癌。你这样吸烟也有害，只不过比过肺吸烟这种方法的危害要小很多！用烟民的话来说，吸香烟不过肺是浪费烟草，其实意思就是吸真正的香烟不过肺是体会不到香烟的香的，除非你吸的不是真正的香烟，而是那些带有各种香味，比如各种果味的那些其它烟。 香烟里的尼古丁是用来刺激大脑神经，从而给吸烟者带来快感，香烟里的焦油就是烟民们常说的所谓“劲道”，就是吸进去，肺部感受到的味道的深与重。</t>
  </si>
  <si>
    <t>有，因为你不可能完全不吸入，被动吸烟都有害，</t>
  </si>
  <si>
    <t>有害，烟中含有尼古丁会储存在你的口腔和鼻子中，慢慢的会引起一些口腔累的病，所以不建议吸烟</t>
  </si>
  <si>
    <t>肺烟是将烟气深吸气吸进肺部，和血液交换的比较多，对身体伤害最大。即使不过肺，烟气中的的毒素和口腔粘膜接触，也能引发病变，吸烟也是喉癌咽喉癌的一大诱因</t>
  </si>
  <si>
    <t>理论上说不经过肺不会伤肺</t>
  </si>
  <si>
    <t>qq飞车万能咕噜球开五十个是必得永久a吗</t>
  </si>
  <si>
    <t xml:space="preserve">有的人抽一个就得了，有的人抽100个都未必。 </t>
  </si>
  <si>
    <t>紫玉兰是乔木还是灌木</t>
  </si>
  <si>
    <t>乔木</t>
  </si>
  <si>
    <t>超生外地上户,回本地要罚款吗?</t>
  </si>
  <si>
    <t>如果不符合法定生育条件违法生育子女（超生）的当事人已在外省接受了计生行政管理部门的行政处理，并依法缴纳了社会抚养费（罚款）后回到当地，当地计生部门不得以同一违法事实对当事人作出二次行政处理。</t>
  </si>
  <si>
    <t>不会再罚了</t>
  </si>
  <si>
    <t>有一种情况例外：如果外省行政处理决定是错误的（包括执法主体的错误、征收程序的错误、征收条款引用的错误或征收决定的错误等），当地计生部门可以与外省的计生部门联系确认，由外省计生行政管理部门主动撤销对当事人作出的处理决定，再由当地计生行政管理部门对该当事人的违法生育行为重新作出征收决定。</t>
  </si>
  <si>
    <t>按规定必须在户籍地计生办交纳社会扶养费，到异地交纳户籍地不认可</t>
  </si>
  <si>
    <t>如果他们觉得异地的处罚标准错误，可能会追缴</t>
  </si>
  <si>
    <t>银行买理财划算吗</t>
  </si>
  <si>
    <t>一般吧。如果准备长期受益，还是做个长久规划的好</t>
  </si>
  <si>
    <t>奶茶好吗</t>
  </si>
  <si>
    <t>奶茶是高糖、高油、高热量，没有营养价值可言，算是一种垃圾食品。奶茶加的奶精，多由椰子油制成，喝多了容易发胖，脂肪容易堆积在肚子上，形成中广体形，很多习惯喝奶茶的人想要减肥，第一件事就是戒奶茶。椰子油中含大量饱和脂肪酸，会加速体内制造胆固醇，血脂肪也会急速上升，形成血管硬化，长期大量饮用，容易罹患高血压、糖尿病等慢性病。奶茶只是油和糖的结合，因为奶精并非牛奶制成品，奶茶中又有大量糖分，几乎不含钙质，根本无法补充钙质，还对身体有很大伤害。</t>
  </si>
  <si>
    <t>天天喝奶茶不好，不利于身体健康。</t>
  </si>
  <si>
    <t>奶茶对人体有很多好处的，奶茶可以去油腻、助消化、益思提神、利尿解毒、消除疲劳，也适合于急慢性肠炎、胃炎及十二指肠溃疡等病人饮用。对酒精和麻醉药物中毒者，它还能发挥解毒作用。</t>
  </si>
  <si>
    <t>奶茶只是油和糖的结合，因为奶精并非牛奶制成品，奶茶中又有大量糖分，几乎不含钙质，根本无法补充钙质，还对身体有很大伤害。</t>
  </si>
  <si>
    <t>iu会日语吗</t>
  </si>
  <si>
    <t>IU会的语言之一有日语。</t>
  </si>
  <si>
    <t>钉钉能监控位置吗</t>
  </si>
  <si>
    <t>　这个软件是针对员工外出上下班是签到打卡用的，可以记录员工上下班打卡时的位置。</t>
  </si>
  <si>
    <t>可以监控位置，只要你签到就会显示位置</t>
  </si>
  <si>
    <t>可以监控位置，只要你签到就会显示位置，运动轨迹无法查询。但可以根据位置点进行关联。</t>
  </si>
  <si>
    <t>能监控位置不能查轨迹</t>
  </si>
  <si>
    <t>号称不会主动定位</t>
  </si>
  <si>
    <t>钉钉暂时还没有开通实时监控位置的功能</t>
  </si>
  <si>
    <t>白眉大侠好看吗</t>
  </si>
  <si>
    <t>那个时候而言是一部很好看的电视剧。</t>
  </si>
  <si>
    <t>看个人喜好</t>
  </si>
  <si>
    <t>减肥喝豆浆好吗</t>
  </si>
  <si>
    <t>豆浆所含的有效成份在消化吸收的过程中，可以抑制碳水化合物和脂质的吸收，所以能帮助瘦身。</t>
  </si>
  <si>
    <t>喝豆浆是有一定的减肥效果。</t>
  </si>
  <si>
    <t>喝豆浆减肥是有一些道理的。但是也要配合饮食和运动的，我是比较建议早上喝，我是每天早上一杯永和豆浆，自己泡的，加上燕麦片，管饱还能瘦身。</t>
  </si>
  <si>
    <t>多喝豆浆巧减肥，豆浆中含有的大豆皂甙对血中的胆固醇、中性脂肪均有降低作用。</t>
  </si>
  <si>
    <t>射精会降低免疫力吗</t>
  </si>
  <si>
    <t>没什么影响好多人都是天天行房的，对免疫力没什么影响＃＃会下降，记忆力还会减退呢</t>
  </si>
  <si>
    <t>不会导致免疫力下降，但频繁的射精可能导致性功能出现障碍</t>
  </si>
  <si>
    <t>肯定会让免疫能力进一步降低啊＃＃有</t>
  </si>
  <si>
    <t>踏板摩托车可以跑长途吗</t>
  </si>
  <si>
    <t>可以。发动机在不缺机油，正常行驶速度的情况下，跑长途是绝对没问题的。</t>
  </si>
  <si>
    <t>跑长途路程上是没有问题，就是踏板的通过能力不如跨骑，所以沿途路况前弄清楚。</t>
  </si>
  <si>
    <t>不能跑，如果实在要跑的话应在80KM后停2个小时。不然的话，一般是把皮带跑断。</t>
  </si>
  <si>
    <t>应该可以，没油就加油站加油</t>
  </si>
  <si>
    <t>普通踏板摩托车可以跑长途，但由于发动机排量小，且普通踏板摩托车大多是强制风冷的，发动机散热不好容易高温，所以跑长途时最好是每行驶一、两个小时或100公里左右停车休息一会，给发动机降降温，以减少发动机的热衰和磨损。</t>
  </si>
  <si>
    <t>有没有传奇世界网页游戏</t>
  </si>
  <si>
    <t>这种网页版传奇 有很多私人架设的网页版也有的 都很容易找到的</t>
  </si>
  <si>
    <t>在传奇世界网页版里，除了拥有战士、法师、道士三个经典职业外，还拥有特殊的元神职业，相当于可以挑选更多特色职业。</t>
  </si>
  <si>
    <t>感冒会影响味觉吗</t>
  </si>
  <si>
    <t>会，因为高温会让味觉酶失效！</t>
  </si>
  <si>
    <t>人体感冒以后，是会出现嗅觉和味觉功能失灵的。</t>
  </si>
  <si>
    <t>因为鼻子跟嘴都是味觉器官，感冒了影响了其一的工作!另一也会受要影响!</t>
  </si>
  <si>
    <t>u盘能一直插在电脑上吗</t>
  </si>
  <si>
    <t>建议不要长期放在电脑上</t>
  </si>
  <si>
    <t>1、如果电脑在长时间使用，U盘也是通电的，U盘的电子元件长时间的在带电的情况下是会缩短寿命的。2、就是电脑在不用的过程中，U盘插在上面，也可能不小心会触碰到，导致U盘的损坏。3、U盘长时间插在电脑上，电脑开机，电脑会自动识别U盘，还会导致在电脑关机时忘记弹出U盘，导致U盘驱动损坏。4、所以建议U盘不要长期插在电脑上，不用时，弹出U盘，即时拔出。</t>
  </si>
  <si>
    <t>存储数据交换完后，即刻要将U盘取下来，不要把U 盘当硬盘使用，同时尽量不要长时间打开U盘，读取U盘中的数据，更不能长期插在电脑上</t>
  </si>
  <si>
    <t>会伤害处的</t>
  </si>
  <si>
    <t>任何电器，通电使用时间长都会发热，所以长时间使用肯定会影响U盘的使用寿命。</t>
  </si>
  <si>
    <t>l7层智能qos有用吗</t>
  </si>
  <si>
    <t>亲，注意以下几点哦二楼不能卖，因为一楼有的问题二楼的有不能卖设备层，会比较吵不能卖顶层，要是房产公司不靠谱，会造成漏水等I5</t>
  </si>
  <si>
    <t>7楼</t>
  </si>
  <si>
    <t>返流食管炎能吃水果吗</t>
  </si>
  <si>
    <t>平时避免暴饮暴食，多喝水，多食新鲜的蔬菜水果，饭后适当多活动，保持良好的心情，</t>
  </si>
  <si>
    <t>返流性食管炎一般是不建议吃酸性的水果的。</t>
  </si>
  <si>
    <t>可以，但味道不能太浓太涩，且要在饭前吃，或者说胃里东西不多的情况下吃。</t>
  </si>
  <si>
    <t>你看懂美乐家了吗?</t>
  </si>
  <si>
    <t>不是骗子，只是国内才刚刚开始知道的人不多。</t>
  </si>
  <si>
    <t>双卡手机能不能上两个微信</t>
  </si>
  <si>
    <t>双卡双待手机使用两个微信方法如下：1.首先在手机上安装360卫士安全软件。2.下载一个微信分身软件。3用两个手机号分别注册登录，和平时用微信一样，可以同时使用。</t>
  </si>
  <si>
    <t>不得的，手机能安装一个威信，但是微信只能上一个号，QQ能关联两个帐号，微信目前不行。</t>
  </si>
  <si>
    <t>一个微信客户端一直用长时间不更新，直至安装新版微信时无法检测到老版，就可以再安装一个客户端在手机上，这样就能同时使用两个了</t>
  </si>
  <si>
    <t>能够绑定两个微信，但不能同时上两个微信</t>
  </si>
  <si>
    <t>手机上面安装了两个不同版本的微信是可以同时登陆两个微信的</t>
  </si>
  <si>
    <t>下载一个微信双卡软件，就可以上得两个微信，跟双卡没有关系。</t>
  </si>
  <si>
    <t>面包糠可以生吃吗</t>
  </si>
  <si>
    <t>面包糠是一种广泛使用的食品添加附料，用于油炸食品表面，如：炸鸡肉、鱼肉、海产品（虾）、鸡腿、鸡翼、洋葱圈等。其味香酥脆软、可口鲜美、营养丰富。别这样直接吃啊！</t>
  </si>
  <si>
    <t>你可以先看看说明，有的可以现吃，有的不可以。</t>
  </si>
  <si>
    <t>面包糠是可以直接食用的。</t>
  </si>
  <si>
    <t>如果自己做的面包糠是用片包做成的，可以直接吃，但是带包的就不行</t>
  </si>
  <si>
    <t>能吃，炸鸡柳外面那层</t>
  </si>
  <si>
    <t>这个是面包的碎屑，可以吃的</t>
  </si>
  <si>
    <t>孕妇能吃熏鱼吗</t>
  </si>
  <si>
    <t>最好是不要吃，腌制的东西都含有一点有害物质，当然吃的不多对身体是没什么事的。但是对于孕妇而言最好是不要吃。孕早期食欲差，应通过保持愉快稳定的情绪，注意食物的色、香、味俱佳，不应靠吃些腊肠、熏鱼等熏制腌制食品或较咸的菜肴来调节胃口。要增加食欲可以多吃些新鲜的水果、蔬菜、酸牛奶、烤面包等食品。孕妇尽量少吃或不吃腌制咸菜为好，咸菜里边盐份过高，而且腌制的东西细菌也比较多，孕妇吃了后对胎儿不好，所以还是不吃为好。怀孕期间注意保暖，不要受凉，多吃水果蔬菜，不要吃辛辣刺激食物为好，多休息，做好产检，确定胎儿健康的话才没事。</t>
  </si>
  <si>
    <t>qq能跑长途吗</t>
  </si>
  <si>
    <t>你是购买新车吗？那是没有问题的，但你不要指望它长时间高速行驶，这样会影响使用寿命，后期会增加维修保养费用的。</t>
  </si>
  <si>
    <t>小排量车不适合跑长途</t>
  </si>
  <si>
    <t>首先，奇瑞QQ跑长途是没有问题的，在有的小城里QQ作为出租车整天满街跑，一年也都跑上8-10万公里，甚至更多，实践证明该车质量已“合格”；二，建议选购1.1排量的车，如果要想去西藏那就更应如此，毕竟排量大其动力也大些，爬山上坡比较有“劲”。</t>
  </si>
  <si>
    <t>没事，速度不要高于100迈就行</t>
  </si>
  <si>
    <t>随便跑，不过我最多一次跑过三百多公里，来回算六百吧，平凡事中做不平凡人!</t>
  </si>
  <si>
    <t>没问题！</t>
  </si>
  <si>
    <t>ssw解散了吗</t>
  </si>
  <si>
    <t>原三星，战队的十名老队员，有九名已经确认离对，不知究竟因为什么。</t>
  </si>
  <si>
    <t>猎豹浏览器可以翻墙吗</t>
  </si>
  <si>
    <t>深圳富士康包住吗</t>
  </si>
  <si>
    <t>深圳富士康在龙华和观澜各有一个厂区的，在深圳市龙华区东环二路。包住不包吃，吃的每个月从工资里扣400，龙华那边的厂现在这段时间也没有住宿，给住宿补贴，自己去外面找房子住，所以建议去观澜那边，现在是高峰期，加班多，所以每个月挣的也多，大概能有个5K左右吧，做到过完年就没这么忙，也没这么多了~他们不是有个叫什么“我要聘微招聘”的公众号么？你可以去那里看看具体的信息的~求采纳！</t>
  </si>
  <si>
    <t>都是包吃包住的，都有这些提供！</t>
  </si>
  <si>
    <t>吃住要扣钱。</t>
  </si>
  <si>
    <t>先吃后扣、住免费</t>
  </si>
  <si>
    <t>不包吃住的,厂内有食堂和宿舍,吃的话就扣钱,不吃不扣,住宿舍每月扣110,不住不扣!</t>
  </si>
  <si>
    <t>畅分享能提现吗</t>
  </si>
  <si>
    <t>真的，我都提现好几次了</t>
  </si>
  <si>
    <t>个人认为这个公司不是正规公司,原因有下： 1、网上搜索不到主页，只搜索到一个附页。 2、公司网站备案号在工信部查询不到。 3、公司经营产品陌生，和传销很类似。</t>
  </si>
  <si>
    <t>根据游戏王打码的经验，分享文章是奖励会员的一种好办法，等你分享成功后获得奖励，奖励完成后就可以提现了。是真的。</t>
  </si>
  <si>
    <t>假的，没有备案也没有客服，公众账号也是普通的，qq官方群根本没有的。</t>
  </si>
  <si>
    <t>微软surface rt可以升win10吗</t>
  </si>
  <si>
    <t>目前不可以</t>
  </si>
  <si>
    <t>surface RT不能安装WIN10系统，因为，CPU构架问题，Surface RT的CPU构架是ARM，这一构架不能完全支持window，只能支持改造后windows RT，windows RT是微软为了抢占移动产品市场推出权宜之计。</t>
  </si>
  <si>
    <t>rt版的是不能升的。</t>
  </si>
  <si>
    <t>这个本可以升级WIN10的。</t>
  </si>
  <si>
    <t>上海图书馆可以自习吗</t>
  </si>
  <si>
    <t>可以的。图书馆里有为自习专门划分的区域</t>
  </si>
  <si>
    <t>一楼西侧的阅览室可以自己带书进去自习，书包也行</t>
  </si>
  <si>
    <t>彩票有规律么</t>
  </si>
  <si>
    <t>一般来说，概率游戏的号码的随机出码没有什么规律，随机性很强，很难把握。</t>
  </si>
  <si>
    <t>没有的，还是碰的运气。</t>
  </si>
  <si>
    <t>有时候是有规律的，这个不就看你能不能把握住</t>
  </si>
  <si>
    <t>我知道，我的那个就是这样玩不过中不了大奖的。没什么用</t>
  </si>
  <si>
    <t>例假时能吃巧克力吗</t>
  </si>
  <si>
    <t xml:space="preserve">巧克力含有丰富的氨基酸，当女性生理期来的时候，会特别需要生长的荷尔蒙来把营养物质变成肌肉， 巧克力含有丰富氨基酸，就能刺激生长 荷尔蒙的分泌。并且巧克力本身也含有一些咖啡因，对于女性月经期间的痛经或是因为失眠所造成的轻微头痛、头重也有缓解的作用。所以生理期时，最好选择不含糖的纯巧克力。如此一来不但吃巧克力不会发胖，还能帮助消除脂肪。 </t>
  </si>
  <si>
    <t>能吃，但是少吃为好。</t>
  </si>
  <si>
    <t>女生在经期适当的吃一些巧克力，有助使血液中的抗氧化物成分明显增加。减轻女生在经期间不适。女生在经期是可以适当的吃一些巧克力的。</t>
  </si>
  <si>
    <t>不能吃，巧克力含有可可因，加速血液流动，为了健康起见，经期不宜食用。</t>
  </si>
  <si>
    <t>巧克力含有丰富的镁、钾和维他命A以及可可碱，因而具有高能值。并且，巧克力还含有丰富的氨基酸，当女性生理期来的时候，会特别需要生长的荷尔蒙来把营养物质变成肌肉，因为巧克力含有丰富氨基酸，就能刺激生长荷尔蒙的分泌，所以生理期时，要选择不含糖的纯巧克力！</t>
  </si>
  <si>
    <t>在经期适当吃一些巧克力是有所好处，但也不能多吃，吃多了对身体不好。适当食用，有助使血液中的抗氧化物成分明显增加，减轻女性在经期间不适。</t>
  </si>
  <si>
    <t>月经期间最好不要吃巧克力的说法。这个观点认为：巧克力会使情绪更加不稳，还会嗜糖，除了会发胖之外，人体维他命B的需求也会增加。同时，糖会消耗身体内维他命B与矿物质，并使人更爱吃糖类食物。进食高糖类的甜食，不但不能缓解经期不适，反而可能因血糖不稳定，而影响体内荷尔蒙的平衡，加重不适感。</t>
  </si>
  <si>
    <t>女性在经期适当的吃一些巧克力，有助使血液中的抗氧化物成分明显增加。减轻女性在经期间不适。女性在经期是可以适当的吃一些巧克力的巧克力的苯酚复合物不单能防止巧克力本身脂肪腐化变酸，更能在被食入人体后，迅速给血管吸收，在血液中抗氧化物成分明显增加，并很快积极作用为一种强有力的阻止LDL氧化及抑制血小板在血管中活动的抗氧化剂 。这些本分物质对人体血管保持血液畅通起着重要作用。所以在经期适当吃一些巧克力是有所好处，但也不能多吃，吃多了对身体不好。</t>
  </si>
  <si>
    <t>御美丽是传销吗</t>
  </si>
  <si>
    <t>直销信息管理系统，查看直销名单！</t>
  </si>
  <si>
    <t>这要看是不是采取倍增模式运作的</t>
  </si>
  <si>
    <t>这个建议去商务部的官网看一，下凡是没有名字的都是不合法的，合法或者是不合法国家最有发言权了</t>
  </si>
  <si>
    <t>如果它的加盟方式 操作的模式 跟直销模式相似的就是传销 ，建议不要去做，害人害己，伤害自己的人脉和信誉；</t>
  </si>
  <si>
    <t>深圳好找工作吗</t>
  </si>
  <si>
    <t>看你会什么，想找什么工作，不切实际那还是算了，小心黑中介。</t>
  </si>
  <si>
    <t>找工作都是因人而异，有人技能相对多一些工作就比较好找。</t>
  </si>
  <si>
    <t>好找</t>
  </si>
  <si>
    <t>重度精索曲张造成少精子术后能灰复吗?</t>
  </si>
  <si>
    <t>精索静脉曲张是由于包绕精索的精索静脉和蔓状静脉丛的扩张而引起的血管性精子发生障碍。以左侧发病为多，亦可双侧发病或单发于右侧。其最大的危害是导致男性不育。一般建议术后三个月左右复查精子。平时还要注意个人的健康卫生，和生活习惯，保持良好的心态。</t>
  </si>
  <si>
    <t>精索静脉曲张就会影响精子的成活率和活力，后天的手术后是可以改善的，当然也不是立马就好了，精子三个月一个新陈代谢周期，是需要时间的。</t>
  </si>
  <si>
    <t>一般来说，年纪越轻，术后精液质量的改善情况就越好；年纪越大，手术效果也就越差。</t>
  </si>
  <si>
    <t>梦幻官职任务赚钱吗</t>
  </si>
  <si>
    <t>不赚钱，完全亏钱</t>
  </si>
  <si>
    <t>只有做第三个任务，做十次有可能给孤儿手册，这样才会赚钱</t>
  </si>
  <si>
    <t>不挣钱</t>
  </si>
  <si>
    <t>有钱赚有经验和物品拿</t>
  </si>
  <si>
    <t>淘宝刷浏览量有用吗</t>
  </si>
  <si>
    <t>作用的话看自己的要求了，无非就是稀释转化率罢了，最好用真实的流量，要不然得不偿失的。</t>
  </si>
  <si>
    <t>是有用的</t>
  </si>
  <si>
    <t>化脓性肉芽肿会癌变吗</t>
  </si>
  <si>
    <t>化脓性肉芽肿有时会自行消失，但假如持续存在，医生应取活检，确定它们是否是黑素瘤或其他癌。必要时用手术或电凝术切除，但可能复发。</t>
  </si>
  <si>
    <t>不会。肉芽肿和癌症完全是两码事。</t>
  </si>
  <si>
    <t>这个不好说需要看是什么原因引起的脓肿如果是结核或是真菌感染可能会复发建议您先观察！</t>
  </si>
  <si>
    <t>购酒网是真酒吗</t>
  </si>
  <si>
    <t>我是觉得购酒网应该还不错，红酒、白酒都可以，应该也不会有什么问题，我想说的是，购酒网还是可以的，放心买好了。</t>
  </si>
  <si>
    <t>最好不要到网上去买酒，假的太多，最好到大型超市或专业酒庄、专卖店去买，那里品种比较齐全，还有业务员跟你详细介绍。</t>
  </si>
  <si>
    <t>感觉不真实</t>
  </si>
  <si>
    <t>喝着是正品的</t>
  </si>
  <si>
    <t>大多数都是假的</t>
  </si>
  <si>
    <t>我个人觉得应该都是真的</t>
  </si>
  <si>
    <t>amd external events utility 可以关闭吗</t>
  </si>
  <si>
    <t>如果你是台式机可以禁用。如果你是笔记本就别禁用了。</t>
  </si>
  <si>
    <t>可以禁止</t>
  </si>
  <si>
    <t>可以删除掉，我一直用ATI的显卡，从来没有安装过这个服务。</t>
  </si>
  <si>
    <t>月经推迟5天可以测出来吗</t>
  </si>
  <si>
    <t>不一定，看人而异</t>
  </si>
  <si>
    <t>要是怀孕了推迟5天，也是测试出来的，最好等月经推迟10天以上在测试比较准确</t>
  </si>
  <si>
    <t>查不出</t>
  </si>
  <si>
    <t>有些试纸可以，去医院验血可以知道</t>
  </si>
  <si>
    <t>早孕测定和月经推迟几天是没有什么关系的，主要是和你性生活离现在的时间有关系的。</t>
  </si>
  <si>
    <t>重装系统会让电脑变快吗</t>
  </si>
  <si>
    <t>理论上应该快,因为开机时加载的程序服务较少,全是最基本的服务程序，用久了安装的程序增多,启动的程序、服务也跟着增加,占用了系统的资源,所以会慢慢变慢，所以要养成定期卸载那些根本不用的程序，精简电脑启动的选项，定期清理磁盘等</t>
  </si>
  <si>
    <t>重装系统可以优化你的电脑运行速度，其实你可以换一台了，因为你的电脑的隐藏垃圾，过多的软件，电脑老化等都会影响速度，综合考虑你的电脑想玩游戏还是买台新的好，如果只是看看网页斗斗地主，还可以用一两年</t>
  </si>
  <si>
    <t>淘宝是先付款吗</t>
  </si>
  <si>
    <t>淘宝网采用第三方支付，即买家下单时付款至支付宝（第三方支付平台），卖家发货，买家签收后，支付宝付款至卖家。</t>
  </si>
  <si>
    <t>回答是肯定！</t>
  </si>
  <si>
    <t>不是啊，你可以收到货物以后再通知 支付宝付钱啊</t>
  </si>
  <si>
    <t>是的，你下订单时买卖中间的第三方会把钱划走，待你收到货确认后，第三方再把钱转到卖家，</t>
  </si>
  <si>
    <t>绝大多数的淘宝买家用“支付宝”付款、等于先货后款不过操作时、要先付款到支付宝等收到卖家的货、确认无误并且“确认收货”后、款才会支付给卖家</t>
  </si>
  <si>
    <t>八字看婚姻准吗</t>
  </si>
  <si>
    <t>不,生辰八字算姻缘是迷信的。</t>
  </si>
  <si>
    <t>不会说特别准，但是也有一定依据，参照即可，不必深信。</t>
  </si>
  <si>
    <t>有时候准。</t>
  </si>
  <si>
    <t>信了才灵，信便有了基础。</t>
  </si>
  <si>
    <t>2015电商现在好做吗</t>
  </si>
  <si>
    <t>当然是有前途了，但是这个市场是饱和状态的，发展的好，经营的好，才能有更好的发展</t>
  </si>
  <si>
    <t>粤通卡要收年费吗</t>
  </si>
  <si>
    <t>不知道你办的是金卡还是汽车卡呢？金卡年费为160元,每个持卡年度刷卡消费、取现累计满3笔(金额不限)免当年年费；汽车卡年费为200元，这个年费是固定收取的，无法减免，因为汽车卡享受每周一次优惠洗车、积分换油和紧急道路救援的服务。</t>
  </si>
  <si>
    <t>这张卡片有两款，标准版和汽车卡版面，如果是粤通龙卡标准版年费160元/卡，只要每个持卡年度使用满3笔即可免当年年费（金额、地点不限）；如果是汽车卡版面，年费200元/卡，年费会在卡片激活后，首个账单日收取。</t>
  </si>
  <si>
    <t>盘锦有上门服务的吗</t>
  </si>
  <si>
    <t>有的，各个小区有诊所的，都可以去</t>
  </si>
  <si>
    <t>极限挑战第二集的金条是真的吗</t>
  </si>
  <si>
    <t>那个金条是真的。孙红雷他们说金条有重量</t>
  </si>
  <si>
    <t>金条的成本非常高，以节目组目前的开销是很难支撑起来的。毕竟明星的出场费以及道具，包场费都是一个非常大的成本。仔细听一下金条移动过程中发出的声音，叮叮的声音非常清脆。根据物理知识，金子的属性偏软，即使增加其他的元素，含量也不会太高，在保持金条纯度的情况下，质地软的金条是很难发出叮叮叮如此清脆的声音的。由此，可以推论，金条应该是其他金属（黄铜或其他合金），并非真实黄金。</t>
  </si>
  <si>
    <t>当然不可能是真的，拿那么多真金条做综艺世界首富也玩不起～极限挑战淘宝都有卖同款</t>
  </si>
  <si>
    <t>可能只是普通金属镀金而已。</t>
  </si>
  <si>
    <t>应该是假的，节目组做的道具。因为外景拍摄的原因，而且都走的很散，节目组不可能冒那么大的风险去录制这个节目，你要知道一块金条的价值有多大，更别说一箱了。</t>
  </si>
  <si>
    <t>甲醇和石油醚互溶吗</t>
  </si>
  <si>
    <t>不溶</t>
  </si>
  <si>
    <t>它们是不能相溶的。</t>
  </si>
  <si>
    <t>石油醚与甲醇不互溶，两者极性相差太多，如果一定要溶在一起，也许可以加极性适中的溶剂，如酮，酯类，卤代烃类不过这样就引入第三种物质了，还是你的初衷吗</t>
  </si>
  <si>
    <t>张震讲故事恐怖吗</t>
  </si>
  <si>
    <t>挺吓人的。</t>
  </si>
  <si>
    <t>还好，不吓人。</t>
  </si>
  <si>
    <t>“楼道传说”，这个我听了，这个最让人恐惧，听后每次上楼梯我都会怕＃＃午夜铃音、女孩、白色的雪花点等，都挺恐怖的</t>
  </si>
  <si>
    <t>不怎么恐怖，但鬼故事听得不是恐怖与否</t>
  </si>
  <si>
    <t>我觉得鬼柜子最恐怖！另外午夜灵音、谁吓谁、夜半传呼、白色的雪花点、神秘的小女孩、我在等人、穿雨衣的女人都比较恐怖的哦！</t>
  </si>
  <si>
    <t>报警花钱吗</t>
  </si>
  <si>
    <t>报警是不收任何费用的。</t>
  </si>
  <si>
    <t>向公安机关报案不需付费。</t>
  </si>
  <si>
    <t>不花钱，没事不要随便报警，会被拘留。</t>
  </si>
  <si>
    <t>报警是不要钱的。</t>
  </si>
  <si>
    <t>公民报警，完全是免费的，警察是不允许收任何费用的。</t>
  </si>
  <si>
    <t>吃山竹上火吗</t>
  </si>
  <si>
    <t>山竹含有一种特殊物质，具有降燥、清凉解热的作用，这使山竹能克榴莲之燥热。</t>
  </si>
  <si>
    <t>降火的</t>
  </si>
  <si>
    <t>不会上火,但吃多了会对肠胃不好</t>
  </si>
  <si>
    <t>买房子8楼好吗</t>
  </si>
  <si>
    <t>房子买了八楼很好的。最佳楼层——大楼的3/1到 3/2之间处以21层的大楼为例，它的最佳楼层是7-14层之间。这里无论是采光还是空气都不错，如果是景观楼观景的效果也很好；这样一个高度人站在阳台上也不会有眩晕的感觉。对于中年和青年人都很适合；这个高度离地面有一定距离，受马路上噪音的影响也不大。即使电梯坏了，住户跑10几层楼也不是问题。多层房型好，多层住宅就是砖混结构。这种结构成本低，比钢筋混凝土结构低40%左右。这类房子的耐久性一般，折旧较快。它的优势是房子由于受到各种限制，通常只能是板式，大多南北通风。</t>
  </si>
  <si>
    <t>看总层高，总层高的一半,上下浮动2-3层,最好</t>
  </si>
  <si>
    <t>8楼没事</t>
  </si>
  <si>
    <t>8层黄金层</t>
  </si>
  <si>
    <t>你好，总层是多少层的房子。小高层还是高层，如果是高层8楼就低了一点是小高层的话8楼就很好，但是还是要看8层的户型结构，如明卫还是暗卫.南北通透还是朝南的，西边套还是东边套.厨房所在位置。</t>
  </si>
  <si>
    <t>没什么不好的</t>
  </si>
  <si>
    <t>实际8楼不错的</t>
  </si>
  <si>
    <t>买房子住楼层8楼，与实际真没有多大关系，当然部分地区和部分人的传说说法不好，实际根本没有关系的，如果有风水说法，只是根据你的个人的年纪及楼层数相关，并不一定与8楼有关。</t>
  </si>
  <si>
    <t>南阳圣玛妇产医院好吗</t>
  </si>
  <si>
    <t>话不在多，圣玛算是很不错的</t>
  </si>
  <si>
    <t>野猫住家里好不好</t>
  </si>
  <si>
    <t>猫是通灵之物，说明你家里灵气还是很好的！用风水来讲气场是稳定和没有任何阴涩之物！</t>
  </si>
  <si>
    <t>夜猫进宅，除害去灾，大吉</t>
  </si>
  <si>
    <t>尽量别养，寄生虫太多了，尤其对小孩儿的危害太大。</t>
  </si>
  <si>
    <t>凭你第一感觉，你觉她怎么样，好的话就去吧，机会难得，没感觉就算了吧，结束吧，免得双方都浪费了时间</t>
  </si>
  <si>
    <t>我们那有句老话说，猫来狗走越过越有，是说，有猫来，说明你家越过越富裕。但这都是俗话，没有什么真实的考证，也许，你家那天吃海鱼了，猫是奔着鱼腥味来的。</t>
  </si>
  <si>
    <t>这个是好运，猫有招财的功能，家里来猫就把财运带来，招财猫就是这个道理。</t>
  </si>
  <si>
    <t>痰液能从大便中排出吗</t>
  </si>
  <si>
    <t>不会，因为是进入胃部的，这样还是被消化掉的，其次是您不要咽下去，应该是吐出的，这样才可以治疗呼吸系统的问题。</t>
  </si>
  <si>
    <t>痰液没有营养,是不会被人体吸收的，会通过身体排出体外的。</t>
  </si>
  <si>
    <t>不会的，孩子排痰.首先,要保持居室空气清新,定时开窗通风换气,最好将室内温度保持在18-22度这宜,但要注意,不要让冷风直接吹到孩子的身上.相对湿度就保持在60％-65％,可用湿布拖地板的方法来增加房间的湿度,这有利于呼吸道黏膜的保持湿润状态和黏膜表面纤毛的摆动,有助于痰的排出</t>
  </si>
  <si>
    <t>宝宝痰液到消化道会随大便排出体外的。</t>
  </si>
  <si>
    <t>您好！根据您的问题，小孩的痰液一般是通过吞咽的活动，因为此时她还并不会咯痰啊的，基本上是通过大便排出体外的，长大了就会咯出来了</t>
  </si>
  <si>
    <t>建行手机银行收费吗?</t>
  </si>
  <si>
    <t>不收费</t>
  </si>
  <si>
    <t xml:space="preserve">首次开通手机银行的移动客户将有三个月的免费试用期。试用期结束后将出现收费信息提示，由客户主动选择是否接受成为收费客户。手机银行在未得到客户的确认信息前不进行任何收费行为。 </t>
  </si>
  <si>
    <t>建行的手机银行业务是免费开通的</t>
  </si>
  <si>
    <t>建行手机银行开通和使用是免费的，</t>
  </si>
  <si>
    <t>怀孕后能吃格华止吗</t>
  </si>
  <si>
    <t>不建议怀孕期间的妇女服用盐酸二甲双胍片，它会对胎儿的生长发育造成一定的影响。</t>
  </si>
  <si>
    <t>孕期最好不要吃药，需要吃药的情况下，一定要遵医嘱</t>
  </si>
  <si>
    <t>胎儿在这段时间个个器官都在成形、生长，特别是大脑、神经系统等。如果改时间段母亲服药，药物能通过胎盘屏障到达胎儿体内。</t>
  </si>
  <si>
    <t>在妊娠早期用药对胎儿是会有一定的影响的，有可能会导致畸形等不良后果.</t>
  </si>
  <si>
    <t>串珠子手工活靠谱吗</t>
  </si>
  <si>
    <t>魔兽争霸是单机游戏吗</t>
  </si>
  <si>
    <t>是单机游戏，属于RTS类单机。</t>
  </si>
  <si>
    <t>魔兽争霸是单机游戏，也是一款和红色警戒，帝国时代差不多的攻防游戏，如果下载了联机平台是可以利用网络联机的。</t>
  </si>
  <si>
    <t>可以单机~也可以一起撸</t>
  </si>
  <si>
    <t>魔兽争霸3冰封王座是单机游戏。</t>
  </si>
  <si>
    <t>是，可以单机一个人玩，也可以联网玩。</t>
  </si>
  <si>
    <t>是单机，《魔兽争霸Ⅲ》(WarcraftⅢ)(玩家简称War3)是一款即时战略游戏，暴雪娱乐出品的《魔兽争霸》系列第三代作品，于2002年正式发行，从发布至今已历经了从v1.00到v1.26共27个版本。</t>
  </si>
  <si>
    <t>盈通刷主板bios能提升内存支持吗</t>
  </si>
  <si>
    <t>支持的内存是先天设计的时候定的,不是通过刷新BIOS可以改变的</t>
  </si>
  <si>
    <t>会计证还用继续教育吗</t>
  </si>
  <si>
    <t>现在会计从业资格证，不需要继续教育了</t>
  </si>
  <si>
    <t>妇科检查会出血吗</t>
  </si>
  <si>
    <t>一般不会的。不排除是处女的话弄伤了处女膜而出血，还有就是阴道内壁、宫颈口上取分泌液标本时的不慎而出血。</t>
  </si>
  <si>
    <t>是很有可能</t>
  </si>
  <si>
    <t>专家介绍，妇科检查后出血是很常见的一种现象，如果患者是宫颈疾病的话，通常是要进行宫颈刮片等妇科检查的，很可能会妇科检查后出血。 宫颈疾病是慢性宫颈炎最为常见的表现形式，宫颈疾病部位的细胞极易脱落而变薄，故有的宫颈疾病也发生接触性出血，也有可能在妇科检查后出血，特别是中度和 重度宫颈疾病的患者，非常可能发生妇科检查后出血现象。</t>
  </si>
  <si>
    <t>妇科检查会出血。由于存在宫颈或是阴道粘膜炎症可以导致接触性出血的情况发生。</t>
  </si>
  <si>
    <t>做妇科检查阴道出血是正常的，可能是大夫在检查的时候用力过大，蹭破了。</t>
  </si>
  <si>
    <t>狗狗能吃莲子吗</t>
  </si>
  <si>
    <t>可以。不过你得给它煮得烂一些，另外可以考虑给它喂莲子粉粥。</t>
  </si>
  <si>
    <t>不要给狗吃，因为莲子属于大寒，狗狗的肠胃功能吃了容易拉肚子，还有可能，导致肠胃炎！</t>
  </si>
  <si>
    <t>不要给狗吃，不好的</t>
  </si>
  <si>
    <t>可以啊，狗可以吃植物食物也可以吃肉类食物</t>
  </si>
  <si>
    <t>能吃，但谈及不上什么好处</t>
  </si>
  <si>
    <t>留抵税额有期限吗</t>
  </si>
  <si>
    <t>留抵税额”可以一直向以后的纳税期结转，甚至可以结转到纳税人的注销的时候，没有规定几个月一定要抵完。</t>
  </si>
  <si>
    <t>留抵增值税税额有抵扣期限的。</t>
  </si>
  <si>
    <t>没有抵扣期限。</t>
  </si>
  <si>
    <t>计算机二级access难不难</t>
  </si>
  <si>
    <t>那个是最简单的。去买试题复习啊，找老师问问，上网下载机试 不过笔试比机试难点，</t>
  </si>
  <si>
    <t>我个人觉得access二级是比较简单的。我刚上半年三月份考的过了复习了大概两个星期上机得了八十几分笔试62。不过我是比较有计算机的基础的如果你不是学相关专业的建议你还是不要轻敌</t>
  </si>
  <si>
    <t>并不是很难，毕竟他是针对非计算机专业的考生开设的科目但您得掌握好方法</t>
  </si>
  <si>
    <t>个人觉得access二级是比较简单的。我刚上半年三月份考的，过了。复习了大概两个星期，上机得了八十几分，笔试62。不过我是比较有计算机的基础的，如果你不是学相关专业的，建议你还是不要“轻敌”。</t>
  </si>
  <si>
    <t>从计算机等级考试难度上看; ACCESS二级数据库并不难，历年试卷反复做，题型基本一致，大部分内容重复考。希赛教辅很不错。一般两三个月时间复习足够了。笔试和上机考试 都60分合格。</t>
  </si>
  <si>
    <t>不是很难，60分通过</t>
  </si>
  <si>
    <t>基金可以部分赎回吗</t>
  </si>
  <si>
    <t>基金可以部分赎回，当然各个基金都有规定，只要满足最低赎回份额并持有份额的最低保有量，例如有的基金规定剩余份额不低于100份，提交赎回申请之后剩余部分未满100份则会被强制赎回。</t>
  </si>
  <si>
    <t>当然可以的。</t>
  </si>
  <si>
    <t>开放式基金可以。</t>
  </si>
  <si>
    <t>开车自己撞了保险公司赔吗</t>
  </si>
  <si>
    <t>如果你上了商业险的车损险，而且能够确认属于你自己的全部责任，那么保险公司寄给你陪！一旦发生着这种情况最好不要离开现场，直接拨打你保险公司的电话号码！对了如果你没有商业险只有交强险，应该是赔不了！</t>
  </si>
  <si>
    <t>自己开车不小心刮到墙自身车辆损失属于单方事故，打保险公司电话报案，会有查勘员到现场查勘定损拍照取证。如果有购买车损险，保险公司就会按定损的金额赔偿，把车辆维修好，一般不需要车主承担。</t>
  </si>
  <si>
    <t>如果第一、二次是100%，如果是第三次以后就看各保险公司的规定了。</t>
  </si>
  <si>
    <t>哪个保险公司的就打保险公司电话就行了，你再蹭一下呗，车出险应该马上报的，不过还是可以报的，所以你打电话吧，以后保险建议你找业务员买吧，不要贪便宜一点电话买，出事业务员会帮你处理不用你问东问西，找我也可以</t>
  </si>
  <si>
    <t>首先先回答你的问题 执意要报险可以将车开到你曾经发生碰撞的位置，找到你撞的那面墙，然后看墙上你碰撞的痕迹还在不在，如果在，直接把车停在旁边直接报案说几个小时之前撞的，出去办点事所以车挪了才报案（有痕迹小事故不会要求太苛刻，但是出险时间不能超48小时）；如果已经不在了那要么你就别报了，要么你就再撞一下，这就看你个人了</t>
  </si>
  <si>
    <t>8.4.1支持卡贴吗</t>
  </si>
  <si>
    <t>可以支持的！！</t>
  </si>
  <si>
    <t>保卫萝卜2好玩吗</t>
  </si>
  <si>
    <t>保卫萝卜2好玩，虽然比起1，萝卜2没有宠物这些花哨的东西，但是在战斗中多了成就奖励和额外任务而且炮台种类也多了，还多了魔法卡片可以使用，连萝卜也有三种特殊萝卜。</t>
  </si>
  <si>
    <t>子宫内膜薄能否怀孕</t>
  </si>
  <si>
    <t>子宫内膜薄是能怀孕的</t>
  </si>
  <si>
    <t>子宫内膜很薄会降低女性的受孕率，受精卵要在良好的子宫环境下才能生长发育，倘若子宫内膜过薄会导致流产的可能，而多次人工流产是导致子宫内膜薄的主要原因，在人流后不就同房不但会导致子宫内膜炎发生，甚至还会诱发子宫内膜异位症的可能。患者先将子宫内膜炎症治疗好，受精卵在炎性的环境中也不能正常发育，另外根据医生制定的治疗方案解决子宫内膜薄的现象，以免影响到以后的生育。</t>
  </si>
  <si>
    <t>邮件发出能撤回吗</t>
  </si>
  <si>
    <t>只要对方尚未阅读邮件，且对方邮箱支持邮件撤回功能，你只要进入已发送文件夹，点击你打算撤回的邮件进入，点击邮件上方的撤回按钮，就能撤回邮件。</t>
  </si>
  <si>
    <t>大部分公司的内网邮件不能。但是163邮箱和QQ邮箱，在对方还没有阅读邮件的前提下，可以撤回！</t>
  </si>
  <si>
    <t>大部分公司的内网邮件不能</t>
  </si>
  <si>
    <t>163邮箱和QQ邮箱在对方还没有阅读邮件的前提下，可以撤回</t>
  </si>
  <si>
    <t>首先，得具备一个条件，寄发的邮箱也是QQ邮箱，否则是肯定无法撤回的。会有无法撤回提示信息。如果对方也是QQ邮箱，点击邮箱的“已发送”找到这份邮件，并点开。然后点击此页面上端的“撤回”选项，接着会弹出一个对话框，确认是否真的要撤回此封邮件点击确定，大约几秒钟的时间就会显示撤回成功。不过对方依旧能够看到这封邮件的主题，只是看不到邮件内容而已；而且撤回邮件有另外一个前提条件就是对方此时还没有打开这封邮件，否则也是无法撤回的。如果撤回邮件成功，会在这封邮件的上面有‘已撤回’显示</t>
  </si>
  <si>
    <t xml:space="preserve">QQ邮箱全新推出“邮件撤回”功能，此功能直接面向QQ邮箱、域名邮箱及腾讯企业邮箱用户。对于已发送的邮件，可以尝试进行撤回（仅限发往QQ邮箱的邮件，并在对方阅读之前）。 </t>
  </si>
  <si>
    <t>lol兰博厉害吗</t>
  </si>
  <si>
    <t>兰博特别特别厉害，首先他线上就很强势。</t>
  </si>
  <si>
    <t>很厉害的进程持续性输出英雄，有护盾 有超变态的减速 。</t>
  </si>
  <si>
    <t>必须说，领悟了机械公敌要诀和精髓的此英雄，非常非常给力。定位是半肉AP或者apc，有人说他是坦克，个人认为是非常不妥当的，兰博可以做到比较抗打，但是却不能有效的承担起坦克的任务，换句话说——坦力不足。但是半肉装的兰博是非常给力的，</t>
  </si>
  <si>
    <t>听说排位赛中基本都是非选必BAN的存在，但一般好像不太会玩。</t>
  </si>
  <si>
    <t>目前的LB上单算是强势冷门英雄。怎么解释呢？就是说上单能力较强，但是后期乏力，对团队作用不是很大。LB上单比较适合压制近战英雄。</t>
  </si>
  <si>
    <t>大众车真的烧机油吗</t>
  </si>
  <si>
    <t>真的，确实烧机油。</t>
  </si>
  <si>
    <t>大众直喷机或多或少都烧机油，不是故障，这是公开的技术问题，大众也承认的未解问题。</t>
  </si>
  <si>
    <t>大众带涡轮增压的都烧机油。</t>
  </si>
  <si>
    <t>不是所有的大众车都容易烧机油，要看运气的，所谓的烧机油就是机油消耗过快，有些车开久了就容易烧机油。</t>
  </si>
  <si>
    <t>大部份的大众车是不会烧机油的，要烧机油的车怎么可能通过检验出厂上市。</t>
  </si>
  <si>
    <t>也可以这么说吧，尤其是带涡轮增压的，烧机油的因素很多，也不只是大众系类的，法系和日系的烧机油的也很多</t>
  </si>
  <si>
    <t>经期可以喝阿胶吗</t>
  </si>
  <si>
    <t>在月经期一定不要口服阿胶，阿胶有补气活血的效果，建议在月经期后在口服阿胶治疗就可以。</t>
  </si>
  <si>
    <t>不能，会导致某种东西。</t>
  </si>
  <si>
    <t>在月经期间一般可以在正常的服用阿胶量的前提下减量服用，阿胶是补血，止血之圣药，对于女性因为血虚造成的月经不调具有很好的恢复调节作用。但在月经期间一定要按规定的剂量来服用，如果服用量过大，也会产生月经的波动如月经量大或者月经量减少情况；（或月经期不建议服用阿胶，但有子官肌瘤者可服用）。</t>
  </si>
  <si>
    <t>阿胶的补血功效最然非常好，但是月经期间服用，会产生月经的波动如月经量减少、月经排不干净等情况。在非月经期间第一次服用阿胶的正常未婚女性有出现月经延后的情况。因为阿胶除有补血作用亦有止血作用，所以，女性在月经初期勿食阿胶。</t>
  </si>
  <si>
    <t>如果在月经期间服用的话，容易造成月经期的波动导致月经量减少、月经排不干净的现象出现，如果在经期吃阿胶糕会增加月经血，因此建议经期最好不要服用阿胶糕。</t>
  </si>
  <si>
    <t>建议月经期间少量服用或停止服用，但在月经期间要按规定的剂量或减量服用。如服用后引起经量的变化则停止服用。</t>
  </si>
  <si>
    <t>阿胶是活血止血的东西，月经量如果很多的话可以服用阿胶，因为阿胶有补血止血的效果，但也最好不要在经期服用。这是因为经期时，阴血下泄，阳气偏旺，这时不能吃阳气偏热的东西，例如红枣、阿胶等。</t>
  </si>
  <si>
    <t>肺结核需要手术吗</t>
  </si>
  <si>
    <t>不做手术，只吃药</t>
  </si>
  <si>
    <t>一般肺病重症需要换肝才手术，其他的都要靠吃药，打针和日常保养</t>
  </si>
  <si>
    <t>肺结核的治疗以保守治疗为主，大多数肺结核患者保守治疗即可也有一些情况需要手术，比如反复大量咯血，结核球等情况，术前术后都需要规范应用抗结核药物。</t>
  </si>
  <si>
    <t>肺结核不用动手术，吃药打针就可治愈，但是要坚持，不可中断，一旦变成耐药性结核就很难治疗了。注意怎家营养，不抽烟不喝酒不熬夜不动气，注意锻炼身体，吃些护肝护胃的药，不然会留下严重的后遗症。结核病三个月好转，半年控制，一年可康复，治疗结核需要毅力，持续吃药打针不可间断。在户口所在地的卫生防疫站报道，可领取免费药物，坚持下去就可以了</t>
  </si>
  <si>
    <t>肚子疼是不是在排卵啊</t>
  </si>
  <si>
    <t>这不一定的啊，肚子疼跟很多都有关系的呢</t>
  </si>
  <si>
    <t>一般情况下每月都会有一次排卵，排卵时卵巢裂口很小，只有1毫米左右，出血量极轻微，所以绝大多数女性并不觉得有什么不适，常常在不知不觉中就度过了排卵期。但部分女性则会出现排卵期腹痛。这是由于排卵时卵泡或黄体破裂，引起血管破损而发生少量出血，腹膜受到卵泡液及血液的刺激就可出现下腹部轻微的疼痛，由此而引起的腹痛，称为“排卵性腹痛”。</t>
  </si>
  <si>
    <t>昆仑版coc 能用叉叉么</t>
  </si>
  <si>
    <t>叉叉助手暂未听到过会封，我都在用着，其他有自动打鱼功能的可能会封，毕竟太明显了一眼就看出来</t>
  </si>
  <si>
    <t>不良记录能贷款买房</t>
  </si>
  <si>
    <t>一般情况下银行贷款对征信的要求：当前不能有1次逾期，半年不能有2次逾期，一年不能有连续2次逾期，两年不能有连续3次逾期累计6次逾期。</t>
  </si>
  <si>
    <t>会有影响，可以申请，是否通过以系统审核结果为准。</t>
  </si>
  <si>
    <t>1：个人信用记录逾期了几次，这会有严重的不良记录。当逾期次数达到8次或逾期90天达到2次的就属于银行禁入类(黑名单)客户。2：黑户的危害个人诚信系统中存在不良信用记录达到两次以上的人，5年内将不能在各家金融机构贷款、担保和办理信用卡，包括住房按揭贷款。</t>
  </si>
  <si>
    <t>这个不一定，要分银行</t>
  </si>
  <si>
    <t>霍建华整容过吗</t>
  </si>
  <si>
    <t>一个极度不喜欢化妆，连脸上的水痘痘都不肯用激光刺掉的人，整容对于他来说还不如多睡会觉呢！</t>
  </si>
  <si>
    <t>他没整容，不要瞎说</t>
  </si>
  <si>
    <t>没有整容吧，从小就看他的剧，长相没有变化啊</t>
  </si>
  <si>
    <t>如果帅都是整容的话。全国的整容行业不知道多挣钱了。安啦。不是整的</t>
  </si>
  <si>
    <t>买车需要看日子吗</t>
  </si>
  <si>
    <t>不用看</t>
  </si>
  <si>
    <t>急需用车就无所谓了，如果不急要看看本地什么时间汽车销售有促销降价活动，因为有的时候差5%左右，很客观。其他黄道吉日我认为意义不大。</t>
  </si>
  <si>
    <t>是的，在一些重大节日，车店都会搞活动，送礼品，打折扣</t>
  </si>
  <si>
    <t>不用.</t>
  </si>
  <si>
    <t>要，取车也要，还是顺利点好。</t>
  </si>
  <si>
    <t>四级作文要不要写题目</t>
  </si>
  <si>
    <t>英语作文和语文的作文一样，都是需要题目的。</t>
  </si>
  <si>
    <t>当然要写题目。</t>
  </si>
  <si>
    <t>没有标题的可以不用写 如果题目中给你标题了 不写是要扣分的 大概换算成710分的卷子要扣7分。</t>
  </si>
  <si>
    <t>固态硬盘耐用吗</t>
  </si>
  <si>
    <t>寿命短.</t>
  </si>
  <si>
    <t>和前初恋男友出轨后双双离婚在一起会幸福吗</t>
  </si>
  <si>
    <t>只要双双要坦诚相待！就会幸福，就怕一方错了还在徘徊着就不好说了。</t>
  </si>
  <si>
    <t>这个说不准，主要看个人是否还在意，怎样去看淡生活。</t>
  </si>
  <si>
    <t>因人而异，有的人会幸福，有的人不会。感情，还是需要双方用心经营的。</t>
  </si>
  <si>
    <t>出轨离婚的女人本身就不道德，不道德的人会幸福吗？上天应该不会答应！</t>
  </si>
  <si>
    <t>五子衍宗丸治阳痿吗</t>
  </si>
  <si>
    <t>五子衍宗丸可以治疗肾精亏导致的阳萎</t>
  </si>
  <si>
    <t>不要胡乱自行吃药，市面上目前还没有哪种药有可以直接治好</t>
  </si>
  <si>
    <t>丘比特是天使吗</t>
  </si>
  <si>
    <t>是的，是爱与美女神的儿子，不过不同的国家神话有点不同的</t>
  </si>
  <si>
    <t>丘比特天使担任爱情</t>
  </si>
  <si>
    <t>天使丘比特是极品宠物 需要兑换才能得到的 2个宠物的技能是完全不同的</t>
  </si>
  <si>
    <t>天津泰达会降级吗</t>
  </si>
  <si>
    <t>天津泰达足球队在2016年中超中没有降级，永昌和绿城降级了。</t>
  </si>
  <si>
    <t>楼板可以开槽吗</t>
  </si>
  <si>
    <t>理论上说开槽后因减小楼板混凝土受拉区高度，造成板的承载力小于设计值，因而是不允许的。</t>
  </si>
  <si>
    <t>你的提问有点问题。。预制板上不能！如果是完工的房间，楼面层不可能只有预制板。还有地坪，一般3cm左右，有些还有保温 ，可以相应在地坪上开槽。。</t>
  </si>
  <si>
    <t>可以开槽 一般现浇混凝土楼板 都会有两三公分的保护层 如果做过找平的楼板至少可以开五六公分深的槽</t>
  </si>
  <si>
    <t>开是可以开，但不能超过钢筋</t>
  </si>
  <si>
    <t>般两公分到三公分左右，一般地面的线管为两公分，水管为3.5公分左右</t>
  </si>
  <si>
    <t>壁纸可以贴在乳胶漆上吗</t>
  </si>
  <si>
    <t>墙面涂刷了乳胶漆之后，是完全可以在上面粘贴壁纸的。</t>
  </si>
  <si>
    <t>一般是不建议在乳胶漆上贴墙纸的。</t>
  </si>
  <si>
    <t>当然可以了，以前贴壁纸就是在刷完乳胶漆后进行，现在，壁纸厂家为了增加产品链，出了壁纸伴侣，其实作用就是增加基层硬度和强度。</t>
  </si>
  <si>
    <t>不可以，需要经过处理。在乳胶漆墙面上贴墙纸，做法是把贴墙纸的部位的乳胶漆墙面做铲除处理的。直接在上面贴也许可以，但肯定不会牢固。</t>
  </si>
  <si>
    <t>一般是不建议在乳胶漆上贴墙纸的</t>
  </si>
  <si>
    <t>古代吴国境内的长江段叫吴江吗</t>
  </si>
  <si>
    <t>不是。没有这个说法</t>
  </si>
  <si>
    <t>电信4g流量和3g流量通用吗</t>
  </si>
  <si>
    <t>3G和4G只是两种实现你手机终端上网的不同方式，只是速度4G远快于3G，流量的话要看你的套餐包有多少、你的流量包月或者其他什么方式有多少量，至于选择什么网络实现没关系的，二者是通用的。 一般情况，手机会自动检测你所处的地方信号最强的推荐你用相关的网络上网。整体来讲，三大运营商4G资费要便宜合算一些。希望对你有所帮助。</t>
  </si>
  <si>
    <t>恩这个是不能通用的</t>
  </si>
  <si>
    <t>是的，电信3G和4G上网流量是通用的，您套餐内的流量在3G或4G网络环境下都是可以正常使用的。</t>
  </si>
  <si>
    <t>通用</t>
  </si>
  <si>
    <t>不能通用的</t>
  </si>
  <si>
    <t>可以的，电信手机上网流量是没有3G 4G区别的，在任一网络环境下都是可以使用的</t>
  </si>
  <si>
    <t>大三阳孕妇病毒8次方需要用药吗</t>
  </si>
  <si>
    <t>必须用药</t>
  </si>
  <si>
    <t>精子成活率低能怀孕吗</t>
  </si>
  <si>
    <t>不能的，还没达到子宫精子就全死了。你觉得能怀孕么</t>
  </si>
  <si>
    <t>只要有成活为精子就一定能怀上</t>
  </si>
  <si>
    <t>不好说吧，几率问题</t>
  </si>
  <si>
    <t>精子成活率低是比较难怀孕的，一般说是怀孕几率低。</t>
  </si>
  <si>
    <t>奥迪是国产车吗</t>
  </si>
  <si>
    <t>奔驰宝马奥迪都是德国的。 奥迪由一汽集团引进生产技术在国内生产。</t>
  </si>
  <si>
    <t>不是，德国的！ 只是引进的技术，生产的而已</t>
  </si>
  <si>
    <t>A4L.A6L，Q5国产</t>
  </si>
  <si>
    <t>一汽奥迪是属于国产的。</t>
  </si>
  <si>
    <t>没有一汽奥迪，只有一汽大众。国产奥迪是一汽大众产的。</t>
  </si>
  <si>
    <t>有国产也有进口，A6和A4全车系（RS系列，S系列，柴油系列，旅行系列，A6全能除外）均已国产！在德国汽车三巨头中奥迪系最早在我国实行国产的，生产工作由一汽公司负责，第一款国产的奥迪车是奥迪100（已停产），这款车已经不能进内环和上高架高速了（排放标准低于欧3）可惜啊！</t>
  </si>
  <si>
    <t>奥迪的A4、A6、Q5系列是国产的，其他的都是靠进口的</t>
  </si>
  <si>
    <t>奥迪有国产的，也有进口的了。</t>
  </si>
  <si>
    <t>不是国产的</t>
  </si>
  <si>
    <t>国产的，</t>
  </si>
  <si>
    <t>车尾后标有一汽奥迪是国产的，没有就是进口的为什么叫一汽奥迪，是因为这事又一汽集团和德国奥迪汽车共同出资建设的奥迪汽车生产企业，一汽控股51%，奥迪控股49%，合资企业的品牌以两家公司的名字合起来命名。</t>
  </si>
  <si>
    <t>是国产的</t>
  </si>
  <si>
    <t>也有一些是进口的</t>
  </si>
  <si>
    <t>有8k的手抄报吗</t>
  </si>
  <si>
    <t>一般来说手抄报是只利用白纸的一面所以8k 手抄报也只写一面就好</t>
  </si>
  <si>
    <t>春节的手抄报图片大全8k</t>
  </si>
  <si>
    <t>先在页面设置里设置纸张8k大小，再根据手抄报内容进行编辑。</t>
  </si>
  <si>
    <t>买充气娃娃犯法吗</t>
  </si>
  <si>
    <t>充气娃娃属于个人隐私物品，并不在管辖范围内。所以可以大胆购买。其实这没有不好意思的。人都是有需求的。有了充气娃娃可以有效减少刑事案件的发生。同样满足了个人需求。一举两得。建议你放心大胆的购买。有好的还可以和大家分享一下。</t>
  </si>
  <si>
    <t>不犯</t>
  </si>
  <si>
    <t>交通违章会有短信通知吗</t>
  </si>
  <si>
    <t>如果绑定手机了，就会有</t>
  </si>
  <si>
    <t>各个地方不一样 有的地方会短信通知你</t>
  </si>
  <si>
    <t>没有，电子抓拍没有时间限制，你审车就知道了。</t>
  </si>
  <si>
    <t>会的，不过前提是车主在上牌登记的时候留有电话，一般一个违章一个星期左右会收到短信。</t>
  </si>
  <si>
    <t>有此类手机业务，违章就发短信</t>
  </si>
  <si>
    <t>一般会短息通知的。在异地的话，很可能短信无法及时通知</t>
  </si>
  <si>
    <t>五帝钱挂在门上可以吗</t>
  </si>
  <si>
    <t>可以悬挂大门上，镇宅，辟邪当煞防小人旺财，化解门对门，门对楼梯等等煞气。</t>
  </si>
  <si>
    <t>五帝钱是化解门对门的最佳风水物器，铜钱一定要选流世的真币，如果当地有古玩市场，可以去集齐顺治、康熙、雍正、乾隆、嘉庆五个皇帝的古币串在一起，挂在大门或者卫生间内。</t>
  </si>
  <si>
    <t>挂在门边或者大门的上方也可以。</t>
  </si>
  <si>
    <t>一般悬挂五帝钱到进门背后的门边框的情况比较多，门上方也是可以的。</t>
  </si>
  <si>
    <t>可以悬挂大门上，镇宅，辟邪当煞防小人旺财，化解门对门，门对楼梯等等煞气，也可以悬挂车上保行车平安，</t>
  </si>
  <si>
    <t>dota2有rpg地图吗</t>
  </si>
  <si>
    <t>有的，DOTA2里面有无数RPG地图，都是玩家或者专业地图作者自己制作的基于DOTA2引擎的新地图。</t>
  </si>
  <si>
    <t>会有，dota2的地图编辑器已经快要开放了，到时候会有一大堆的rpg</t>
  </si>
  <si>
    <t>孕酮是不是黄体酮</t>
  </si>
  <si>
    <t>快递没收到能退款吗</t>
  </si>
  <si>
    <t>可以的，按照“7天无理由退换货”条款，只要是在买家购买物品签收日起7天能不满意可以选择退换货</t>
  </si>
  <si>
    <t>可以.你和卖家说下，卖家一般会同意的</t>
  </si>
  <si>
    <t>如果对方未发货的情况，可以直接申请，3天后系统自动退款；</t>
  </si>
  <si>
    <t>可以先和卖家沟通为什么商品还没有收到，如果是快递的问题，那样是可以退款的，卖家如果不退款也可以和天猫客服投诉退款的。天猫”（英文：Tmall，亦称淘宝商城、天猫商城）原名淘宝商城，是一个综合性购物网站。2012年1月11日上午，淘宝商城正式宣布更名为“天猫”。</t>
  </si>
  <si>
    <t>首先在“你买到的宝贝”里，这样东西的详情中点击延期，由于从卖家上传物流单号开始，和开始计算时间了，时间1到，即便你没有收到货，也会自动将钱款打到卖家账户里的，所以你先申请延期，这样有个处理事情的时间。其次，你看1下物流信息，如果物流信息显示已到达你所在的城市，你可以先打电话给当地的物流，让他们派送；如果没有到达你所在的城市，则联系卖家，由卖家联系物流，或重新发货；如果显示发到的是其他地方，则多是卖家上传单号毛病，让他给你正确的单号</t>
  </si>
  <si>
    <t>这个情况可以跟卖家客服沟通，如果沟通不了，可以找淘宝客服，投诉物流索赔。</t>
  </si>
  <si>
    <t>可以，要联系客服</t>
  </si>
  <si>
    <t>碘伏会过期吗</t>
  </si>
  <si>
    <t>在平时的使用中，包装碘伏消毒液有效期均为24个月，如果开封后一直是放在避光、阴凉、干燥处放置的，那么从开封到有效期内均可以正常使用；如果已经放置过久，但因保存不当，有大量的沉淀和结晶物，就说明消毒液本身已经接近失效了，可以重新购置新的消毒液才可以更好的起到杀菌消毒的作用。</t>
  </si>
  <si>
    <t>一般有24个月的保质期，如果密封较高且阴凉通风干燥处保存，过了保质期也能用</t>
  </si>
  <si>
    <t>男人抽烟喝酒能要孩子吗</t>
  </si>
  <si>
    <t>可以，想要孩子前，抽烟喝酒要节制一下</t>
  </si>
  <si>
    <t>可以要孩子，从医学角度讲，最好是男方戒烟后半年再怀孕。</t>
  </si>
  <si>
    <t>根据医学研究表明，吸烟喝酒的男士精子质量较不吸烟喝酒的男士的精子质量要差30%。因此建议在准备要孩子的时候戒烟戒酒6个月以上。</t>
  </si>
  <si>
    <t>男性吸烟饮酒会影响精子质量，所以建议试孕前3个月戒烟，戒酒，以免影响受孕，影响胎儿发育。</t>
  </si>
  <si>
    <t>能，但是这样做不好!</t>
  </si>
  <si>
    <t>七夕是情人节吗?</t>
  </si>
  <si>
    <t>习俗上“中国的情人节”一般指的是七夕节。</t>
  </si>
  <si>
    <t>七夕，中国情人节。</t>
  </si>
  <si>
    <t>七夕是中国的情人节。</t>
  </si>
  <si>
    <t>可以说是咱中国的情人节呀~</t>
  </si>
  <si>
    <t>农历七月七日，俗称“七夕”，相传是牛郎织女想会的日子，天上的情人一年一度银河会，地上的情人也甜蜜蜜去约会。这个家喻户晓的爱情故事，不但具有缠绵悱恻的情调，而且充满罗曼蒂克的韵味。因这个缘故，七夕有称儿女节、乞巧节、情人节。</t>
  </si>
  <si>
    <t>“七夕”日被当作“中国情人节”</t>
  </si>
  <si>
    <t>少女时代有中国人吗</t>
  </si>
  <si>
    <t>没有中国人 全部都是韩国本土人</t>
  </si>
  <si>
    <t>dell foundation services可以卸载吗</t>
  </si>
  <si>
    <t>Dell foundation services：是dell软件的一部分，不需要卸载，卸载后会有其他问题。</t>
  </si>
  <si>
    <t>恐高能跳伞吗</t>
  </si>
  <si>
    <t>鼓励自己，告诉自己高空并没有那么害怕。残疾人都能自力更生，你有什么做不到的呢</t>
  </si>
  <si>
    <t>高空中氧气稀薄，加上恐高导致紧张，心跳加速，大脑供氧不足，就晕了，就完了</t>
  </si>
  <si>
    <t>可能会吓晕的，所以建议不要了。</t>
  </si>
  <si>
    <t>催化剂参与反应吗</t>
  </si>
  <si>
    <t>催化剂是参与反应的,不过在反应过程中是分步骤的,在效果上其形态没变,等于是没有参加反应。</t>
  </si>
  <si>
    <t>催化剂参加反应,生成中间体,然后中间体再分解又生成该催化剂,所以反应前后质量和性质不变.</t>
  </si>
  <si>
    <t>催化剂不参与反应，在反应前后质量和性质不变，仅降低反应所需活化能。</t>
  </si>
  <si>
    <t>参与</t>
  </si>
  <si>
    <t>催化剂肯定要参加反应，才可以改变反应速率， 只不过最后催化剂的质量和化学性质没有改变，物理性质方面肯定有些变化的。</t>
  </si>
  <si>
    <t>催化剂参与化学反应，只是在反应前后质量和化学性质没变化</t>
  </si>
  <si>
    <t>优衣库女装尺码偏吗</t>
  </si>
  <si>
    <t>优衣库的衣服尺码偏大</t>
  </si>
  <si>
    <t>偏小一点，因为是日本的牌子</t>
  </si>
  <si>
    <t>优衣库在每个卖裤子的货架的价格牌的左边都会有对应的尺寸对照表，卖衬衫的有衬衫尺寸对照表，上面英寸、市尺和厘米都有。</t>
  </si>
  <si>
    <t>优衣库的尺码普遍偏大，要自己看清楚尺码才好。</t>
  </si>
  <si>
    <t>深圳周末外地车限行吗</t>
  </si>
  <si>
    <t>深圳外地车限行时间：工作日7:00-9:00,17:30-19:30。所以周六与周日对外地车是不限行的。</t>
  </si>
  <si>
    <t>周六周日和法定节假日不限行，只有工作日早晚高峰在罗湖、福田、南山、盐田四区限行。</t>
  </si>
  <si>
    <t>工作日高峰期禁止外地车在关内（福田区、罗湖区、南山区、盐田区四个行政区域内）行驶，如需行驶也需按指定路线行驶，关外（宝安区、龙岗区）不受限制。</t>
  </si>
  <si>
    <t>周六周日不限行，只有工作日才限行。</t>
  </si>
  <si>
    <t>深圳外地车限行时间：工作日(周一至周五)7:00-9:00,17:30-19:30。星期天不限行，但部分公交车道还是不能走的。</t>
  </si>
  <si>
    <t>梅毒皮肤会痒吗</t>
  </si>
  <si>
    <t>梅毒有出现瘙痒的症状，一般在二期梅毒出现。</t>
  </si>
  <si>
    <t>一般来说都不会伴有皮肤瘙痒。</t>
  </si>
  <si>
    <t>基本上各个阶段的梅毒都是不会痒的。</t>
  </si>
  <si>
    <t>梅毒的皮疹 红斑是不会痒的。</t>
  </si>
  <si>
    <t>梅毒属于性病的，会有瘙痒的情况的。</t>
  </si>
  <si>
    <t>一般情况下是不会痒的。一期梅毒是在螺旋体侵入后，经过三周潜伏期发病。初时在侵入处呈米粒大的暗红色秦润，2周后慢慢隆起，成为硬性结节，并伴有糜烂、溃疡、浆液渗出，被称为硬下疳，并不会痒。</t>
  </si>
  <si>
    <t>乐视电视支持mkv吗</t>
  </si>
  <si>
    <t>S40可支持的视频格式有：MEPG、MPG、TS、MP4、MEPG2-PS、TS、MKV、FLV</t>
  </si>
  <si>
    <t>乐视tv支持的视频格式：MPEG,MP3,3GPP,AVI,MKV,FLV,ASF,DIVX,RM/RMVB。</t>
  </si>
  <si>
    <t>乐视TV可以支持RMVB、AVI、MKV等格式的视频播放，通过优盘、移动硬盘外接即可实现。</t>
  </si>
  <si>
    <t>银耳过夜有毒吗</t>
  </si>
  <si>
    <t>银耳汤是一种高级营养补品,但一过夜,营养成分就会减少并产生有害成分。所以，过夜的银耳汤不能喝！</t>
  </si>
  <si>
    <t>煮好的一切东西都可以隔夜吃一下，白木耳当然不例外啦！</t>
  </si>
  <si>
    <t>不可以，超过1小时就已经不可以了，好像说放久了会产生毒素。</t>
  </si>
  <si>
    <t>据专家讲隔夜的银耳会产生亚硝酸有害物质对人体有害</t>
  </si>
  <si>
    <t>电脑d盘可以格式化吗</t>
  </si>
  <si>
    <t>直接使用系统提供的格式化功能对D盘格式化。</t>
  </si>
  <si>
    <t>任何盘都可以格式化系统盘进去PE格式化非系统盘你在系统里面就可以格式化</t>
  </si>
  <si>
    <t>可以格式化，如果D盘安装了应用程序就要重新安装一遍</t>
  </si>
  <si>
    <t>成都富士康美女多吗</t>
  </si>
  <si>
    <t>一般的多，美女少，看你喜欢什么类型的，富士康是流水线作业，比较枯燥，管的较严，不是那么好耍的。</t>
  </si>
  <si>
    <t>肯定多啊！！！男少女多啊！！！白族妹子，水啊。</t>
  </si>
  <si>
    <t>1:3 也就是说男4个人去应聘，必须有3个女的，美女的确挺多！</t>
  </si>
  <si>
    <t>男多女少</t>
  </si>
  <si>
    <t>男的多</t>
  </si>
  <si>
    <t>胃病能喝可乐吗</t>
  </si>
  <si>
    <t>不可喝碳酸饮料，对胃有刺激作用，会加重胃病症状。</t>
  </si>
  <si>
    <t>不宜多喝</t>
  </si>
  <si>
    <t>碳酸类的饮料尽量少喝。</t>
  </si>
  <si>
    <t>我认为最好选择白开水作为饮品，可乐则是少喝为宜。</t>
  </si>
  <si>
    <t>碳酸饮料对胃有刺激的 不要喝太多</t>
  </si>
  <si>
    <t>可乐是碳酸饮料，有胃炎的人，最好不喝碳酸饮料。</t>
  </si>
  <si>
    <t>尽量不要喝。</t>
  </si>
  <si>
    <t>无理数都是无限小数对吗</t>
  </si>
  <si>
    <t>不对。无理数是无限不循环小数，例如圆周率=3.1415926……就是无理数。无限循环小数是有理数，例如0.33333……就是有理数。</t>
  </si>
  <si>
    <t>无限小数包括无限循环小数和无限不循环小数无限不循环小数就是无理数而无限循环小数是有理数所以无限小数不一定是无理数 所以 无理数是无限小数正确</t>
  </si>
  <si>
    <t>无理数是无限小数。</t>
  </si>
  <si>
    <t xml:space="preserve">无理数都是无限小数（对） </t>
  </si>
  <si>
    <t>大好时光pptv什么时候更新</t>
  </si>
  <si>
    <t>凌晨过后更新两集</t>
  </si>
  <si>
    <t>一般都是凌晨12点后才更新</t>
  </si>
  <si>
    <t>本科毕业可以直接读博士吗</t>
  </si>
  <si>
    <t>本科生可以直接考博士</t>
  </si>
  <si>
    <t>本科生是不可以直接读博士的</t>
  </si>
  <si>
    <t>可以考，但有很多限制</t>
  </si>
  <si>
    <t>本科毕业可以直接读博士</t>
  </si>
  <si>
    <t>宾馆房间里有摄像头吗</t>
  </si>
  <si>
    <t>房间里面肯定不会安装摄像头</t>
  </si>
  <si>
    <t>明确告诉你,没有</t>
  </si>
  <si>
    <t>正规宾馆房间是不会有摄像头的。就走廊有。</t>
  </si>
  <si>
    <t>大部分都没有的，你只要晚上关了灯，四处找找有没有小红点就可以早点有没有被偷拍。出门在外小心为上。</t>
  </si>
  <si>
    <t>东方明珠有必要上去吗</t>
  </si>
  <si>
    <t>上面那跟天线才值得一去</t>
  </si>
  <si>
    <t>东方明珠塔的登高已经太矮了，而且分层收费不同，不值得，还是环球中心现在最高没有视野遮挡</t>
  </si>
  <si>
    <t>产妇能吃鸡肉吗</t>
  </si>
  <si>
    <t>可以的。鸡肉中所含有的丰富的蛋白质和氨基酸对哺乳期的妈妈和宝宝都是有好处的。</t>
  </si>
  <si>
    <t>经科学分析证明，产后过早地吃母鸡肉、喝鸡汤，是造成产妇奶少或无奶的重要原因之一。 产妇分娩后，血中雌激素与孕激素浓度大大下降，这时泌乳素开始发挥作用，促进乳汁分泌。而母鸡的卵巢、蛋衣中含有一定的雌激素，因此，产后过早炖食母鸡，就会增强产妇血中的雌激素作用，使泌乳素的作用减弱，甚至消失，从而导致乳汁不足或无奶。然而，产后若能吃一只清炖大公鸡，则可使产妇乳汁增加。因为雄鸡睾丸中含有少量的雄性激素，具有对抗雌激素的作用。另外，雄鸡脂肪少，有助于产妇恢复较好的体型，婴儿也不会因乳汁脂肪含量太高而引起腹泻。 当然，产妇在产后10天半月，乳汁比较充足的情况下，还是可以吃母鸡的。此外，若发现有乳汁不通、乳房胀痛的现象时，不宜吃公鸡发奶，而应先设法疏通乳房，以免引起乳腺发炎。</t>
  </si>
  <si>
    <t>生了孩子老人都要给做老母鸡汤。</t>
  </si>
  <si>
    <t>坐月子吃鸡肉比较好。补充蛋白质，喝鸡汤还下奶。</t>
  </si>
  <si>
    <t>那必须吃鸡肉咯，炖鸡汤喝。</t>
  </si>
  <si>
    <t>行尸走肉第五季弩哥死了吗</t>
  </si>
  <si>
    <t>弩哥没死</t>
  </si>
  <si>
    <t>没有，最后和艾伦一起带着摩根回到了和平村，见到了瑞克</t>
  </si>
  <si>
    <t>一直到第四季都没死 最后一集被囚禁了</t>
  </si>
  <si>
    <t>没死，一直被尼根关着，</t>
  </si>
  <si>
    <t>孕妇能不能喝红糖姜茶</t>
  </si>
  <si>
    <t>一般姜的成分比其他种类红糖更容易上火，不建议孕妇和产妇饮用。</t>
  </si>
  <si>
    <t>可以喝，建议忌辛辣食物要均衡营养多吃新鲜蔬菜水果补充多种维生素和微量元素增强抵抗力就可以了！</t>
  </si>
  <si>
    <t>孕妇少喝，产后要多喝。</t>
  </si>
  <si>
    <t>可以吃，不过哺乳期和孕妇最好是吃阿胶红糖和大枣红糖</t>
  </si>
  <si>
    <t>纳米牙刷好不好</t>
  </si>
  <si>
    <t>弹韧软胶刷毛，比传统牙刷丝的尼龙材料更柔软、弹韧，更好保护牙龈和珐琅质。按摩牙龈不易变形，不会象易变形刷毛用变形后横丝歪斜，刺伤牙龈、口腔黏膜。</t>
  </si>
  <si>
    <t>纳米牙刷刷毛细，软，可以伸到牙缝处，更彻底的清理牙齿，是现在最好的刷毛</t>
  </si>
  <si>
    <t>很软，不伤牙龈</t>
  </si>
  <si>
    <t>纳米的太硬了，不太舒服</t>
  </si>
  <si>
    <t>霉菌性阴道炎能自慰吗</t>
  </si>
  <si>
    <t>自慰有害而无益，还是戒掉好。尤其是在患病期间得断绝自慰，否则易加重病情！</t>
  </si>
  <si>
    <t>如果在注意卫生的情况下，一个人手淫到没有什么大的影响的，不过最好是能尽量避免一下的好，否则引起反复发作，那也是比较痛苦的</t>
  </si>
  <si>
    <t>装修找设计师私下装修好不好</t>
  </si>
  <si>
    <t>这样不好的 所有的材料质量、做工方面都不会太好</t>
  </si>
  <si>
    <t>不靠谱的。万一做到一半，要加钱，找不到人投诉</t>
  </si>
  <si>
    <t>其实这需要看人，一般如果责任心一点的，还是可以的</t>
  </si>
  <si>
    <t>陈涉世家用背吗</t>
  </si>
  <si>
    <t>只需背诵两三段就行了，不过为了今后的学习，还是全文背诵吧！</t>
  </si>
  <si>
    <t>背 那是重点篇目</t>
  </si>
  <si>
    <t>陈涉世家在中考中是很重要的，有可能要考，但是不需要背诵，只要知道翻译就可以了，考试不考背诵</t>
  </si>
  <si>
    <t>初三表示可能不要</t>
  </si>
  <si>
    <t>用 不是全背的 只背那一截</t>
  </si>
  <si>
    <t>背下来，现在要锻炼这方面的能力</t>
  </si>
  <si>
    <t>其实所有中考题就是那么一点，根本不用全背</t>
  </si>
  <si>
    <t>看你所在地区的教学要求了，我当时学的时候的是全部要背的</t>
  </si>
  <si>
    <t>公狗隐睾可以做绝育手术吗?</t>
  </si>
  <si>
    <t>睾丸停留在腹腔里，容易形成肿瘤。所以所谓的治疗并不是让它恢复成正常的双侧睾丸，而减少患肿瘤的可能性。通常会采用外科手术来切除腹腔内的隐睾。一般对于这种情况，在外科手术的时候会连同那个正常的睾丸一起切除，以防用有缺陷的狗进行繁殖。</t>
  </si>
  <si>
    <t>汇款时银行分行弄错还能汇吗</t>
  </si>
  <si>
    <t>有些行可以,有些行不可以，农业银行一般只凭姓名和卡号,其他只是辅助作用.</t>
  </si>
  <si>
    <t>错了 一般汇不出的</t>
  </si>
  <si>
    <t>口腔溃疡可以用西瓜霜</t>
  </si>
  <si>
    <t>西瓜霜可以刺激你分泌有毒的唾液，要把那些口水吐掉，一般是粘的，咸的，起泡的，和一般的口水不同，流完就可以舒服很多。</t>
  </si>
  <si>
    <t>可以的，西瓜霜喷剂的主要作用是清热解毒，消肿止痛。用于咽喉肿痛，口舌生疮，牙龈肿痛或出血，急、慢性咽喉炎，扁桃体炎，口腔炎，口腔溃疡，小儿鹅口疮及轻度烫火伤与创伤出血</t>
  </si>
  <si>
    <t>患有口腔溃疡可以使用桂林西瓜霜喷剂来清热解毒，消肿止痛。</t>
  </si>
  <si>
    <t>可以，再吃点维生素B2</t>
  </si>
  <si>
    <t>盘石数码购物可靠吗</t>
  </si>
  <si>
    <t>这是一个在香港的网站，里面经常会有一些特价的电子商品，而且很多产品提供直邮大陆，所以不少人都在上面购买，还是可以放心的</t>
  </si>
  <si>
    <t>香港的磐石还是靠谱的</t>
  </si>
  <si>
    <t>这个就要自己权衡了，因为在每个商场卖场都有可能遇到不好的东西，当然也不能全盘否定，只要它售后好，一般我的话，是会在数码城买东西的</t>
  </si>
  <si>
    <t>只有拿到手机才能验证手机真假</t>
  </si>
  <si>
    <t>人人网可以发广告吗</t>
  </si>
  <si>
    <t>应该可以发广告外链。</t>
  </si>
  <si>
    <t>全民奇迹可以赚钱吗</t>
  </si>
  <si>
    <t>可以挣钱的，但挣的不多。</t>
  </si>
  <si>
    <t>不投钱的手游怎么可能让你赚钱</t>
  </si>
  <si>
    <t>除非你会玩，不然比较难，一定要冲在最前面，抢BOOS装备，一开始装备都很值钱</t>
  </si>
  <si>
    <t>临牌不能上高速</t>
  </si>
  <si>
    <t>临时牌照到期之后，坚决不能上高速。</t>
  </si>
  <si>
    <t>具体情况具体对待。因为临时车牌有分类，所以能不能上高速，得要看是什么类型的临时车牌。所以大家是需要看清楚车牌的颜色。如果是"天蓝底纹黑字黑框线"的临时行驶车号牌仅限于本市范围内行驶的机动车。"棕黄底纹黑字黑框线"的临时行驶车号牌供机动车跨市行驶使。如果是蓝色的临时牌，上高速是可以的，但只能在市内高速行驶喔。临时车牌可以上高速，但不是所有的临时车牌都能出市出省，出行时一定要问清楚4S店销售。</t>
  </si>
  <si>
    <t>可以，只要是在车管所办理的临时号牌，并且在有效期内，可以全国通用，高速当然也可以。但是如果驾龄没有满1年，处于实习期内，是不能独自上高速的。</t>
  </si>
  <si>
    <t>塞班岛吃一顿贵么</t>
  </si>
  <si>
    <t>吃饭看你的标准，我去的时候顿顿都比较好，每餐人均40刀，当然也有便宜的快餐，那里中餐就不需要了。周四晚上有个夜市，都是各大酒店的烧烤，可以去看看的。</t>
  </si>
  <si>
    <t>赚人民币，花美元，肯定贵的，而且那边是岛屿，物资都要靠空运，不便宜。</t>
  </si>
  <si>
    <t>不便宜，因为都是从外面空运过来的。</t>
  </si>
  <si>
    <t>不贵，针对奔跑吧兄弟里面一只龙虾都要一百美金这个只是为了节目效果而已。</t>
  </si>
  <si>
    <t>道路红线包括人行道吗</t>
  </si>
  <si>
    <t>是包含人行道的宽度在内的。</t>
  </si>
  <si>
    <t>道路红线指的是道路两旁可以砌筑建筑物的范围最大边界之间的距离，当然包括道路的人行道在内。</t>
  </si>
  <si>
    <t>线外都是建筑、基础设施、农田等。</t>
  </si>
  <si>
    <t>道路红线外，基本上都不得有人行道了，红线就是车和人都不能突破的一条规划线，线外要么是建筑物，要么是农田等其它，但是绝对不能是行车和走人的。</t>
  </si>
  <si>
    <t>名图有倒车影像吗</t>
  </si>
  <si>
    <t>因为有的导航不带倒车影像，有的带。就看4s给你装那种了</t>
  </si>
  <si>
    <t>您好，在后面的牌照灯旁边！</t>
  </si>
  <si>
    <t>这个倒车影像是在牌照灯那里。</t>
  </si>
  <si>
    <t>这个是在显示频里面的</t>
  </si>
  <si>
    <t>煮面条要放油吗</t>
  </si>
  <si>
    <t>不需要，只要水烧开后，加入面，在加调料就可以了。</t>
  </si>
  <si>
    <t>把调料都放在一个碗里（包括油）</t>
  </si>
  <si>
    <t>要，不放油的话，不好吃的！</t>
  </si>
  <si>
    <t>碗里放海天牌生抽，麻油，胡椒，味精，香葱末，</t>
  </si>
  <si>
    <t>当然需要放油的 不然也太寡淡了吧 不过在我们那边得了麻疹 是不用放油</t>
  </si>
  <si>
    <t>蔬菜属于植物吗</t>
  </si>
  <si>
    <t>瓜果是属于植物，蔬菜大部分是植物。</t>
  </si>
  <si>
    <t>蔬菜当然是植物。</t>
  </si>
  <si>
    <t>肯定是植物了</t>
  </si>
  <si>
    <t>不全是，像蘑菇香菇金针菇之类也算蔬菜，但不属于植物，是真菌</t>
  </si>
  <si>
    <t>蔬菜，是指可以做菜、烹饪成为食品的，除了粮食以外的其他植物（多属于草本植物）。种类：1、 瓜类； 2、绿叶类； 3、 茄果类； 4、 白菜类； 5、 块茎类； 6、 真根类； 7、葱蒜类； 8、甘蓝类； 9、 豆荚类； 10、多年生菜类；11、水生菜类； 12 菌类； 13 其他类。蔬菜都属于植物。</t>
  </si>
  <si>
    <t>是被子植物</t>
  </si>
  <si>
    <t>不生锈铁锅好吗</t>
  </si>
  <si>
    <t>刷一层油漆</t>
  </si>
  <si>
    <t>斑秃会不会传染</t>
  </si>
  <si>
    <t>斑秃是不传染的，</t>
  </si>
  <si>
    <t>斑秃不会传染，但会遗传。斑秃不是传染病，不会传染，但是有可能遗传</t>
  </si>
  <si>
    <t>不具有遗传性，斑秃的发病原因至今尚未完全清楚</t>
  </si>
  <si>
    <t>斑秃不会传染斑秃属于精神性脱发主要与精神压力过大有关。</t>
  </si>
  <si>
    <t>斑秃不会传染，一般多见于微量元素缺乏，压力大，气血亏虚等疾病导致，可以口服养血生发胶囊治疗，另外使用生姜擦拭患处，平时注意饮食营养，避免劳累，避免压力，不要熬夜。</t>
  </si>
  <si>
    <t>斑秃不会传染的。</t>
  </si>
  <si>
    <t>旧金山大学好吗</t>
  </si>
  <si>
    <t>是不错的学校，在美国大学排名106位。</t>
  </si>
  <si>
    <t>根据今年最新的USNEWS的排名，美国旧金山艺术大学没有排上；美国特洛伊大学在美国南部院校排65名。中介老师之所以推荐你去美国特洛伊大学，是因为在整体排名上比美国旧金山艺术大学好。但是单纯依靠这一信息是完全不够的，毕竟留学是一件大事，要慎重。</t>
  </si>
  <si>
    <t>我觉得你可以通过以下几个方面来考虑这个事情1）专业，你学习的是什么专业，要根据专业的需求来决定你要去的学校，这很重要，即使这个学校很好，但专业相对比较薄弱的话，我觉得也不是理想的。2）城市，有时候城市能决定你留学成功的一个因素。3）成绩，你要根据你的个人成绩来决定，什么样的学校适合你。至于你说的教学质量，这个没有衡量的标准，谁也说不清楚；至于排名，本身就是个商业的排名，可以看，但不要过分依赖它。祝好运</t>
  </si>
  <si>
    <t>望江长江大桥开通了吗</t>
  </si>
  <si>
    <t>刚刚接到确切消息，12月31日正式通车</t>
  </si>
  <si>
    <t>僵尸国度市民z死了吗</t>
  </si>
  <si>
    <t>编剧留着还有用，死不了。</t>
  </si>
  <si>
    <t>没，他不可能变，他是故事的指引者，算半个主角</t>
  </si>
  <si>
    <t>一直都没死</t>
  </si>
  <si>
    <t>昂克赛拉是轿跑吗</t>
  </si>
  <si>
    <t>当然不算，最多是运动紧凑型轿车</t>
  </si>
  <si>
    <t>这个只能算小型轿车的</t>
  </si>
  <si>
    <t>首选昂克赛拉，这车发动机技术绝对比别克更强，又快又省油。而威朗在性价比和油耗上输于昂克赛拉。</t>
  </si>
  <si>
    <t>清华北大能参观吗</t>
  </si>
  <si>
    <t>可以，不过校外人士进北大应该是需要登记有效的身份证件，带着身份证做个简单的登记就可以进了。</t>
  </si>
  <si>
    <t>参观校园的话，基本上随时都可以，北大是要求在校门口凭有效证件（身份证学生证之类的）登记一下即可，</t>
  </si>
  <si>
    <t>平时是可以的。旅游旺季为维护校内秩序会登记身份证限制人数</t>
  </si>
  <si>
    <t>双休日、法定节假日及学校寒暑假（具体日期见学校通告）期间的每日上午8:30~11:30，下午13:30~16:30，校园对外开放参观。如遇校园内有重要活动，暂停开放参观。个人来校参观须持本人有效证件入校，无需预约。</t>
  </si>
  <si>
    <t>清华大学参观时间：双休日、法定节假日及学校寒暑假(具体日期见学校通告)期间的每日上午8:30-11:30，下午13:30-16:30，校园对外开放参观。如遇校园内有重要活动，暂停开放参观北京大学参观时间：校外人员可持本人身份证或护照在东侧门（地铁四号线北京大学东门站A口向西）排队，登记入校。每日准许登记入校的时段是：8时30分至11时30分和14时至17时，登记入校不收取任何费用。</t>
  </si>
  <si>
    <t>红外线对眼睛有伤害吗</t>
  </si>
  <si>
    <t xml:space="preserve">红外线对眼的作用 由于眼球含有较多的液体，对红外线吸收较强，因而一定强度的红外线直接照射眼睛时可引起白内障。白内障的产生与短波红外线的作用有关；波长大于1.5微米的红外线不引起白内障。 </t>
  </si>
  <si>
    <t xml:space="preserve"> 一般来说，燃料燃烧、电热器具热源等放出的红外线多属于近红外线，由于波长较短，因此产生大量的热效应，长期照射人体后会产生灼伤皮肤及眼睛水晶体等伤害。</t>
  </si>
  <si>
    <t>较强的红外线可造成皮肤伤害。红外线的穿透力比紫外线更强,眼睛受红外线刺激过多,眼球内部的视网膜就会受伤，红外线的光线对孩子眼睛是有影响的，有影响到孩子视力的，所以一定要注意一些的，尤其是现在小孩子的玩具一类的，都是有红外线的，要尽量不要对着孩子眼睛的</t>
  </si>
  <si>
    <t>红外线是波长较长的热辐射线，容易透入透明的屈光介质的眼内、屈光介质无血管，散热性能又差。加上邻近的葡萄膜能吸收大量放射线，因而较易受到损害而发生晶体混浊。</t>
  </si>
  <si>
    <t>腰凳有必要买吗</t>
  </si>
  <si>
    <t>如果一直要大人抱，还是有必要买的。如果不要抱了，就不要买了。</t>
  </si>
  <si>
    <t>腰凳适合6个月以上宝宝使用。最好等到脊柱发育好以后使用。腰凳确实很方便抱宝宝的。能有效解决徒手抱宝宝时的肩膀疼痛和腰部酸痛。3个月以下的宝宝你先横抱宝宝以后宝宝的后背部分可以搭在腰凳上。这样比徒手抱强很多。使用时间一次不要超过2个小时以上哦。</t>
  </si>
  <si>
    <t>lush洗发皂好用吗</t>
  </si>
  <si>
    <t>挺好用的，但是也要根据自己的具体发质来选择购买。</t>
  </si>
  <si>
    <t>好用与否就见仁见智了，只喜欢小红帽。</t>
  </si>
  <si>
    <t>很好用的，我觉得LUSH洗发皂比起洗发水添加的化学成分没有那么多，而且味道很好闻，用完感觉很顺滑，我用的是伯爵夫人</t>
  </si>
  <si>
    <t>强力推荐,假货不少，要小心</t>
  </si>
  <si>
    <t>花呗分期还款没有到期会不会被起诉</t>
  </si>
  <si>
    <t>不还还是会扣款的，也就是你会透支，不能出国，不能坐飞机火车等</t>
  </si>
  <si>
    <t>建议尽快偿还欠款，如果逾期严重且拖延时间长的话，会被起诉，同时影响个人征信。</t>
  </si>
  <si>
    <t>平板能用ps吗</t>
  </si>
  <si>
    <t>可以的，直接在平板的应用市场里找ps。</t>
  </si>
  <si>
    <t>平板电脑可以对图片PS。</t>
  </si>
  <si>
    <t>看对方的平板是什么系统的，现在安卓系统的平板多些，但这个版本也有相对应的PS版本，可能功能不多但基本上是够用的了。</t>
  </si>
  <si>
    <t>上网本是WINDOWS系统，用PS当然没问题，但如果是安卓的平板，用不了。</t>
  </si>
  <si>
    <t>行的，Photoshop已经有安卓版，无论是安卓还是windows都可用了.</t>
  </si>
  <si>
    <t>Photoshop只支持window系统，mac系统等电脑系统，安卓系统，ios系统，mango系统，黑莓系统不支持Photoshop，只要你的平板电脑能支持电脑系统，就行，不支持，就不行</t>
  </si>
  <si>
    <t>碳晶电采暖有辐射吗</t>
  </si>
  <si>
    <t>对人体没什么副作用哦，也没有辐射</t>
  </si>
  <si>
    <t>只要是电暖气肯定有辐射</t>
  </si>
  <si>
    <t>有，多少的问题，只要有热量的，带电的都有</t>
  </si>
  <si>
    <t>有辐射 但是是对人体有益的远红外辐射。</t>
  </si>
  <si>
    <t>利仁电饼铛好不好</t>
  </si>
  <si>
    <t>不敢买,质量不行,我的已经坏了,还修不起。</t>
  </si>
  <si>
    <t>就国内的电饼铛品牌来说，利仁当属第一，无论是功能还是质量上都是信得过的。</t>
  </si>
  <si>
    <t>我也买了一个利仁电饼铛，还没用一年，已经维修了好几次了，不建议买。</t>
  </si>
  <si>
    <t>神奇跨界石可以转移勇者装吗</t>
  </si>
  <si>
    <t>不可以，神器跨界石只能跨对应等级的神器及以下品阶的装备</t>
  </si>
  <si>
    <t>不行，神器跨界石，只能转移神器装备。异界装备想要跨界，可以用勇者跨界石。</t>
  </si>
  <si>
    <t>不可以，勇者装只能用勇者跨界石才能转移</t>
  </si>
  <si>
    <t>勇者装备无法用跨界石的</t>
  </si>
  <si>
    <t>这不能的啊</t>
  </si>
  <si>
    <t>勇者是异界的，可不是神器，转不了</t>
  </si>
  <si>
    <t>这个必须可以</t>
  </si>
  <si>
    <t>不可以，这个只能转史诗和粉装还有领主粉。</t>
  </si>
  <si>
    <t>毛豆皮能吃吗</t>
  </si>
  <si>
    <t>毛豆的皮是可以吃的。</t>
  </si>
  <si>
    <t>不能，毛豆的皮上有毛。</t>
  </si>
  <si>
    <t>可以吃的，但是一定要煮熟才可以吃。</t>
  </si>
  <si>
    <t>可以吃，毛豆壳不能吃。</t>
  </si>
  <si>
    <t>应该是不可以的，为了健康着想，还是只吃里面的毛豆。</t>
  </si>
  <si>
    <t>可以，但是不好消化。</t>
  </si>
  <si>
    <t>可以吃的，但是一定要煮熟才可以吃，毛豆中含有能让血液的红血球凝集的有毒蛋白质，就是血球凝集素，吃了炒不熟的毛豆会出现呕吐、恶心的症状，甚至还会引起中毒导致死亡</t>
  </si>
  <si>
    <t>电信有3g卡吗</t>
  </si>
  <si>
    <t>可以的。电信的小米3，是三网通用的。可以使用联通的3G卡和3G网络的。</t>
  </si>
  <si>
    <t>电信4g版手机支持使用电信3g卡的。</t>
  </si>
  <si>
    <t>根据您的描述，电信的4G手机可以支持电信的3G网络的，但是不可以使用电信的3G手机卡，需要更换电信的4G手机卡芯片的。</t>
  </si>
  <si>
    <t>不能了，现在3g，4g统一了，再说4g卡插上3g手机照样可以用3g网</t>
  </si>
  <si>
    <t>电信3G卡支持的网络模式：电信3G（CDMA2000），电信2G（CDMA）。</t>
  </si>
  <si>
    <t>猫会得鼠疫吗</t>
  </si>
  <si>
    <t xml:space="preserve">可能是猫体内环境不适合鼠疫生存 </t>
  </si>
  <si>
    <t>不会有鼠疫的</t>
  </si>
  <si>
    <t>明确的告诉你，不会。鼠疫是鼠疫杆菌借鼠蚤传播为主，是流行于野生啮齿动物间的一种病。</t>
  </si>
  <si>
    <t>不会。鼠疫是鼠疫杆菌借鼠蚤传播为主，是流行于野生啮齿动物间的一种病。</t>
  </si>
  <si>
    <t>并不是老鼠就会有鼠疫,它只是病原体</t>
  </si>
  <si>
    <t>婴儿跳跳椅好不好</t>
  </si>
  <si>
    <t>适量是可以的，要掌握高度，最好别让小宝脚尖用到力。</t>
  </si>
  <si>
    <t>你好,根据你的描述,跳跳椅应适合6个月以上的宝宝用,对婴儿没有什么不良的影响,并且可以解放双手,</t>
  </si>
  <si>
    <t>建议不要玩 对宝宝的腿部骨骼很有影响 而且也有一定的危险性 忘采纳</t>
  </si>
  <si>
    <t>宝宝的位置是前后两片布,侧面没有保护容易翻出去不安全</t>
  </si>
  <si>
    <t>但年龄过小的孩子因为肌肉松弛所以容易导致颈椎等受伤，宝宝玩跳跳椅会不会引发痉挛，与宝宝的年龄大小，与宝宝玩的时间的长短有密切的关系。因此，年龄较小的宝宝最好不玩。宝宝玩的时候时间不要过长！</t>
  </si>
  <si>
    <t>甲状腺结节严重吗?</t>
  </si>
  <si>
    <t>甲状腺结节是良性的居多，恶性的占百分之一左右，具体的需要结合检查结果来看，恶性的会有一定的超声征象和症状的。</t>
  </si>
  <si>
    <t>需确定结节的良恶性</t>
  </si>
  <si>
    <t>甲状腺结节对身体的危害不容小觑</t>
  </si>
  <si>
    <t>一般 分Ⅰ到Ⅵ类。 6肯定是癌，1-3 基本是良性。如果比较小，就随访，3-6个月复查一次B超。建议先 复查B超一次，有时候体检B超比较粗略的。</t>
  </si>
  <si>
    <t>通灵珠宝是上市公司吗</t>
  </si>
  <si>
    <t>通灵珠宝是中国与比利时合资企业，柏林电影节官方合作伙伴，[1-2] 2016年11月23日，通灵珠宝于上交所正式挂牌上市(股票简称：通灵珠宝，股票代码：603900)，成为上交所首家珠宝IPO企业。</t>
  </si>
  <si>
    <t>不是上市公司，但是在筹备中。</t>
  </si>
  <si>
    <t>属于上市公司，股票代码603900</t>
  </si>
  <si>
    <t>现在还不是上市公司，我的朋友在通灵上班，她说通灵公司在积极准备，不久的将来会上市的。</t>
  </si>
  <si>
    <t>小柴胡汤中的生姜要去皮吗</t>
  </si>
  <si>
    <t>煮汤时用不去皮的生姜最好。因为生姜皮具有利水、消肿的功效。</t>
  </si>
  <si>
    <t xml:space="preserve">吃姜最好别去皮 </t>
  </si>
  <si>
    <t>近视眼手术有风险吗</t>
  </si>
  <si>
    <t>只要术前检查完全通过，眼部条件适合手术，术后再遵医嘱用药，养成良好的生活习惯及用眼卫生，是不会有副作用的。</t>
  </si>
  <si>
    <t>现在治近视眼的技术应该特别娴熟了吧，身边好多朋友都做了，感觉也没什么危险，同事在石 家 庄眼科医院做的都半年多了，什么也看不出来，跟正常没得近视一样。＃＃术前检查一共将近20项，只有完全符合这些检查要求，才能安排手术的，有一项检查不通过，我们都不会为你安排手术的。另外，手术方式的选择是根据你的术前检查结果，选择最适合你的手术方式。我们医院进行手术的医生都是有经验的医生，临床经验都是很丰富的。最后，术后你按照术后要求做，按时来院复查，是不必担心会有后遗症的。</t>
  </si>
  <si>
    <t>有一定的风险，如果在打激光时你的眼睛看别处了，激光有可能打歪，要听医生的话，按时滴眼药水，按时复查。另外做做眼保健操和注意眼部卫生是十分重要的，少吃甜食，多吃蔬菜，红色的水果。</t>
  </si>
  <si>
    <t>没有危险</t>
  </si>
  <si>
    <t>几乎为0，目前的近视矫正术已经非常成熟了</t>
  </si>
  <si>
    <t>要打水痘疫苗吗?</t>
  </si>
  <si>
    <t>对啊，一定要打的。</t>
  </si>
  <si>
    <t>水痘疫苗不是强制性的让打，家长可以自由选择，但是这是一种传染性极强的疾病，症状会有发烧、起痘的地方会痒，如果一抓会留下疤痕。因此家长可以考虑给孩子接种。</t>
  </si>
  <si>
    <t>不是必打疫苗。水痘疫苗不是国家规定的强行免疫的疫苗，它是收费的疫苗，所以不是必打疫苗。它是可以根据自己的经济条件和对医学知识的了解程度，自行选择性是否注射此疫苗。因为打疫苗也是需要承担一定的风险的。甚至有个别人可能会比患一次水痘的风险还要大。</t>
  </si>
  <si>
    <t>科目四过了可以开车吗</t>
  </si>
  <si>
    <t>科目四考完拿到驾照也就是驾驶证之后就可以开车了不过需在车后张贴有新手的标志</t>
  </si>
  <si>
    <t>只要没有驾驶证，就不能开车，不管是否已经通过了驾照考试。否则被交警抓到的话，按照无证驾驶处罚。</t>
  </si>
  <si>
    <t>不能，在过几天就拿证了，等拿了证在上路的吧，名正言顺一些</t>
  </si>
  <si>
    <t>乙肝患者能跑步吗</t>
  </si>
  <si>
    <t>没有坏处，</t>
  </si>
  <si>
    <t>乙肝患者适合做那些运动呢？.步行或慢跑：有数据显示，适当的步行长期坚持，有利于提高机体免疫力，而且还可以使腹腔中的器官得到按摩，这样有利于食物的消化，并且有利于机体内的血液循环</t>
  </si>
  <si>
    <t>可以的，正常的锻炼身体还是可以的，病毒携带者何止千千万万，不用自卑气馁，平时该注意的要注意，但是不要影响正常的生活。</t>
  </si>
  <si>
    <t>微信绑定银行卡可以取消吗</t>
  </si>
  <si>
    <t>可以取消，点开银行卡，按操作完成。</t>
  </si>
  <si>
    <t>微信解除绑定银行卡：启动微信，点击右上角的三个小点，进入菜单页面；在菜单页面选择“我的银行卡”；选取需要取消绑定的一张银行卡，点击进入点击右上角的三个小点，进入菜单页面,选择解除绑定；这样银行卡就解除绑定。</t>
  </si>
  <si>
    <t>启动微信，点击右上角的三个小点，进入菜单页面；在菜单页面选择“我的银行卡”选取需要取消绑定的一张银行卡，点击进入，点击右上角的三个小点，进入菜单页面,选择解除绑定；这样银行卡就解除绑定。</t>
  </si>
  <si>
    <t>如果取消了绑定，那在微信的钱就不能提现了，只能用作发红包或者转给别人，就是所谓的微信互转</t>
  </si>
  <si>
    <t>宝宝要补充维生素a吗</t>
  </si>
  <si>
    <t>一般足月的孩子一个月开始补，早产的半个月开始。</t>
  </si>
  <si>
    <t>正常喂养一般不需要专门补充。</t>
  </si>
  <si>
    <t>宝宝吃一种奶粉好吗</t>
  </si>
  <si>
    <t>合适孩子就好，看孩子适应能力。</t>
  </si>
  <si>
    <t>有医生建议要给宝宝换奶粉，因为每种品牌的奶粉配方都不一样，换一下，营养摄入更全面，但小孩的肠胃功能并没有发展健全，再者不同品牌的奶粉营养和某些金属含量不同，对肠胃伤害很大，所以尽量不要换品牌。</t>
  </si>
  <si>
    <t>有医生建议要给宝宝换奶粉,因为每种品牌的奶粉配方都不一样,换一下,营养摄入更全面。</t>
  </si>
  <si>
    <t>月龄小的时候不建议频繁更换奶粉，这样宝贝一直在适应不同配方的奶粉，肠胃会受不了的，如果非要换，建议你给宝贝做个过渡，在奶量不变的基础上，先减少一勺原来的奶粉，加上一勺新的，先吃几天，观察宝贝大便各方面都好，再逐渐减少原来的奶粉，加上新的，这样循序渐进的转换过来，让宝宝的肠胃有个适应过程，避免因转奶不当造成腹泻</t>
  </si>
  <si>
    <t>宝宝在一岁半之前 如果适应某一款奶粉 不需要经常更换 这样更利于宝宝肠胃的吸收 如果宝宝 一岁半之后 作为家长想要给宝宝更换奶粉 也可以 在喝一款奶粉满 3-6个月左右 更换一次 因人而异</t>
  </si>
  <si>
    <t>按键精灵属于外挂吗</t>
  </si>
  <si>
    <t>不是外挂 按键精灵官方反复强调的是按键精灵不是外挂~它只是代替你的键盘和鼠标操作~</t>
  </si>
  <si>
    <t>不是外挂，只是一个自动执行的小程序。</t>
  </si>
  <si>
    <t>如果从游戏平衡性的角度来考虑的话，我的意见是，当用做放烟火时，按键精灵就是外挂。而如果仅仅用于右键连点之类用途时，按键精灵就不属于。</t>
  </si>
  <si>
    <t>不算，按键精灵是模拟我们人类按下键盘或鼠标罢了</t>
  </si>
  <si>
    <t>不符合二胎政策能休产假吗</t>
  </si>
  <si>
    <t>根据各省的《人口与计划生育条例 》规定，违反规定生育子女的，应当缴纳社会抚养费。国家工作人员不得晋职、晋级、评模、评奖，并给予降级或者撤职处分，情节严重的给予开除处分。根据以上规定来看，不可以休产假，而且有开除的可能。</t>
  </si>
  <si>
    <t>违反了计划生育政策，其没有权利再休产假。</t>
  </si>
  <si>
    <t>产假与是否符合国家的生育政策应该没有直接关系，应该享受。</t>
  </si>
  <si>
    <t>可以休。2016年休产假，取消晚育假。</t>
  </si>
  <si>
    <t>金花鼠是否传染鼠疫</t>
  </si>
  <si>
    <t>可能会的，请你24小时去就进的防疫站打狂犬疫苗1</t>
  </si>
  <si>
    <t>被老鼠咬了常见的情况是：1、感染。2、传染性出血热。3、鼠疫。打预防针就好了</t>
  </si>
  <si>
    <t>感染</t>
  </si>
  <si>
    <t>我去上学啦结束了吗</t>
  </si>
  <si>
    <t>第二季没有结束，9月11日的这一期最后还有下节预告么不是。嘿嘿，放心啦。</t>
  </si>
  <si>
    <t>没有结束，《我去上学啦》一共12期</t>
  </si>
  <si>
    <t>没有啊，正在热播啊，每个星期周日10点</t>
  </si>
  <si>
    <t>中国版的第一季结束了，韩版的也完结了</t>
  </si>
  <si>
    <t>台式机能刻录光盘吗</t>
  </si>
  <si>
    <t>完全可以有2个前提：1、带刻录功能的光驱，现在都用DVD刻录机，能刻录DVD光盘，CD光盘2、刻录软件，买刻录机时，会自带一个刻录软件的，一般是NERO。这样就能刻录光盘了</t>
  </si>
  <si>
    <t>光驱能否刻录光盘跟是否是台式机还是笔记本没有关系，主要是看光驱是不是带有刻录功能的。</t>
  </si>
  <si>
    <t>电脑刻录光盘是需要有刻录机这个设备的，一般在装机的时候如果不是你刻意要求加装刻录机的话，现在一般是没有这个设备的。</t>
  </si>
  <si>
    <t>那看你的光驱是不是刻录机了</t>
  </si>
  <si>
    <t>台式电脑只要安装了刻录机，直接将要刻录光盘的数据用鼠标移动到光盘图标上，就会自动刻录。如果你还不熟悉如何刻录光盘，那么最后下载一个刻录光盘的软件，就会很方便的操作了。</t>
  </si>
  <si>
    <t>安装刻录软件和刻录光驱，就能刻录光盘。</t>
  </si>
  <si>
    <t>有cd或dvd刻录机就可以</t>
  </si>
  <si>
    <t>浦发银行有小额管理费吗</t>
  </si>
  <si>
    <t xml:space="preserve"> 浦发银行的借记卡（无论是什么卡种）是没有小额管理费的。</t>
  </si>
  <si>
    <t>浦发银行小额账户管理费暂不收取。我们把钱存在银行本是为了保值增值，但如果因为账户余额太低而被收取了管理费，钱反而越存越少那就相当不划算了。对此，银行工作人员说，当初收取小额账户管理费的目的是为了抑制客户盲目开立过多的银行账户，降低银行账户维护成本，从而减少银行资源的浪费。为了避免被收费，市民最好定期整理一下手中的账户，对于长期不用的存折和卡，最好尽早去销户。＃＃目前免受小额账户管理费，不过以后可能会发生变化。</t>
  </si>
  <si>
    <t>如果你的账户是借记卡，就存在这个借记卡账户的小额账户管理费了，只须交年费即可如果你的账户是存折，如果日平均不足300元人民币的，一季度扣3元的小额账户管理费</t>
  </si>
  <si>
    <t>你好！带上银行卡和身份证到当地浦发银行营业网点收取免收年费和小额账户管理费，只能免收一个普通借记卡账户。</t>
  </si>
  <si>
    <t>您说的浦发银行的轻松理财卡，分为普卡、银卡、金卡、还有知性卡（绿色半透明带珠光，适合女性，和普卡是一样的）。按照您的需求，办张普卡（或知性卡）就可以了。开卡没有工本费，每年的账户管理费是12元钱，刷卡消费一次免一年的管理费，而且至今为止，浦发银行还没有收取过账户管理费。</t>
  </si>
  <si>
    <t>你说得是目前有轻松理财卡系列，分别是622521、622517、622523开头的普卡、银卡、金卡。普卡办卡没有工本费，金银卡办卡有10元工本费。目前普卡刷卡消费1次可免帐户管理费。金银卡刷卡消费6次可免帐户管理费。PS：卡片没有年费一说。但是目前这个帐户管理费的标准还没有开始执行。</t>
  </si>
  <si>
    <t>现在每个银行都可以申请一张卡（借记卡）免年费和小额账户管理费，办卡时说一下就行了。</t>
  </si>
  <si>
    <t>一体式水冷需要换水吗</t>
  </si>
  <si>
    <t>不需要换水的</t>
  </si>
  <si>
    <t>一般不用换，除非人为导致漏液</t>
  </si>
  <si>
    <t>一体化的水冷不用换。</t>
  </si>
  <si>
    <t>大左 是同志吗</t>
  </si>
  <si>
    <t>大左不是</t>
  </si>
  <si>
    <t>Gay不gay的是他自己的事</t>
  </si>
  <si>
    <t>这个是有可能的啊</t>
  </si>
  <si>
    <t>红外线聚能灶好不好</t>
  </si>
  <si>
    <t>红外线燃气灶很好。</t>
  </si>
  <si>
    <t>红外线的波长比可见光长，具有热效应，有极强的穿透能力，不易被大气所吸收。因此，红外线燃气灶具有明显的节能效果。</t>
  </si>
  <si>
    <t>酒精是不是危险化学品</t>
  </si>
  <si>
    <t>酒精属于危险品3类2项，易燃液体。</t>
  </si>
  <si>
    <t>乙醇属于危化品第三类：易燃液体,本类物质在常温下易挥发,其蒸气与空气混合能形成爆炸性混合物。</t>
  </si>
  <si>
    <t>乙醇在常温常压下是一种易燃、易挥发的无色透明液体，其蒸气能与空气形成爆炸性混合物！！低毒性！！纯液体不可直接饮用；具有特殊香味，并略带刺激；微甘，并伴有刺激的辛辣滋味。</t>
  </si>
  <si>
    <t>工业酒精属于危险品。</t>
  </si>
  <si>
    <t>包头有平安银行吗</t>
  </si>
  <si>
    <t>欠条必须手写吗</t>
  </si>
  <si>
    <t>必须手写。不然怎么判断真伪。</t>
  </si>
  <si>
    <t>借条可以打印也可以手写，但要有债务人的签名确认，真实的借贷关系受法律保护，只要存在真实的借贷关系的借条就有法律效力。</t>
  </si>
  <si>
    <t>但民间借贷合同当然手写的证明效力比较强。全文应当由债务人书写并由债务人签字（如果按印更好），最好在借条中注明债务人的身份证号码，并在借条后附带身份证复印件（最好的方式就是直接在债务人的身份证复印件上或背面书写借条）。由于打印的内容可以添附（如:在空白处继续打印其他内容），因此，不适宜作为民间借贷合同的方式。如果由债权人书写欠条内容，而借条又保存在债权人手上，存在在空白处自己添附内容的可能性，因此，也不应当由债权人书写。上述两种方式（打印或债权人书写内容）都容易发生争议，债务人可以声称债权人动过手脚，拒绝承认借条的合法性，导致借条发生效力瑕疵。因此，应当由债务人书写全部借条内容（因为借条掌握在债权人手中，不存在债务人自己添附的可能性）</t>
  </si>
  <si>
    <t>没有这样的要求，打印出来签字按手印也是可以的</t>
  </si>
  <si>
    <t>内容不一定手写，但是最后的欠款人必须是亲笔签名，并写明借款日期。</t>
  </si>
  <si>
    <t>白蚁能在水泥墙里活?</t>
  </si>
  <si>
    <t>会，白蚁完全有可能在水泥墙。</t>
  </si>
  <si>
    <t>不会。白蚁以木材或纤维素为食，会危害农作物、树木、堤坝、建筑木材、家具、门窗等，多生活在潮湿、温暖的土壤中。水泥墙里一般不会有白蚁的。</t>
  </si>
  <si>
    <t>两年。</t>
  </si>
  <si>
    <t>白蚁在墙里能存活时间无法估计，依据白蚁的健康程度以及食物情况，并且白蚁可在水泥墙内存活。</t>
  </si>
  <si>
    <t>港澳通行证种类是团队旅游可以自由行吗?</t>
  </si>
  <si>
    <t>可以的，深圳的各个关口（主要罗湖）都有旅游团之类的人在问需不需要团签过港， 他们会集齐一班人，然后送过去 过了关就自由活动，回来也是自己回来就好。</t>
  </si>
  <si>
    <t>首先需要明确的是，港澳通行证是大陆居民去香港、澳门的专用证件。去香港需要香港的签注，去澳门需要澳门的签注。签注类型主要有团队旅游签（L签）和个人旅游签（G签）。L签与G签主要异同如下：不管是L签还是G签，都是可以到参团旅游或是自由行的，这取决个人选择。</t>
  </si>
  <si>
    <t>可以的，要先报关，1：提前报关，提供照片，港澳通行证正面就可以，在网络百度一下报关，互联网就可以报关的了。2：当天报关，费用有的贵，在100元以内。广东省的是不需要，其他省份都要的。</t>
  </si>
  <si>
    <t>除了开放G签的广东省及28个城市的居民，其他地区的居民只能办理L签，但并不是只能跟团旅游，通过旅行社购买送关服务，即可自由行前往港澳。旅行社将你的个人信息安排到团队旅游名单中。部分地区可以直接拿着名单出境，部分地区需要跟其他购买送关服务的人一起由专人带出境，其中以深圳口岸的送关服务最为简洁和便宜。</t>
  </si>
  <si>
    <t>天猫是正品么</t>
  </si>
  <si>
    <t>先看看标题是不是有正品两个字，有的话都是正品的</t>
  </si>
  <si>
    <t>比淘宝比较有保障#很难说</t>
  </si>
  <si>
    <t>是的哦</t>
  </si>
  <si>
    <t>就是因为淘宝假货太多才推出的天猫，随着管理的严格，不能说绝对都是正品，但少了很多非正品！</t>
  </si>
  <si>
    <t>不一定，但大多是正品，天猫其实也就是普通商户，他的用户评价啊，信用值啊，都达到了要求，然后向淘宝上缴大量的保证金，保证金的作用是在天猫买东西如果出现问题，会先行赔款啊，出现假货投诉的时候扣钱啊这些用处。所以天猫如果卖假的东西呗发现会扣除大量的钱的。只是能保证比普通商家的可信度高些</t>
  </si>
  <si>
    <t>不一定，有些你就是去验是不是正品，没处可验，。</t>
  </si>
  <si>
    <t>所以一般都是正品，如发现仿冒品可直接投诉，情况属实，天猫将扣除卖家的保证金</t>
  </si>
  <si>
    <t>显然不是，除了旗舰店什么的还是有很多假货的，建议专柜</t>
  </si>
  <si>
    <t>私贷可以申请破产吗</t>
  </si>
  <si>
    <t>不可以,只有有限责任公司申请破产之后,才可以用公司所有的财产来抵还债务,而不必另外负债.个人的娱乐场所是不可以的。</t>
  </si>
  <si>
    <t>目前个人是不可以走破产程序，申请破产保护的</t>
  </si>
  <si>
    <t>具有独立法人资格的企业就可以申请破产。否则经营者承担无限责任。</t>
  </si>
  <si>
    <t>ipad漏电吗</t>
  </si>
  <si>
    <t>漏电是有可能</t>
  </si>
  <si>
    <t>轻则设备主板损坏，重则危机人身安全。</t>
  </si>
  <si>
    <t>iPad漏电可能是充电器不是原装的或者是在湿手的情况下接触iPad。</t>
  </si>
  <si>
    <t>输尿管里放了双j管可以过性生活吗</t>
  </si>
  <si>
    <t>可以是可以的，但是动作不要那么剧烈了</t>
  </si>
  <si>
    <t>体内留置有双J管，同时合并有感染，这个时候不能性生活的。</t>
  </si>
  <si>
    <t>可以是可以的，但是动作不要那么剧烈了，但是建议还是不要做，容易尿路感染</t>
  </si>
  <si>
    <t>狗粮可以两种掺着喂吗</t>
  </si>
  <si>
    <t>当然可以，不同牌子和也可以混着吃的，我就是麦顿A6和金典牛肉米饭混着吃的，效果很好。</t>
  </si>
  <si>
    <t>常情况下，选择一种适合狗狗吃的狗粮来喂养宠物狗是比较科学的。然而，将狗粮混合在一起这也分为几种不同的情况，严格来说，如果选择很多不同品牌的狗粮，然后混合在一起给宠物狗吃，这种喂养方法是不值得提倡的。专业的狗粮是根据狗狗身体成长的需求特殊研制而成，家长们一般不用担心狗狗吃狗粮会营养不够。如果贸然的将多种品牌的狗粮混合在一起，反而容易导致狗狗吸收太多的营养，容易导致狗狗肥胖。当然，在一些特殊的情况，偶尔也需要将两种狗粮进行混合，比如说在给宠物狗更换狗粮的时候，为了防止狗狗出现不适应、肠胃不适的情况，在换狗粮的时候可以将两种狗粮混合在一起，给狗狗一个足够的时间去适应，就的狗粮分量慢慢减少，新的狗粮分量慢慢年增加，在短时间内完成给狗狗换狗粮的任务。</t>
  </si>
  <si>
    <t>可以的，我家就是渴望和巅峰一起喂。</t>
  </si>
  <si>
    <t>可以是可以，但是如果是两种狗狗都没吃过的狗粮，可能使狗狗胃肠适应不了，会拉肚子，换狗粮要循序渐进的，不能一下就给换了，大约十天左右</t>
  </si>
  <si>
    <t>可以的，尤其是换狗粮时</t>
  </si>
  <si>
    <t>没事，新口味！</t>
  </si>
  <si>
    <t>一般情况先不建议混着吃。</t>
  </si>
  <si>
    <t>火影忍者阿凯死了吗</t>
  </si>
  <si>
    <t>没有啊，只不过腿受重伤</t>
  </si>
  <si>
    <t>没死，被六道鸣人救了，但最后残废了，阿凯如果死了谁来陪卡卡西。</t>
  </si>
  <si>
    <t>凯没死，被开挂的鸣人救了，但是右脚报废了</t>
  </si>
  <si>
    <t>是的，貌似生命消耗殆尽了。</t>
  </si>
  <si>
    <t>没死，被鸣人救了，不过后来只能坐轮椅了。</t>
  </si>
  <si>
    <t>中国是人口最多的国家吗</t>
  </si>
  <si>
    <t>世界上人口最多的国家是中国</t>
  </si>
  <si>
    <t>目前中国的人口世界最多</t>
  </si>
  <si>
    <t>是的。由于中国国土面积大，跨地域很广。很多人都没有被计算在总人口上。但即使是这样，中国人口还是世界最多的国家。</t>
  </si>
  <si>
    <t>有没有电脑闹钟</t>
  </si>
  <si>
    <t>有闹钟功能的，你可以安装一款闹钟小软件就可以，这样的软件有很多，你可以搜索电脑闹钟。</t>
  </si>
  <si>
    <t>不需要借助第三方的闹钟软件，电脑有自带的</t>
  </si>
  <si>
    <t>电脑闹钟软件V9.6，我用了很长时间了</t>
  </si>
  <si>
    <t>电脑有自带的。</t>
  </si>
  <si>
    <t>东洋倒爷 是真的吗</t>
  </si>
  <si>
    <t>差。</t>
  </si>
  <si>
    <t>罗布泊还能重现往日的生机吗</t>
  </si>
  <si>
    <t>不能，罗布泊已死，就算人工蓄水也是一潭死水。</t>
  </si>
  <si>
    <t>互联网归广电总局管吗</t>
  </si>
  <si>
    <t>不能，互联网是自由的不受广电约束</t>
  </si>
  <si>
    <t>广电总局全称是国家广播电影电视总局,网络视频归他们管.</t>
  </si>
  <si>
    <t>海豚伤人吗</t>
  </si>
  <si>
    <t>海豚是哺乳动物，是不会伤人的</t>
  </si>
  <si>
    <t>在鲨鱼面前，海豚是疯狂的击杀之神，攻击人类可谓易如反掌，但却从来没有海豚伤人的记录</t>
  </si>
  <si>
    <t>淘宝信用卡分期付款取消了吗</t>
  </si>
  <si>
    <t>淘宝可以使用信用卡分期付款，前提是卖家开通了信用卡分期付款功能。一、淘宝使用信用卡分期付款的条件：交易金额在600元及600元以上（支持合并支付，合并的交易需都支持信用卡分期，多笔交易支付时，只要累计银行渠道付款大于600元即可）。</t>
  </si>
  <si>
    <t>妊辰纹能去掉吗</t>
  </si>
  <si>
    <t>消除妊娠纹通常采用的办法有以下几种A、精油香薰法：需分次治疗，疗程长，对美容师的技术要求高，最佳的效果仅能使斑纹淡化而已。B、换肤法：使用化学脱皮剂，多使用酸性物质或腐蚀性物质，但皮肤厚度和个人反应程度不定，因此引发增殖疤痕的报到时有发生，大面积使用对身体有不良影响C、光子疗法：常用的光子疗法，只能点状治疗，大面积需分次治疗，不易掌握深浅。常留有疤痕D、磨削法：大面积治疗会给患者带来痛苦且留有疤痕，不适合用于妊娠纹治疗。E、早产法：早产法能避免妊娠纹的产生，但增加了婴儿患病的几率，也使很多婴儿天生弱智，是伤害性最大的方法。</t>
  </si>
  <si>
    <t>产后三个月是消除妊娠纹的最佳时机，建议产妇可以在家做一些简单的运动(例如：抬腿运动)，以消除水肿。此外，勤于按摩容易产生妊娠纹地方(腹部、大腿内侧、臀部，以及胸部)，可以有效消除妊娠纹。</t>
  </si>
  <si>
    <t>妊娠纹是随着时间慢慢淡化的，你不用想太多，平常多运动多吃含胶原蛋白的食物会好很多。</t>
  </si>
  <si>
    <t>橄榄油＃＃用美子秀，把“子”换成“姿”，就可以去的，我的就是它去的</t>
  </si>
  <si>
    <t>有妊辰纹的话平时多吃些胶原蛋白胶原纤维丰富的食品，以增强皮肤弹性，比如鳅鱼、鱼类。</t>
  </si>
  <si>
    <t>去美容医院</t>
  </si>
  <si>
    <t>没有办法的，自然美就好，别花没用的冤枉钱。</t>
  </si>
  <si>
    <t>魔兽地图适合一个人玩的</t>
  </si>
  <si>
    <t>PG：无止境的战斗2或者3，幻灵大陆，西方世界的劫难系列，月纹传说，遗失的记忆，失落大陆，沉沦之城ORPG：西部荒野II，卡利隆王国</t>
  </si>
  <si>
    <t>扫地机有用吗</t>
  </si>
  <si>
    <t>那这个就要看你自己了，如果你每天都挺忙的，没有时间去手工清扫，感觉你还是很需要一款扫地机的，完成智能代替人工，也可以给你省下不少时间。要是想买的话，还是推荐你买一款iRobot品牌的，用起来还是很不错的。望采纳！</t>
  </si>
  <si>
    <t>梁玉玺德威莱克驾驶式扫地机，清扫很快，节省人力，用着还是很不错的。</t>
  </si>
  <si>
    <t>扫地机应该说总体还是可以的，扫地机再使用的时候也是会有一定的局限的，会有一定的好处。</t>
  </si>
  <si>
    <t>本人用过，如果你家里面家具放在家里面合理的位置，扫地机是很好用的特别是家里面积大的家庭，但是如果你家里面积不是那么大，且家庭用具多的话，建议你不要用，并不好用。</t>
  </si>
  <si>
    <t>挺好用的，海尔生产的扫地机器人特别智能，发现真的不用去管它，任凭它打扫去吧，最后它总会把所有地方都打扫干净的，覆盖面积至少能达到百分之九十五</t>
  </si>
  <si>
    <t>梦幻西游手游能后台运行吗</t>
  </si>
  <si>
    <t>梦幻西游手游目前不支持后台运行，ios系统都是单线程任务所以按home退出之后游戏进程也会停止，安卓系统同样如此。安卓版玩家建议使用模拟器在电脑上玩，这样手机就不用长时间挂机损耗了。苹果用户越狱之后可以通过安装插件实现后台运行。最好的方法当然是使用两个设备。</t>
  </si>
  <si>
    <t>不能 不过后台的话也有几分钟可运行时间</t>
  </si>
  <si>
    <t>　一般情况下，接电话或者查看短信短时间内退出游戏，是不会掉线的。但是如果长时间后台挂机或是网络卡顿、断网等等情况是一定会掉线的。</t>
  </si>
  <si>
    <t>不可以的，后台也不可以，需要挂机的话点击系统设置里面有锁定屏幕可以挂机 。</t>
  </si>
  <si>
    <t>建造师挂靠有风险吗</t>
  </si>
  <si>
    <t>风险：安全风险和违约风险和证书风险</t>
  </si>
  <si>
    <t>安全风险、证书风险、违约风险。</t>
  </si>
  <si>
    <t>挂靠作为一个社会风气的确应引起重视，与其堵之莫疏之，因此今天在此谈一谈建造师的挂靠风险。风险一：安全风险。 风险二：证书风险。风险三：违约风险。</t>
  </si>
  <si>
    <t>四个月的宝宝能坐飞机吗</t>
  </si>
  <si>
    <t>可以，宝宝满14天就能坐飞机。</t>
  </si>
  <si>
    <t>可以，宝宝满14天就能坐飞机</t>
  </si>
  <si>
    <t>可以，根据航空公司的规定，婴儿满14天后就可以乘坐飞机。</t>
  </si>
  <si>
    <t>三四个月的宝宝是可以坐飞机的。</t>
  </si>
  <si>
    <t>马来西亚有落地签证吗</t>
  </si>
  <si>
    <t>可以落地签，330马币，换成人民币要660多元，14天内的有效机票，。</t>
  </si>
  <si>
    <t>中国游客进入马来西亚可以办理落地签证</t>
  </si>
  <si>
    <t>可以，不过电子签不难啊，在马来西亚之窗根据你的需要申请即可</t>
  </si>
  <si>
    <t>去马来西亚有三种签证方式可以选择，手续、价格和周期各不同：第一种：申请EVISA电子签证，在网站上填写申请表，并上传相关文件、付费，通过后打印EVISA就可出境，无入境口岸限制。一般24小时出证，30天有效期，费用是25美元。第二种：网上申请ENTRI，最快可以即时确认通过，15天有效期，费用20美元。但仅使用指定的6个机场入境，包括吉隆坡、兰卡威、哥打京那巴鲁等，基本覆盖了几个主流目的地。 需要注意，网上申请，一个账号最多申请5人。第三种：自行或通过旅行社办理个人旅游签证，之前办理马来西亚签证需要总共200元费用，从3月1日起免签证费，仅需120元签证中心费用。办签时间为4~6个工作日。</t>
  </si>
  <si>
    <t>邮箱密码能破解吗</t>
  </si>
  <si>
    <t>这个必须找专业的，先破后付款，不至于被骗</t>
  </si>
  <si>
    <t>糖尿病人能喝苦丁茶吗</t>
  </si>
  <si>
    <t>可以，苦丁茶当药用时，对糖尿病、高血压，高血脂等疾病有非常好的疗效，对于高血压、高血脂、高血糖等的疾病患者来说，通过饮用苦丁茶将血压、血脂、血糖降下来之后，可适当降低饮用浓度，但不要完全停止，以免病情反复。如果饮用苦丁茶的浓度适当，可以在二三十天内把血压、血脂降下来。这也正是苦丁茶的价值所在。</t>
  </si>
  <si>
    <t>苦丁茶可以喝，但是不能用它降糖</t>
  </si>
  <si>
    <t>苦丁茶是否有一定的降血糖作用目前还没有结论，但是苦丁茶的升糖指数较低，糖尿病人可以饮用</t>
  </si>
  <si>
    <t>可以适量喝。</t>
  </si>
  <si>
    <t>孕妇铁蛋白一直很低会影响 宝宝吗</t>
  </si>
  <si>
    <t>还是问问医生吧。</t>
  </si>
  <si>
    <t>自慰会得尖锐湿疣吗</t>
  </si>
  <si>
    <t>只要手上没有病毒，自慰是不会得尖锐湿疣的。</t>
  </si>
  <si>
    <t>这个其实也是有可能的，手淫导致的危害是很多的</t>
  </si>
  <si>
    <t>会的！不干净的手手淫得性病！！</t>
  </si>
  <si>
    <t>不会的，尖锐湿疣主要通过性生活</t>
  </si>
  <si>
    <t>不会的，刺激阴蒂最好，里面切勿插入，处女膜会失去</t>
  </si>
  <si>
    <t>人流半个月能同房吗</t>
  </si>
  <si>
    <t>凡是女人生小孩6至7周，刮宫、流产打胎30天、剖腹产2个月，在这期间是不可以同房性生活或性行为的。</t>
  </si>
  <si>
    <t>不好易得病你老公爱你就应该忍你爱你老公就用嘴</t>
  </si>
  <si>
    <t>控制住，你没得过妇科病不知道妇科病的麻烦。像你这样的情况应该没事，后面你们控不控制的住就难说了喽＃＃可能会感染妇科疾病额，不好治的感染就麻烦了 感情很好也要为你的身体着想啊俄朋友也是人流后同房 现在情况不是很乐观，叫你老公陪你去医院检查下比较放心噢</t>
  </si>
  <si>
    <t>人流后半个月是不可以同房的。建议必需在人流后42天后才能同房 具体还要看恢复情况而定 过早同房容易引起女性妇科炎症的发生</t>
  </si>
  <si>
    <t>一个月内不要同房，对子宫恢复不好，还容易得妇科病</t>
  </si>
  <si>
    <t>虎骨可以直接泡酒吗</t>
  </si>
  <si>
    <t xml:space="preserve">直接就可以泡 </t>
  </si>
  <si>
    <t>可以。你好，前期就是表面洗干净，防止发霉变质就可以，直接放入高度酒即可泡完之后可以晒干备用。</t>
  </si>
  <si>
    <t>儿研所晚上能买药吗</t>
  </si>
  <si>
    <t>可能不行了，而且就算平时人多，开药还是不慢的或者直接在门口商店问有没有卖的</t>
  </si>
  <si>
    <t>呆小症会遗传吗</t>
  </si>
  <si>
    <t>这个是没有遗传的。</t>
  </si>
  <si>
    <t>呆小症是幼年甲状腺激素分泌不足引起的智力、体格发育不全，呆小症的患者结婚的可能性小吧，但医学原理上是遗传的可能性小！</t>
  </si>
  <si>
    <t>不是遗传病，是人幼年缺碘导致，不会使身体内的遗传基因改变，是不能遗传的</t>
  </si>
  <si>
    <t>不是遗传病，呆小症是因为胚胎期缺乏碘引起，小儿甲状腺功能不足所致。</t>
  </si>
  <si>
    <t>会遗传，它是根据基因的遗传。</t>
  </si>
  <si>
    <t>不会遗传</t>
  </si>
  <si>
    <t>干眼症能自愈吗</t>
  </si>
  <si>
    <t>专家介绍说，如果患者是轻微干眼症的患者治疗比较简单，可以适当使用人工泪液(有药水、药膏、凝胶等型式;另有不含防腐剂，戴隐形眼镜时可点之产品)、睡前点润滑药膏，热敷、按摩则可刺激泪液分泌。 如果是中度干眼症的患者则可以适当增加人工泪液之次数、戴挡风或保湿眼镜、降低室内温度、增加湿度、减少泪液之蒸发;将泪小管栓塞或电烧来阻断减少泪液之排除也可增加泪液量。 但是如果是有严重干眼症的患者除了以上之治疗方法外，有时还要将眼球覆盖、或施以眼睑缝合术以避免眼球过度干燥造成之伤害。</t>
  </si>
  <si>
    <t>1.干眼症是常见眼科疾病，不少患者眼部干涩症状轻微，无需药物治疗;</t>
  </si>
  <si>
    <t>干眼症是慢性疾病，多需长期治疗，一般不能自愈</t>
  </si>
  <si>
    <t>现在还没有治愈的方法，在临床上，一般采用的方法就是用人工泪液来缓解病情，</t>
  </si>
  <si>
    <t>经常手淫会掉头发吗</t>
  </si>
  <si>
    <t>是的，会出现脱发的情况。</t>
  </si>
  <si>
    <t>不会直接导致。但手淫会导致肾虚，从而脱发。另外手淫会使雄性激素和荷尔蒙增多。也是脱发的原因。</t>
  </si>
  <si>
    <t>会的，手淫会影响人的身高、体重、性格、心理、智力、记忆力、脱发、痘痘、尿频尿急、尿等待。</t>
  </si>
  <si>
    <t>是的，中医上认为，经常手淫，会导致肾精亏虚，神经亏虚不能濡养头发，所以，会导致脱发，或者头发稀少，头发变黄等一些列症状。</t>
  </si>
  <si>
    <t>sy必须彻底戒除，否则影响你身高 体重 性格 心理 健康 记忆力 智慧 青春痘 虚汗 盗汗 脱发等各方面的。</t>
  </si>
  <si>
    <t>应该不会吧。。。</t>
  </si>
  <si>
    <t>是有影响的。</t>
  </si>
  <si>
    <t>曹清华胶囊有效吗</t>
  </si>
  <si>
    <t>曹清华风湿骨痛胶囊（简称曹清华胶囊，国药准字B20020225）是国内著名的风湿骨病权威专家、中国中医药学会类风湿研究中心副主任、香港国际传统医学研究会理事曹清华教授，历经37年艰辛努力研制成功的风湿骨病治疗新药。因其疗效确切，一经问世就荣获国家专利局颁发的专利证书，并将其药物组方列为国家专利保密配方，保护期20年。</t>
  </si>
  <si>
    <t>因为邻居有老人家吃好了，我也给自己亲戚买来吃，有效果！</t>
  </si>
  <si>
    <t>外婆骨质增生 买了两盒吃过 完全没效果</t>
  </si>
  <si>
    <t>这种像传销的药你都信，一句话，药贵医你不好医你不死。</t>
  </si>
  <si>
    <t>还行呐！这楼上的说的过了，正确来说，人都这样，吃的好不会去你面前说，但没吃好多数会找你抱怨，我是亲身体会，因为邻居有老人家吃好了，我也给自己亲戚买来吃，有效果！</t>
  </si>
  <si>
    <t>这个我用过，不是很好用，要从根本上治疗的，我是用的（独绝康黑膏药）外敷好的。</t>
  </si>
  <si>
    <t>广发提额快吗</t>
  </si>
  <si>
    <t>非常快。</t>
  </si>
  <si>
    <t>链家中介费能打折</t>
  </si>
  <si>
    <t>链家从不打折！</t>
  </si>
  <si>
    <t>如果是老客户可以打到九折</t>
  </si>
  <si>
    <t>几乎不打折，最多九五</t>
  </si>
  <si>
    <t>应该是有的，建议您和他砍价。</t>
  </si>
  <si>
    <t>没有，他地位实在是优势，可以看看其他的</t>
  </si>
  <si>
    <t>新疆元旦收费站免费吗</t>
  </si>
  <si>
    <t>2017年元旦新疆高速公路收费站没有免费、照常要收过路费。</t>
  </si>
  <si>
    <t>不收费，和春节都不收费。</t>
  </si>
  <si>
    <t>免费通行的时间范围为春节、清明节、劳动节、国庆节等四个国家法定节假日，以及当年国务院办公厅文件确定的上述法定节假日连休日。免费时段从节假日第一天00∶00开始，节假日最后一天24∶00结束。</t>
  </si>
  <si>
    <t>后脑勺有痣好不好</t>
  </si>
  <si>
    <t>不就几颗痣么！而且你那些痣长的地方又不影响美观，大可不必去管它，只是洗澡的时候小心别去抓破它就行了。</t>
  </si>
  <si>
    <t>有。后脑勺头发里有痣的人，说明有一定贵气，有将相之才，有朝廷显贵之命。</t>
  </si>
  <si>
    <t>后脑勺有痣，代表有靠山</t>
  </si>
  <si>
    <t>输卵管堵塞能治好吗?</t>
  </si>
  <si>
    <t>可以做手术</t>
  </si>
  <si>
    <t>目前国际治疗输卵管堵塞性不孕微创治疗的首选疗法，目前唯一集诊断与治疗为一体的高新人工智能辅助生育技术，有效提高受孕成功率。整个过程不开刀、无痛苦、快速疏通梗阻的输卵管，术后恢复快，无疤痕。</t>
  </si>
  <si>
    <t>铜壶可以用电磁炉吗</t>
  </si>
  <si>
    <t>电磁炉不能用铜壶烧水</t>
  </si>
  <si>
    <t>电磁炉的同步/锅检电路在设计上，只对铁磁体起作用，对非铁磁体的铜不起作用，也就是电磁炉不会动作，所以纯铜壶不可以用电磁炉加热。</t>
  </si>
  <si>
    <t>可以的，只要是铜和铁都可以与电磁炉接触的过程中产生涡流，故可加热。</t>
  </si>
  <si>
    <t>不可以。电磁炉是通过线圈产生交变磁场。</t>
  </si>
  <si>
    <t>吃杏仁会过敏吗</t>
  </si>
  <si>
    <t>这个食物是有过敏可能的。每个人的个体差异不同，导致引起过敏的食物或者是物品也是不同的</t>
  </si>
  <si>
    <t>杏仁会对部分人产生过敏反应</t>
  </si>
  <si>
    <t>杏仁是有过敏可能的。每个人的个体差异不同，导致引起过敏的食物或者是物品也是不同的</t>
  </si>
  <si>
    <t>博客来支持大陆购买吗</t>
  </si>
  <si>
    <t>台湾最大的网络书店博客来有配送大陆的服务，就是运费贵了点。</t>
  </si>
  <si>
    <t>普通发票有期限吗</t>
  </si>
  <si>
    <t>收到的当年发票在一当年的年度内都可以入账冲抵收入,所以在年度内都做账都可以,不算过期.如果超过年度了,就不要使用它了.</t>
  </si>
  <si>
    <t>普通发票没有效期</t>
  </si>
  <si>
    <t>普通发票没有期限要求</t>
  </si>
  <si>
    <t>增值普通发票没有规定使用期限</t>
  </si>
  <si>
    <t>各地政策不同，一般普通发票没有时间限制，只是跨年的发票开红字时系统调不出原来的信息需要手工录入。</t>
  </si>
  <si>
    <t>根据税法规定:当年已开发票不能在下年度冲抵下年度发生的收入而抵税.</t>
  </si>
  <si>
    <t>无限制</t>
  </si>
  <si>
    <t>有，一般是180天。</t>
  </si>
  <si>
    <t>植发还会脱发吗</t>
  </si>
  <si>
    <t>植发后过几年肯定会掉光，因为毛囊根部的毛细血管被切断了</t>
  </si>
  <si>
    <t>还是会的，可以用姜刺激头皮毛囊加速头发的生长，另外想要头发生长可以用点缮丝缘丝木精华液涂抹发根处，之后用手指按摩头皮，来回几次，坚持一段时间也是可以生发的。</t>
  </si>
  <si>
    <t>头发种植是采用自体毛发移植的原理，在显微外科手术下，将患者自身后枕部永不脱落的健康毛囊通过微外科技术分离并加以培养，然后移植到脱发区域。移植后的毛囊会保持原有永不脱落的特性继续在移植区域正常生长。种植头发后将不会再脱发，这也是由于毛发取自于自身决定的。植发提取的是人体后枕部的健康毛囊组织，这部分毛囊是人体最优良的毛囊资源，不受任何雄性激素的影响，而且这些毛囊本身就有天然不脱落的特性，移植后的毛囊依然具有这种特性，所以新生毛发是永久不脱落的。而且新生毛发会按照头发正常生长的方向生长，不会出现任何排斥现象，效果真实自然。</t>
  </si>
  <si>
    <t>首先在手术前，会先做专业的毛囊检查，看你目前是否处于稳定期，其次，术后一般会有专门的回访告知一些养护法常识，会延缓原生发的脱落。</t>
  </si>
  <si>
    <t>目前植发技术较先进，另外新生植发最近又首次引进了第一台ARTAS植发机器人，开启了国内智能植发新时代。对于植发后的效果发友们大可放心。</t>
  </si>
  <si>
    <t xml:space="preserve">植发后第15天开始会出现换发期，是种植区的头发开始慢慢层次不齐的脱落,换发期是每个做植发的患者需要经历的过程，因为植发是带有3-5毫米的小发茬一起种植过去的，到新的环境需要建立新的血液循环，会重新发芽，将移植过去的旧发茬挤兑掉，道理就跟小时候换牙一样的。    </t>
  </si>
  <si>
    <t>植发是目前医学证实唯一能彻底根本解决脱发问题的途径；由于移植的毛发大部分选自毛发稠密、生命力旺盛的后头或侧头部，所以移植后的毛发一般不会脱落；是永久性的，可以随意的修剪和染烫。</t>
  </si>
  <si>
    <t>吕洗发水好吗</t>
  </si>
  <si>
    <t>好用，不同的颜色不同功效</t>
  </si>
  <si>
    <t>觉得挺好用的</t>
  </si>
  <si>
    <t>很好的一款洗发水</t>
  </si>
  <si>
    <t>珍珠粉美白有用吗</t>
  </si>
  <si>
    <t>可以的，只是不太明显的。</t>
  </si>
  <si>
    <t>珍珠粉确实可以美白，内服、外敷均可。</t>
  </si>
  <si>
    <t>珍珠粉美白1个月后可以看到效果。</t>
  </si>
  <si>
    <t xml:space="preserve">珍珠粉润泽美白肌肤自制法： 1 将珍珠粉与蜂蜜混合，每天早上取用一匙与温水调匀，空腹喝下。不但可以清除体内毒素，长期饮用还可以润泽美白肌肤。 2 晚上使用护肤霜时，调进少量珍珠粉一起涂抹，可以调整肌肤油脂分泌，并且有高效美白作用，这是影星俞飞鸿的不二美白秘诀。 3 自己制作珍珠醋饮用。将珍珠粉倒进有机苹果醋或有机覆盆子醋内，待珍珠粉溶掉，每次取用少量加半杯温水，调进蜂蜜饮用。这种珍珠醋美肤抗衰老效果更加出色。 </t>
  </si>
  <si>
    <t>白血病晚期能治好吗</t>
  </si>
  <si>
    <t>晚期的话只能依靠干细胞移植了，大概需要30W到50W，治愈率大概百分之50左右。</t>
  </si>
  <si>
    <t>早期治愈的可能性是比较大的，晚期的做手术的话可能没什么大的作用了，现在只能说是化疗和药物来延长生存期 和缓解疼痛。</t>
  </si>
  <si>
    <t xml:space="preserve">有可能会治好！ 既然能治好就不存在活多长时间的问题了 治愈的标准:如果是急性白血病缓解以后，五年不复发，我们叫长期生存，十年不复发，我们叫治愈。 </t>
  </si>
  <si>
    <t>白血病晚期治愈情况，要根据病情来定，出现白血病可以根据病情采取化疗，骨髓移植等方法治疗，建议您到三甲医院血液科就诊。然后采取相应的措施，一般来说晚期白血病很难彻底治愈。心情放松，因为精神状态很重要</t>
  </si>
  <si>
    <t>感冒了能吃萝卜吗</t>
  </si>
  <si>
    <t>大多数幼儿感冒时出现喉干咽痛、反复咳嗽、有痰难吐等上呼吸道感染症状。多吃点爽脆可口、鲜嫩的萝卜，不仅开胃、助消化，还能滋养咽喉，化痰顺气，有效预防感冒。</t>
  </si>
  <si>
    <t>大凡体质虚寒之人需要补养，补养用温热药，白萝卜性属寒凉，则不宜食之；因药与食之热寒相抵，其效自失。</t>
  </si>
  <si>
    <t>可以吃萝卜的啊。</t>
  </si>
  <si>
    <t>风寒感冒的患者可以吃萝卜，不过鉴于目前生产萝卜的品质参差不齐，根本就不知道里面添加了什么药水，因此建议风寒感冒的朋友还是别吃萝卜的好，自己可以熬粥来喝，也可以煮一点小菜汤。</t>
  </si>
  <si>
    <t>大专毕业两年后可以考研吗</t>
  </si>
  <si>
    <t>大专生毕业满两年或者两年以后可以以同等学历报考研究生。</t>
  </si>
  <si>
    <t>大专毕业，工作两年后可以直接考研。</t>
  </si>
  <si>
    <t>毕业三年可以去考研究生 ，国家规定大专生考研必须是毕业后两年，你已经满足条件 。</t>
  </si>
  <si>
    <t xml:space="preserve">这个规定是必要非充分条件，也就是说：专科毕业两年（含两年）是报考研究生的基本条件，各招生单位还将在此基础上对同等学力做出具体的规定和要求。 </t>
  </si>
  <si>
    <t>国家公务员报名需要照片吗</t>
  </si>
  <si>
    <t>一般是2寸免冠照片，报名对照片的要求为160×130像素，照片不得大于20K，格式为JPG格式。</t>
  </si>
  <si>
    <t>国家公务员考试考生上传照片时，必须在“您的照片”下面的预览框内真实地看到自己的照片后再点击“上传照片”按钮，所看到照片必须反清晰反映本人特征，如生活照、用摄像头所摄照片、照片模糊或虚、红‘X’等情况，均不能通过照片审核。</t>
  </si>
  <si>
    <t>电脑关机闹钟会响吗</t>
  </si>
  <si>
    <t>土豆皮变绿了还能吃吗</t>
  </si>
  <si>
    <t>不能吃,变绿就含有毒素了。</t>
  </si>
  <si>
    <t xml:space="preserve">土豆是人们常吃的蔬菜，平常不会引起中毒的。但是，当它颜色变绿或发芽的时候，会产生大量龙葵素，又叫茄碱。这是一种毒性很强的物质。这种毒素不仅存在于土豆的表层中，而且它的芽、芽眼和芽根及变绿的地方含量更多。有时我们在吃土豆时舌头上发麻，就是由于土豆含有龙葵素的缘故。芽里的龙葵素的含量比土豆内里高50～60％倍。如果人们吃了含有龙葵素的土豆，就会出现中毒：首先感到咽喉和口内骚痒，上腹部疼痛、恶心、呕吐、腹泻。症状较轻的，可在停食后1～2小时自愈；重者有反复呕吐而造成失水、发高烧、呼吸困难、瞳孔散大、昏迷、抽搐，严重的还会中毒死亡。 </t>
  </si>
  <si>
    <t>不能吃，土豆中含有一种叫龙葵素的有毒物质，一旦土豆发芽或经光照变绿,龙葵素的含量就会大量增加。</t>
  </si>
  <si>
    <t>吃是可以吃的，变绿色了，应该是露天土豆。</t>
  </si>
  <si>
    <t>最好别吃！</t>
  </si>
  <si>
    <t>不可以吃。绿皮土豆其生物碱毒性大大高于土豆芽眼窝的毒素。</t>
  </si>
  <si>
    <t>不能，容易中毒。</t>
  </si>
  <si>
    <t>电容分正负吗</t>
  </si>
  <si>
    <t>电解质电容器一类电容有正负极，其他有的没有，比如平板电容就没有正负极之分。</t>
  </si>
  <si>
    <t>桥堆出来一般是接电解电容的，电解电容有正负极的，包装印刷灰色长条的那个脚是负极</t>
  </si>
  <si>
    <t>在桥堆上一般是用大容量电解电容滤波，有极性，电解电容上标着呢</t>
  </si>
  <si>
    <t>电机的启动电容器和运行电容器，都是无极性电容，没有正负极之分。</t>
  </si>
  <si>
    <t>这是无极性高压电容，没有极性，只要耐压够，容量相同，可以通用的。你的两只，一只1.2微法，一只1.0微法，差别不大，可以使用。希望能够帮到你＃＃不分正负极 使用电容 断电后不要马上接触 要给电容先放电＃＃这个是启动电容，没有正负极，这两个容量相当可以换。本人维修电器的</t>
  </si>
  <si>
    <t>有的分，有的不分</t>
  </si>
  <si>
    <t>电解电容分正负极其它如次瓷片电容、涤沦电容等不分正负极</t>
  </si>
  <si>
    <t>电容器一般是不分正负的,从电容器的结构来说就是两个金属片间隔形成的,中间是根据不同的用途而添加的不同的介质,内部没有太复杂的结构;从功能上来说,电容器是隔直流电通交流电的,再就是存储电能的,无论接哪一极都能实现其功能。除非特殊的场合,能用到特殊的电容器,但是生活中见到的都是没有极性的,我随便说说,你再看看其他的网友的答案综合综合</t>
  </si>
  <si>
    <t>章子怡参加黄晓明婚礼了吗</t>
  </si>
  <si>
    <t>媒体报道她在安胎呀，就是百姓家对孕妇也不会要求这么多。</t>
  </si>
  <si>
    <t>挪威好吗</t>
  </si>
  <si>
    <t>挪威有「峡湾之国」的称号，故自然景观以冰河切凿而成的「峡湾」地形（Fjord）最具特色，峡湾地形即是一部冰河史。其中以位于卑尔根（Bergen）附近的松恩峡湾（Sogne Fjord）最为著名，它是挪威境内最大的峡湾，同时也是世界上最深、最长的峡湾，以绮丽的风光著称于世。大部分访问挪威和斯堪的纳维亚的游客都是为了感受峡湾之秀美，挪威西部也因挪威峡湾而闻名遐迩。挪威峡湾包括世界上最长、最著名的松恩峡湾、还包括纳勒尔峡湾和哈当厄尔峡湾。三个峡湾都美奂绝伦，但风姿各不相同，您不可能在世界任何地方找到同样的风光景致。大多游客都在夏季游览挪威峡湾，但挪威最美丽的季节是春秋两季。5月的挪威峡湾，遍地鲜花盛开、到处五彩斑斓。色彩缤纷的果园在和瑰丽晶莹的冰川竞相媲美。秋天的挪威峡湾是金色的世界。金黄的秋叶落去之后，树枝上挂满成串的浆果，火红..火红..。秋天是收获的季节。</t>
  </si>
  <si>
    <t>电信机顶盒能播放u盘</t>
  </si>
  <si>
    <t>电信机顶盒usb接口能用u盘看电影的。</t>
  </si>
  <si>
    <t>电信itv机顶盒一般是不能观看U盘中的节目的，机顶盒的USB接口一般是用于设置机顶盒使用的。</t>
  </si>
  <si>
    <t>个人有纳税人识别号吗</t>
  </si>
  <si>
    <t>个人目前没有纳税人识别号</t>
  </si>
  <si>
    <t>向个人开具增值税普通法票无需纳税人识别号。</t>
  </si>
  <si>
    <t>造价员值钱吗</t>
  </si>
  <si>
    <t>造价师证才值钱，造价员没用。</t>
  </si>
  <si>
    <t>造价员证书是全国通用的，发证机关为：全国建设工程造价协会。造价员证书虽然是从业资格证书，但具有一定的技术性和专业性，所以证书的含金量还是比较高的。在建筑行业能够从事预算工作也是一份不错的职业，当然考证也有一定难度。</t>
  </si>
  <si>
    <t>刚开始的时候，工资不会很高，工作好找，具有了丰富的经验后，工资就没有问题了。</t>
  </si>
  <si>
    <t>工资根据不同地区不同工龄都不一样 对造价员的需求还是很大的</t>
  </si>
  <si>
    <t>狼牙是吉杰吗</t>
  </si>
  <si>
    <t>是吉杰，欧弟嘴唇很厚，吉杰是四川人会说四川话！而且手指短粗，狼牙也是！如果真是欧弟，欧弟肯定不怕揭面，因为欧弟又不是靠唱歌吃饭！他没必要害怕！</t>
  </si>
  <si>
    <t>是欧弟</t>
  </si>
  <si>
    <t>狼牙是吉杰 羊驼是孙楠 黑天鹅是丁当 战警是李泉 还一个许茹芸</t>
  </si>
  <si>
    <t>狼牙是欧弟，你仔细看看嘴吧，根本不是吉杰</t>
  </si>
  <si>
    <t>是吉杰，吉杰唱功很好的，尤其是民歌唱少数民族歌更拿手，还有就是看嘴巴绝对是吉杰</t>
  </si>
  <si>
    <t>吉杰或者齐秦，绝对不是欧弟。欧弟嘴唇比这厚。什么眼神都，说欧弟的</t>
  </si>
  <si>
    <t>爬山虎能在室内养吗</t>
  </si>
  <si>
    <t>如果家里有院墙的话，可以。如果是想养在屋子里面的墙的话，最后不要也没听说有人养家里面，都是趴在外墙的。爬山虎的根会沿着墙缝钻的哦</t>
  </si>
  <si>
    <t>爬山虎可种植在阴面和阳面，寒冷地区多种植在向阳地带。幼苗生长一年后即可粗放管理，在北方冬季能忍耐—20℃的低温，不需要防寒保护，所以可以种在家里。</t>
  </si>
  <si>
    <t>不能，光照条件满足不了。</t>
  </si>
  <si>
    <t>爬山虎可以在室内种植。</t>
  </si>
  <si>
    <t>最好不要，晚上植物是要吸氧的，对人体会产生不好的影响</t>
  </si>
  <si>
    <t>可以的，我家就种过，夏天比较阴凉，但最好是种在地上，种在盆内管理较困难，不可能每年都活，种在地里的话一劳永逸，一次种上年年都话，而且越来越茂盛。</t>
  </si>
  <si>
    <t>50磅的反曲能射野猪吗</t>
  </si>
  <si>
    <t>打是可以打的，但是需要看你打猎时距离目标的距离，IBO速度，用的什么箭头来确定能否对目标造成致命伤害了50磅的复合弓相对来说不如用60磅的打野猪稳妥些。</t>
  </si>
  <si>
    <t>苹果越狱后软件还在吗</t>
  </si>
  <si>
    <t>所有东西都还在，会多了一个Cydia，装插件用的</t>
  </si>
  <si>
    <t>软件在的</t>
  </si>
  <si>
    <t>如果朋友你不刷机直越，那东西还在，至于这么做中途出现什么问题我不保证一般为了保险起见，我们都会刷了机再越，这样里面的东西自然全没了</t>
  </si>
  <si>
    <t>都在的，越狱只是把手机破解了，安装了一个软件，你可以读取iphone文件。自己的文件不丢失</t>
  </si>
  <si>
    <t>还会有的</t>
  </si>
  <si>
    <t>ios越狱后手机里的东西不会消失。</t>
  </si>
  <si>
    <t>火龙果吃了上火吗</t>
  </si>
  <si>
    <t>　据研究结果表明，吃火龙果不仅不上火，相反还能起到去火的功效。</t>
  </si>
  <si>
    <t>火龙果虽然有个火字，但是在药理上来说，火龙果是清热温润的，不会上火。但是也不要多吃，否则会拉肚子</t>
  </si>
  <si>
    <t>根据许多资料显示，吃火龙果是不会上火的，火龙果性偏凉，有清热润肺、护嗓止咳的功效。不但不上火，还是一种可以去火的水果哦，熬夜的话吃火龙果比较好。火龙果确实具备诸多对人类有益的成份，还有更多促进健康、美容、防病强身的元素。</t>
  </si>
  <si>
    <t>火龙果是下火的！怎么会上火呢？无语了都</t>
  </si>
  <si>
    <t>朋友你好！不会上火，火龙果属于凉性水果</t>
  </si>
  <si>
    <t>火龙果是败火的，属阴</t>
  </si>
  <si>
    <t>凯迪拉克毛病多吗</t>
  </si>
  <si>
    <t>目前来说新车刚上市不久，提车较少，时间也不长，可能一些小毛病还没有显现出来。但是纵观凯迪拉克的车型，跟别的品牌比较的话，小毛病还算可以吧，低于日系，略低于或者与BBA持平，略高于一般合资企业，个人见解。</t>
  </si>
  <si>
    <t>车还不错，比较适合于那些不跟风的消费者，追求个性和车辆的做工品质，凯迪拉克的服务现在还不错，你如果感兴趣，直接进店实际体验一下好了，如果满意，买了就好。</t>
  </si>
  <si>
    <t>小毛病多，后期维修保养昂贵，保值率差</t>
  </si>
  <si>
    <t>当然是比较多的</t>
  </si>
  <si>
    <t>花千骨有没有怀孕</t>
  </si>
  <si>
    <t>可能最后投胎后的小骨跟字画在一起了 就怀了呗 生了个女儿叫花樱美 等她长大后也去长流山拜师学艺</t>
  </si>
  <si>
    <t>如果按照原版小说的情节来演的话是没有怀孕的，小说结局是花千骨只剩下一魂还是一魄，然后投胎转世了，但是因为魂魄被打散了所以智力很低，然后白子画重新收的她当徒弟，等她长大。</t>
  </si>
  <si>
    <t>正文和番外都没有说花千骨怀孕.</t>
  </si>
  <si>
    <t>没有怀过孩子，花千骨的孩子有糖宝和南无月，但都不是她生的，糖宝是用她的血幻化成的，而南无月是妖神。</t>
  </si>
  <si>
    <t>无花果能不能多吃</t>
  </si>
  <si>
    <t>无话果本身性寒,所以女生不宜多吃,但适量可以.特别女孩来红的时候不能吃.否则会痛经很厉害.所以避开来红的是候吃.而且要适量</t>
  </si>
  <si>
    <t>无花果性平味甘，并无相忌的记载。不过鉴于无花果糖分很高，患有糖尿病的人最好不吃或者少吃。</t>
  </si>
  <si>
    <t>精铁锅会生锈吗</t>
  </si>
  <si>
    <t>要想永久不锈就要坚持好几次用油擦，慢慢就会好的。</t>
  </si>
  <si>
    <t>自动档车有手刹吗</t>
  </si>
  <si>
    <t>手刹肯定有的啊，很多车位子是不一样的，比如商务车有好多是在原来离合器的位子设置一个“手刹”，但要用脚踩的。自动挡的车，在P档其实就是驻车档，变速箱可以起到驻车制动的功能，不是太陡的坡上，我是不太拉手刹的。</t>
  </si>
  <si>
    <t>自动挡车也有手刹，多数自动挡车手刹位置与手动挡汽车手刹位置相同，少部分自动挡汽车手刹（驻车制动器）在方向盘左下方，手动挡汽车离合位置左上方，是用脚踩的，踩一下拉紧，再踩一下放松。</t>
  </si>
  <si>
    <t>有的，有些车型在中央扶手箱旁边（右手边上），有些是脚刹（在左脚边）控制</t>
  </si>
  <si>
    <t>你好，有手刹的</t>
  </si>
  <si>
    <t>有的，很多车型自动档的都是手刹，宝来，朗逸，英朗等都有。</t>
  </si>
  <si>
    <t>彩色纹身能洗掉么</t>
  </si>
  <si>
    <t>彩色纹身可以洗掉的。</t>
  </si>
  <si>
    <t>可以洗掉，但是过程有点痛。</t>
  </si>
  <si>
    <t>我用了3次洗掉的，绿色洗的慢些，用了4次 ，一共5000元钱，不留疤。</t>
  </si>
  <si>
    <t>用仪器可以洗完的，颜色深可能要洗几次才完全去掉</t>
  </si>
  <si>
    <t>可以洗掉，不过会留有疤痕。</t>
  </si>
  <si>
    <t>许晴生孩子了吗</t>
  </si>
  <si>
    <t>没有，在《花儿与少年》中，许晴和凯丽回到房间躺着谈心,许晴说:“以前也想过,自己基因这么好不要小孩太可惜,但今年春节过后,真的决定不生孩子了。</t>
  </si>
  <si>
    <t>已经有一个女儿了。</t>
  </si>
  <si>
    <t>结了,生了</t>
  </si>
  <si>
    <t>没结婚，没有生孩子</t>
  </si>
  <si>
    <t>甲醛无色无味吗</t>
  </si>
  <si>
    <t>甲醛是无色无味的。</t>
  </si>
  <si>
    <t>甲醛无色但是有明显刺激气味，对人的危害极大</t>
  </si>
  <si>
    <t>甲醛有刺鼻的气味，但无色</t>
  </si>
  <si>
    <t>是无色无味的</t>
  </si>
  <si>
    <t>甲醛，化学式HCHO或CH₂O，式量30.03，又称蚁醛。无色气体，有特殊的刺激气味，对人眼、鼻等有刺激作用。气体相对密度1.067（空气=1），液体密度0.815g/cm³（-20℃）。熔点-92℃，沸点-19.5℃。易溶于水和乙醇。水溶液的浓度最高可达55%，通常是40%，称做甲醛水，俗称福尔马林（formalin），是有刺激气味的无色液体。</t>
  </si>
  <si>
    <t>醛是一种无色无味的气体，潜存于粘胶、密度板材、家具等等装饰材料和家具内部，人体对甲醛污染引起的身体表现为皮肤过敏、刺眼刺鼻、喉咙干咳等等。</t>
  </si>
  <si>
    <t>这个不一定哦，要看具体情况的。</t>
  </si>
  <si>
    <t>笔迹时间鉴定结果法院认可吗</t>
  </si>
  <si>
    <t>不会认同，没坚定结法庭不会采取</t>
  </si>
  <si>
    <t>旋风少女有没有第二部</t>
  </si>
  <si>
    <t>旋风少女第二季，早在7月底《旋风少女》杀青仪式上，湖南广播电视台台长吕焕斌就曾亲口承诺：“明年暑假，再播第二季。</t>
  </si>
  <si>
    <t>肯定有，这是第一季，结局还没有呢，听说若白还与百草在一起，这都是后面的，期待第二季。</t>
  </si>
  <si>
    <t>应该有的吧</t>
  </si>
  <si>
    <t>有，但是要很久以后</t>
  </si>
  <si>
    <t>听说有第二部</t>
  </si>
  <si>
    <t>有的，但是最快到明年播放</t>
  </si>
  <si>
    <t>6.2还能做绿火任务吗</t>
  </si>
  <si>
    <t>任务可以继续做，但是成就和称号已经绝版。</t>
  </si>
  <si>
    <t>ipad可以下种子吗</t>
  </si>
  <si>
    <t>赵东方是敌特吗</t>
  </si>
  <si>
    <t>赵队长不是。</t>
  </si>
  <si>
    <t>事业单位考试有写作吗</t>
  </si>
  <si>
    <t>只有小的公文写作，比较简短，一般都是公文改错</t>
  </si>
  <si>
    <t>大部分的事业单位考试是有写作的，不过具体要看考试的内容，一般来说，事业单位考试内容是行测和公共基础知识，公共基础知识包含写作的部分</t>
  </si>
  <si>
    <t>总体来说事业单位考试内容都是综合管理知识和专业知识，其中综合管理知识和公务员考试中的行测差不多，都是选择题，是没有作文类大题的。专业知识要根据您所报考的职位来定。有招考部门定的。</t>
  </si>
  <si>
    <t>事业单位综合知识文字类考写作，也就是申论。</t>
  </si>
  <si>
    <t>mac过滤有用吗</t>
  </si>
  <si>
    <t>路由器上有网卡MAC地址过滤，如果多台电脑使用同一个路由器的话可以控制上网电脑，首先将每台电脑的MAC地址查找出来，然后输入路由器的MAC地址过滤，可以将该电脑限制上网或只能该电脑上网。</t>
  </si>
  <si>
    <t>看需求了。需要限制其他计算机就开启。一般设置密码就足够了。有线路由器一般都不需要开启</t>
  </si>
  <si>
    <t>无线MAC地址过滤功能通过MAC地址允许或拒绝无线网络中的计算机访问广域网，有效控制无线网络内用户的上网权限。</t>
  </si>
  <si>
    <t>有用的，除非被破解，不然其他MAC不能上拉</t>
  </si>
  <si>
    <t>毛利小五郎到底是真那么菜</t>
  </si>
  <si>
    <t>小五郎的最大的疑惑源于他平庸表现和偶尔闪光之间的矛盾 毛利小五郎毛利应该没那么不中用</t>
  </si>
  <si>
    <t>说实话 真的很菜。。但是一些简单简单的案子他还是看得出来的。。</t>
  </si>
  <si>
    <t>他其实不窝囊，他是个本质很好的人，也是个好父亲。</t>
  </si>
  <si>
    <t>我觉得是装傻，记得有个亲曾经分析过，我凭我的记忆复述一下。第一，青山老师笔下的人物总是父比子要强很多，比如工藤优作，新一就比不上；第二，妃律师那样高傲的人怎么会看上一个真正的白痴还对他念念不忘呢，综上所述，还是觉得大叔是在装傻</t>
  </si>
  <si>
    <t>社保局星期六上班吗</t>
  </si>
  <si>
    <t>周一至周五上班，逢周六、日休息。</t>
  </si>
  <si>
    <t>社保机构按照国家相关规定确定上班和休息时间，正常情况下的周末属于休息日，社保不上班。但是目前有很少部分地方为了方便参保人办理业务，特意安排了工作人员在休息日值班办理业务。</t>
  </si>
  <si>
    <t>周六周日休息，社保属于国家机关，根据《国家机关、事业单位贯彻〈国务院关于职工工作时间的规定〉的实施办法》的通知，第三条：职工每日工作8小时，每周工作40小时。国家机关、事业单位实行统一的工作时间，星期六和星期日为周休息日。</t>
  </si>
  <si>
    <t>不上班，周一到周五9:00-12:00，14:00-18:00；周末休息。</t>
  </si>
  <si>
    <t>不上班的。</t>
  </si>
  <si>
    <t>社保局周六是不上班的。</t>
  </si>
  <si>
    <t>月经期间能吃玉灵膏吗</t>
  </si>
  <si>
    <t>玉灵膏可以的</t>
  </si>
  <si>
    <t>玉灵膏孕妇和儿童不宜食用</t>
  </si>
  <si>
    <t>这个玉灵膏挺好的，经常吃对身体特别好，应该都可以吃吧。</t>
  </si>
  <si>
    <t>f1赛车难开吗</t>
  </si>
  <si>
    <t>难，F1赛车的驾驶方式和车手所必须承受的强大离心力，和驾驶一般车辆有天壤之别，不仅要体能状态优于常人，更要有沉着冷静分析的头脑</t>
  </si>
  <si>
    <t>F1你要是速度不高，不算难开，暖胎圈谁都能开，但是速度一上去，对于车手的要求就要高得多了。</t>
  </si>
  <si>
    <t>超级难</t>
  </si>
  <si>
    <t>F1赛车是非常难操控的</t>
  </si>
  <si>
    <t>0点挂单有用吗</t>
  </si>
  <si>
    <t>当然可以这样挂单，一般想挂第二天的买卖委托在晚上的九点半以后就能挂的了，挂这样的单一般都只是储存在你的证券公司的委托系统内，然后等到第二天早上九点统一发送到沪深交易所的证券交易系统内，时间顺序以到达沪深交易所的证券交易系统为准。若时间相同则以买卖的委托数量为准，多者优先。</t>
  </si>
  <si>
    <t>这个问题无法给你确定的回答。因为不同的证券公司终端设置是不一样的。有的不支持隔夜委托，有的晚上终端是关闭，你无法登陆委托。所以建议你晚上过零点之后，先尝试能否登陆，如果可以，那么就进行委托即可。</t>
  </si>
  <si>
    <t>有用，每个券商当天的清算时间不同，但通常晚上9点以后都能清算完毕，清算结束挂单都有效，为了准确，你可以打券商的电话问一下。</t>
  </si>
  <si>
    <t>只能在交易时间挂单，否则算无效委托。集合竞价从早盘9.15分起挂单有效，不过挂了之后就不能撤销了，到9.30以后才可以撤单</t>
  </si>
  <si>
    <t>有没有1.8米长的床</t>
  </si>
  <si>
    <t>家具点、1-1.3-1.5-1.8-2米的都有</t>
  </si>
  <si>
    <t>有的，没有可以定做啊</t>
  </si>
  <si>
    <t>有啊，长一米八，宽一米五。</t>
  </si>
  <si>
    <t>国家标准长2M，宽1.8米这些数据指的是床的内径长度，一般安装好后加上床尾板的宽度外径其实是2M多啦，床头也是一样。</t>
  </si>
  <si>
    <t>宝宝中度贫血严重吗</t>
  </si>
  <si>
    <t>应该算是比较严重了</t>
  </si>
  <si>
    <t>甲状腺结节0.9算大吗</t>
  </si>
  <si>
    <t>不大，主要是看结节的性质，是良性还是恶性。</t>
  </si>
  <si>
    <t>不算太大吧。</t>
  </si>
  <si>
    <t>工作不开心 该辞职吗</t>
  </si>
  <si>
    <t>你还是走的好，到一个私人企业，肯定没有现在工作的舒服，但是至少你的收入可以比现在多一点，你还可以证明你自己！</t>
  </si>
  <si>
    <t>工作不开心要不要辞职取决于劳动者本人</t>
  </si>
  <si>
    <t>鞋子穿在自己脚上，合不合适只有自己知道，从你的工作反应来看，应该是不适合这份工作，或者说这种工作状态，我身边有一个朋友因为对工作的不适应而差点儿得了抑郁症，如果工作不适应应该早一点转型，时间越长对自己影响越大，不光是对职业发展，同时对自己的身心状况都会有很大的影响。</t>
  </si>
  <si>
    <t>谨慎辞职。分析一下工作不开心的原因：1、工作不开心是因为与直接领导有问题的话，那么还是离开的好。2、如果是因为自己主观原因造成工作任务完不成，影响工资或者受到批评的话，还是不要辞职；3、如果是因为人际关系或者工作环境的话，还是事先找到能够去工作的单位后，才辞职的好；如果仅仅根据自己的心情就辞职的话，那么到哪里也不会太好。</t>
  </si>
  <si>
    <t>劳动者该不该辞职取决于劳动者本人，劳动者辞职的，只需要提前一个月以书面的形式通知用人单位就可以解除劳动关系</t>
  </si>
  <si>
    <t>如果辞掉这份工作，你有能力再找到另一份工作或者能够有经济来源的话，就离开，因为现实就是这样，如果没有能力，暂时忍耐，以后有机会离开，但你必须努力，压倒那些让你不开心的人，坚强点，职场上勾心斗角尔虞我诈是很正常的，人不为己天诛地灭</t>
  </si>
  <si>
    <t>其实也不是太大的事情，人生不如意十有八九，我们不能光想着让工作适应自己，应该努力的去做好工作，现在你的情况我很理解，工作多，压力大，其实你是想有一份舒心的工作很正常可是你能保证下一个工作真的能让自己舒心我们不能把工作保质保量的完成好，到哪里也不会舒服的。即使领导不说我们自己也不能放任自己呀</t>
  </si>
  <si>
    <t>我还是建议你把现在的工作做好，毕竟恋人在这里，你们经常见面，而且看你说的，好像你爱人不喜欢你离开</t>
  </si>
  <si>
    <t>游聚可以用手柄吗</t>
  </si>
  <si>
    <t>一般是能用，但要看是什么样。</t>
  </si>
  <si>
    <t>没适配游戏手柄</t>
  </si>
  <si>
    <t>进入游戏后点设置，需要设置一次手柄按键 ，就是那个齿轮形状的图标</t>
  </si>
  <si>
    <t>可以用摇杆</t>
  </si>
  <si>
    <t>新百伦的鞋子可以水洗吗</t>
  </si>
  <si>
    <t>新百伦鞋子是可以拿水洗的，</t>
  </si>
  <si>
    <t>洗的意思是什么？整双洗当然不能，假如擦的话就要看质料，反毛皮最好用特定清洗剂。</t>
  </si>
  <si>
    <t>在水中兑入三分之二纸杯量的--丽可淋--，把新百伦浸泡5分钟， 这时脏水就会出来，然后用软毛刷轻刷局部污垢， 脏水出得少，就漂洗一次，脏水出得多，漂洗2-3次。然后倒挂自然阴干。在八程晾干时，用报纸来填充塑形即可。</t>
  </si>
  <si>
    <t>网面部分与鞋舌部分可以水洗，但反毛皮部分水洗会掉色、会变形</t>
  </si>
  <si>
    <t>建议不要水洗</t>
  </si>
  <si>
    <t>51高速收费吗</t>
  </si>
  <si>
    <t>今年五一节假期七座以下（含七座）小客车走高速公路是不收费的，免费时间是从5月1日零时开始，至5月3日24时结束（以小客车出高速道口时间为准）共3天。</t>
  </si>
  <si>
    <t>五一假期，高速公路对于七座及以下小型客车免费通行的。</t>
  </si>
  <si>
    <t>是的，4月29号零点开始免费，5.1号的零点开始收费</t>
  </si>
  <si>
    <t>是会免费通行的！2017年五一劳动节高速公路七座以下（含七座）小客车是不收过路费的，免费时间是从4月29日零时开始，至5月1日24时结束，共免费3天。</t>
  </si>
  <si>
    <t>免</t>
  </si>
  <si>
    <t>削骨脸老了真会垮吗</t>
  </si>
  <si>
    <t>不会的，不整形老了脸才更垮呢，你看春晚的蔡明，没垮吧，其实上来岁数更要美一美</t>
  </si>
  <si>
    <t>那拉皮吧</t>
  </si>
  <si>
    <t>我问过好几个医生说会的，但是医生不会说垮下来，只会说法令纹深一点，显得老一点</t>
  </si>
  <si>
    <t>整容磨骨是磨去影响脸部美感的部分骨骼，不会使人看上去变老的。</t>
  </si>
  <si>
    <t>公积金贷款查不查征信</t>
  </si>
  <si>
    <t>正常是可以的，但很多地区，公积金贷款没上传央行征信系统，部分地区可以，部分地区可能看不到</t>
  </si>
  <si>
    <t>微波炉几年没用可能用</t>
  </si>
  <si>
    <t>具体不清楚，但是一般用个十年是绝对没问题的，我家的微波炉已经用了十年了，还是好好的，牌子是格兰仕的。</t>
  </si>
  <si>
    <t>应该能用</t>
  </si>
  <si>
    <t>微波炉一年没用了，只要存放的环境通风、干燥一般不会有问题的。</t>
  </si>
  <si>
    <t>脑梗塞能吃羊肉吗</t>
  </si>
  <si>
    <t>可以，脑梗塞病人要注意不要吃太咸的食物，不要吃含脂肪和胆固醇太高的食物，因为这些食物容易使脑血管粘稠，最好多喝水！注意这两点就可以了其他的食物可以正常食用！</t>
  </si>
  <si>
    <t>对于脑梗塞的患者要看其生化指标，如果血脂比较高，不建议食用，如果血脂指标正常的话，食用羊肉是完全没有问题的。</t>
  </si>
  <si>
    <t>少吃或不吃动物脂肪和动物内脏</t>
  </si>
  <si>
    <t>可以吃。但对于脑梗来说，要采用疏通血管的物理疗法，才能够解决根本问题。</t>
  </si>
  <si>
    <t>最低工资包含加班工资吗</t>
  </si>
  <si>
    <t>不包括的，就仅仅是工资。什么都不包括</t>
  </si>
  <si>
    <t>最低工资不包括加班费，也不可以扣罚款。</t>
  </si>
  <si>
    <t>最低工资标准，是指在劳动者提供正常劳动的情况下，用人单位应支付给劳动者的工资在剔除加班工资、特殊工作环境和条件下的津贴以及法律、法规和国家规定的劳动者福利待遇等各项以后，不得低于当地最低工资标准。</t>
  </si>
  <si>
    <t>最低工资一般不包括加班工资、特殊工作环境、特殊条件下的津贴，也不包括劳动者保险、福利待遇和各种非货币的收入。</t>
  </si>
  <si>
    <t>最低工资标准不包括加班工资。加班工资是在8小时之外劳动的报酬，应该另外支付。</t>
  </si>
  <si>
    <t>怀孕能吃香蕉吗</t>
  </si>
  <si>
    <t>可以吃的，香蕉对缓解便秘的效果是不错的。</t>
  </si>
  <si>
    <t>少吃点不碍事，冬天吃水果比较冷，要暖暖热才对胃好些。</t>
  </si>
  <si>
    <t>可以的，每种水果蔬菜都吃，但是都不要多吃就好了。</t>
  </si>
  <si>
    <t>孕妇是可以吃香蕉的，但是香蕉是寒性的水果，孕妇不宜多吃。</t>
  </si>
  <si>
    <t>按中医的观点，孕期最好不要多吃寒性的水果，这样子对宝宝的肾脏功能不好，吃多了宝宝会出现肾虚，手脚冰冷的情况，我孕期本不知道，产前两个月才知道这一知识，之前也对所有的水果来者不拒，现在想想可能中医讲的有道理，我宝宝现在手脚很冰，没有气。按中医观点，怀孕期间，苹果是最好 的，平性的</t>
  </si>
  <si>
    <t>职高有前途吗</t>
  </si>
  <si>
    <t>这个要看你想怎么发展了还有你的成绩，就现在来看上不了一个名牌大学还不如攻一个专业，职高会更好一些。</t>
  </si>
  <si>
    <t>职高很好.</t>
  </si>
  <si>
    <t>看个人。好好读以后发展会相当好。混日子就一事无成。</t>
  </si>
  <si>
    <t>上职高有前途呀，学技术快，找工作好找。比上大学差不了多少。国家需要技术人员还是多。因此，上职高学技术前途广泛。</t>
  </si>
  <si>
    <t>文拉法辛可以治疗强迫症吗</t>
  </si>
  <si>
    <t>可以的，主要用于治疗重度的抑郁症，对焦虑症，强迫症和精神分裂症也有不错的疗效</t>
  </si>
  <si>
    <t>药物无法根治强迫症，停药就会复发</t>
  </si>
  <si>
    <t>手足口病大人会得吗</t>
  </si>
  <si>
    <t>成人也会的手足口病。</t>
  </si>
  <si>
    <t>应该不会吧 一般在6岁以下的比较容易的</t>
  </si>
  <si>
    <t>手足口病跟年龄是没有关系的，主要跟个人体质有关，如果你确诊了是手足口病的话，建议你也去医院挂水吧，否则再造成孩子重复感染，得不偿失呀！</t>
  </si>
  <si>
    <t>因为一般情况下大人不会患这种病</t>
  </si>
  <si>
    <t>大人也可以感染手足口病的病毒，不过一般都是隐性感染。携带病毒的大人，可将病毒传播给孩子。手足口病是由多种肠道病毒引起的常见传染病，以婴幼儿发病为主。大多数患者症状轻微，以发热和手，足，口腔等部位的皮疹或疱疹为主要特征。</t>
  </si>
  <si>
    <t>新生儿能吃葡萄糖吗</t>
  </si>
  <si>
    <t>不能，对于出生的宝宝,正常的食物能够促进他们身体内各个器官的发育,使用其他辅助食物会帮助宝宝吸收消化,就容易干扰机体的正常工作,形成依赖.</t>
  </si>
  <si>
    <t>可以吃的，最好是买宝宝专用的葡萄糖。但是要少吃些，因为宝宝一旦吃惯了甜食后，就容易对没什么味道的食物产生抗拒，养成偏食的习惯，容易出现营养不良。所以建议妈妈平时多给宝宝喝白开水，这样更有利于宝宝的健康。</t>
  </si>
  <si>
    <t>新生儿可以喝葡萄糖开水的，葡萄糖可以直接吸收，但是在喂糖水的时候不要太甜，有一点点甜味就可以了。</t>
  </si>
  <si>
    <t>新生儿是不适合补充葡萄糖的，不作为正常喂养的食物。葡萄糖可以直接吸收,但是在喂糖水的时候不要太甜,有一点点甜味就可以了。以及会导致孩子消化不良等情况的意见建议：其实宝宝在两餐奶食的中间可以喂白开水,目的是增加水分摄取、润爽口腔、减少喉咙的痰液,不需要葡萄糖的，如果是给予会导致孩子以后对白水排斥的所以是需要避免的</t>
  </si>
  <si>
    <t>南京房价2015年会降吗</t>
  </si>
  <si>
    <t>我只想说房价是不会下降的，你200万买的房子，现在要你150万卖出去，你愿意吗？没人卖却有人买只能涨价，一手更不会掉价，所以别指望房价会掉，最多涨的比较慢</t>
  </si>
  <si>
    <t>来月经可以洗屁股吗</t>
  </si>
  <si>
    <t>可以，但一定要热水</t>
  </si>
  <si>
    <t>不要坐浴就好</t>
  </si>
  <si>
    <t>月经期当然要洗屁股了，保持清洁卫生对女性很重要。</t>
  </si>
  <si>
    <t>可以清洗外阴的</t>
  </si>
  <si>
    <t>应该的，其实平时每天还是都洗一下的好哦</t>
  </si>
  <si>
    <t>当然可以了，而且最好是天天洗，这样更加健康卫生。</t>
  </si>
  <si>
    <t>女人来月经的时候，允许用温水清洗外阴和屁股，这是讲卫生的必然措施。女性应养成及时清洗的习惯，月经来潮的时候每天清洗外阴,是很安全的，注意用温水即可。</t>
  </si>
  <si>
    <t>可以可以</t>
  </si>
  <si>
    <t>北京车能过户到河北吗</t>
  </si>
  <si>
    <t>可以过户的。</t>
  </si>
  <si>
    <t>可以得</t>
  </si>
  <si>
    <t>北京牌国四排放的车子应该是无法过户到河北</t>
  </si>
  <si>
    <t>北京可以过户到河北</t>
  </si>
  <si>
    <t>过户你让他过户就OK了，如果你要过一共也几百快呢高碑店是保定，一点也不麻烦。你可以就过户到你的名字。牌子还用这个车牌子，保定北京的车多了。然后你离北京也近，验车开去就好了如果你不要北京的牌子换河北的。就再要拿出几百快了</t>
  </si>
  <si>
    <t>用魔兽兄弟会被封号吗</t>
  </si>
  <si>
    <t>脚本抓到就会。</t>
  </si>
  <si>
    <t>我劝你还是别用，要用也最多用任务功能升个级，采集，战场，千万别用，我就2个号是采集封的，一个是战场封的，全是永久，还都是老号，后悔死了，但是小号升级用它基本没事；你想想，一个采集能赚钱，一个战场赚荣誉，网易不封你才怪，而且，被举报必封，采集或者战场，很容易被举报。</t>
  </si>
  <si>
    <t>我也用过没被封过 建议就是别一天二十四小时一直挂着 挂个几小时下线 过段时间再上 应该就问题不大 要是号多可以换号使用</t>
  </si>
  <si>
    <t>被查出来或者被举报，会被封号。</t>
  </si>
  <si>
    <t>不影响别人利益的事一般没事，但是你双采、打本、战场就有风险，会被其他玩家举报。</t>
  </si>
  <si>
    <t>苹果系统升级后保修吗</t>
  </si>
  <si>
    <t>官方升级不影响保修</t>
  </si>
  <si>
    <t>不会的。正常的系统更新不影响保修。</t>
  </si>
  <si>
    <t>在保修期内可以保修，升级系统没关系，越狱就不行了</t>
  </si>
  <si>
    <t>可以的，如果坏了刷成ios6还是可以保修的。</t>
  </si>
  <si>
    <t>贷款房有房产证吗</t>
  </si>
  <si>
    <t>只要你买房，买现房房产证是立刻给你办的，马上能拿到。如果你买期房，是在交房的时候拿到房产证的，交房时间开发商或者销售楼盘的公司会告诉你的，一般从开工到交房1~2年时间，你就可以拿到房产证了</t>
  </si>
  <si>
    <t>有，房产证一般两三年办下来，然后压在银行，等你贷款还清了，银行就还给你房产证</t>
  </si>
  <si>
    <t>没有，要付清</t>
  </si>
  <si>
    <t>诛仙3牵机厉害吗</t>
  </si>
  <si>
    <t>牵机强，坤8秒11套的</t>
  </si>
  <si>
    <t>就目前来看，选择牵机暂时会稳定一些，但是后期会比较难说。</t>
  </si>
  <si>
    <t>目前诛仙3单挑最强的职业，9套虐任何11套，你说强不强。</t>
  </si>
  <si>
    <t>房产局周六上班吗</t>
  </si>
  <si>
    <t>双休肯定不用上班喽。事业单位一般都是严格遵守国家法定工作时间的。</t>
  </si>
  <si>
    <t>双休肯定不用上班喽</t>
  </si>
  <si>
    <t>房产局星期六不上班</t>
  </si>
  <si>
    <t>事业单位，周六周日不上班</t>
  </si>
  <si>
    <t>办理房产证是在房管局（房交易中心），属国家事业单位。他们是按国家法定假日和星期双休日，休假。所以在每周的星期六、日是不上班办理证件的。只有在每周的1-5才上班，办理房产证。</t>
  </si>
  <si>
    <t>车载凯立德导航升级收费吗</t>
  </si>
  <si>
    <t>官方正版升级是198的228吧</t>
  </si>
  <si>
    <t>只要不是你自己动手的，不管是不是正版都要收费的。没人会给你免费的。自己动手搞个破解版的免费。</t>
  </si>
  <si>
    <t>如果在实体店买的导航。可以去店内升级不收费。</t>
  </si>
  <si>
    <t>原厂的200-副厂的50</t>
  </si>
  <si>
    <t>官方正版，一年或三年内升级免费超过免费期，就得出钱，不然就是自己升级了，反正也不难。</t>
  </si>
  <si>
    <t>win8.1需要装360吗</t>
  </si>
  <si>
    <t>最好别用，最好别用，最好别用重要的事情说三遍！卫士什么的没必要装，杀毒就是个笑话。</t>
  </si>
  <si>
    <t>建议装一个“电脑管家”，是完全支持Win8.1系统的</t>
  </si>
  <si>
    <t>可以裸奔，也可以安装。如果内存小硬盘小，推荐还是不要装了。</t>
  </si>
  <si>
    <t>可以安装360，打开浏览器，在搜索引擎中输入360安全卫士并搜索，访问360官网并下载安装包</t>
  </si>
  <si>
    <t>WINDOWS自带防火墙，要是只能用一个月的，那就是外加的其他公司的收费软件，我个人不喜欢360，但是WIN8系统可以装</t>
  </si>
  <si>
    <t>12306改签需要手续费吗</t>
  </si>
  <si>
    <t>不需要的，火车票都有一次免费改签的资格，退票才需要手续费。</t>
  </si>
  <si>
    <t>改签不需手续费。</t>
  </si>
  <si>
    <t>价钱同等的票改签不要钱，低价票改成高价票也不要钱，但是高价票改成低价票要收手续费的，手续费的收费方式就跟退票收费方式一样，跟开车时间有关。</t>
  </si>
  <si>
    <t>火车票改签手续费收取方法：（1）开车前48小时～15天期间内，改签至距开车15天以上的其他列车，又在距开车15天前退票的，核收5%的退票费。（2）改签后的车票乘车日期在春运期间的，退票时准核收20%退票费。</t>
  </si>
  <si>
    <t>改签是免费的</t>
  </si>
  <si>
    <t>高铁改签和火车票改签一样的，都是不需要手续费的，但是都是只能改签一次的，改签后的车票不能在进行改签，只能进行退票了，退票时要收取5%到20%的退票手续费的。</t>
  </si>
  <si>
    <t>国庆节去青岛冷不冷</t>
  </si>
  <si>
    <t>青岛这个季节两头冷中间热。中午玩到三四点就回去行啦，再晚了可能会冷哦</t>
  </si>
  <si>
    <t>早上和晚上有点凉意。白天不会很热，很适合来旅游</t>
  </si>
  <si>
    <t>早晚冷，中午热，带个薄外套就行</t>
  </si>
  <si>
    <t>基本不冷， 不过，早晚要穿长袖，白天的话， 要看状况了， 一般也是需要准备长袖的，意见就可以， 根据自己的身体状况，可以适当加个薄外套</t>
  </si>
  <si>
    <t>不冷，大冬天你看那些嫚穿的，都一个个穿丝袜，能冷么？</t>
  </si>
  <si>
    <t>青岛的冬天不是特别冷，但是风比较大，寒风刺骨，相比一下内地的温度还是高一点的。</t>
  </si>
  <si>
    <t>黄晓明baby大婚赵丽颖来了吗</t>
  </si>
  <si>
    <t>当然要来的，关系那么好的</t>
  </si>
  <si>
    <t>去了吧</t>
  </si>
  <si>
    <t>赵丽颖有去参加黄晓明的婚礼，关系那么好呢</t>
  </si>
  <si>
    <t>赵丽颖在拍戏，没有去</t>
  </si>
  <si>
    <t>还建房有房产证吗</t>
  </si>
  <si>
    <t>一般情况不能，因为除了大型点的小区外。和农村个人报建的有房产证。</t>
  </si>
  <si>
    <t>还建房属于安置房，需要原房主持有满五年，去缴纳原房主名义土地出让金和契税等税费，就可以办理原房主名义房产证.</t>
  </si>
  <si>
    <t>还建房属于安置房。需要你持有满五年，然后去缴纳土地出让金和契税等税费，才可以办理原房主姓名的正规商品房房产证，契税证以及土地使用证。</t>
  </si>
  <si>
    <t>没有，还要审核房子呢</t>
  </si>
  <si>
    <t>烟熏三文鱼是生的吗</t>
  </si>
  <si>
    <t>冷冻烟熏三文鱼是熟食，可以直接食用的。</t>
  </si>
  <si>
    <t>我是舟山佳和佳烟熏食品有限公司的 专门生产烟熏食品，冷冻烟熏的三文鱼可以直接食用</t>
  </si>
  <si>
    <t>不可以直接吃，首先这些三文鱼的质量不是很高。必须加热后才可以使用。加热可以用橄榄油加热一下，夹在面包中使用。</t>
  </si>
  <si>
    <t>生吃时，要是不对三文鱼进行冷冻处理、不能完全杀死寄生虫，就不能被拿来食用。家用冰箱很难把三文鱼中的寄生虫处理干净。所以吃三文鱼刺身时，最好还是去高档的料理店。一方面是为了确保吃到优质的三文鱼，另一方面，好的餐馆才更有可能具备能对三文鱼进行完全杀菌处理的冷冻设备。</t>
  </si>
  <si>
    <t>大白最后死了吗</t>
  </si>
  <si>
    <t>哥哥制作的大白死了，但是芯片和记忆留了下来，弟弟又重新做了一个，把第一个的芯片装抢了，也可以说没死</t>
  </si>
  <si>
    <t>没死啊</t>
  </si>
  <si>
    <t>没有最后大白把自己的那张绿色芯片给了小宏，小宏回到现实中做了个大白的样子，把芯片插了进去，大白活了过来，但之前那个身体好像被留在了一个空间里面，貌似活下来的是大白的心</t>
  </si>
  <si>
    <t>大白毁掉之前把芯片塞到了男主手里。男主大白的样子重做了一个，有了芯片就还是大白。</t>
  </si>
  <si>
    <t>大天使之剑幸运宝石可拆解吗</t>
  </si>
  <si>
    <t>再生属性宝石是用来进行洗练再生属性的，双属性变成三属性装备，是需要月华石的，月华石可以在跨服PK活动用荣誉值换取。</t>
  </si>
  <si>
    <t>奇迹啊 自己琢磨吧v 好坑的</t>
  </si>
  <si>
    <t>可以通过珍宝阁兑换，奇迹大陆挂机也是可以几率获得的</t>
  </si>
  <si>
    <t>发动机清洗剂有用吗</t>
  </si>
  <si>
    <t>对新车和污垢不多的车有一定作用，但是要正确使用。对旧车和污垢比较多的车作用不大，而且会造成后续损坏。</t>
  </si>
  <si>
    <t>清洗的效果是好。但是不建议使用，清洗掉的油泥，无法排出，易导致油道堵塞故障。</t>
  </si>
  <si>
    <t>发动机润滑系统积碳：正品清洗剂的清洗效果非常好</t>
  </si>
  <si>
    <t>清洗剂可以把发动机里面的积碳清除干净，还是可以用的。</t>
  </si>
  <si>
    <t>螺蛳有眼睛吗</t>
  </si>
  <si>
    <t>螺蛳是有眼睛的，各有隆起的眼1个。</t>
  </si>
  <si>
    <t>眼点在其短触角上。</t>
  </si>
  <si>
    <t>螺蛳的尾巴剪掉了就象一个人没有了心脏一样,会死掉.它的眼睛就是长在触角的根部的.</t>
  </si>
  <si>
    <t>后期癫痫病可以治好么</t>
  </si>
  <si>
    <t>如果是后期诱发的癫痫病，治疗起来并不是很难，所以患者要注意了，应该及时的去医院检查下，看下自己适合什么样方法治疗。</t>
  </si>
  <si>
    <t>癫痫是可以制好的</t>
  </si>
  <si>
    <t>癫痫病治疗过程中，对于癫痫的病因必须要明确，然后根据医生的建议药物治疗。对于药物的种类、剂量和治疗都必须严格按照医生的建议，直至癫痫不再发作为止。这个癫痫的治疗时期一般是一到三个月，症状比较严重的患者可延长时间。癫痫病通过药物或者手术控制两年没有发作，可以逐渐减药，直到停药为止。</t>
  </si>
  <si>
    <t>多数癫痫是可以根治的，药物可以治好约70%的癫痫。其余的30%需要手术。多数不需要终身服药。日常生活只要不过度，没有什么特殊注意的。不要从事危险工种.</t>
  </si>
  <si>
    <t>癫痫病也分为轻度，重度，一般情况轻度的可以治愈的</t>
  </si>
  <si>
    <t>台湾地震多吗</t>
  </si>
  <si>
    <t>台湾是地震多发地区.</t>
  </si>
  <si>
    <t>台湾处于地震多发区 环太平洋火山地震带，经常会有地震发生，只不过大多数发生在海域</t>
  </si>
  <si>
    <t>是啊，他们都把地震当成常事了，不以为然了</t>
  </si>
  <si>
    <t>怀孕了可以在电脑前工作吗</t>
  </si>
  <si>
    <t>只要不是在庞大的机房、工作站等大功率的辐射下工作，日常使用电脑不会对孕妇及胎儿造成影响。</t>
  </si>
  <si>
    <t>电脑辐射对胎儿是有一定的影响，但是具体有多大，现在还不知道。电视对胎儿也有辐射，其实也没多大害处。电脑本身对大人也有辐射，这就看你用电脑的时间了，每天不超过2小时应该没问题。</t>
  </si>
  <si>
    <t>完全可以，电脑的辐射量其实是很小的，比你在外面晒太阳的辐射剂量都小，你难道不在外晒太阳。</t>
  </si>
  <si>
    <t>没有事。现在的电脑幅射都很小。都考虑了孕妇的幅射问题。</t>
  </si>
  <si>
    <t>最好少用电脑，心情没有负担才好。</t>
  </si>
  <si>
    <t>一般在怀孕后孕妇要远离电脑,因为电脑有非常强的辐射,会影响胎儿的正常发育.</t>
  </si>
  <si>
    <t>无线路由器辐射大吗</t>
  </si>
  <si>
    <t>无线网络的辐射其实很微弱。更换高增益的天线不会增加辐射。</t>
  </si>
  <si>
    <t>辐射不怎么大，就和手机一样！</t>
  </si>
  <si>
    <t>和坐在电脑前，怀里揣个手机发出的辐射相比，路由的那点辐射是小巫见大巫了不足为虑</t>
  </si>
  <si>
    <t>如果是正规品牌厂商的路由器，那几乎可以忽略。</t>
  </si>
  <si>
    <t>无线路由器的辐射很小.</t>
  </si>
  <si>
    <t>这个看距离，离无线路由越近辐射越大，就好比在寒冷的冬天有一堆火你离的越近就越暖和这是同样道理</t>
  </si>
  <si>
    <t>胃病可以吃枸杞吗</t>
  </si>
  <si>
    <t>合适吃枸杞子 但更重要自己保养</t>
  </si>
  <si>
    <t>当然可以喝的，枸杞就有治疗胃病的作用。</t>
  </si>
  <si>
    <t>完全可以的,但是枸杞一般是起到明目作用。有胃病还是要少喝水,否则容易冲淡胃液影响消化吸收的。</t>
  </si>
  <si>
    <t>可以的呀，枸杞子没有什么反应的</t>
  </si>
  <si>
    <t>广州南站是不是高铁站</t>
  </si>
  <si>
    <t>广州南站不停靠普通列车的，只停靠高铁跟动车，就是高铁站。</t>
  </si>
  <si>
    <t>没错，广州南就是高铁站</t>
  </si>
  <si>
    <t>是高铁站</t>
  </si>
  <si>
    <t>是的，广州南即广州火车南站，即高铁站。广州南站不知道你说的是汽车南站还是火车南站，但汽车南站和火车南站是建在一起的，距离不超过50米啾。</t>
  </si>
  <si>
    <t>纯棉的衬衫会缩水吗</t>
  </si>
  <si>
    <t>会，纯棉的衣服一般都会缩水的</t>
  </si>
  <si>
    <t>会，相当的厉害</t>
  </si>
  <si>
    <t>如果您买的是名牌产品，那么此类纯棉在没有织成布的时候就经过了碱性处理，基本可以达到完全不缩水的标准。您只要按照衣服吊牌上的说明正常洗涤就可以了。</t>
  </si>
  <si>
    <t>这么说吧，纯棉本身就是一种会缩水的面料，不过随水幅度一般不会超过3%。所以一点不缩水几乎是不可能的，可以采用的方式是用冷水手洗，自然风干，尽量避免受热和暴晒</t>
  </si>
  <si>
    <t>纯棉的衣服是缩水的</t>
  </si>
  <si>
    <t>现在工艺好，很多都不缩水了</t>
  </si>
  <si>
    <t>全棉的肯定会缩水的</t>
  </si>
  <si>
    <t>对于缩水这个问题，要一分为二来看待。首先，正规厂家生产的纯棉服装，在裁剪之前，都是要采用缩水工艺的，保证用户在洗涤后不缩水。还有国家有相关棉织品缩水的国家标准，只要在国家规定范围内的，就是合格的产品。对于那些不是正规厂家生产的棉织品，只要洗涤方法正确就不会缩水。对于棉制品正确的洗涤方法其实很简单，不要用洗衣机机洗，而是要采用手洗的方法，因为洗衣机在洗涤过程中力度很大，而这个力度，对棉制品而言是不能承受的，这就是造成棉织品缩水的主要原因。因此建议大家在洗涤棉织品时，要采用手工洗涤，只有这样，才能保证棉织品不会缩水。</t>
  </si>
  <si>
    <t>建行信用卡可以网购吗</t>
  </si>
  <si>
    <t>当然可以咯</t>
  </si>
  <si>
    <t>可以的，开通网银以后就可以网上购物了</t>
  </si>
  <si>
    <t>建设银行的信用卡可以在淘宝上买东西，前提是先将信用卡绑定支付宝后才可以使用信用卡支付</t>
  </si>
  <si>
    <t>建行的是有改了，现在不是写信用卡支付，是写账号支付，一样的。信用卡网上支付功能本来就存在，不需要开通。</t>
  </si>
  <si>
    <t>网上支付不需要手续费。网购跟去商场购物一样，属于消费，不需要手续费。但某些网店支付的时候，如果选择信用卡会提示有手续费，这是网站收取的，与银行无关，而且很少网上商户会收这个手续费，可以忽略不计碰到这样的网上商户，可以换别家买，或者换储蓄卡支付。</t>
  </si>
  <si>
    <t>maya能做室内设计吗</t>
  </si>
  <si>
    <t>完全否定。 其实做室内3Dmax是目前的主流软件，之所以选择它做室内完全是由于它的知名度比较高，3Dmax是AUTODESK公司销量最广的软件，但是要是做室内效果这个完全取决与个人的喜好和能力，并不在软件的异同，MAYA建模配合MR渲染可以说是配合的天衣无缝，不要人云亦云，相信自己才重要。</t>
  </si>
  <si>
    <t>maya做室内 不是不能做 如果做完 肯定比MAX要好 不过MAYA做室内 效率不高 本身MAYA的多边形 就没有MAX效率高 再一个MAX的VR速度比MAYA的MR要快 模型素材方面我指室内 相对来说MAX也比MAYA要多</t>
  </si>
  <si>
    <t>当然可以了 为什么不能啊 只不过在国内基本上做室内装饰 建筑设计一类的都是用的3dmax</t>
  </si>
  <si>
    <t>据我看,我会选择maya看着他做出来的东西就有吸引力.max也有他的用途,不过他不专做动画的..</t>
  </si>
  <si>
    <t>用是肯定可以用的</t>
  </si>
  <si>
    <t>杀手螺 吃虾吗</t>
  </si>
  <si>
    <t>要是能抓到，绝对吃。但几率很小。也会吃死虾和濒死的虾。</t>
  </si>
  <si>
    <t>完全可以混养，现在还没有发现杀手螺吃活虾的案例</t>
  </si>
  <si>
    <t>据我观察会吃，不过由于不能繁殖，如果水体大的话影响不大</t>
  </si>
  <si>
    <t>侯振杰可信吗</t>
  </si>
  <si>
    <t>是真的，那么多视频和图片，还每天发微信朋友圈小视频，数量巨大还有视频这个造假不了</t>
  </si>
  <si>
    <t>失败的你没看见</t>
  </si>
  <si>
    <t>可以，不过建议多选几个医生对比了解一下，选择适合自己的</t>
  </si>
  <si>
    <t>situation可数吗</t>
  </si>
  <si>
    <t>当处境,位置,地点,境遇讲时可数，当情况，局面，形势，讲时不可数。</t>
  </si>
  <si>
    <t>它是不可数名词</t>
  </si>
  <si>
    <t>是的。situations是可以有位置的意思。situation是情况的意思。</t>
  </si>
  <si>
    <t>2010年是闰年还是平年</t>
  </si>
  <si>
    <t>2010是平年</t>
  </si>
  <si>
    <t>2010年是平年;不能整除4的年份都是平年</t>
  </si>
  <si>
    <t>坡跟鞋好看吗</t>
  </si>
  <si>
    <t>细高跟好看，但是不好穿。坡跟很好穿</t>
  </si>
  <si>
    <t>细跟更好看，跟能显出身材，但是如果跟注重舒适度的话还是建议坡跟，看你个人选择了</t>
  </si>
  <si>
    <t>当然是细跟更好看，更显气质啦，但也挑战更大。如果穿不惯的话，建议先穿跟不要那么高的细跟</t>
  </si>
  <si>
    <t>乐视手机要剪卡吗</t>
  </si>
  <si>
    <t>两张卡都要剪最小，就是只留芯片。</t>
  </si>
  <si>
    <t>1s是一个中卡和一个小卡，如果你是原卡的话就需要剪，最好去营业厅剪卡。</t>
  </si>
  <si>
    <t>一张中卡一张小卡。</t>
  </si>
  <si>
    <t>亚马逊能直邮中国吗</t>
  </si>
  <si>
    <t>目前亚马逊美国官网的商品有部分可以直邮到中国，您可以在你亚马逊美国账户内设置国内的收获地址及一键下单，设置后再浏览商品在页面左侧有International Shipping勾选 Ship to China这样出来的商品就是可以直邮中国的了，如果您设置了地址，在商品页面也可以看的出来，一般在选完商品后，在库存下面会出现In Stock. This item ships to XXX, China就说明这个商品可以邮件到中国</t>
  </si>
  <si>
    <t>有三个判断方法的，很简单：1．在亚马逊商品页面左边的分类里选择打勾：Ship to China，跳出来的都是能直由中国的。2．登录后，把国内的地址填好，然后你在商品页面就能看到是不是能发送到你的地址。比如显示This item ships to huzhoushi, China. 说明是可以的。3，查看商品详情，Product DescriptionShipping: This item is also available for shipping to select countries outside the U.S.表示可以发到国外，也包括中国。美国亚马逊折口www.amazon.com/?&amp;_encoding=UTF8&amp;tag=htjlb0f-20&amp;linkCode=ur2&amp;linkId=76f63e33511bc61ce0495617e4108f2e&amp;camp=1789&amp;creative=9325</t>
  </si>
  <si>
    <t>看好要是亚马逊直接卖的东西，第三方的话，运费很贵的</t>
  </si>
  <si>
    <t>一，先注册，把国内的地址填好，然后你在商品页面就能看到是不是能发送到你的地址。 This item ships to huzhoushi, China. 二，在亚马逊页面左边的分类里选择ship to china，跳出来的都是能直邮中国的。 三，查看商品详情， Product Description Shipping: This item is also available for shipping to select countries outside the U.S</t>
  </si>
  <si>
    <t>你可以把中国的地址设为默认地址，然后进入商品页面的时候，下面就会显示这个物品是否可以直邮中国了。This item ships to Xiamen, China. Want it Monday, Dec. 8? Order within 17 hrs 19 mins and choose AmazonGlobal Priority Shipping at checkout.</t>
  </si>
  <si>
    <t>有三个方法：1．在亚马逊商品页面左边的分类里选择打勾：Ship to China，跳出来的都是能直由中国的。2．登录后，把国内的地址填好，然后你在商品页面就能看到是不是能发送到你的地址。比如显示This item ships to huzhoushi, China. 说明是可以的。3，查看商品详情，Product DescriptionShipping: This item is also available for shipping to select countries outside the U.S.表示可以发到国外，也包括中国。美国亚马逊折口www.amazon.com/?&amp;_encoding=UTF8&amp;tag=htjlb0f-20&amp;linkCode=ur2&amp;linkId=76f63e33511bc61ce0495617e4108f2e&amp;camp=1789&amp;creative=9325</t>
  </si>
  <si>
    <t>微信能看到别人的评论吗</t>
  </si>
  <si>
    <t>微信的朋友圈一般来讲，如果是你的好友评论你的照片或者文字，你可以看到，你的好友如果和那个给你评论的好友是好友的话，也能看到。如果没有共同好友，就看不到。假如你回复别人的评论，同理可得，前提是你要点你要回复评论人的名字，然后回复别人，否则没有共同好友的人可以看到你在讲什么，而且看起来会觉得你一个人在莫名其妙自言自语的感觉。如果你不想让某人看到你的照片文字以及照片文字下的评论，可以在设置里面的功能里点朋友圈，然后点朋友圈黑名单，设置黑名单。也可以在那里设置不想看到的人的朋友圈新鲜事。在设置里面有一项｛隐私｝的选项。点击隐私，然后也可以进入朋友圈权限。这里面还可以设置是否允许陌生人查看十张你的照片。如果你不启用那个功能，陌生人就无法看到你的朋友圈照片。而如果启用那个功能，陌生人只能看到你最近的十张照片（包括文字），但是看不到评论以及点“赞”。也无法评论和点“赞”。（朋友圈发文字只要点击发照片的那个照相机按钮，长按数秒。）</t>
  </si>
  <si>
    <t>情况1：你和A是好友，你和B是好友，A和B不是好友。你发了条朋友圈消息，然后你和A互动，那B自能看到你自言自语。情况2：你和A是好友，你和B是好友，A和B也是好友。那你发的朋友圈消息，还有和A的互动，B全都可以看见。所以，和对方不是好友的人的评论对方都是看不见嗒。如果是好友。。那就全都可以看到- -</t>
  </si>
  <si>
    <t>微信就是这么设计的，你只能看到和你是微信好友的人说的话。你和朋友互为朋友圈才能看到对方相册里的图片，但他和你之间的评论只有你们自己看得到，其他人是看不到的，除非同为你和朋友的朋友圈里的人才可看到。还有就是别人的评论除了你们的共同好友能看到以外（就是你和他都有的好友），其他的好友是看不到那个人的评论的。＃＃你有别人的微信能看到，没有就看不到</t>
  </si>
  <si>
    <t>不是所有人能看到，只有共同好友才能看到。如果没有共同好友那么评论只有你跟他两人能看到，别人是看不到的。</t>
  </si>
  <si>
    <t>他人的评论一般自己和回复对象能够看见 还有两个人共同的好友也能看见 其他人都看不见</t>
  </si>
  <si>
    <t>因为不是你的好友，系统自动给屏蔽了</t>
  </si>
  <si>
    <t>经常刷机对手机有影响吗</t>
  </si>
  <si>
    <t>苹果手机刷机对手机风险</t>
  </si>
  <si>
    <t>我觉得危害都不是很大的。但不能经常去刷机，这样真的会把实用寿命减短的</t>
  </si>
  <si>
    <t>影响不大，因为刷机也是对手机进行写入数据的过程</t>
  </si>
  <si>
    <t>越刷内存越小纯属不懂装懂，那是看你刷的包大小，包大占内存大，当然剩余内存就会变小。另外刷机只要方法正确，不弄错包，是不会有什么危害的。只是有时会刷成砖，但是死砖机率很小，都可以通过重新刷机解决的。</t>
  </si>
  <si>
    <t>有一点点，磁盘质量好一般没啥影响</t>
  </si>
  <si>
    <t>有害，越刷手机，手机内存越小</t>
  </si>
  <si>
    <t>但是一般情况下是不刷的，因为一旦刷机不成功，那么手机将变成砖头，不能再用了！不刷机照样用，对于那些追求新的人，动手能力强的，可以尝试刷机，来获取更多扩展！</t>
  </si>
  <si>
    <t>25岁不想谈恋爱是心理问题吗</t>
  </si>
  <si>
    <t>也许你还没遇到让自己心动的，心动的你就喜欢啦。</t>
  </si>
  <si>
    <t>不一定，有的人一个人生活习惯了，有的为事业，家里生活条件等。</t>
  </si>
  <si>
    <t>正常的,不想恋爱总有不想恋爱的原因,要么就是他还没有遇到自己真爱的人,要么就是他觉得现在没有什么事业,还不适合恋爱。</t>
  </si>
  <si>
    <t>不过我觉得没什么，顺其自然吧</t>
  </si>
  <si>
    <t>可能吧！也许你是还没有真正遇到你的白马王子吧？</t>
  </si>
  <si>
    <t>不知道你是个什么情况，可能再等一等就好了，我觉得这只是一时的，有时候人是受荷尔蒙支配的</t>
  </si>
  <si>
    <t>前列腺炎影响生孩子吗</t>
  </si>
  <si>
    <t>可以的，不过会困难一些。</t>
  </si>
  <si>
    <t>有前列腺炎的不一定就影响生孩子。</t>
  </si>
  <si>
    <t>得了前列腺炎如果严重一点的话对生育是有很大的影响的，很有可能导致不育的现象发生。</t>
  </si>
  <si>
    <t>产妇满月后可以吃水果吗</t>
  </si>
  <si>
    <t>满月后的产妇身体已经基本恢复了，可以吃点属性温和的水果，例如：苹果、奇异果、提子、草莓等，那么属性偏激水果不能吃或者少吃，例如：西瓜、荔枝等。</t>
  </si>
  <si>
    <t>满不满月都可以吃水果，只要不吃冷的就好。</t>
  </si>
  <si>
    <t>可以，这是必须的补充维生素的办法。</t>
  </si>
  <si>
    <t>可以吃点属性温和的水果</t>
  </si>
  <si>
    <t>不二周助厉害吗</t>
  </si>
  <si>
    <t>很厉害，天才。</t>
  </si>
  <si>
    <t>既然能被成为天才，自然是厉害的了。</t>
  </si>
  <si>
    <t>很厉害，就是不太喜欢争</t>
  </si>
  <si>
    <t>当然厉害啦</t>
  </si>
  <si>
    <t>汇丰银行公司账户可以打私人账户吗</t>
  </si>
  <si>
    <t>当然是可以，不过还是没解决转回大陆的问题，除非你长期保留在香港帐户上。</t>
  </si>
  <si>
    <t>冬天可以喝绞股蓝吗</t>
  </si>
  <si>
    <t>好啊，四季皆宜，农兴四方的野生绞股蓝更好</t>
  </si>
  <si>
    <t>绞股蓝性凉，冬天是可以喝的</t>
  </si>
  <si>
    <t>绞股蓝是凉茶的一种，本身就属于寒性下火的茶，不建议体寒体湿的朋友喝，会让胃更寒的</t>
  </si>
  <si>
    <t>房贷没有还清可以卖吗</t>
  </si>
  <si>
    <t>当然可以卖！</t>
  </si>
  <si>
    <t>贷款未还清不能过户，但可以出售，</t>
  </si>
  <si>
    <t>未还清贷款的房子还处于抵押状态，是不能上市交易的，但是，在现实中，可以通过一些方法来实现。方法一：转按揭，所谓“转按揭”，是指把个人住房出售或转让给第三人而申请办理个人住房贷款变更借款期限、变更借款人或变更抵押物的贷款。但据了解，目前能做转按揭的银行很少，北京等部分城市更是早就叫停了转按揭，所以这种方法目前已经很少有人使用。方法二：用买方的首付款缴清剩余贷款，这是当下二手房交易中最多应用的模式，适用于原房主贷款额度较低或已经经过大量归还后所剩贷款数目不大的情况。通常情况下，买家会认可首付房产总成交额的30%至40%，卖方可以利用买方的首付将剩余贷款付清，然后撤销房产的抵押登记，进行下一步交易。方法三：利用银行贷款来缴清剩余贷款，如果以上两种方法都行不通，那么卖家可以考虑用其名下的抵押物（如其他房产）向银行申请抵押贷款，以结清按揭贷款。等买家付了房屋全款之后再还清银行抵押贷款。</t>
  </si>
  <si>
    <t>　房贷没还清，征得抵押权人的同意，可以卖房</t>
  </si>
  <si>
    <t>可以卖掉</t>
  </si>
  <si>
    <t>未还清贷款的房子还处于抵押状态，是不能上市交易的，但是，在现实中，可以通过一些方法来实现</t>
  </si>
  <si>
    <t>可以卖，但是前提你要还清贷款，如果自己有能力还那就还了在卖。如果没能力还，那就跟买方协商，看能不能买方先出钱帮你还清，要是信任度不够，协商不来，那就出钱找个解押公司解押，这样就能卖了，这有这几个办法了，够清晰不，专业人士求采纳</t>
  </si>
  <si>
    <t>镍氢电池是碱性电池吗</t>
  </si>
  <si>
    <t>严格的讲，其实碳性电池、碳性电池、镍镉电池和镍氢电池的电解液都是呈碱性的。</t>
  </si>
  <si>
    <t>电解液都是碱性水溶液，所以是碱性电池</t>
  </si>
  <si>
    <t>司法考试条件要变吗</t>
  </si>
  <si>
    <t>是的，已经确定了</t>
  </si>
  <si>
    <t>本人已经通多司考、地方检察官刚上岗的不久，很负责人的说，司考16年不会改革，非法本依旧可以参加考试。17年就不确定，具体要等16年司法部的具体通告才能确定报考条件和改革。</t>
  </si>
  <si>
    <t>没有改变，只要有本科学历就可以报考，法律专业专科放宽地区也可以报</t>
  </si>
  <si>
    <t>风驰体育是正品吗</t>
  </si>
  <si>
    <t>这店是正品，可以放心买。</t>
  </si>
  <si>
    <t>是正品，这个可以放心，</t>
  </si>
  <si>
    <t>这个很难说清，很多真假掺着卖，看运气</t>
  </si>
  <si>
    <t>锐兆妇科宝是不是传销</t>
  </si>
  <si>
    <t>正的杠杠的！</t>
  </si>
  <si>
    <t>cc霜和隔离霜可以一起用吗</t>
  </si>
  <si>
    <t>隔离霜与CC霜不要同时使用，会导致肌肤负担过重。</t>
  </si>
  <si>
    <t>CC霜和隔离霜可以一起使用</t>
  </si>
  <si>
    <t>鸡屁股有毒吗</t>
  </si>
  <si>
    <t>鸡屁股本身是没有毒</t>
  </si>
  <si>
    <t>鸡屁股是指鸡的肛门与其上方突状物之间腺体腔，称为”腔上囊”，显微镜观察发现囊内有淋巴球细胞及吞噬细胞，而发现里面有细菌，病毒及各种有害物质。</t>
  </si>
  <si>
    <t>吃鸡屁股有危害。</t>
  </si>
  <si>
    <t>有，它含有致癌激素。</t>
  </si>
  <si>
    <t>处理过后再烹饪无毒的</t>
  </si>
  <si>
    <t>剪刀是费力杠杆吗</t>
  </si>
  <si>
    <t>是，费力杠杆</t>
  </si>
  <si>
    <t>不一定，比如剪金属的那种开口小的，（即阻力臂小，动力臂大，所以动力小）是省力杠杆。比如剪布的剪子开口大的，（即阻力臂大，动力臂小，所以动力大）是费力杠杆</t>
  </si>
  <si>
    <t>剪刀的中心轴是支点，一般用起来用的是剪刀最上方，最上方到支点为阻力臂。支点到手为动力臂，简单比较就会发现，阻力臂大于动力臂，所以是费力杠杆。</t>
  </si>
  <si>
    <t>剪铁皮较费力，所以就用省力杠杆,而剪头发则不太费力，同时还要考虑剪刀对发型的整体施用,所以阻力臂长一些,用了费力杠杆了.</t>
  </si>
  <si>
    <t>京东芦荟胶是真的吗</t>
  </si>
  <si>
    <t>不完全真</t>
  </si>
  <si>
    <t>是真的，这个芦荟胶不是特别珍贵的东西，一般不会假。</t>
  </si>
  <si>
    <t>京东有人说假有人说真，最好还是专卖店买，十只装够用了，才280</t>
  </si>
  <si>
    <t>网购的话京东，天猫，草根旺城，当当网，唯品会，一号店，聚美都挺好，这些地方都是有第三方担保的良心平台，正品可信。</t>
  </si>
  <si>
    <t>论来讲国外的产品必须有中文标签才允许售卖，所有有是正常的，没有便可能是走私或假的~但是有也不1定是真的 查看更多答案</t>
  </si>
  <si>
    <t>招鬼游戏都是真的吗</t>
  </si>
  <si>
    <t>假的，报纸电视上都曝光过，只是玩多了的心里暗示，导致产生幻觉。</t>
  </si>
  <si>
    <t>假的，那是自己想的类似自我催眠！我想在都能，躺到床上但感觉是在摇椅上那要看你催眠的程度</t>
  </si>
  <si>
    <t>当然是假的，根本没有鬼</t>
  </si>
  <si>
    <t>不好说。现在崇尚科学，首先是不能说有鬼的。</t>
  </si>
  <si>
    <t>百消丹祛斑有效果吗</t>
  </si>
  <si>
    <t>百消丹以内养外，对黄褐斑有不错的治疗效果，所以大家可以放心使用百消丹来来治疗黄褐斑。</t>
  </si>
  <si>
    <t>百消丹可以去斑,但是不能一直吃</t>
  </si>
  <si>
    <t>有人在老虎证券开户吗</t>
  </si>
  <si>
    <t>可 以 说</t>
  </si>
  <si>
    <t>老虎证券是知名美股券商。目前，老虎证券已获得小米科技、真格基金、险峰长青、景林投资等知名投资机构的投资。应该是没什么问题的</t>
  </si>
  <si>
    <t>混合动力汽车限号吗</t>
  </si>
  <si>
    <t>都有限号的，除非纯电动。</t>
  </si>
  <si>
    <t>只有纯电动汽车才不受单双号限制，油点混合汽车仍然受限制。</t>
  </si>
  <si>
    <t>要，油电混动的车，也属于汽油车。</t>
  </si>
  <si>
    <t>这个两用，根据地方来限号。</t>
  </si>
  <si>
    <t>双擎混合动力车要限号，因为这种车动力主要是以油为主，只是在低速或者怠速才自动转变为电能。只有插电式的电动汽车或者动力以电能为主的新能源汽车才不限号。</t>
  </si>
  <si>
    <t>木耳泡了1天还能吃吗</t>
  </si>
  <si>
    <t>木耳一般在吃前两小时泡好就行，不宜泡太久，木耳泡发时间过长是不建议食用的，以免滋生细菌或产生毒素，吃完之后会引起身体不适，而且还会丧失木耳的鲜味。</t>
  </si>
  <si>
    <t>木耳泡了一天一夜，易有细菌病菌滋生，易有霉变质的可能，再食用易影响健康的。 木耳只要泡一个小时就会炒菜时用就行。不用泡很长时间。</t>
  </si>
  <si>
    <t>能吃，说不定更干净了，不过泡时间太长营养成分多少会有流失，没事的是可以吃的。</t>
  </si>
  <si>
    <t>没事的，主要看木耳的质量，越好的木耳越抗泡。从出耳的材料上讲，袋栽的木耳不如段木栽培的好，软杂木不如硬杂木出的木耳好。从出耳季节上讲，伏耳不如春耳，春耳不如秋耳。所以如果是硬杂木在秋天出的木耳，20度的水泡3天不会有问题。如果是软杂木屑栽培的，又是伏天出的木耳。采的再晚点。你泡开它就粘糊糊的。一点口感都没有，泡时间长了就会坏掉。不能进食。那是侵染了细菌，酵母等菌的感染。实际上木耳泡的时候最好短点时间，泡到八九分就可以。这时的木耳口感好。有咬头。岁数大的泡到十分。以便咀嚼。</t>
  </si>
  <si>
    <t>通风可以喝柠檬水吗</t>
  </si>
  <si>
    <t>是可以喝的，痛风能喝柠檬水，</t>
  </si>
  <si>
    <t>因为柠檬是碱性的,而痛风是一种嘌呤（Purine）代谢失调的疾病,临床特点是血尿酸升高.喝柠檬水只是简单的酸碱结合的道理,作用不大.意见建议：痛风病人应该合理的饮食控制;充足的水分摄入;规律的生活制度;适当的体育活动;有效的药物治疗;定期的健康检查.才可以彻底治疗痛风</t>
  </si>
  <si>
    <t>餐后喝柠檬水有利于排除尿酸，对缓解痛风症状有好处。 柠檬可说是一种神奇的药果，对人体健康有很大的益处。 柠檬具有强碱性，被认为是治疗疾病的良药。止咳、化痰、生津健脾，且对于人体的血液循环及钙质吸收均能起到促进作用。</t>
  </si>
  <si>
    <t>不能喝柠檬水的。这样会导致胃痛</t>
  </si>
  <si>
    <t>不可以。痛风是人体内嘌呤的物质的新陈代谢发生紊乱，尿酸的合成增加或排出减少，造成高尿酸血症，血尿酸浓度过高时，尿酸以钠盐的形式沉积在关节、软骨和肾脏中，引起组织异物炎性反应。因为柠檬水是酸性的，可以喝一些苏打水</t>
  </si>
  <si>
    <t>是可以的，引起柠檬水虽然是口感酸性的，但是是碱性物质的。可以中和体内酸性物质</t>
  </si>
  <si>
    <t>支付宝实名认证一定要开通快捷支付吗</t>
  </si>
  <si>
    <t>是要实名认证。验证的时候，是必须有留在银行的手机号，没有是开不通。实名认证后，快捷支付必须手动开通，至于余额宝是不用开通的，只是一个附带理财服务，要用不用都可以。转到余额宝的钱，必须是手动转入，当然也有自动存入功能，只要不设置自动存入 那是没问题的。</t>
  </si>
  <si>
    <t>开快捷支付没有强制的。只是你开通快捷支付在购物支付的时候方便很多。</t>
  </si>
  <si>
    <t>支付宝添加快捷支付前如果没有实名认证的话会提示直接先实名认证</t>
  </si>
  <si>
    <t>你当初申请支付宝时就已经认证过了，添加快捷支付功能只需提供具有快捷支付功能的支付宝卡通，跟支付宝账户绑定一下就行了</t>
  </si>
  <si>
    <t>导管内癌是乳腺癌吗</t>
  </si>
  <si>
    <t>导管癌是乳腺癌的一种病理类型，属于同一类，只是浸润程度不同而已。</t>
  </si>
  <si>
    <t>老虎机能赢钱吗</t>
  </si>
  <si>
    <t>总之玩这个不好，有时会影，有时会输的很惨</t>
  </si>
  <si>
    <t>能，但你绝对赢不了</t>
  </si>
  <si>
    <t>你自己都已经回答了你自己啦，不要想偏门啦你，应该懂事点，找点正职来做呀！唉......</t>
  </si>
  <si>
    <t>赢不到</t>
  </si>
  <si>
    <t>原理就是你输了想翻本，赢了还想赢 最终一无所有</t>
  </si>
  <si>
    <t>蜂蜜可以降血压吗</t>
  </si>
  <si>
    <t>蜂蜜有很多作用，最常见的是蜂蜜可以降血压,蜂蜜的确可以降血压,但是降的是高血压患者的血压,而不是正常人的血压。</t>
  </si>
  <si>
    <t>不能，可以润肺。</t>
  </si>
  <si>
    <t>如果高血压、肝脏病、心脏病患者，早晚空腹饮1杯蜂蜜水，对上述疾病均有一定的疗效。</t>
  </si>
  <si>
    <t>若用丹参、首乌各15克，水煎取汁，冲蜂蜜1汤匙内服，功效更佳。用蜂蜜30克，精盐3克，加凉开水调匀，每天早晚各服1次，有良好的润肠通便作用，尤其适宜于老年人、体弱者、病后有便秘的患者。</t>
  </si>
  <si>
    <t>的确可以的，我也是经常喝</t>
  </si>
  <si>
    <t>有辅助降血压</t>
  </si>
  <si>
    <t>蜂蜜对某些慢性病还有一定的疗效。常服蜂蜜对于心脏病、高血压、肺病、眼病、肝脏病、痢疾、便秘、贫血、神经系统疾病、胃和十二指肠溃疡病等都有良好的辅助医疗作用。</t>
  </si>
  <si>
    <t>一点作用都没有</t>
  </si>
  <si>
    <t>痛经可以吃阿胶吗</t>
  </si>
  <si>
    <t>在月经期一定不要口服阿胶，阿胶有补气活血的效果。</t>
  </si>
  <si>
    <t>在月经期间一般可以在正常的服用阿胶量的前提下减量服用，阿胶是补血,止血之圣药,对于女性因为血虚造成的月经不调具有很好的恢复调节作用，但在月经期间一定要按规定的剂量来服用.如果服用量过大,也会产生月经的波动如月经量大或者月经量减少情况。</t>
  </si>
  <si>
    <t>有色玻璃杯有毒吗</t>
  </si>
  <si>
    <t>有色玻璃杯不宜泡茶</t>
  </si>
  <si>
    <t>如果确定是玻璃器皿不是水晶的就没有问题</t>
  </si>
  <si>
    <t>如果是色料的玻璃没毒，但如果是喷色的最好只是摆着就好，不要用它装东西</t>
  </si>
  <si>
    <t>普通的玻璃是用石英砂、纯碱和石灰石一起熔炼而成的。例如加入氧化铬（Cr2O3），玻璃现绿色；加入二氧化锰（MnO2），玻璃呈紫色；加人氧化钴（Co2O3），玻璃呈蓝。都是在制造玻璃的过程中加进去的，一般都是无毒的，不会加有毒的物质进去的</t>
  </si>
  <si>
    <t>4s店的贴膜好吗</t>
  </si>
  <si>
    <t>不能说全部不好吧，但是绝大部位是不好的，什么原厂膜啊，就是厂家特供给4S的很便宜的那种膜，时间长了就不好了</t>
  </si>
  <si>
    <t>肯定好一点因为可以无尘操作，不过比较贵</t>
  </si>
  <si>
    <t>4S店的膜不一定就好，这个主要看膜好不好</t>
  </si>
  <si>
    <t>不是很好，这个价格还不便宜，贴膜最好去外面的美容店吧，可以选择3m的牌子</t>
  </si>
  <si>
    <t>不建议4S店贴膜，价格比较高，如果免费可以，一般去汽配城贴膜就可以价格也便宜一些。</t>
  </si>
  <si>
    <t>上润国际贸易是传销吗</t>
  </si>
  <si>
    <t>上润国际贸易不是一个公司，在各地工商红盾网都没有该公司的注册信息，所以这个所谓的公司是假的。该类似于之前的贵远国际贸易，都是非法传销份子鼓吹的所谓的“先进模式”，以免费贷款或者其他幌子吸收下线，然后进行金字塔式的拉人头传销。</t>
  </si>
  <si>
    <t>小心被骗，这家公司闹得最大的就是展销会，搞得跟做展会的似得但是以国际贸易公司注册，却从事与进出口无关的产品，比如”刷卡消费产品“ 要么是骗钱公司 要么是传销性质</t>
  </si>
  <si>
    <t>不是的兄弟们！这是个平台，看你们能否融到钱来创业</t>
  </si>
  <si>
    <t>不是传销，就是赤裸裸的骗局</t>
  </si>
  <si>
    <t xml:space="preserve">不是传销 更不是骗局 </t>
  </si>
  <si>
    <t>是不是传销要看这个公司的运作模式有没有传销的特点。</t>
  </si>
  <si>
    <t>假的，骗子公司</t>
  </si>
  <si>
    <t>糖尿病可以吃芋头吗</t>
  </si>
  <si>
    <t>不可以，芋头中含有糖分，糖尿病人不能食用任何含有糖分或者能够转化为糖分的食物。</t>
  </si>
  <si>
    <t>可以吃，糖尿病病人的饮食要讲究均衡饮食，很多食物都可以吃，但要适量。芋头和番薯，土豆这些都是含淀粉较高的，升糖指数高，所以如果吃了这一类食物，主食就要相应减少，以免摄入过多卡路里。</t>
  </si>
  <si>
    <t>可以吃的，不要过量，而且秋天最适合吃芋头了</t>
  </si>
  <si>
    <t>应该不能吃吧</t>
  </si>
  <si>
    <t>因糖尿病、高脂血症、肥胖等疾病而必须限制饮食的时候，芋头是最为适合的食品。</t>
  </si>
  <si>
    <t>糖尿病人吃红薯芋头跟吃饭一样，不能多吃，都是多糖食物。</t>
  </si>
  <si>
    <t>孕妇能不能做头发护理</t>
  </si>
  <si>
    <t>可以做护理</t>
  </si>
  <si>
    <t>可以啊，用纯植物的，对宝宝安全</t>
  </si>
  <si>
    <t>可以头发护理</t>
  </si>
  <si>
    <t>不用去的，孕妇的话，相对也麻烦，又不是没有别的解决方法，是吧！</t>
  </si>
  <si>
    <t>question_type</t>
    <phoneticPr fontId="1" type="noConversion"/>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 x14ac:knownFonts="1">
    <font>
      <sz val="11"/>
      <color theme="1"/>
      <name val="等线"/>
      <family val="2"/>
      <charset val="134"/>
      <scheme val="minor"/>
    </font>
    <font>
      <sz val="9"/>
      <name val="等线"/>
      <family val="2"/>
      <charset val="134"/>
      <scheme val="minor"/>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2">
    <xf numFmtId="0" fontId="0" fillId="0" borderId="0" xfId="0">
      <alignment vertical="center"/>
    </xf>
    <xf numFmtId="0" fontId="0" fillId="0" borderId="0" xfId="0" applyAlignment="1">
      <alignment vertical="center" wrapText="1"/>
    </xf>
  </cellXfs>
  <cellStyles count="1">
    <cellStyle name="常规"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50633"/>
  <sheetViews>
    <sheetView tabSelected="1" topLeftCell="A25" workbookViewId="0">
      <selection activeCell="B36" sqref="B36"/>
    </sheetView>
  </sheetViews>
  <sheetFormatPr defaultRowHeight="13.8" x14ac:dyDescent="0.25"/>
  <sheetData>
    <row r="1" spans="1:4" x14ac:dyDescent="0.25">
      <c r="A1" t="s">
        <v>0</v>
      </c>
      <c r="B1" t="s">
        <v>1</v>
      </c>
      <c r="C1" t="s">
        <v>2</v>
      </c>
      <c r="D1" t="s">
        <v>68618</v>
      </c>
    </row>
    <row r="2" spans="1:4" x14ac:dyDescent="0.25">
      <c r="A2" t="s">
        <v>3</v>
      </c>
      <c r="B2" t="s">
        <v>4</v>
      </c>
      <c r="C2">
        <v>1</v>
      </c>
      <c r="D2">
        <v>0</v>
      </c>
    </row>
    <row r="3" spans="1:4" x14ac:dyDescent="0.25">
      <c r="A3" t="s">
        <v>5</v>
      </c>
      <c r="B3" t="s">
        <v>6</v>
      </c>
      <c r="C3">
        <v>1</v>
      </c>
      <c r="D3">
        <v>0</v>
      </c>
    </row>
    <row r="4" spans="1:4" x14ac:dyDescent="0.25">
      <c r="A4" t="s">
        <v>5</v>
      </c>
      <c r="B4" t="s">
        <v>7</v>
      </c>
      <c r="C4">
        <v>0</v>
      </c>
      <c r="D4">
        <v>0</v>
      </c>
    </row>
    <row r="5" spans="1:4" x14ac:dyDescent="0.25">
      <c r="A5" t="s">
        <v>8</v>
      </c>
      <c r="B5" t="s">
        <v>9</v>
      </c>
      <c r="C5">
        <v>1</v>
      </c>
      <c r="D5">
        <v>0</v>
      </c>
    </row>
    <row r="6" spans="1:4" x14ac:dyDescent="0.25">
      <c r="A6" t="s">
        <v>8</v>
      </c>
      <c r="B6" t="s">
        <v>10</v>
      </c>
      <c r="C6">
        <v>0</v>
      </c>
      <c r="D6">
        <v>0</v>
      </c>
    </row>
    <row r="7" spans="1:4" x14ac:dyDescent="0.25">
      <c r="A7" t="s">
        <v>11</v>
      </c>
      <c r="B7" t="s">
        <v>12</v>
      </c>
      <c r="C7">
        <v>0</v>
      </c>
      <c r="D7">
        <v>0</v>
      </c>
    </row>
    <row r="8" spans="1:4" x14ac:dyDescent="0.25">
      <c r="A8" t="s">
        <v>13</v>
      </c>
      <c r="B8" t="s">
        <v>14</v>
      </c>
      <c r="C8">
        <v>1</v>
      </c>
      <c r="D8">
        <v>0</v>
      </c>
    </row>
    <row r="9" spans="1:4" x14ac:dyDescent="0.25">
      <c r="A9" t="s">
        <v>15</v>
      </c>
      <c r="B9" t="s">
        <v>16</v>
      </c>
      <c r="C9">
        <v>1</v>
      </c>
      <c r="D9">
        <v>0</v>
      </c>
    </row>
    <row r="10" spans="1:4" x14ac:dyDescent="0.25">
      <c r="A10" t="s">
        <v>15</v>
      </c>
      <c r="B10" t="s">
        <v>17</v>
      </c>
      <c r="C10">
        <v>0</v>
      </c>
      <c r="D10">
        <v>0</v>
      </c>
    </row>
    <row r="11" spans="1:4" x14ac:dyDescent="0.25">
      <c r="A11" t="s">
        <v>18</v>
      </c>
      <c r="B11" t="s">
        <v>19</v>
      </c>
      <c r="C11">
        <v>1</v>
      </c>
      <c r="D11">
        <v>0</v>
      </c>
    </row>
    <row r="12" spans="1:4" x14ac:dyDescent="0.25">
      <c r="A12" t="s">
        <v>18</v>
      </c>
      <c r="B12" t="s">
        <v>20</v>
      </c>
      <c r="C12">
        <v>0</v>
      </c>
      <c r="D12">
        <v>0</v>
      </c>
    </row>
    <row r="13" spans="1:4" x14ac:dyDescent="0.25">
      <c r="A13" t="s">
        <v>21</v>
      </c>
      <c r="B13" t="s">
        <v>22</v>
      </c>
      <c r="C13">
        <v>1</v>
      </c>
      <c r="D13">
        <v>0</v>
      </c>
    </row>
    <row r="14" spans="1:4" x14ac:dyDescent="0.25">
      <c r="A14" t="s">
        <v>21</v>
      </c>
      <c r="B14" t="s">
        <v>23</v>
      </c>
      <c r="C14">
        <v>0</v>
      </c>
      <c r="D14">
        <v>0</v>
      </c>
    </row>
    <row r="15" spans="1:4" x14ac:dyDescent="0.25">
      <c r="A15" t="s">
        <v>24</v>
      </c>
      <c r="B15" t="s">
        <v>25</v>
      </c>
      <c r="C15">
        <v>1</v>
      </c>
      <c r="D15">
        <v>0</v>
      </c>
    </row>
    <row r="16" spans="1:4" x14ac:dyDescent="0.25">
      <c r="A16" t="s">
        <v>26</v>
      </c>
      <c r="B16" t="s">
        <v>27</v>
      </c>
      <c r="C16">
        <v>0</v>
      </c>
      <c r="D16">
        <v>0</v>
      </c>
    </row>
    <row r="17" spans="1:4" x14ac:dyDescent="0.25">
      <c r="A17" t="s">
        <v>28</v>
      </c>
      <c r="B17" t="s">
        <v>29</v>
      </c>
      <c r="C17">
        <v>1</v>
      </c>
      <c r="D17">
        <v>0</v>
      </c>
    </row>
    <row r="18" spans="1:4" x14ac:dyDescent="0.25">
      <c r="A18" t="s">
        <v>30</v>
      </c>
      <c r="B18" t="s">
        <v>31</v>
      </c>
      <c r="C18">
        <v>1</v>
      </c>
      <c r="D18">
        <v>0</v>
      </c>
    </row>
    <row r="19" spans="1:4" x14ac:dyDescent="0.25">
      <c r="A19" t="s">
        <v>32</v>
      </c>
      <c r="B19" t="s">
        <v>33</v>
      </c>
      <c r="C19">
        <v>0</v>
      </c>
      <c r="D19">
        <v>0</v>
      </c>
    </row>
    <row r="20" spans="1:4" x14ac:dyDescent="0.25">
      <c r="A20" t="s">
        <v>34</v>
      </c>
      <c r="B20" t="s">
        <v>35</v>
      </c>
      <c r="C20">
        <v>1</v>
      </c>
      <c r="D20">
        <v>0</v>
      </c>
    </row>
    <row r="21" spans="1:4" x14ac:dyDescent="0.25">
      <c r="A21" t="s">
        <v>34</v>
      </c>
      <c r="B21" t="s">
        <v>36</v>
      </c>
      <c r="C21">
        <v>0</v>
      </c>
      <c r="D21">
        <v>0</v>
      </c>
    </row>
    <row r="22" spans="1:4" x14ac:dyDescent="0.25">
      <c r="A22" t="s">
        <v>37</v>
      </c>
      <c r="B22" t="s">
        <v>38</v>
      </c>
      <c r="C22">
        <v>1</v>
      </c>
      <c r="D22">
        <v>0</v>
      </c>
    </row>
    <row r="23" spans="1:4" x14ac:dyDescent="0.25">
      <c r="A23" t="s">
        <v>37</v>
      </c>
      <c r="B23" t="s">
        <v>39</v>
      </c>
      <c r="C23">
        <v>0</v>
      </c>
      <c r="D23">
        <v>0</v>
      </c>
    </row>
    <row r="24" spans="1:4" x14ac:dyDescent="0.25">
      <c r="A24" t="s">
        <v>40</v>
      </c>
      <c r="B24" t="s">
        <v>41</v>
      </c>
      <c r="C24">
        <v>1</v>
      </c>
      <c r="D24">
        <v>0</v>
      </c>
    </row>
    <row r="25" spans="1:4" x14ac:dyDescent="0.25">
      <c r="A25" t="s">
        <v>40</v>
      </c>
      <c r="B25" t="s">
        <v>42</v>
      </c>
      <c r="C25">
        <v>0</v>
      </c>
      <c r="D25">
        <v>0</v>
      </c>
    </row>
    <row r="26" spans="1:4" x14ac:dyDescent="0.25">
      <c r="A26" t="s">
        <v>43</v>
      </c>
      <c r="B26" t="s">
        <v>44</v>
      </c>
      <c r="C26">
        <v>1</v>
      </c>
      <c r="D26">
        <v>0</v>
      </c>
    </row>
    <row r="27" spans="1:4" x14ac:dyDescent="0.25">
      <c r="A27" t="s">
        <v>45</v>
      </c>
      <c r="B27" t="s">
        <v>46</v>
      </c>
      <c r="C27">
        <v>1</v>
      </c>
      <c r="D27">
        <v>0</v>
      </c>
    </row>
    <row r="28" spans="1:4" x14ac:dyDescent="0.25">
      <c r="A28" t="s">
        <v>45</v>
      </c>
      <c r="B28" t="s">
        <v>47</v>
      </c>
      <c r="C28">
        <v>0</v>
      </c>
      <c r="D28">
        <v>0</v>
      </c>
    </row>
    <row r="29" spans="1:4" x14ac:dyDescent="0.25">
      <c r="A29" t="s">
        <v>48</v>
      </c>
      <c r="B29" t="s">
        <v>49</v>
      </c>
      <c r="C29">
        <v>1</v>
      </c>
      <c r="D29">
        <v>0</v>
      </c>
    </row>
    <row r="30" spans="1:4" x14ac:dyDescent="0.25">
      <c r="A30" t="s">
        <v>48</v>
      </c>
      <c r="B30" t="s">
        <v>50</v>
      </c>
      <c r="C30">
        <v>0</v>
      </c>
      <c r="D30">
        <v>0</v>
      </c>
    </row>
    <row r="31" spans="1:4" x14ac:dyDescent="0.25">
      <c r="A31" t="s">
        <v>51</v>
      </c>
      <c r="B31" t="s">
        <v>52</v>
      </c>
      <c r="C31">
        <v>1</v>
      </c>
      <c r="D31">
        <v>0</v>
      </c>
    </row>
    <row r="32" spans="1:4" x14ac:dyDescent="0.25">
      <c r="A32" t="s">
        <v>53</v>
      </c>
      <c r="B32" t="s">
        <v>54</v>
      </c>
      <c r="C32">
        <v>0</v>
      </c>
      <c r="D32">
        <v>0</v>
      </c>
    </row>
    <row r="33" spans="1:4" x14ac:dyDescent="0.25">
      <c r="A33" t="s">
        <v>55</v>
      </c>
      <c r="B33" t="s">
        <v>56</v>
      </c>
      <c r="C33">
        <v>1</v>
      </c>
      <c r="D33">
        <v>0</v>
      </c>
    </row>
    <row r="34" spans="1:4" x14ac:dyDescent="0.25">
      <c r="A34" t="s">
        <v>57</v>
      </c>
      <c r="B34" t="s">
        <v>58</v>
      </c>
      <c r="C34">
        <v>1</v>
      </c>
      <c r="D34">
        <v>0</v>
      </c>
    </row>
    <row r="35" spans="1:4" x14ac:dyDescent="0.25">
      <c r="A35" t="s">
        <v>57</v>
      </c>
      <c r="B35" t="s">
        <v>59</v>
      </c>
      <c r="C35">
        <v>0</v>
      </c>
      <c r="D35">
        <v>0</v>
      </c>
    </row>
    <row r="36" spans="1:4" x14ac:dyDescent="0.25">
      <c r="A36" t="s">
        <v>60</v>
      </c>
      <c r="B36" t="s">
        <v>61</v>
      </c>
      <c r="C36">
        <v>0</v>
      </c>
      <c r="D36">
        <v>0</v>
      </c>
    </row>
    <row r="37" spans="1:4" x14ac:dyDescent="0.25">
      <c r="A37" t="s">
        <v>62</v>
      </c>
      <c r="B37" t="s">
        <v>63</v>
      </c>
      <c r="C37">
        <v>1</v>
      </c>
      <c r="D37">
        <v>0</v>
      </c>
    </row>
    <row r="38" spans="1:4" x14ac:dyDescent="0.25">
      <c r="A38" t="s">
        <v>62</v>
      </c>
      <c r="B38" t="s">
        <v>64</v>
      </c>
      <c r="C38">
        <v>0</v>
      </c>
      <c r="D38">
        <v>0</v>
      </c>
    </row>
    <row r="39" spans="1:4" x14ac:dyDescent="0.25">
      <c r="A39" t="s">
        <v>65</v>
      </c>
      <c r="B39" t="s">
        <v>66</v>
      </c>
      <c r="C39">
        <v>0</v>
      </c>
      <c r="D39">
        <v>0</v>
      </c>
    </row>
    <row r="40" spans="1:4" x14ac:dyDescent="0.25">
      <c r="A40" t="s">
        <v>67</v>
      </c>
      <c r="B40" t="s">
        <v>68</v>
      </c>
      <c r="C40">
        <v>1</v>
      </c>
      <c r="D40">
        <v>0</v>
      </c>
    </row>
    <row r="41" spans="1:4" x14ac:dyDescent="0.25">
      <c r="A41" t="s">
        <v>67</v>
      </c>
      <c r="B41" t="s">
        <v>69</v>
      </c>
      <c r="C41">
        <v>0</v>
      </c>
      <c r="D41">
        <v>0</v>
      </c>
    </row>
    <row r="42" spans="1:4" x14ac:dyDescent="0.25">
      <c r="A42" t="s">
        <v>70</v>
      </c>
      <c r="B42" t="s">
        <v>71</v>
      </c>
      <c r="C42">
        <v>0</v>
      </c>
      <c r="D42">
        <v>0</v>
      </c>
    </row>
    <row r="43" spans="1:4" x14ac:dyDescent="0.25">
      <c r="A43" t="s">
        <v>72</v>
      </c>
      <c r="B43" t="s">
        <v>73</v>
      </c>
      <c r="C43">
        <v>1</v>
      </c>
      <c r="D43">
        <v>0</v>
      </c>
    </row>
    <row r="44" spans="1:4" x14ac:dyDescent="0.25">
      <c r="A44" t="s">
        <v>72</v>
      </c>
      <c r="B44" t="s">
        <v>74</v>
      </c>
      <c r="C44">
        <v>0</v>
      </c>
      <c r="D44">
        <v>0</v>
      </c>
    </row>
    <row r="45" spans="1:4" x14ac:dyDescent="0.25">
      <c r="A45" t="s">
        <v>75</v>
      </c>
      <c r="B45" t="s">
        <v>76</v>
      </c>
      <c r="C45">
        <v>0</v>
      </c>
      <c r="D45">
        <v>0</v>
      </c>
    </row>
    <row r="46" spans="1:4" x14ac:dyDescent="0.25">
      <c r="A46" t="s">
        <v>77</v>
      </c>
      <c r="B46" t="s">
        <v>78</v>
      </c>
      <c r="C46">
        <v>1</v>
      </c>
      <c r="D46">
        <v>0</v>
      </c>
    </row>
    <row r="47" spans="1:4" x14ac:dyDescent="0.25">
      <c r="A47" t="s">
        <v>77</v>
      </c>
      <c r="B47" t="s">
        <v>79</v>
      </c>
      <c r="C47">
        <v>0</v>
      </c>
      <c r="D47">
        <v>0</v>
      </c>
    </row>
    <row r="48" spans="1:4" x14ac:dyDescent="0.25">
      <c r="A48" t="s">
        <v>80</v>
      </c>
      <c r="B48" t="s">
        <v>81</v>
      </c>
      <c r="C48">
        <v>0</v>
      </c>
      <c r="D48">
        <v>0</v>
      </c>
    </row>
    <row r="49" spans="1:4" x14ac:dyDescent="0.25">
      <c r="A49" t="s">
        <v>82</v>
      </c>
      <c r="B49" t="s">
        <v>83</v>
      </c>
      <c r="C49">
        <v>1</v>
      </c>
      <c r="D49">
        <v>0</v>
      </c>
    </row>
    <row r="50" spans="1:4" x14ac:dyDescent="0.25">
      <c r="A50" t="s">
        <v>84</v>
      </c>
      <c r="B50" t="s">
        <v>85</v>
      </c>
      <c r="C50">
        <v>1</v>
      </c>
      <c r="D50">
        <v>0</v>
      </c>
    </row>
    <row r="51" spans="1:4" ht="69" x14ac:dyDescent="0.25">
      <c r="A51" t="s">
        <v>86</v>
      </c>
      <c r="B51" s="1" t="s">
        <v>87</v>
      </c>
      <c r="C51">
        <v>0</v>
      </c>
      <c r="D51">
        <v>0</v>
      </c>
    </row>
    <row r="52" spans="1:4" x14ac:dyDescent="0.25">
      <c r="A52" t="s">
        <v>88</v>
      </c>
      <c r="B52" t="s">
        <v>89</v>
      </c>
      <c r="C52">
        <v>1</v>
      </c>
      <c r="D52">
        <v>0</v>
      </c>
    </row>
    <row r="53" spans="1:4" x14ac:dyDescent="0.25">
      <c r="A53" t="s">
        <v>88</v>
      </c>
      <c r="B53" t="s">
        <v>90</v>
      </c>
      <c r="C53">
        <v>0</v>
      </c>
      <c r="D53">
        <v>0</v>
      </c>
    </row>
    <row r="54" spans="1:4" x14ac:dyDescent="0.25">
      <c r="A54" t="s">
        <v>91</v>
      </c>
      <c r="B54" t="s">
        <v>92</v>
      </c>
      <c r="C54">
        <v>1</v>
      </c>
      <c r="D54">
        <v>0</v>
      </c>
    </row>
    <row r="55" spans="1:4" x14ac:dyDescent="0.25">
      <c r="A55" t="s">
        <v>93</v>
      </c>
      <c r="B55" t="s">
        <v>94</v>
      </c>
      <c r="C55">
        <v>0</v>
      </c>
      <c r="D55">
        <v>0</v>
      </c>
    </row>
    <row r="56" spans="1:4" x14ac:dyDescent="0.25">
      <c r="A56" t="s">
        <v>95</v>
      </c>
      <c r="B56" t="s">
        <v>96</v>
      </c>
      <c r="C56">
        <v>1</v>
      </c>
      <c r="D56">
        <v>0</v>
      </c>
    </row>
    <row r="57" spans="1:4" x14ac:dyDescent="0.25">
      <c r="A57" t="s">
        <v>97</v>
      </c>
      <c r="B57" t="s">
        <v>98</v>
      </c>
      <c r="C57">
        <v>0</v>
      </c>
      <c r="D57">
        <v>0</v>
      </c>
    </row>
    <row r="58" spans="1:4" x14ac:dyDescent="0.25">
      <c r="A58" t="s">
        <v>99</v>
      </c>
      <c r="B58" t="s">
        <v>100</v>
      </c>
      <c r="C58">
        <v>1</v>
      </c>
      <c r="D58">
        <v>0</v>
      </c>
    </row>
    <row r="59" spans="1:4" x14ac:dyDescent="0.25">
      <c r="A59" t="s">
        <v>101</v>
      </c>
      <c r="B59" t="s">
        <v>102</v>
      </c>
      <c r="C59">
        <v>1</v>
      </c>
      <c r="D59">
        <v>0</v>
      </c>
    </row>
    <row r="60" spans="1:4" x14ac:dyDescent="0.25">
      <c r="A60" t="s">
        <v>103</v>
      </c>
      <c r="B60" t="s">
        <v>104</v>
      </c>
      <c r="C60">
        <v>1</v>
      </c>
      <c r="D60">
        <v>0</v>
      </c>
    </row>
    <row r="61" spans="1:4" x14ac:dyDescent="0.25">
      <c r="A61" t="s">
        <v>103</v>
      </c>
      <c r="B61" t="s">
        <v>105</v>
      </c>
      <c r="C61">
        <v>0</v>
      </c>
      <c r="D61">
        <v>0</v>
      </c>
    </row>
    <row r="62" spans="1:4" ht="345" x14ac:dyDescent="0.25">
      <c r="A62" t="s">
        <v>106</v>
      </c>
      <c r="B62" s="1" t="s">
        <v>107</v>
      </c>
      <c r="C62">
        <v>0</v>
      </c>
      <c r="D62">
        <v>0</v>
      </c>
    </row>
    <row r="63" spans="1:4" x14ac:dyDescent="0.25">
      <c r="A63" t="s">
        <v>108</v>
      </c>
      <c r="B63" t="s">
        <v>109</v>
      </c>
      <c r="C63">
        <v>1</v>
      </c>
      <c r="D63">
        <v>0</v>
      </c>
    </row>
    <row r="64" spans="1:4" x14ac:dyDescent="0.25">
      <c r="A64" t="s">
        <v>110</v>
      </c>
      <c r="B64" t="s">
        <v>111</v>
      </c>
      <c r="C64">
        <v>1</v>
      </c>
      <c r="D64">
        <v>0</v>
      </c>
    </row>
    <row r="65" spans="1:4" x14ac:dyDescent="0.25">
      <c r="A65" t="s">
        <v>110</v>
      </c>
      <c r="B65" t="s">
        <v>112</v>
      </c>
      <c r="C65">
        <v>0</v>
      </c>
      <c r="D65">
        <v>0</v>
      </c>
    </row>
    <row r="66" spans="1:4" x14ac:dyDescent="0.25">
      <c r="A66" t="s">
        <v>113</v>
      </c>
      <c r="B66" t="s">
        <v>114</v>
      </c>
      <c r="C66">
        <v>1</v>
      </c>
      <c r="D66">
        <v>0</v>
      </c>
    </row>
    <row r="67" spans="1:4" x14ac:dyDescent="0.25">
      <c r="A67" t="s">
        <v>115</v>
      </c>
      <c r="B67" t="s">
        <v>116</v>
      </c>
      <c r="C67">
        <v>1</v>
      </c>
      <c r="D67">
        <v>0</v>
      </c>
    </row>
    <row r="68" spans="1:4" x14ac:dyDescent="0.25">
      <c r="A68" t="s">
        <v>117</v>
      </c>
      <c r="B68" t="s">
        <v>118</v>
      </c>
      <c r="C68">
        <v>1</v>
      </c>
      <c r="D68">
        <v>0</v>
      </c>
    </row>
    <row r="69" spans="1:4" x14ac:dyDescent="0.25">
      <c r="A69" t="s">
        <v>119</v>
      </c>
      <c r="B69" t="s">
        <v>120</v>
      </c>
      <c r="C69">
        <v>1</v>
      </c>
      <c r="D69">
        <v>0</v>
      </c>
    </row>
    <row r="70" spans="1:4" x14ac:dyDescent="0.25">
      <c r="A70" t="s">
        <v>119</v>
      </c>
      <c r="B70" t="s">
        <v>121</v>
      </c>
      <c r="C70">
        <v>0</v>
      </c>
      <c r="D70">
        <v>0</v>
      </c>
    </row>
    <row r="71" spans="1:4" x14ac:dyDescent="0.25">
      <c r="A71" t="s">
        <v>122</v>
      </c>
      <c r="B71" t="s">
        <v>123</v>
      </c>
      <c r="C71">
        <v>1</v>
      </c>
      <c r="D71">
        <v>0</v>
      </c>
    </row>
    <row r="72" spans="1:4" x14ac:dyDescent="0.25">
      <c r="A72" t="s">
        <v>124</v>
      </c>
      <c r="B72" t="s">
        <v>125</v>
      </c>
      <c r="C72">
        <v>0</v>
      </c>
      <c r="D72">
        <v>0</v>
      </c>
    </row>
    <row r="73" spans="1:4" x14ac:dyDescent="0.25">
      <c r="A73" t="s">
        <v>126</v>
      </c>
      <c r="B73" t="s">
        <v>127</v>
      </c>
      <c r="C73">
        <v>1</v>
      </c>
      <c r="D73">
        <v>0</v>
      </c>
    </row>
    <row r="74" spans="1:4" x14ac:dyDescent="0.25">
      <c r="A74" t="s">
        <v>128</v>
      </c>
      <c r="B74" t="s">
        <v>129</v>
      </c>
      <c r="C74">
        <v>1</v>
      </c>
      <c r="D74">
        <v>0</v>
      </c>
    </row>
    <row r="75" spans="1:4" x14ac:dyDescent="0.25">
      <c r="A75" t="s">
        <v>130</v>
      </c>
      <c r="B75" t="s">
        <v>131</v>
      </c>
      <c r="C75">
        <v>1</v>
      </c>
      <c r="D75">
        <v>0</v>
      </c>
    </row>
    <row r="76" spans="1:4" x14ac:dyDescent="0.25">
      <c r="A76" t="s">
        <v>130</v>
      </c>
      <c r="B76" t="s">
        <v>132</v>
      </c>
      <c r="C76">
        <v>0</v>
      </c>
      <c r="D76">
        <v>0</v>
      </c>
    </row>
    <row r="77" spans="1:4" x14ac:dyDescent="0.25">
      <c r="A77" t="s">
        <v>133</v>
      </c>
      <c r="B77" t="s">
        <v>134</v>
      </c>
      <c r="C77">
        <v>1</v>
      </c>
      <c r="D77">
        <v>0</v>
      </c>
    </row>
    <row r="78" spans="1:4" x14ac:dyDescent="0.25">
      <c r="A78" t="s">
        <v>133</v>
      </c>
      <c r="B78" t="s">
        <v>135</v>
      </c>
      <c r="C78">
        <v>0</v>
      </c>
      <c r="D78">
        <v>0</v>
      </c>
    </row>
    <row r="79" spans="1:4" x14ac:dyDescent="0.25">
      <c r="A79" t="s">
        <v>136</v>
      </c>
      <c r="B79" t="s">
        <v>137</v>
      </c>
      <c r="C79">
        <v>1</v>
      </c>
      <c r="D79">
        <v>0</v>
      </c>
    </row>
    <row r="80" spans="1:4" x14ac:dyDescent="0.25">
      <c r="A80" t="s">
        <v>136</v>
      </c>
      <c r="B80" t="s">
        <v>138</v>
      </c>
      <c r="C80">
        <v>0</v>
      </c>
      <c r="D80">
        <v>0</v>
      </c>
    </row>
    <row r="81" spans="1:4" x14ac:dyDescent="0.25">
      <c r="A81" t="s">
        <v>139</v>
      </c>
      <c r="B81" t="s">
        <v>140</v>
      </c>
      <c r="C81">
        <v>0</v>
      </c>
      <c r="D81">
        <v>0</v>
      </c>
    </row>
    <row r="82" spans="1:4" x14ac:dyDescent="0.25">
      <c r="A82" t="s">
        <v>141</v>
      </c>
      <c r="B82" t="s">
        <v>142</v>
      </c>
      <c r="C82">
        <v>1</v>
      </c>
      <c r="D82">
        <v>0</v>
      </c>
    </row>
    <row r="83" spans="1:4" x14ac:dyDescent="0.25">
      <c r="A83" t="s">
        <v>143</v>
      </c>
      <c r="B83" t="s">
        <v>144</v>
      </c>
      <c r="C83">
        <v>1</v>
      </c>
      <c r="D83">
        <v>0</v>
      </c>
    </row>
    <row r="84" spans="1:4" x14ac:dyDescent="0.25">
      <c r="A84" t="s">
        <v>145</v>
      </c>
      <c r="B84" t="s">
        <v>146</v>
      </c>
      <c r="C84">
        <v>1</v>
      </c>
      <c r="D84">
        <v>0</v>
      </c>
    </row>
    <row r="85" spans="1:4" x14ac:dyDescent="0.25">
      <c r="A85" t="s">
        <v>145</v>
      </c>
      <c r="B85" t="s">
        <v>147</v>
      </c>
      <c r="C85">
        <v>0</v>
      </c>
      <c r="D85">
        <v>0</v>
      </c>
    </row>
    <row r="86" spans="1:4" x14ac:dyDescent="0.25">
      <c r="A86" t="s">
        <v>148</v>
      </c>
      <c r="B86" t="s">
        <v>149</v>
      </c>
      <c r="C86">
        <v>1</v>
      </c>
      <c r="D86">
        <v>0</v>
      </c>
    </row>
    <row r="87" spans="1:4" x14ac:dyDescent="0.25">
      <c r="A87" t="s">
        <v>150</v>
      </c>
      <c r="B87" t="s">
        <v>151</v>
      </c>
      <c r="C87">
        <v>1</v>
      </c>
      <c r="D87">
        <v>0</v>
      </c>
    </row>
    <row r="88" spans="1:4" x14ac:dyDescent="0.25">
      <c r="A88" t="s">
        <v>150</v>
      </c>
      <c r="B88" t="s">
        <v>152</v>
      </c>
      <c r="C88">
        <v>0</v>
      </c>
      <c r="D88">
        <v>0</v>
      </c>
    </row>
    <row r="89" spans="1:4" x14ac:dyDescent="0.25">
      <c r="A89" t="s">
        <v>153</v>
      </c>
      <c r="B89" t="s">
        <v>154</v>
      </c>
      <c r="C89">
        <v>0</v>
      </c>
      <c r="D89">
        <v>0</v>
      </c>
    </row>
    <row r="90" spans="1:4" x14ac:dyDescent="0.25">
      <c r="A90" t="s">
        <v>155</v>
      </c>
      <c r="B90" t="s">
        <v>156</v>
      </c>
      <c r="C90">
        <v>1</v>
      </c>
      <c r="D90">
        <v>0</v>
      </c>
    </row>
    <row r="91" spans="1:4" x14ac:dyDescent="0.25">
      <c r="A91" t="s">
        <v>157</v>
      </c>
      <c r="B91" t="s">
        <v>158</v>
      </c>
      <c r="C91">
        <v>0</v>
      </c>
      <c r="D91">
        <v>0</v>
      </c>
    </row>
    <row r="92" spans="1:4" x14ac:dyDescent="0.25">
      <c r="A92" t="s">
        <v>159</v>
      </c>
      <c r="B92" t="s">
        <v>160</v>
      </c>
      <c r="C92">
        <v>1</v>
      </c>
      <c r="D92">
        <v>0</v>
      </c>
    </row>
    <row r="93" spans="1:4" x14ac:dyDescent="0.25">
      <c r="A93" t="s">
        <v>161</v>
      </c>
      <c r="B93" t="s">
        <v>162</v>
      </c>
      <c r="C93">
        <v>1</v>
      </c>
      <c r="D93">
        <v>0</v>
      </c>
    </row>
    <row r="94" spans="1:4" x14ac:dyDescent="0.25">
      <c r="A94" t="s">
        <v>163</v>
      </c>
      <c r="B94" t="s">
        <v>164</v>
      </c>
      <c r="C94">
        <v>1</v>
      </c>
      <c r="D94">
        <v>0</v>
      </c>
    </row>
    <row r="95" spans="1:4" x14ac:dyDescent="0.25">
      <c r="A95" t="s">
        <v>163</v>
      </c>
      <c r="B95" t="s">
        <v>165</v>
      </c>
      <c r="C95">
        <v>0</v>
      </c>
      <c r="D95">
        <v>0</v>
      </c>
    </row>
    <row r="96" spans="1:4" x14ac:dyDescent="0.25">
      <c r="A96" t="s">
        <v>166</v>
      </c>
      <c r="B96" t="s">
        <v>167</v>
      </c>
      <c r="C96">
        <v>0</v>
      </c>
      <c r="D96">
        <v>0</v>
      </c>
    </row>
    <row r="97" spans="1:4" x14ac:dyDescent="0.25">
      <c r="A97" t="s">
        <v>168</v>
      </c>
      <c r="B97" t="s">
        <v>169</v>
      </c>
      <c r="C97">
        <v>0</v>
      </c>
      <c r="D97">
        <v>0</v>
      </c>
    </row>
    <row r="98" spans="1:4" x14ac:dyDescent="0.25">
      <c r="A98" t="s">
        <v>170</v>
      </c>
      <c r="B98" t="s">
        <v>171</v>
      </c>
      <c r="C98">
        <v>1</v>
      </c>
      <c r="D98">
        <v>0</v>
      </c>
    </row>
    <row r="99" spans="1:4" x14ac:dyDescent="0.25">
      <c r="A99" t="s">
        <v>172</v>
      </c>
      <c r="B99" t="s">
        <v>173</v>
      </c>
      <c r="C99">
        <v>1</v>
      </c>
      <c r="D99">
        <v>0</v>
      </c>
    </row>
    <row r="100" spans="1:4" x14ac:dyDescent="0.25">
      <c r="A100" t="s">
        <v>172</v>
      </c>
      <c r="B100" t="s">
        <v>174</v>
      </c>
      <c r="C100">
        <v>0</v>
      </c>
      <c r="D100">
        <v>0</v>
      </c>
    </row>
    <row r="101" spans="1:4" x14ac:dyDescent="0.25">
      <c r="A101" t="s">
        <v>175</v>
      </c>
      <c r="B101" t="s">
        <v>176</v>
      </c>
      <c r="C101">
        <v>1</v>
      </c>
      <c r="D101">
        <v>0</v>
      </c>
    </row>
    <row r="102" spans="1:4" x14ac:dyDescent="0.25">
      <c r="A102" t="s">
        <v>177</v>
      </c>
      <c r="B102" t="s">
        <v>178</v>
      </c>
      <c r="C102">
        <v>1</v>
      </c>
      <c r="D102">
        <v>0</v>
      </c>
    </row>
    <row r="103" spans="1:4" x14ac:dyDescent="0.25">
      <c r="A103" t="s">
        <v>179</v>
      </c>
      <c r="B103" t="s">
        <v>180</v>
      </c>
      <c r="C103">
        <v>0</v>
      </c>
      <c r="D103">
        <v>0</v>
      </c>
    </row>
    <row r="104" spans="1:4" x14ac:dyDescent="0.25">
      <c r="A104" t="s">
        <v>181</v>
      </c>
      <c r="B104" t="s">
        <v>182</v>
      </c>
      <c r="C104">
        <v>0</v>
      </c>
      <c r="D104">
        <v>0</v>
      </c>
    </row>
    <row r="105" spans="1:4" x14ac:dyDescent="0.25">
      <c r="A105" t="s">
        <v>183</v>
      </c>
      <c r="B105" t="s">
        <v>184</v>
      </c>
      <c r="C105">
        <v>0</v>
      </c>
      <c r="D105">
        <v>0</v>
      </c>
    </row>
    <row r="106" spans="1:4" x14ac:dyDescent="0.25">
      <c r="A106" t="s">
        <v>185</v>
      </c>
      <c r="B106" t="s">
        <v>186</v>
      </c>
      <c r="C106">
        <v>0</v>
      </c>
      <c r="D106">
        <v>0</v>
      </c>
    </row>
    <row r="107" spans="1:4" x14ac:dyDescent="0.25">
      <c r="A107" t="s">
        <v>187</v>
      </c>
      <c r="B107" t="s">
        <v>188</v>
      </c>
      <c r="C107">
        <v>1</v>
      </c>
      <c r="D107">
        <v>0</v>
      </c>
    </row>
    <row r="108" spans="1:4" x14ac:dyDescent="0.25">
      <c r="A108" t="s">
        <v>189</v>
      </c>
      <c r="B108" t="s">
        <v>190</v>
      </c>
      <c r="C108">
        <v>1</v>
      </c>
      <c r="D108">
        <v>0</v>
      </c>
    </row>
    <row r="109" spans="1:4" x14ac:dyDescent="0.25">
      <c r="A109" t="s">
        <v>189</v>
      </c>
      <c r="B109" t="s">
        <v>191</v>
      </c>
      <c r="C109">
        <v>0</v>
      </c>
      <c r="D109">
        <v>0</v>
      </c>
    </row>
    <row r="110" spans="1:4" x14ac:dyDescent="0.25">
      <c r="A110" t="s">
        <v>192</v>
      </c>
      <c r="B110" t="s">
        <v>193</v>
      </c>
      <c r="C110">
        <v>1</v>
      </c>
      <c r="D110">
        <v>0</v>
      </c>
    </row>
    <row r="111" spans="1:4" x14ac:dyDescent="0.25">
      <c r="A111" t="s">
        <v>194</v>
      </c>
      <c r="B111" t="s">
        <v>195</v>
      </c>
      <c r="C111">
        <v>0</v>
      </c>
      <c r="D111">
        <v>0</v>
      </c>
    </row>
    <row r="112" spans="1:4" x14ac:dyDescent="0.25">
      <c r="A112" t="s">
        <v>196</v>
      </c>
      <c r="B112" t="s">
        <v>197</v>
      </c>
      <c r="C112">
        <v>0</v>
      </c>
      <c r="D112">
        <v>0</v>
      </c>
    </row>
    <row r="113" spans="1:4" x14ac:dyDescent="0.25">
      <c r="A113" t="s">
        <v>198</v>
      </c>
      <c r="B113" t="s">
        <v>199</v>
      </c>
      <c r="C113">
        <v>1</v>
      </c>
      <c r="D113">
        <v>0</v>
      </c>
    </row>
    <row r="114" spans="1:4" x14ac:dyDescent="0.25">
      <c r="A114" t="s">
        <v>198</v>
      </c>
      <c r="B114" t="s">
        <v>200</v>
      </c>
      <c r="C114">
        <v>0</v>
      </c>
      <c r="D114">
        <v>0</v>
      </c>
    </row>
    <row r="115" spans="1:4" x14ac:dyDescent="0.25">
      <c r="A115" t="s">
        <v>201</v>
      </c>
      <c r="B115" t="s">
        <v>202</v>
      </c>
      <c r="C115">
        <v>1</v>
      </c>
      <c r="D115">
        <v>0</v>
      </c>
    </row>
    <row r="116" spans="1:4" x14ac:dyDescent="0.25">
      <c r="A116" t="s">
        <v>203</v>
      </c>
      <c r="B116" t="s">
        <v>204</v>
      </c>
      <c r="C116">
        <v>1</v>
      </c>
      <c r="D116">
        <v>0</v>
      </c>
    </row>
    <row r="117" spans="1:4" x14ac:dyDescent="0.25">
      <c r="A117" t="s">
        <v>203</v>
      </c>
      <c r="B117" t="s">
        <v>205</v>
      </c>
      <c r="C117">
        <v>0</v>
      </c>
      <c r="D117">
        <v>0</v>
      </c>
    </row>
    <row r="118" spans="1:4" x14ac:dyDescent="0.25">
      <c r="A118" t="s">
        <v>206</v>
      </c>
      <c r="B118" t="s">
        <v>207</v>
      </c>
      <c r="C118">
        <v>0</v>
      </c>
      <c r="D118">
        <v>0</v>
      </c>
    </row>
    <row r="119" spans="1:4" x14ac:dyDescent="0.25">
      <c r="A119" t="s">
        <v>208</v>
      </c>
      <c r="B119" t="s">
        <v>209</v>
      </c>
      <c r="C119">
        <v>0</v>
      </c>
      <c r="D119">
        <v>0</v>
      </c>
    </row>
    <row r="120" spans="1:4" x14ac:dyDescent="0.25">
      <c r="A120" t="s">
        <v>210</v>
      </c>
      <c r="B120" t="s">
        <v>211</v>
      </c>
      <c r="C120">
        <v>1</v>
      </c>
      <c r="D120">
        <v>0</v>
      </c>
    </row>
    <row r="121" spans="1:4" x14ac:dyDescent="0.25">
      <c r="A121" t="s">
        <v>210</v>
      </c>
      <c r="B121" t="s">
        <v>212</v>
      </c>
      <c r="C121">
        <v>0</v>
      </c>
      <c r="D121">
        <v>0</v>
      </c>
    </row>
    <row r="122" spans="1:4" x14ac:dyDescent="0.25">
      <c r="A122" t="s">
        <v>213</v>
      </c>
      <c r="B122" t="s">
        <v>214</v>
      </c>
      <c r="C122">
        <v>1</v>
      </c>
      <c r="D122">
        <v>0</v>
      </c>
    </row>
    <row r="123" spans="1:4" x14ac:dyDescent="0.25">
      <c r="A123" t="s">
        <v>215</v>
      </c>
      <c r="B123" t="s">
        <v>216</v>
      </c>
      <c r="C123">
        <v>1</v>
      </c>
      <c r="D123">
        <v>0</v>
      </c>
    </row>
    <row r="124" spans="1:4" x14ac:dyDescent="0.25">
      <c r="A124" t="s">
        <v>215</v>
      </c>
      <c r="B124" t="s">
        <v>217</v>
      </c>
      <c r="C124">
        <v>0</v>
      </c>
      <c r="D124">
        <v>0</v>
      </c>
    </row>
    <row r="125" spans="1:4" x14ac:dyDescent="0.25">
      <c r="A125" t="s">
        <v>218</v>
      </c>
      <c r="B125" t="s">
        <v>219</v>
      </c>
      <c r="C125">
        <v>0</v>
      </c>
      <c r="D125">
        <v>0</v>
      </c>
    </row>
    <row r="126" spans="1:4" x14ac:dyDescent="0.25">
      <c r="A126" t="s">
        <v>220</v>
      </c>
      <c r="B126" t="s">
        <v>221</v>
      </c>
      <c r="C126">
        <v>1</v>
      </c>
      <c r="D126">
        <v>0</v>
      </c>
    </row>
    <row r="127" spans="1:4" x14ac:dyDescent="0.25">
      <c r="A127" t="s">
        <v>222</v>
      </c>
      <c r="B127" t="s">
        <v>223</v>
      </c>
      <c r="C127">
        <v>0</v>
      </c>
      <c r="D127">
        <v>0</v>
      </c>
    </row>
    <row r="128" spans="1:4" x14ac:dyDescent="0.25">
      <c r="A128" t="s">
        <v>224</v>
      </c>
      <c r="B128" t="s">
        <v>225</v>
      </c>
      <c r="C128">
        <v>1</v>
      </c>
      <c r="D128">
        <v>0</v>
      </c>
    </row>
    <row r="129" spans="1:4" x14ac:dyDescent="0.25">
      <c r="A129" t="s">
        <v>224</v>
      </c>
      <c r="B129" t="s">
        <v>226</v>
      </c>
      <c r="C129">
        <v>0</v>
      </c>
      <c r="D129">
        <v>0</v>
      </c>
    </row>
    <row r="130" spans="1:4" x14ac:dyDescent="0.25">
      <c r="A130" t="s">
        <v>227</v>
      </c>
      <c r="B130" t="s">
        <v>228</v>
      </c>
      <c r="C130">
        <v>0</v>
      </c>
      <c r="D130">
        <v>0</v>
      </c>
    </row>
    <row r="131" spans="1:4" x14ac:dyDescent="0.25">
      <c r="A131" t="s">
        <v>229</v>
      </c>
      <c r="B131" t="s">
        <v>230</v>
      </c>
      <c r="C131">
        <v>1</v>
      </c>
      <c r="D131">
        <v>0</v>
      </c>
    </row>
    <row r="132" spans="1:4" x14ac:dyDescent="0.25">
      <c r="A132" t="s">
        <v>231</v>
      </c>
      <c r="B132" t="s">
        <v>232</v>
      </c>
      <c r="C132">
        <v>1</v>
      </c>
      <c r="D132">
        <v>0</v>
      </c>
    </row>
    <row r="133" spans="1:4" x14ac:dyDescent="0.25">
      <c r="A133" t="s">
        <v>233</v>
      </c>
      <c r="B133" t="s">
        <v>234</v>
      </c>
      <c r="C133">
        <v>1</v>
      </c>
      <c r="D133">
        <v>0</v>
      </c>
    </row>
    <row r="134" spans="1:4" x14ac:dyDescent="0.25">
      <c r="A134" t="s">
        <v>233</v>
      </c>
      <c r="B134" t="s">
        <v>235</v>
      </c>
      <c r="C134">
        <v>0</v>
      </c>
      <c r="D134">
        <v>0</v>
      </c>
    </row>
    <row r="135" spans="1:4" x14ac:dyDescent="0.25">
      <c r="A135" t="s">
        <v>236</v>
      </c>
      <c r="B135" t="s">
        <v>237</v>
      </c>
      <c r="C135">
        <v>1</v>
      </c>
      <c r="D135">
        <v>0</v>
      </c>
    </row>
    <row r="136" spans="1:4" x14ac:dyDescent="0.25">
      <c r="A136" t="s">
        <v>236</v>
      </c>
      <c r="B136" t="s">
        <v>238</v>
      </c>
      <c r="C136">
        <v>0</v>
      </c>
      <c r="D136">
        <v>0</v>
      </c>
    </row>
    <row r="137" spans="1:4" x14ac:dyDescent="0.25">
      <c r="A137" t="s">
        <v>239</v>
      </c>
      <c r="B137" t="s">
        <v>240</v>
      </c>
      <c r="C137">
        <v>0</v>
      </c>
      <c r="D137">
        <v>0</v>
      </c>
    </row>
    <row r="138" spans="1:4" x14ac:dyDescent="0.25">
      <c r="A138" t="s">
        <v>241</v>
      </c>
      <c r="B138" t="s">
        <v>242</v>
      </c>
      <c r="C138">
        <v>1</v>
      </c>
      <c r="D138">
        <v>0</v>
      </c>
    </row>
    <row r="139" spans="1:4" x14ac:dyDescent="0.25">
      <c r="A139" t="s">
        <v>243</v>
      </c>
      <c r="B139" t="s">
        <v>244</v>
      </c>
      <c r="C139">
        <v>0</v>
      </c>
      <c r="D139">
        <v>0</v>
      </c>
    </row>
    <row r="140" spans="1:4" x14ac:dyDescent="0.25">
      <c r="A140" t="s">
        <v>245</v>
      </c>
      <c r="B140" t="s">
        <v>246</v>
      </c>
      <c r="C140">
        <v>0</v>
      </c>
      <c r="D140">
        <v>0</v>
      </c>
    </row>
    <row r="141" spans="1:4" x14ac:dyDescent="0.25">
      <c r="A141" t="s">
        <v>247</v>
      </c>
      <c r="B141" t="s">
        <v>248</v>
      </c>
      <c r="C141">
        <v>1</v>
      </c>
      <c r="D141">
        <v>0</v>
      </c>
    </row>
    <row r="142" spans="1:4" x14ac:dyDescent="0.25">
      <c r="A142" t="s">
        <v>249</v>
      </c>
      <c r="B142" t="s">
        <v>250</v>
      </c>
      <c r="C142">
        <v>1</v>
      </c>
      <c r="D142">
        <v>0</v>
      </c>
    </row>
    <row r="143" spans="1:4" x14ac:dyDescent="0.25">
      <c r="A143" t="s">
        <v>249</v>
      </c>
      <c r="B143" t="s">
        <v>251</v>
      </c>
      <c r="C143">
        <v>0</v>
      </c>
      <c r="D143">
        <v>0</v>
      </c>
    </row>
    <row r="144" spans="1:4" x14ac:dyDescent="0.25">
      <c r="A144" t="s">
        <v>252</v>
      </c>
      <c r="B144" t="s">
        <v>253</v>
      </c>
      <c r="C144">
        <v>1</v>
      </c>
      <c r="D144">
        <v>0</v>
      </c>
    </row>
    <row r="145" spans="1:4" x14ac:dyDescent="0.25">
      <c r="A145" t="s">
        <v>252</v>
      </c>
      <c r="B145" t="s">
        <v>254</v>
      </c>
      <c r="C145">
        <v>0</v>
      </c>
      <c r="D145">
        <v>0</v>
      </c>
    </row>
    <row r="146" spans="1:4" x14ac:dyDescent="0.25">
      <c r="A146" t="s">
        <v>255</v>
      </c>
      <c r="B146" t="s">
        <v>256</v>
      </c>
      <c r="C146">
        <v>0</v>
      </c>
      <c r="D146">
        <v>0</v>
      </c>
    </row>
    <row r="147" spans="1:4" x14ac:dyDescent="0.25">
      <c r="A147" t="s">
        <v>257</v>
      </c>
      <c r="B147" t="s">
        <v>258</v>
      </c>
      <c r="C147">
        <v>1</v>
      </c>
      <c r="D147">
        <v>0</v>
      </c>
    </row>
    <row r="148" spans="1:4" x14ac:dyDescent="0.25">
      <c r="A148" t="s">
        <v>259</v>
      </c>
      <c r="B148" t="s">
        <v>260</v>
      </c>
      <c r="C148">
        <v>0</v>
      </c>
      <c r="D148">
        <v>0</v>
      </c>
    </row>
    <row r="149" spans="1:4" x14ac:dyDescent="0.25">
      <c r="A149" t="s">
        <v>261</v>
      </c>
      <c r="B149" t="s">
        <v>262</v>
      </c>
      <c r="C149">
        <v>1</v>
      </c>
      <c r="D149">
        <v>0</v>
      </c>
    </row>
    <row r="150" spans="1:4" x14ac:dyDescent="0.25">
      <c r="A150" t="s">
        <v>263</v>
      </c>
      <c r="B150" t="s">
        <v>264</v>
      </c>
      <c r="C150">
        <v>1</v>
      </c>
      <c r="D150">
        <v>0</v>
      </c>
    </row>
    <row r="151" spans="1:4" x14ac:dyDescent="0.25">
      <c r="A151" t="s">
        <v>263</v>
      </c>
      <c r="B151" t="s">
        <v>265</v>
      </c>
      <c r="C151">
        <v>0</v>
      </c>
      <c r="D151">
        <v>0</v>
      </c>
    </row>
    <row r="152" spans="1:4" x14ac:dyDescent="0.25">
      <c r="A152" t="s">
        <v>266</v>
      </c>
      <c r="B152" t="s">
        <v>267</v>
      </c>
      <c r="C152">
        <v>0</v>
      </c>
      <c r="D152">
        <v>0</v>
      </c>
    </row>
    <row r="153" spans="1:4" x14ac:dyDescent="0.25">
      <c r="A153" t="s">
        <v>268</v>
      </c>
      <c r="B153" t="s">
        <v>269</v>
      </c>
      <c r="C153">
        <v>1</v>
      </c>
      <c r="D153">
        <v>0</v>
      </c>
    </row>
    <row r="154" spans="1:4" x14ac:dyDescent="0.25">
      <c r="A154" t="s">
        <v>268</v>
      </c>
      <c r="B154" t="s">
        <v>270</v>
      </c>
      <c r="C154">
        <v>0</v>
      </c>
      <c r="D154">
        <v>0</v>
      </c>
    </row>
    <row r="155" spans="1:4" x14ac:dyDescent="0.25">
      <c r="A155" t="s">
        <v>271</v>
      </c>
      <c r="B155" t="s">
        <v>272</v>
      </c>
      <c r="C155">
        <v>1</v>
      </c>
      <c r="D155">
        <v>0</v>
      </c>
    </row>
    <row r="156" spans="1:4" x14ac:dyDescent="0.25">
      <c r="A156" t="s">
        <v>273</v>
      </c>
      <c r="B156" t="s">
        <v>274</v>
      </c>
      <c r="C156">
        <v>1</v>
      </c>
      <c r="D156">
        <v>0</v>
      </c>
    </row>
    <row r="157" spans="1:4" x14ac:dyDescent="0.25">
      <c r="A157" t="s">
        <v>273</v>
      </c>
      <c r="B157" t="s">
        <v>275</v>
      </c>
      <c r="C157">
        <v>0</v>
      </c>
      <c r="D157">
        <v>0</v>
      </c>
    </row>
    <row r="158" spans="1:4" x14ac:dyDescent="0.25">
      <c r="A158" t="s">
        <v>276</v>
      </c>
      <c r="B158" t="s">
        <v>277</v>
      </c>
      <c r="C158">
        <v>1</v>
      </c>
      <c r="D158">
        <v>0</v>
      </c>
    </row>
    <row r="159" spans="1:4" x14ac:dyDescent="0.25">
      <c r="A159" t="s">
        <v>276</v>
      </c>
      <c r="B159" t="s">
        <v>278</v>
      </c>
      <c r="C159">
        <v>0</v>
      </c>
      <c r="D159">
        <v>0</v>
      </c>
    </row>
    <row r="160" spans="1:4" x14ac:dyDescent="0.25">
      <c r="A160" t="s">
        <v>279</v>
      </c>
      <c r="B160" t="s">
        <v>280</v>
      </c>
      <c r="C160">
        <v>0</v>
      </c>
      <c r="D160">
        <v>0</v>
      </c>
    </row>
    <row r="161" spans="1:4" x14ac:dyDescent="0.25">
      <c r="A161" t="s">
        <v>281</v>
      </c>
      <c r="B161" t="s">
        <v>282</v>
      </c>
      <c r="C161">
        <v>1</v>
      </c>
      <c r="D161">
        <v>0</v>
      </c>
    </row>
    <row r="162" spans="1:4" x14ac:dyDescent="0.25">
      <c r="A162" t="s">
        <v>283</v>
      </c>
      <c r="B162" t="s">
        <v>284</v>
      </c>
      <c r="C162">
        <v>0</v>
      </c>
      <c r="D162">
        <v>0</v>
      </c>
    </row>
    <row r="163" spans="1:4" x14ac:dyDescent="0.25">
      <c r="A163" t="s">
        <v>285</v>
      </c>
      <c r="B163" t="s">
        <v>286</v>
      </c>
      <c r="C163">
        <v>0</v>
      </c>
      <c r="D163">
        <v>0</v>
      </c>
    </row>
    <row r="164" spans="1:4" x14ac:dyDescent="0.25">
      <c r="A164" t="s">
        <v>287</v>
      </c>
      <c r="B164" t="s">
        <v>288</v>
      </c>
      <c r="C164">
        <v>1</v>
      </c>
      <c r="D164">
        <v>0</v>
      </c>
    </row>
    <row r="165" spans="1:4" x14ac:dyDescent="0.25">
      <c r="A165" t="s">
        <v>289</v>
      </c>
      <c r="B165" t="s">
        <v>290</v>
      </c>
      <c r="C165">
        <v>1</v>
      </c>
      <c r="D165">
        <v>0</v>
      </c>
    </row>
    <row r="166" spans="1:4" x14ac:dyDescent="0.25">
      <c r="A166" t="s">
        <v>291</v>
      </c>
      <c r="B166" t="s">
        <v>292</v>
      </c>
      <c r="C166">
        <v>1</v>
      </c>
      <c r="D166">
        <v>0</v>
      </c>
    </row>
    <row r="167" spans="1:4" x14ac:dyDescent="0.25">
      <c r="A167" t="s">
        <v>293</v>
      </c>
      <c r="B167" t="s">
        <v>294</v>
      </c>
      <c r="C167">
        <v>1</v>
      </c>
      <c r="D167">
        <v>0</v>
      </c>
    </row>
    <row r="168" spans="1:4" x14ac:dyDescent="0.25">
      <c r="A168" t="s">
        <v>293</v>
      </c>
      <c r="B168" t="s">
        <v>295</v>
      </c>
      <c r="C168">
        <v>0</v>
      </c>
      <c r="D168">
        <v>0</v>
      </c>
    </row>
    <row r="169" spans="1:4" x14ac:dyDescent="0.25">
      <c r="A169" t="s">
        <v>296</v>
      </c>
      <c r="B169" t="s">
        <v>297</v>
      </c>
      <c r="C169">
        <v>1</v>
      </c>
      <c r="D169">
        <v>0</v>
      </c>
    </row>
    <row r="170" spans="1:4" x14ac:dyDescent="0.25">
      <c r="A170" t="s">
        <v>296</v>
      </c>
      <c r="B170" t="s">
        <v>298</v>
      </c>
      <c r="C170">
        <v>0</v>
      </c>
      <c r="D170">
        <v>0</v>
      </c>
    </row>
    <row r="171" spans="1:4" x14ac:dyDescent="0.25">
      <c r="A171" t="s">
        <v>299</v>
      </c>
      <c r="B171" t="s">
        <v>300</v>
      </c>
      <c r="C171">
        <v>1</v>
      </c>
      <c r="D171">
        <v>0</v>
      </c>
    </row>
    <row r="172" spans="1:4" x14ac:dyDescent="0.25">
      <c r="A172" t="s">
        <v>301</v>
      </c>
      <c r="B172" t="s">
        <v>302</v>
      </c>
      <c r="C172">
        <v>1</v>
      </c>
      <c r="D172">
        <v>0</v>
      </c>
    </row>
    <row r="173" spans="1:4" x14ac:dyDescent="0.25">
      <c r="A173" t="s">
        <v>303</v>
      </c>
      <c r="B173" t="s">
        <v>304</v>
      </c>
      <c r="C173">
        <v>1</v>
      </c>
      <c r="D173">
        <v>0</v>
      </c>
    </row>
    <row r="174" spans="1:4" x14ac:dyDescent="0.25">
      <c r="A174" t="s">
        <v>305</v>
      </c>
      <c r="B174" t="s">
        <v>306</v>
      </c>
      <c r="C174">
        <v>1</v>
      </c>
      <c r="D174">
        <v>0</v>
      </c>
    </row>
    <row r="175" spans="1:4" ht="409.6" x14ac:dyDescent="0.25">
      <c r="A175" t="s">
        <v>307</v>
      </c>
      <c r="B175" s="1" t="s">
        <v>308</v>
      </c>
      <c r="C175">
        <v>0</v>
      </c>
      <c r="D175">
        <v>0</v>
      </c>
    </row>
    <row r="176" spans="1:4" x14ac:dyDescent="0.25">
      <c r="A176" t="s">
        <v>309</v>
      </c>
      <c r="B176" t="s">
        <v>310</v>
      </c>
      <c r="C176">
        <v>0</v>
      </c>
      <c r="D176">
        <v>0</v>
      </c>
    </row>
    <row r="177" spans="1:4" x14ac:dyDescent="0.25">
      <c r="A177" t="s">
        <v>311</v>
      </c>
      <c r="B177" t="s">
        <v>312</v>
      </c>
      <c r="C177">
        <v>1</v>
      </c>
      <c r="D177">
        <v>0</v>
      </c>
    </row>
    <row r="178" spans="1:4" x14ac:dyDescent="0.25">
      <c r="A178" t="s">
        <v>311</v>
      </c>
      <c r="B178" t="s">
        <v>313</v>
      </c>
      <c r="C178">
        <v>0</v>
      </c>
      <c r="D178">
        <v>0</v>
      </c>
    </row>
    <row r="179" spans="1:4" x14ac:dyDescent="0.25">
      <c r="A179" t="s">
        <v>314</v>
      </c>
      <c r="B179" t="s">
        <v>315</v>
      </c>
      <c r="C179">
        <v>0</v>
      </c>
      <c r="D179">
        <v>0</v>
      </c>
    </row>
    <row r="180" spans="1:4" x14ac:dyDescent="0.25">
      <c r="A180" t="s">
        <v>316</v>
      </c>
      <c r="B180" t="s">
        <v>317</v>
      </c>
      <c r="C180">
        <v>0</v>
      </c>
      <c r="D180">
        <v>0</v>
      </c>
    </row>
    <row r="181" spans="1:4" x14ac:dyDescent="0.25">
      <c r="A181" t="s">
        <v>318</v>
      </c>
      <c r="B181" t="s">
        <v>319</v>
      </c>
      <c r="C181">
        <v>1</v>
      </c>
      <c r="D181">
        <v>0</v>
      </c>
    </row>
    <row r="182" spans="1:4" x14ac:dyDescent="0.25">
      <c r="A182" t="s">
        <v>318</v>
      </c>
      <c r="B182" t="s">
        <v>320</v>
      </c>
      <c r="C182">
        <v>0</v>
      </c>
      <c r="D182">
        <v>0</v>
      </c>
    </row>
    <row r="183" spans="1:4" x14ac:dyDescent="0.25">
      <c r="A183" t="s">
        <v>321</v>
      </c>
      <c r="B183" t="s">
        <v>322</v>
      </c>
      <c r="C183">
        <v>1</v>
      </c>
      <c r="D183">
        <v>0</v>
      </c>
    </row>
    <row r="184" spans="1:4" x14ac:dyDescent="0.25">
      <c r="A184" t="s">
        <v>321</v>
      </c>
      <c r="B184" t="s">
        <v>323</v>
      </c>
      <c r="C184">
        <v>0</v>
      </c>
      <c r="D184">
        <v>0</v>
      </c>
    </row>
    <row r="185" spans="1:4" x14ac:dyDescent="0.25">
      <c r="A185" t="s">
        <v>324</v>
      </c>
      <c r="B185" t="s">
        <v>325</v>
      </c>
      <c r="C185">
        <v>1</v>
      </c>
      <c r="D185">
        <v>0</v>
      </c>
    </row>
    <row r="186" spans="1:4" x14ac:dyDescent="0.25">
      <c r="A186" t="s">
        <v>324</v>
      </c>
      <c r="B186" t="s">
        <v>326</v>
      </c>
      <c r="C186">
        <v>0</v>
      </c>
      <c r="D186">
        <v>0</v>
      </c>
    </row>
    <row r="187" spans="1:4" x14ac:dyDescent="0.25">
      <c r="A187" t="s">
        <v>327</v>
      </c>
      <c r="B187" t="s">
        <v>328</v>
      </c>
      <c r="C187">
        <v>1</v>
      </c>
      <c r="D187">
        <v>0</v>
      </c>
    </row>
    <row r="188" spans="1:4" x14ac:dyDescent="0.25">
      <c r="A188" t="s">
        <v>329</v>
      </c>
      <c r="B188" t="s">
        <v>330</v>
      </c>
      <c r="C188">
        <v>0</v>
      </c>
      <c r="D188">
        <v>0</v>
      </c>
    </row>
    <row r="189" spans="1:4" x14ac:dyDescent="0.25">
      <c r="A189" t="s">
        <v>331</v>
      </c>
      <c r="B189" t="s">
        <v>332</v>
      </c>
      <c r="C189">
        <v>1</v>
      </c>
      <c r="D189">
        <v>0</v>
      </c>
    </row>
    <row r="190" spans="1:4" x14ac:dyDescent="0.25">
      <c r="A190" t="s">
        <v>333</v>
      </c>
      <c r="B190" t="s">
        <v>334</v>
      </c>
      <c r="C190">
        <v>1</v>
      </c>
      <c r="D190">
        <v>0</v>
      </c>
    </row>
    <row r="191" spans="1:4" x14ac:dyDescent="0.25">
      <c r="A191" t="s">
        <v>335</v>
      </c>
      <c r="B191" t="s">
        <v>336</v>
      </c>
      <c r="C191">
        <v>0</v>
      </c>
      <c r="D191">
        <v>0</v>
      </c>
    </row>
    <row r="192" spans="1:4" x14ac:dyDescent="0.25">
      <c r="A192" t="s">
        <v>337</v>
      </c>
      <c r="B192" t="s">
        <v>338</v>
      </c>
      <c r="C192">
        <v>1</v>
      </c>
      <c r="D192">
        <v>0</v>
      </c>
    </row>
    <row r="193" spans="1:4" x14ac:dyDescent="0.25">
      <c r="A193" t="s">
        <v>337</v>
      </c>
      <c r="B193" t="s">
        <v>339</v>
      </c>
      <c r="C193">
        <v>0</v>
      </c>
      <c r="D193">
        <v>0</v>
      </c>
    </row>
    <row r="194" spans="1:4" x14ac:dyDescent="0.25">
      <c r="A194" t="s">
        <v>340</v>
      </c>
      <c r="B194" t="s">
        <v>341</v>
      </c>
      <c r="C194">
        <v>1</v>
      </c>
      <c r="D194">
        <v>0</v>
      </c>
    </row>
    <row r="195" spans="1:4" x14ac:dyDescent="0.25">
      <c r="A195" t="s">
        <v>342</v>
      </c>
      <c r="B195" t="s">
        <v>343</v>
      </c>
      <c r="C195">
        <v>0</v>
      </c>
      <c r="D195">
        <v>0</v>
      </c>
    </row>
    <row r="196" spans="1:4" x14ac:dyDescent="0.25">
      <c r="A196" t="s">
        <v>344</v>
      </c>
      <c r="B196" t="s">
        <v>345</v>
      </c>
      <c r="C196">
        <v>0</v>
      </c>
      <c r="D196">
        <v>0</v>
      </c>
    </row>
    <row r="197" spans="1:4" x14ac:dyDescent="0.25">
      <c r="A197" t="s">
        <v>346</v>
      </c>
      <c r="B197" t="s">
        <v>347</v>
      </c>
      <c r="C197">
        <v>1</v>
      </c>
      <c r="D197">
        <v>0</v>
      </c>
    </row>
    <row r="198" spans="1:4" x14ac:dyDescent="0.25">
      <c r="A198" t="s">
        <v>348</v>
      </c>
      <c r="B198" t="s">
        <v>349</v>
      </c>
      <c r="C198">
        <v>1</v>
      </c>
      <c r="D198">
        <v>0</v>
      </c>
    </row>
    <row r="199" spans="1:4" x14ac:dyDescent="0.25">
      <c r="A199" t="s">
        <v>348</v>
      </c>
      <c r="B199" t="s">
        <v>350</v>
      </c>
      <c r="C199">
        <v>0</v>
      </c>
      <c r="D199">
        <v>0</v>
      </c>
    </row>
    <row r="200" spans="1:4" x14ac:dyDescent="0.25">
      <c r="A200" t="s">
        <v>351</v>
      </c>
      <c r="B200" t="s">
        <v>352</v>
      </c>
      <c r="C200">
        <v>1</v>
      </c>
      <c r="D200">
        <v>0</v>
      </c>
    </row>
    <row r="201" spans="1:4" x14ac:dyDescent="0.25">
      <c r="A201" t="s">
        <v>351</v>
      </c>
      <c r="B201" t="s">
        <v>353</v>
      </c>
      <c r="C201">
        <v>0</v>
      </c>
      <c r="D201">
        <v>0</v>
      </c>
    </row>
    <row r="202" spans="1:4" x14ac:dyDescent="0.25">
      <c r="A202" t="s">
        <v>354</v>
      </c>
      <c r="B202" t="s">
        <v>355</v>
      </c>
      <c r="C202">
        <v>1</v>
      </c>
      <c r="D202">
        <v>0</v>
      </c>
    </row>
    <row r="203" spans="1:4" x14ac:dyDescent="0.25">
      <c r="A203" t="s">
        <v>356</v>
      </c>
      <c r="B203" t="s">
        <v>357</v>
      </c>
      <c r="C203">
        <v>1</v>
      </c>
      <c r="D203">
        <v>0</v>
      </c>
    </row>
    <row r="204" spans="1:4" x14ac:dyDescent="0.25">
      <c r="A204" t="s">
        <v>358</v>
      </c>
      <c r="B204" t="s">
        <v>359</v>
      </c>
      <c r="C204">
        <v>0</v>
      </c>
      <c r="D204">
        <v>0</v>
      </c>
    </row>
    <row r="205" spans="1:4" x14ac:dyDescent="0.25">
      <c r="A205" t="s">
        <v>360</v>
      </c>
      <c r="B205" t="s">
        <v>361</v>
      </c>
      <c r="C205">
        <v>1</v>
      </c>
      <c r="D205">
        <v>0</v>
      </c>
    </row>
    <row r="206" spans="1:4" x14ac:dyDescent="0.25">
      <c r="A206" t="s">
        <v>362</v>
      </c>
      <c r="B206" t="s">
        <v>363</v>
      </c>
      <c r="C206">
        <v>1</v>
      </c>
      <c r="D206">
        <v>0</v>
      </c>
    </row>
    <row r="207" spans="1:4" x14ac:dyDescent="0.25">
      <c r="A207" t="s">
        <v>364</v>
      </c>
      <c r="B207" t="s">
        <v>365</v>
      </c>
      <c r="C207">
        <v>1</v>
      </c>
      <c r="D207">
        <v>0</v>
      </c>
    </row>
    <row r="208" spans="1:4" x14ac:dyDescent="0.25">
      <c r="A208" t="s">
        <v>364</v>
      </c>
      <c r="B208" t="s">
        <v>366</v>
      </c>
      <c r="C208">
        <v>0</v>
      </c>
      <c r="D208">
        <v>0</v>
      </c>
    </row>
    <row r="209" spans="1:4" x14ac:dyDescent="0.25">
      <c r="A209" t="s">
        <v>367</v>
      </c>
      <c r="B209" t="s">
        <v>368</v>
      </c>
      <c r="C209">
        <v>1</v>
      </c>
      <c r="D209">
        <v>0</v>
      </c>
    </row>
    <row r="210" spans="1:4" x14ac:dyDescent="0.25">
      <c r="A210" t="s">
        <v>369</v>
      </c>
      <c r="B210" t="s">
        <v>370</v>
      </c>
      <c r="C210">
        <v>1</v>
      </c>
      <c r="D210">
        <v>0</v>
      </c>
    </row>
    <row r="211" spans="1:4" x14ac:dyDescent="0.25">
      <c r="A211" t="s">
        <v>371</v>
      </c>
      <c r="B211" t="s">
        <v>372</v>
      </c>
      <c r="C211">
        <v>1</v>
      </c>
      <c r="D211">
        <v>0</v>
      </c>
    </row>
    <row r="212" spans="1:4" x14ac:dyDescent="0.25">
      <c r="A212" t="s">
        <v>373</v>
      </c>
      <c r="B212" t="s">
        <v>374</v>
      </c>
      <c r="C212">
        <v>1</v>
      </c>
      <c r="D212">
        <v>0</v>
      </c>
    </row>
    <row r="213" spans="1:4" x14ac:dyDescent="0.25">
      <c r="A213" t="s">
        <v>375</v>
      </c>
      <c r="B213" t="s">
        <v>376</v>
      </c>
      <c r="C213">
        <v>1</v>
      </c>
      <c r="D213">
        <v>0</v>
      </c>
    </row>
    <row r="214" spans="1:4" x14ac:dyDescent="0.25">
      <c r="A214" t="s">
        <v>377</v>
      </c>
      <c r="B214" t="s">
        <v>378</v>
      </c>
      <c r="C214">
        <v>0</v>
      </c>
      <c r="D214">
        <v>0</v>
      </c>
    </row>
    <row r="215" spans="1:4" x14ac:dyDescent="0.25">
      <c r="A215" t="s">
        <v>379</v>
      </c>
      <c r="B215" t="s">
        <v>380</v>
      </c>
      <c r="C215">
        <v>1</v>
      </c>
      <c r="D215">
        <v>0</v>
      </c>
    </row>
    <row r="216" spans="1:4" x14ac:dyDescent="0.25">
      <c r="A216" t="s">
        <v>379</v>
      </c>
      <c r="B216" t="s">
        <v>381</v>
      </c>
      <c r="C216">
        <v>0</v>
      </c>
      <c r="D216">
        <v>0</v>
      </c>
    </row>
    <row r="217" spans="1:4" x14ac:dyDescent="0.25">
      <c r="A217" t="s">
        <v>382</v>
      </c>
      <c r="B217" t="s">
        <v>383</v>
      </c>
      <c r="C217">
        <v>1</v>
      </c>
      <c r="D217">
        <v>0</v>
      </c>
    </row>
    <row r="218" spans="1:4" x14ac:dyDescent="0.25">
      <c r="A218" t="s">
        <v>382</v>
      </c>
      <c r="B218" t="s">
        <v>384</v>
      </c>
      <c r="C218">
        <v>0</v>
      </c>
      <c r="D218">
        <v>0</v>
      </c>
    </row>
    <row r="219" spans="1:4" x14ac:dyDescent="0.25">
      <c r="A219" t="s">
        <v>385</v>
      </c>
      <c r="B219" t="s">
        <v>386</v>
      </c>
      <c r="C219">
        <v>1</v>
      </c>
      <c r="D219">
        <v>0</v>
      </c>
    </row>
    <row r="220" spans="1:4" x14ac:dyDescent="0.25">
      <c r="A220" t="s">
        <v>385</v>
      </c>
      <c r="B220" t="s">
        <v>387</v>
      </c>
      <c r="C220">
        <v>0</v>
      </c>
      <c r="D220">
        <v>0</v>
      </c>
    </row>
    <row r="221" spans="1:4" x14ac:dyDescent="0.25">
      <c r="A221" t="s">
        <v>388</v>
      </c>
      <c r="B221" t="s">
        <v>389</v>
      </c>
      <c r="C221">
        <v>1</v>
      </c>
      <c r="D221">
        <v>0</v>
      </c>
    </row>
    <row r="222" spans="1:4" x14ac:dyDescent="0.25">
      <c r="A222" t="s">
        <v>388</v>
      </c>
      <c r="B222" t="s">
        <v>390</v>
      </c>
      <c r="C222">
        <v>0</v>
      </c>
      <c r="D222">
        <v>0</v>
      </c>
    </row>
    <row r="223" spans="1:4" x14ac:dyDescent="0.25">
      <c r="A223" t="s">
        <v>391</v>
      </c>
      <c r="B223" t="s">
        <v>392</v>
      </c>
      <c r="C223">
        <v>1</v>
      </c>
      <c r="D223">
        <v>0</v>
      </c>
    </row>
    <row r="224" spans="1:4" x14ac:dyDescent="0.25">
      <c r="A224" t="s">
        <v>391</v>
      </c>
      <c r="B224" t="s">
        <v>393</v>
      </c>
      <c r="C224">
        <v>0</v>
      </c>
      <c r="D224">
        <v>0</v>
      </c>
    </row>
    <row r="225" spans="1:4" x14ac:dyDescent="0.25">
      <c r="A225" t="s">
        <v>394</v>
      </c>
      <c r="B225" t="s">
        <v>395</v>
      </c>
      <c r="C225">
        <v>0</v>
      </c>
      <c r="D225">
        <v>0</v>
      </c>
    </row>
    <row r="226" spans="1:4" x14ac:dyDescent="0.25">
      <c r="A226" t="s">
        <v>396</v>
      </c>
      <c r="B226" t="s">
        <v>397</v>
      </c>
      <c r="C226">
        <v>1</v>
      </c>
      <c r="D226">
        <v>0</v>
      </c>
    </row>
    <row r="227" spans="1:4" x14ac:dyDescent="0.25">
      <c r="A227" t="s">
        <v>396</v>
      </c>
      <c r="B227" t="s">
        <v>398</v>
      </c>
      <c r="C227">
        <v>0</v>
      </c>
      <c r="D227">
        <v>0</v>
      </c>
    </row>
    <row r="228" spans="1:4" x14ac:dyDescent="0.25">
      <c r="A228" t="s">
        <v>399</v>
      </c>
      <c r="B228" t="s">
        <v>400</v>
      </c>
      <c r="C228">
        <v>1</v>
      </c>
      <c r="D228">
        <v>0</v>
      </c>
    </row>
    <row r="229" spans="1:4" x14ac:dyDescent="0.25">
      <c r="A229" t="s">
        <v>399</v>
      </c>
      <c r="B229" t="s">
        <v>401</v>
      </c>
      <c r="C229">
        <v>0</v>
      </c>
      <c r="D229">
        <v>0</v>
      </c>
    </row>
    <row r="230" spans="1:4" x14ac:dyDescent="0.25">
      <c r="A230" t="s">
        <v>402</v>
      </c>
      <c r="B230" t="s">
        <v>403</v>
      </c>
      <c r="C230">
        <v>1</v>
      </c>
      <c r="D230">
        <v>0</v>
      </c>
    </row>
    <row r="231" spans="1:4" x14ac:dyDescent="0.25">
      <c r="A231" t="s">
        <v>404</v>
      </c>
      <c r="B231" t="s">
        <v>405</v>
      </c>
      <c r="C231">
        <v>1</v>
      </c>
      <c r="D231">
        <v>0</v>
      </c>
    </row>
    <row r="232" spans="1:4" x14ac:dyDescent="0.25">
      <c r="A232" t="s">
        <v>404</v>
      </c>
      <c r="B232" t="s">
        <v>406</v>
      </c>
      <c r="C232">
        <v>0</v>
      </c>
      <c r="D232">
        <v>0</v>
      </c>
    </row>
    <row r="233" spans="1:4" x14ac:dyDescent="0.25">
      <c r="A233" t="s">
        <v>407</v>
      </c>
      <c r="B233" t="s">
        <v>408</v>
      </c>
      <c r="C233">
        <v>1</v>
      </c>
      <c r="D233">
        <v>0</v>
      </c>
    </row>
    <row r="234" spans="1:4" x14ac:dyDescent="0.25">
      <c r="A234" t="s">
        <v>407</v>
      </c>
      <c r="B234" t="s">
        <v>409</v>
      </c>
      <c r="C234">
        <v>0</v>
      </c>
      <c r="D234">
        <v>0</v>
      </c>
    </row>
    <row r="235" spans="1:4" x14ac:dyDescent="0.25">
      <c r="A235" t="s">
        <v>410</v>
      </c>
      <c r="B235" t="s">
        <v>411</v>
      </c>
      <c r="C235">
        <v>1</v>
      </c>
      <c r="D235">
        <v>0</v>
      </c>
    </row>
    <row r="236" spans="1:4" x14ac:dyDescent="0.25">
      <c r="A236" t="s">
        <v>412</v>
      </c>
      <c r="B236" t="s">
        <v>413</v>
      </c>
      <c r="C236">
        <v>1</v>
      </c>
      <c r="D236">
        <v>0</v>
      </c>
    </row>
    <row r="237" spans="1:4" x14ac:dyDescent="0.25">
      <c r="A237" t="s">
        <v>412</v>
      </c>
      <c r="B237" t="s">
        <v>414</v>
      </c>
      <c r="C237">
        <v>0</v>
      </c>
      <c r="D237">
        <v>0</v>
      </c>
    </row>
    <row r="238" spans="1:4" x14ac:dyDescent="0.25">
      <c r="A238" t="s">
        <v>415</v>
      </c>
      <c r="B238" t="s">
        <v>416</v>
      </c>
      <c r="C238">
        <v>1</v>
      </c>
      <c r="D238">
        <v>0</v>
      </c>
    </row>
    <row r="239" spans="1:4" x14ac:dyDescent="0.25">
      <c r="A239" t="s">
        <v>417</v>
      </c>
      <c r="B239" t="s">
        <v>418</v>
      </c>
      <c r="C239">
        <v>1</v>
      </c>
      <c r="D239">
        <v>0</v>
      </c>
    </row>
    <row r="240" spans="1:4" x14ac:dyDescent="0.25">
      <c r="A240" t="s">
        <v>417</v>
      </c>
      <c r="B240" t="s">
        <v>419</v>
      </c>
      <c r="C240">
        <v>0</v>
      </c>
      <c r="D240">
        <v>0</v>
      </c>
    </row>
    <row r="241" spans="1:4" x14ac:dyDescent="0.25">
      <c r="A241" t="s">
        <v>420</v>
      </c>
      <c r="B241" t="s">
        <v>421</v>
      </c>
      <c r="C241">
        <v>1</v>
      </c>
      <c r="D241">
        <v>0</v>
      </c>
    </row>
    <row r="242" spans="1:4" x14ac:dyDescent="0.25">
      <c r="A242" t="s">
        <v>422</v>
      </c>
      <c r="B242" t="s">
        <v>423</v>
      </c>
      <c r="C242">
        <v>0</v>
      </c>
      <c r="D242">
        <v>0</v>
      </c>
    </row>
    <row r="243" spans="1:4" x14ac:dyDescent="0.25">
      <c r="A243" t="s">
        <v>424</v>
      </c>
      <c r="B243" t="s">
        <v>425</v>
      </c>
      <c r="C243">
        <v>0</v>
      </c>
      <c r="D243">
        <v>0</v>
      </c>
    </row>
    <row r="244" spans="1:4" x14ac:dyDescent="0.25">
      <c r="A244" t="s">
        <v>426</v>
      </c>
      <c r="B244" t="s">
        <v>427</v>
      </c>
      <c r="C244">
        <v>1</v>
      </c>
      <c r="D244">
        <v>0</v>
      </c>
    </row>
    <row r="245" spans="1:4" x14ac:dyDescent="0.25">
      <c r="A245" t="s">
        <v>428</v>
      </c>
      <c r="B245" t="s">
        <v>429</v>
      </c>
      <c r="C245">
        <v>1</v>
      </c>
      <c r="D245">
        <v>0</v>
      </c>
    </row>
    <row r="246" spans="1:4" x14ac:dyDescent="0.25">
      <c r="A246" t="s">
        <v>428</v>
      </c>
      <c r="B246" t="s">
        <v>430</v>
      </c>
      <c r="C246">
        <v>0</v>
      </c>
      <c r="D246">
        <v>0</v>
      </c>
    </row>
    <row r="247" spans="1:4" x14ac:dyDescent="0.25">
      <c r="A247" t="s">
        <v>431</v>
      </c>
      <c r="B247" t="s">
        <v>432</v>
      </c>
      <c r="C247">
        <v>1</v>
      </c>
      <c r="D247">
        <v>0</v>
      </c>
    </row>
    <row r="248" spans="1:4" x14ac:dyDescent="0.25">
      <c r="A248" t="s">
        <v>431</v>
      </c>
      <c r="B248" t="s">
        <v>433</v>
      </c>
      <c r="C248">
        <v>0</v>
      </c>
      <c r="D248">
        <v>0</v>
      </c>
    </row>
    <row r="249" spans="1:4" x14ac:dyDescent="0.25">
      <c r="A249" t="s">
        <v>434</v>
      </c>
      <c r="B249" t="s">
        <v>435</v>
      </c>
      <c r="C249">
        <v>1</v>
      </c>
      <c r="D249">
        <v>0</v>
      </c>
    </row>
    <row r="250" spans="1:4" x14ac:dyDescent="0.25">
      <c r="A250" t="s">
        <v>436</v>
      </c>
      <c r="B250" t="s">
        <v>437</v>
      </c>
      <c r="C250">
        <v>0</v>
      </c>
      <c r="D250">
        <v>0</v>
      </c>
    </row>
    <row r="251" spans="1:4" x14ac:dyDescent="0.25">
      <c r="A251" t="s">
        <v>438</v>
      </c>
      <c r="B251" t="s">
        <v>439</v>
      </c>
      <c r="C251">
        <v>0</v>
      </c>
      <c r="D251">
        <v>0</v>
      </c>
    </row>
    <row r="252" spans="1:4" x14ac:dyDescent="0.25">
      <c r="A252" t="s">
        <v>440</v>
      </c>
      <c r="B252" t="s">
        <v>441</v>
      </c>
      <c r="C252">
        <v>1</v>
      </c>
      <c r="D252">
        <v>0</v>
      </c>
    </row>
    <row r="253" spans="1:4" x14ac:dyDescent="0.25">
      <c r="A253" t="s">
        <v>442</v>
      </c>
      <c r="B253" t="s">
        <v>443</v>
      </c>
      <c r="C253">
        <v>1</v>
      </c>
      <c r="D253">
        <v>0</v>
      </c>
    </row>
    <row r="254" spans="1:4" x14ac:dyDescent="0.25">
      <c r="A254" t="s">
        <v>444</v>
      </c>
      <c r="B254" t="s">
        <v>445</v>
      </c>
      <c r="C254">
        <v>0</v>
      </c>
      <c r="D254">
        <v>0</v>
      </c>
    </row>
    <row r="255" spans="1:4" x14ac:dyDescent="0.25">
      <c r="A255" t="s">
        <v>446</v>
      </c>
      <c r="B255" t="s">
        <v>447</v>
      </c>
      <c r="C255">
        <v>1</v>
      </c>
      <c r="D255">
        <v>0</v>
      </c>
    </row>
    <row r="256" spans="1:4" x14ac:dyDescent="0.25">
      <c r="A256" t="s">
        <v>448</v>
      </c>
      <c r="B256" t="s">
        <v>449</v>
      </c>
      <c r="C256">
        <v>1</v>
      </c>
      <c r="D256">
        <v>0</v>
      </c>
    </row>
    <row r="257" spans="1:4" x14ac:dyDescent="0.25">
      <c r="A257" t="s">
        <v>450</v>
      </c>
      <c r="B257" t="s">
        <v>451</v>
      </c>
      <c r="C257">
        <v>1</v>
      </c>
      <c r="D257">
        <v>0</v>
      </c>
    </row>
    <row r="258" spans="1:4" x14ac:dyDescent="0.25">
      <c r="A258" t="s">
        <v>450</v>
      </c>
      <c r="B258" t="s">
        <v>452</v>
      </c>
      <c r="C258">
        <v>0</v>
      </c>
      <c r="D258">
        <v>0</v>
      </c>
    </row>
    <row r="259" spans="1:4" x14ac:dyDescent="0.25">
      <c r="A259" t="s">
        <v>453</v>
      </c>
      <c r="B259" t="s">
        <v>454</v>
      </c>
      <c r="C259">
        <v>1</v>
      </c>
      <c r="D259">
        <v>0</v>
      </c>
    </row>
    <row r="260" spans="1:4" x14ac:dyDescent="0.25">
      <c r="A260" t="s">
        <v>453</v>
      </c>
      <c r="B260" t="s">
        <v>455</v>
      </c>
      <c r="C260">
        <v>0</v>
      </c>
      <c r="D260">
        <v>0</v>
      </c>
    </row>
    <row r="261" spans="1:4" x14ac:dyDescent="0.25">
      <c r="A261" t="s">
        <v>456</v>
      </c>
      <c r="B261" t="s">
        <v>457</v>
      </c>
      <c r="C261">
        <v>0</v>
      </c>
      <c r="D261">
        <v>0</v>
      </c>
    </row>
    <row r="262" spans="1:4" x14ac:dyDescent="0.25">
      <c r="A262" t="s">
        <v>458</v>
      </c>
      <c r="B262" t="s">
        <v>459</v>
      </c>
      <c r="C262">
        <v>1</v>
      </c>
      <c r="D262">
        <v>0</v>
      </c>
    </row>
    <row r="263" spans="1:4" x14ac:dyDescent="0.25">
      <c r="A263" t="s">
        <v>460</v>
      </c>
      <c r="B263" t="s">
        <v>461</v>
      </c>
      <c r="C263">
        <v>0</v>
      </c>
      <c r="D263">
        <v>0</v>
      </c>
    </row>
    <row r="264" spans="1:4" x14ac:dyDescent="0.25">
      <c r="A264" t="s">
        <v>462</v>
      </c>
      <c r="B264" t="s">
        <v>463</v>
      </c>
      <c r="C264">
        <v>0</v>
      </c>
      <c r="D264">
        <v>0</v>
      </c>
    </row>
    <row r="265" spans="1:4" x14ac:dyDescent="0.25">
      <c r="A265" t="s">
        <v>464</v>
      </c>
      <c r="B265" t="s">
        <v>465</v>
      </c>
      <c r="C265">
        <v>0</v>
      </c>
      <c r="D265">
        <v>0</v>
      </c>
    </row>
    <row r="266" spans="1:4" ht="124.2" x14ac:dyDescent="0.25">
      <c r="A266" t="s">
        <v>466</v>
      </c>
      <c r="B266" s="1" t="s">
        <v>467</v>
      </c>
      <c r="C266">
        <v>0</v>
      </c>
      <c r="D266">
        <v>0</v>
      </c>
    </row>
    <row r="267" spans="1:4" x14ac:dyDescent="0.25">
      <c r="A267" t="s">
        <v>468</v>
      </c>
      <c r="B267" t="s">
        <v>469</v>
      </c>
      <c r="C267">
        <v>0</v>
      </c>
      <c r="D267">
        <v>0</v>
      </c>
    </row>
    <row r="268" spans="1:4" x14ac:dyDescent="0.25">
      <c r="A268" t="s">
        <v>470</v>
      </c>
      <c r="B268" t="s">
        <v>471</v>
      </c>
      <c r="C268">
        <v>1</v>
      </c>
      <c r="D268">
        <v>0</v>
      </c>
    </row>
    <row r="269" spans="1:4" x14ac:dyDescent="0.25">
      <c r="A269" t="s">
        <v>470</v>
      </c>
      <c r="B269" t="s">
        <v>472</v>
      </c>
      <c r="C269">
        <v>0</v>
      </c>
      <c r="D269">
        <v>0</v>
      </c>
    </row>
    <row r="270" spans="1:4" x14ac:dyDescent="0.25">
      <c r="A270" t="s">
        <v>473</v>
      </c>
      <c r="B270" t="s">
        <v>474</v>
      </c>
      <c r="C270">
        <v>1</v>
      </c>
      <c r="D270">
        <v>0</v>
      </c>
    </row>
    <row r="271" spans="1:4" x14ac:dyDescent="0.25">
      <c r="A271" t="s">
        <v>475</v>
      </c>
      <c r="B271" t="s">
        <v>476</v>
      </c>
      <c r="C271">
        <v>1</v>
      </c>
      <c r="D271">
        <v>0</v>
      </c>
    </row>
    <row r="272" spans="1:4" ht="409.6" x14ac:dyDescent="0.25">
      <c r="A272" t="s">
        <v>475</v>
      </c>
      <c r="B272" s="1" t="s">
        <v>477</v>
      </c>
      <c r="C272">
        <v>0</v>
      </c>
      <c r="D272">
        <v>0</v>
      </c>
    </row>
    <row r="273" spans="1:4" x14ac:dyDescent="0.25">
      <c r="A273" t="s">
        <v>478</v>
      </c>
      <c r="B273" t="s">
        <v>479</v>
      </c>
      <c r="C273">
        <v>0</v>
      </c>
      <c r="D273">
        <v>0</v>
      </c>
    </row>
    <row r="274" spans="1:4" x14ac:dyDescent="0.25">
      <c r="A274" t="s">
        <v>480</v>
      </c>
      <c r="B274" t="s">
        <v>481</v>
      </c>
      <c r="C274">
        <v>1</v>
      </c>
      <c r="D274">
        <v>0</v>
      </c>
    </row>
    <row r="275" spans="1:4" x14ac:dyDescent="0.25">
      <c r="A275" t="s">
        <v>480</v>
      </c>
      <c r="B275" t="s">
        <v>482</v>
      </c>
      <c r="C275">
        <v>0</v>
      </c>
      <c r="D275">
        <v>0</v>
      </c>
    </row>
    <row r="276" spans="1:4" x14ac:dyDescent="0.25">
      <c r="A276" t="s">
        <v>483</v>
      </c>
      <c r="B276" t="s">
        <v>484</v>
      </c>
      <c r="C276">
        <v>1</v>
      </c>
      <c r="D276">
        <v>0</v>
      </c>
    </row>
    <row r="277" spans="1:4" x14ac:dyDescent="0.25">
      <c r="A277" t="s">
        <v>485</v>
      </c>
      <c r="B277" t="s">
        <v>486</v>
      </c>
      <c r="C277">
        <v>1</v>
      </c>
      <c r="D277">
        <v>0</v>
      </c>
    </row>
    <row r="278" spans="1:4" x14ac:dyDescent="0.25">
      <c r="A278" t="s">
        <v>487</v>
      </c>
      <c r="B278" t="s">
        <v>488</v>
      </c>
      <c r="C278">
        <v>1</v>
      </c>
      <c r="D278">
        <v>0</v>
      </c>
    </row>
    <row r="279" spans="1:4" x14ac:dyDescent="0.25">
      <c r="A279" t="s">
        <v>489</v>
      </c>
      <c r="B279" t="s">
        <v>490</v>
      </c>
      <c r="C279">
        <v>0</v>
      </c>
      <c r="D279">
        <v>0</v>
      </c>
    </row>
    <row r="280" spans="1:4" x14ac:dyDescent="0.25">
      <c r="A280" t="s">
        <v>491</v>
      </c>
      <c r="B280" t="s">
        <v>492</v>
      </c>
      <c r="C280">
        <v>1</v>
      </c>
      <c r="D280">
        <v>0</v>
      </c>
    </row>
    <row r="281" spans="1:4" x14ac:dyDescent="0.25">
      <c r="A281" t="s">
        <v>493</v>
      </c>
      <c r="B281" t="s">
        <v>494</v>
      </c>
      <c r="C281">
        <v>1</v>
      </c>
      <c r="D281">
        <v>0</v>
      </c>
    </row>
    <row r="282" spans="1:4" x14ac:dyDescent="0.25">
      <c r="A282" t="s">
        <v>495</v>
      </c>
      <c r="B282" t="s">
        <v>496</v>
      </c>
      <c r="C282">
        <v>0</v>
      </c>
      <c r="D282">
        <v>0</v>
      </c>
    </row>
    <row r="283" spans="1:4" x14ac:dyDescent="0.25">
      <c r="A283" t="s">
        <v>497</v>
      </c>
      <c r="B283" t="s">
        <v>498</v>
      </c>
      <c r="C283">
        <v>1</v>
      </c>
      <c r="D283">
        <v>0</v>
      </c>
    </row>
    <row r="284" spans="1:4" x14ac:dyDescent="0.25">
      <c r="A284" t="s">
        <v>497</v>
      </c>
      <c r="B284" t="s">
        <v>499</v>
      </c>
      <c r="C284">
        <v>0</v>
      </c>
      <c r="D284">
        <v>0</v>
      </c>
    </row>
    <row r="285" spans="1:4" x14ac:dyDescent="0.25">
      <c r="A285" t="s">
        <v>500</v>
      </c>
      <c r="B285" t="s">
        <v>501</v>
      </c>
      <c r="C285">
        <v>0</v>
      </c>
      <c r="D285">
        <v>0</v>
      </c>
    </row>
    <row r="286" spans="1:4" x14ac:dyDescent="0.25">
      <c r="A286" t="s">
        <v>502</v>
      </c>
      <c r="B286" t="s">
        <v>503</v>
      </c>
      <c r="C286">
        <v>0</v>
      </c>
      <c r="D286">
        <v>0</v>
      </c>
    </row>
    <row r="287" spans="1:4" x14ac:dyDescent="0.25">
      <c r="A287" t="s">
        <v>504</v>
      </c>
      <c r="B287" t="s">
        <v>505</v>
      </c>
      <c r="C287">
        <v>1</v>
      </c>
      <c r="D287">
        <v>0</v>
      </c>
    </row>
    <row r="288" spans="1:4" x14ac:dyDescent="0.25">
      <c r="A288" t="s">
        <v>506</v>
      </c>
      <c r="B288" t="s">
        <v>507</v>
      </c>
      <c r="C288">
        <v>1</v>
      </c>
      <c r="D288">
        <v>0</v>
      </c>
    </row>
    <row r="289" spans="1:4" x14ac:dyDescent="0.25">
      <c r="A289" t="s">
        <v>506</v>
      </c>
      <c r="B289" t="s">
        <v>508</v>
      </c>
      <c r="C289">
        <v>0</v>
      </c>
      <c r="D289">
        <v>0</v>
      </c>
    </row>
    <row r="290" spans="1:4" x14ac:dyDescent="0.25">
      <c r="A290" t="s">
        <v>509</v>
      </c>
      <c r="B290" t="s">
        <v>510</v>
      </c>
      <c r="C290">
        <v>1</v>
      </c>
      <c r="D290">
        <v>0</v>
      </c>
    </row>
    <row r="291" spans="1:4" x14ac:dyDescent="0.25">
      <c r="A291" t="s">
        <v>509</v>
      </c>
      <c r="B291" t="s">
        <v>511</v>
      </c>
      <c r="C291">
        <v>0</v>
      </c>
      <c r="D291">
        <v>0</v>
      </c>
    </row>
    <row r="292" spans="1:4" x14ac:dyDescent="0.25">
      <c r="A292" t="s">
        <v>512</v>
      </c>
      <c r="B292" t="s">
        <v>513</v>
      </c>
      <c r="C292">
        <v>1</v>
      </c>
      <c r="D292">
        <v>0</v>
      </c>
    </row>
    <row r="293" spans="1:4" x14ac:dyDescent="0.25">
      <c r="A293" t="s">
        <v>512</v>
      </c>
      <c r="B293" t="s">
        <v>514</v>
      </c>
      <c r="C293">
        <v>0</v>
      </c>
      <c r="D293">
        <v>0</v>
      </c>
    </row>
    <row r="294" spans="1:4" x14ac:dyDescent="0.25">
      <c r="A294" t="s">
        <v>515</v>
      </c>
      <c r="B294" t="s">
        <v>516</v>
      </c>
      <c r="C294">
        <v>1</v>
      </c>
      <c r="D294">
        <v>0</v>
      </c>
    </row>
    <row r="295" spans="1:4" x14ac:dyDescent="0.25">
      <c r="A295" t="s">
        <v>517</v>
      </c>
      <c r="B295" t="s">
        <v>518</v>
      </c>
      <c r="C295">
        <v>0</v>
      </c>
      <c r="D295">
        <v>0</v>
      </c>
    </row>
    <row r="296" spans="1:4" x14ac:dyDescent="0.25">
      <c r="A296" t="s">
        <v>519</v>
      </c>
      <c r="B296" t="s">
        <v>520</v>
      </c>
      <c r="C296">
        <v>1</v>
      </c>
      <c r="D296">
        <v>0</v>
      </c>
    </row>
    <row r="297" spans="1:4" x14ac:dyDescent="0.25">
      <c r="A297" t="s">
        <v>521</v>
      </c>
      <c r="B297" t="s">
        <v>522</v>
      </c>
      <c r="C297">
        <v>0</v>
      </c>
      <c r="D297">
        <v>0</v>
      </c>
    </row>
    <row r="298" spans="1:4" x14ac:dyDescent="0.25">
      <c r="A298" t="s">
        <v>523</v>
      </c>
      <c r="B298" t="s">
        <v>524</v>
      </c>
      <c r="C298">
        <v>0</v>
      </c>
      <c r="D298">
        <v>0</v>
      </c>
    </row>
    <row r="299" spans="1:4" x14ac:dyDescent="0.25">
      <c r="A299" t="s">
        <v>525</v>
      </c>
      <c r="B299" t="s">
        <v>526</v>
      </c>
      <c r="C299">
        <v>1</v>
      </c>
      <c r="D299">
        <v>0</v>
      </c>
    </row>
    <row r="300" spans="1:4" x14ac:dyDescent="0.25">
      <c r="A300" t="s">
        <v>525</v>
      </c>
      <c r="B300" t="s">
        <v>527</v>
      </c>
      <c r="C300">
        <v>0</v>
      </c>
      <c r="D300">
        <v>0</v>
      </c>
    </row>
    <row r="301" spans="1:4" x14ac:dyDescent="0.25">
      <c r="A301" t="s">
        <v>528</v>
      </c>
      <c r="B301" t="s">
        <v>529</v>
      </c>
      <c r="C301">
        <v>1</v>
      </c>
      <c r="D301">
        <v>0</v>
      </c>
    </row>
    <row r="302" spans="1:4" x14ac:dyDescent="0.25">
      <c r="A302" t="s">
        <v>530</v>
      </c>
      <c r="B302" t="s">
        <v>531</v>
      </c>
      <c r="C302">
        <v>0</v>
      </c>
      <c r="D302">
        <v>0</v>
      </c>
    </row>
    <row r="303" spans="1:4" x14ac:dyDescent="0.25">
      <c r="A303" t="s">
        <v>532</v>
      </c>
      <c r="B303" t="s">
        <v>533</v>
      </c>
      <c r="C303">
        <v>1</v>
      </c>
      <c r="D303">
        <v>0</v>
      </c>
    </row>
    <row r="304" spans="1:4" x14ac:dyDescent="0.25">
      <c r="A304" t="s">
        <v>534</v>
      </c>
      <c r="B304" t="s">
        <v>535</v>
      </c>
      <c r="C304">
        <v>1</v>
      </c>
      <c r="D304">
        <v>0</v>
      </c>
    </row>
    <row r="305" spans="1:4" x14ac:dyDescent="0.25">
      <c r="A305" t="s">
        <v>536</v>
      </c>
      <c r="B305" t="s">
        <v>537</v>
      </c>
      <c r="C305">
        <v>1</v>
      </c>
      <c r="D305">
        <v>0</v>
      </c>
    </row>
    <row r="306" spans="1:4" x14ac:dyDescent="0.25">
      <c r="A306" t="s">
        <v>536</v>
      </c>
      <c r="B306" t="s">
        <v>538</v>
      </c>
      <c r="C306">
        <v>0</v>
      </c>
      <c r="D306">
        <v>0</v>
      </c>
    </row>
    <row r="307" spans="1:4" x14ac:dyDescent="0.25">
      <c r="A307" t="s">
        <v>539</v>
      </c>
      <c r="B307" t="s">
        <v>540</v>
      </c>
      <c r="C307">
        <v>0</v>
      </c>
      <c r="D307">
        <v>0</v>
      </c>
    </row>
    <row r="308" spans="1:4" x14ac:dyDescent="0.25">
      <c r="A308" t="s">
        <v>541</v>
      </c>
      <c r="B308" t="s">
        <v>542</v>
      </c>
      <c r="C308">
        <v>1</v>
      </c>
      <c r="D308">
        <v>0</v>
      </c>
    </row>
    <row r="309" spans="1:4" x14ac:dyDescent="0.25">
      <c r="A309" t="s">
        <v>541</v>
      </c>
      <c r="B309" t="s">
        <v>543</v>
      </c>
      <c r="C309">
        <v>0</v>
      </c>
      <c r="D309">
        <v>0</v>
      </c>
    </row>
    <row r="310" spans="1:4" x14ac:dyDescent="0.25">
      <c r="A310" t="s">
        <v>544</v>
      </c>
      <c r="B310" t="s">
        <v>545</v>
      </c>
      <c r="C310">
        <v>0</v>
      </c>
      <c r="D310">
        <v>0</v>
      </c>
    </row>
    <row r="311" spans="1:4" x14ac:dyDescent="0.25">
      <c r="A311" t="s">
        <v>546</v>
      </c>
      <c r="B311" t="s">
        <v>547</v>
      </c>
      <c r="C311">
        <v>1</v>
      </c>
      <c r="D311">
        <v>0</v>
      </c>
    </row>
    <row r="312" spans="1:4" x14ac:dyDescent="0.25">
      <c r="A312" t="s">
        <v>548</v>
      </c>
      <c r="B312" t="s">
        <v>549</v>
      </c>
      <c r="C312">
        <v>1</v>
      </c>
      <c r="D312">
        <v>0</v>
      </c>
    </row>
    <row r="313" spans="1:4" x14ac:dyDescent="0.25">
      <c r="A313" t="s">
        <v>548</v>
      </c>
      <c r="B313" t="s">
        <v>550</v>
      </c>
      <c r="C313">
        <v>0</v>
      </c>
      <c r="D313">
        <v>0</v>
      </c>
    </row>
    <row r="314" spans="1:4" x14ac:dyDescent="0.25">
      <c r="A314" t="s">
        <v>551</v>
      </c>
      <c r="B314" t="s">
        <v>552</v>
      </c>
      <c r="C314">
        <v>1</v>
      </c>
      <c r="D314">
        <v>0</v>
      </c>
    </row>
    <row r="315" spans="1:4" x14ac:dyDescent="0.25">
      <c r="A315" t="s">
        <v>553</v>
      </c>
      <c r="B315" t="s">
        <v>554</v>
      </c>
      <c r="C315">
        <v>0</v>
      </c>
      <c r="D315">
        <v>0</v>
      </c>
    </row>
    <row r="316" spans="1:4" x14ac:dyDescent="0.25">
      <c r="A316" t="s">
        <v>555</v>
      </c>
      <c r="B316" t="s">
        <v>556</v>
      </c>
      <c r="C316">
        <v>1</v>
      </c>
      <c r="D316">
        <v>0</v>
      </c>
    </row>
    <row r="317" spans="1:4" x14ac:dyDescent="0.25">
      <c r="A317" t="s">
        <v>555</v>
      </c>
      <c r="B317" t="s">
        <v>557</v>
      </c>
      <c r="C317">
        <v>0</v>
      </c>
      <c r="D317">
        <v>0</v>
      </c>
    </row>
    <row r="318" spans="1:4" x14ac:dyDescent="0.25">
      <c r="A318" t="s">
        <v>558</v>
      </c>
      <c r="B318" t="s">
        <v>559</v>
      </c>
      <c r="C318">
        <v>1</v>
      </c>
      <c r="D318">
        <v>0</v>
      </c>
    </row>
    <row r="319" spans="1:4" x14ac:dyDescent="0.25">
      <c r="A319" t="s">
        <v>560</v>
      </c>
      <c r="B319" t="s">
        <v>561</v>
      </c>
      <c r="C319">
        <v>1</v>
      </c>
      <c r="D319">
        <v>0</v>
      </c>
    </row>
    <row r="320" spans="1:4" x14ac:dyDescent="0.25">
      <c r="A320" t="s">
        <v>560</v>
      </c>
      <c r="B320" t="s">
        <v>562</v>
      </c>
      <c r="C320">
        <v>0</v>
      </c>
      <c r="D320">
        <v>0</v>
      </c>
    </row>
    <row r="321" spans="1:4" x14ac:dyDescent="0.25">
      <c r="A321" t="s">
        <v>563</v>
      </c>
      <c r="B321" t="s">
        <v>564</v>
      </c>
      <c r="C321">
        <v>1</v>
      </c>
      <c r="D321">
        <v>0</v>
      </c>
    </row>
    <row r="322" spans="1:4" x14ac:dyDescent="0.25">
      <c r="A322" t="s">
        <v>565</v>
      </c>
      <c r="B322" t="s">
        <v>566</v>
      </c>
      <c r="C322">
        <v>1</v>
      </c>
      <c r="D322">
        <v>0</v>
      </c>
    </row>
    <row r="323" spans="1:4" x14ac:dyDescent="0.25">
      <c r="A323" t="s">
        <v>565</v>
      </c>
      <c r="B323" t="s">
        <v>567</v>
      </c>
      <c r="C323">
        <v>0</v>
      </c>
      <c r="D323">
        <v>0</v>
      </c>
    </row>
    <row r="324" spans="1:4" x14ac:dyDescent="0.25">
      <c r="A324" t="s">
        <v>568</v>
      </c>
      <c r="B324" t="s">
        <v>569</v>
      </c>
      <c r="C324">
        <v>0</v>
      </c>
      <c r="D324">
        <v>0</v>
      </c>
    </row>
    <row r="325" spans="1:4" x14ac:dyDescent="0.25">
      <c r="A325" t="s">
        <v>570</v>
      </c>
      <c r="B325" t="s">
        <v>571</v>
      </c>
      <c r="C325">
        <v>1</v>
      </c>
      <c r="D325">
        <v>0</v>
      </c>
    </row>
    <row r="326" spans="1:4" x14ac:dyDescent="0.25">
      <c r="A326" t="s">
        <v>570</v>
      </c>
      <c r="B326" t="s">
        <v>572</v>
      </c>
      <c r="C326">
        <v>0</v>
      </c>
      <c r="D326">
        <v>0</v>
      </c>
    </row>
    <row r="327" spans="1:4" x14ac:dyDescent="0.25">
      <c r="A327" t="s">
        <v>573</v>
      </c>
      <c r="B327" t="s">
        <v>574</v>
      </c>
      <c r="C327">
        <v>0</v>
      </c>
      <c r="D327">
        <v>0</v>
      </c>
    </row>
    <row r="328" spans="1:4" x14ac:dyDescent="0.25">
      <c r="A328" t="s">
        <v>575</v>
      </c>
      <c r="B328" t="s">
        <v>576</v>
      </c>
      <c r="C328">
        <v>1</v>
      </c>
      <c r="D328">
        <v>0</v>
      </c>
    </row>
    <row r="329" spans="1:4" x14ac:dyDescent="0.25">
      <c r="A329" t="s">
        <v>577</v>
      </c>
      <c r="B329" t="s">
        <v>578</v>
      </c>
      <c r="C329">
        <v>1</v>
      </c>
      <c r="D329">
        <v>0</v>
      </c>
    </row>
    <row r="330" spans="1:4" x14ac:dyDescent="0.25">
      <c r="A330" t="s">
        <v>579</v>
      </c>
      <c r="B330" t="s">
        <v>580</v>
      </c>
      <c r="C330">
        <v>1</v>
      </c>
      <c r="D330">
        <v>0</v>
      </c>
    </row>
    <row r="331" spans="1:4" x14ac:dyDescent="0.25">
      <c r="A331" t="s">
        <v>581</v>
      </c>
      <c r="B331" t="s">
        <v>582</v>
      </c>
      <c r="C331">
        <v>0</v>
      </c>
      <c r="D331">
        <v>0</v>
      </c>
    </row>
    <row r="332" spans="1:4" x14ac:dyDescent="0.25">
      <c r="A332" t="s">
        <v>583</v>
      </c>
      <c r="B332" t="s">
        <v>584</v>
      </c>
      <c r="C332">
        <v>1</v>
      </c>
      <c r="D332">
        <v>0</v>
      </c>
    </row>
    <row r="333" spans="1:4" x14ac:dyDescent="0.25">
      <c r="A333" t="s">
        <v>585</v>
      </c>
      <c r="B333" t="s">
        <v>586</v>
      </c>
      <c r="C333">
        <v>0</v>
      </c>
      <c r="D333">
        <v>0</v>
      </c>
    </row>
    <row r="334" spans="1:4" x14ac:dyDescent="0.25">
      <c r="A334" t="s">
        <v>587</v>
      </c>
      <c r="B334" t="s">
        <v>588</v>
      </c>
      <c r="C334">
        <v>1</v>
      </c>
      <c r="D334">
        <v>0</v>
      </c>
    </row>
    <row r="335" spans="1:4" x14ac:dyDescent="0.25">
      <c r="A335" t="s">
        <v>587</v>
      </c>
      <c r="B335" t="s">
        <v>589</v>
      </c>
      <c r="C335">
        <v>0</v>
      </c>
      <c r="D335">
        <v>0</v>
      </c>
    </row>
    <row r="336" spans="1:4" x14ac:dyDescent="0.25">
      <c r="A336" t="s">
        <v>590</v>
      </c>
      <c r="B336" t="s">
        <v>591</v>
      </c>
      <c r="C336">
        <v>1</v>
      </c>
      <c r="D336">
        <v>0</v>
      </c>
    </row>
    <row r="337" spans="1:4" x14ac:dyDescent="0.25">
      <c r="A337" t="s">
        <v>592</v>
      </c>
      <c r="B337" t="s">
        <v>593</v>
      </c>
      <c r="C337">
        <v>1</v>
      </c>
      <c r="D337">
        <v>0</v>
      </c>
    </row>
    <row r="338" spans="1:4" x14ac:dyDescent="0.25">
      <c r="A338" t="s">
        <v>594</v>
      </c>
      <c r="B338" t="s">
        <v>595</v>
      </c>
      <c r="C338">
        <v>1</v>
      </c>
      <c r="D338">
        <v>0</v>
      </c>
    </row>
    <row r="339" spans="1:4" x14ac:dyDescent="0.25">
      <c r="A339" t="s">
        <v>594</v>
      </c>
      <c r="B339" t="s">
        <v>596</v>
      </c>
      <c r="C339">
        <v>0</v>
      </c>
      <c r="D339">
        <v>0</v>
      </c>
    </row>
    <row r="340" spans="1:4" x14ac:dyDescent="0.25">
      <c r="A340" t="s">
        <v>597</v>
      </c>
      <c r="B340" t="s">
        <v>598</v>
      </c>
      <c r="C340">
        <v>1</v>
      </c>
      <c r="D340">
        <v>0</v>
      </c>
    </row>
    <row r="341" spans="1:4" x14ac:dyDescent="0.25">
      <c r="A341" t="s">
        <v>599</v>
      </c>
      <c r="B341" t="s">
        <v>600</v>
      </c>
      <c r="C341">
        <v>1</v>
      </c>
      <c r="D341">
        <v>0</v>
      </c>
    </row>
    <row r="342" spans="1:4" x14ac:dyDescent="0.25">
      <c r="A342" t="s">
        <v>599</v>
      </c>
      <c r="B342" t="s">
        <v>601</v>
      </c>
      <c r="C342">
        <v>0</v>
      </c>
      <c r="D342">
        <v>0</v>
      </c>
    </row>
    <row r="343" spans="1:4" x14ac:dyDescent="0.25">
      <c r="A343" t="s">
        <v>602</v>
      </c>
      <c r="B343" t="s">
        <v>603</v>
      </c>
      <c r="C343">
        <v>1</v>
      </c>
      <c r="D343">
        <v>0</v>
      </c>
    </row>
    <row r="344" spans="1:4" x14ac:dyDescent="0.25">
      <c r="A344" t="s">
        <v>602</v>
      </c>
      <c r="B344" t="s">
        <v>604</v>
      </c>
      <c r="C344">
        <v>0</v>
      </c>
      <c r="D344">
        <v>0</v>
      </c>
    </row>
    <row r="345" spans="1:4" x14ac:dyDescent="0.25">
      <c r="A345" t="s">
        <v>605</v>
      </c>
      <c r="B345" t="s">
        <v>606</v>
      </c>
      <c r="C345">
        <v>0</v>
      </c>
      <c r="D345">
        <v>0</v>
      </c>
    </row>
    <row r="346" spans="1:4" x14ac:dyDescent="0.25">
      <c r="A346" t="s">
        <v>607</v>
      </c>
      <c r="B346" t="s">
        <v>608</v>
      </c>
      <c r="C346">
        <v>0</v>
      </c>
      <c r="D346">
        <v>0</v>
      </c>
    </row>
    <row r="347" spans="1:4" x14ac:dyDescent="0.25">
      <c r="A347" t="s">
        <v>609</v>
      </c>
      <c r="B347" t="s">
        <v>610</v>
      </c>
      <c r="C347">
        <v>1</v>
      </c>
      <c r="D347">
        <v>0</v>
      </c>
    </row>
    <row r="348" spans="1:4" x14ac:dyDescent="0.25">
      <c r="A348" t="s">
        <v>609</v>
      </c>
      <c r="B348" t="s">
        <v>611</v>
      </c>
      <c r="C348">
        <v>0</v>
      </c>
      <c r="D348">
        <v>0</v>
      </c>
    </row>
    <row r="349" spans="1:4" x14ac:dyDescent="0.25">
      <c r="A349" t="s">
        <v>612</v>
      </c>
      <c r="B349" t="s">
        <v>613</v>
      </c>
      <c r="C349">
        <v>0</v>
      </c>
      <c r="D349">
        <v>0</v>
      </c>
    </row>
    <row r="350" spans="1:4" x14ac:dyDescent="0.25">
      <c r="A350" t="s">
        <v>614</v>
      </c>
      <c r="B350" t="s">
        <v>615</v>
      </c>
      <c r="C350">
        <v>1</v>
      </c>
      <c r="D350">
        <v>0</v>
      </c>
    </row>
    <row r="351" spans="1:4" x14ac:dyDescent="0.25">
      <c r="A351" t="s">
        <v>616</v>
      </c>
      <c r="B351" t="s">
        <v>617</v>
      </c>
      <c r="C351">
        <v>1</v>
      </c>
      <c r="D351">
        <v>0</v>
      </c>
    </row>
    <row r="352" spans="1:4" x14ac:dyDescent="0.25">
      <c r="A352" t="s">
        <v>618</v>
      </c>
      <c r="B352" t="s">
        <v>619</v>
      </c>
      <c r="C352">
        <v>1</v>
      </c>
      <c r="D352">
        <v>0</v>
      </c>
    </row>
    <row r="353" spans="1:4" x14ac:dyDescent="0.25">
      <c r="A353" t="s">
        <v>620</v>
      </c>
      <c r="B353" t="s">
        <v>621</v>
      </c>
      <c r="C353">
        <v>1</v>
      </c>
      <c r="D353">
        <v>0</v>
      </c>
    </row>
    <row r="354" spans="1:4" x14ac:dyDescent="0.25">
      <c r="A354" t="s">
        <v>622</v>
      </c>
      <c r="B354" t="s">
        <v>623</v>
      </c>
      <c r="C354">
        <v>1</v>
      </c>
      <c r="D354">
        <v>0</v>
      </c>
    </row>
    <row r="355" spans="1:4" x14ac:dyDescent="0.25">
      <c r="A355" t="s">
        <v>624</v>
      </c>
      <c r="B355" t="s">
        <v>625</v>
      </c>
      <c r="C355">
        <v>1</v>
      </c>
      <c r="D355">
        <v>0</v>
      </c>
    </row>
    <row r="356" spans="1:4" x14ac:dyDescent="0.25">
      <c r="A356" t="s">
        <v>624</v>
      </c>
      <c r="B356" t="s">
        <v>626</v>
      </c>
      <c r="C356">
        <v>0</v>
      </c>
      <c r="D356">
        <v>0</v>
      </c>
    </row>
    <row r="357" spans="1:4" x14ac:dyDescent="0.25">
      <c r="A357" t="s">
        <v>627</v>
      </c>
      <c r="B357" t="s">
        <v>628</v>
      </c>
      <c r="C357">
        <v>1</v>
      </c>
      <c r="D357">
        <v>0</v>
      </c>
    </row>
    <row r="358" spans="1:4" x14ac:dyDescent="0.25">
      <c r="A358" t="s">
        <v>627</v>
      </c>
      <c r="B358" t="s">
        <v>629</v>
      </c>
      <c r="C358">
        <v>0</v>
      </c>
      <c r="D358">
        <v>0</v>
      </c>
    </row>
    <row r="359" spans="1:4" x14ac:dyDescent="0.25">
      <c r="A359" t="s">
        <v>630</v>
      </c>
      <c r="B359" t="s">
        <v>631</v>
      </c>
      <c r="C359">
        <v>0</v>
      </c>
      <c r="D359">
        <v>0</v>
      </c>
    </row>
    <row r="360" spans="1:4" x14ac:dyDescent="0.25">
      <c r="A360" t="s">
        <v>632</v>
      </c>
      <c r="B360" t="s">
        <v>633</v>
      </c>
      <c r="C360">
        <v>1</v>
      </c>
      <c r="D360">
        <v>0</v>
      </c>
    </row>
    <row r="361" spans="1:4" x14ac:dyDescent="0.25">
      <c r="A361" t="s">
        <v>634</v>
      </c>
      <c r="B361" t="s">
        <v>635</v>
      </c>
      <c r="C361">
        <v>1</v>
      </c>
      <c r="D361">
        <v>0</v>
      </c>
    </row>
    <row r="362" spans="1:4" x14ac:dyDescent="0.25">
      <c r="A362" t="s">
        <v>636</v>
      </c>
      <c r="B362" t="s">
        <v>637</v>
      </c>
      <c r="C362">
        <v>1</v>
      </c>
      <c r="D362">
        <v>0</v>
      </c>
    </row>
    <row r="363" spans="1:4" x14ac:dyDescent="0.25">
      <c r="A363" t="s">
        <v>636</v>
      </c>
      <c r="B363" t="s">
        <v>638</v>
      </c>
      <c r="C363">
        <v>0</v>
      </c>
      <c r="D363">
        <v>0</v>
      </c>
    </row>
    <row r="364" spans="1:4" x14ac:dyDescent="0.25">
      <c r="A364" t="s">
        <v>639</v>
      </c>
      <c r="B364" t="s">
        <v>640</v>
      </c>
      <c r="C364">
        <v>1</v>
      </c>
      <c r="D364">
        <v>0</v>
      </c>
    </row>
    <row r="365" spans="1:4" x14ac:dyDescent="0.25">
      <c r="A365" t="s">
        <v>641</v>
      </c>
      <c r="B365" t="s">
        <v>642</v>
      </c>
      <c r="C365">
        <v>0</v>
      </c>
      <c r="D365">
        <v>0</v>
      </c>
    </row>
    <row r="366" spans="1:4" x14ac:dyDescent="0.25">
      <c r="A366" t="s">
        <v>643</v>
      </c>
      <c r="B366" t="s">
        <v>644</v>
      </c>
      <c r="C366">
        <v>1</v>
      </c>
      <c r="D366">
        <v>0</v>
      </c>
    </row>
    <row r="367" spans="1:4" x14ac:dyDescent="0.25">
      <c r="A367" t="s">
        <v>643</v>
      </c>
      <c r="B367" t="s">
        <v>645</v>
      </c>
      <c r="C367">
        <v>0</v>
      </c>
      <c r="D367">
        <v>0</v>
      </c>
    </row>
    <row r="368" spans="1:4" x14ac:dyDescent="0.25">
      <c r="A368" t="s">
        <v>646</v>
      </c>
      <c r="B368" t="s">
        <v>647</v>
      </c>
      <c r="C368">
        <v>1</v>
      </c>
      <c r="D368">
        <v>0</v>
      </c>
    </row>
    <row r="369" spans="1:4" x14ac:dyDescent="0.25">
      <c r="A369" t="s">
        <v>648</v>
      </c>
      <c r="B369" t="s">
        <v>649</v>
      </c>
      <c r="C369">
        <v>1</v>
      </c>
      <c r="D369">
        <v>0</v>
      </c>
    </row>
    <row r="370" spans="1:4" x14ac:dyDescent="0.25">
      <c r="A370" t="s">
        <v>648</v>
      </c>
      <c r="B370" t="s">
        <v>650</v>
      </c>
      <c r="C370">
        <v>0</v>
      </c>
      <c r="D370">
        <v>0</v>
      </c>
    </row>
    <row r="371" spans="1:4" x14ac:dyDescent="0.25">
      <c r="A371" t="s">
        <v>651</v>
      </c>
      <c r="B371" t="s">
        <v>652</v>
      </c>
      <c r="C371">
        <v>0</v>
      </c>
      <c r="D371">
        <v>0</v>
      </c>
    </row>
    <row r="372" spans="1:4" x14ac:dyDescent="0.25">
      <c r="A372" t="s">
        <v>653</v>
      </c>
      <c r="B372" t="s">
        <v>654</v>
      </c>
      <c r="C372">
        <v>1</v>
      </c>
      <c r="D372">
        <v>0</v>
      </c>
    </row>
    <row r="373" spans="1:4" x14ac:dyDescent="0.25">
      <c r="A373" t="s">
        <v>655</v>
      </c>
      <c r="B373" t="s">
        <v>656</v>
      </c>
      <c r="C373">
        <v>1</v>
      </c>
      <c r="D373">
        <v>0</v>
      </c>
    </row>
    <row r="374" spans="1:4" x14ac:dyDescent="0.25">
      <c r="A374" t="s">
        <v>655</v>
      </c>
      <c r="B374" t="s">
        <v>657</v>
      </c>
      <c r="C374">
        <v>0</v>
      </c>
      <c r="D374">
        <v>0</v>
      </c>
    </row>
    <row r="375" spans="1:4" x14ac:dyDescent="0.25">
      <c r="A375" t="s">
        <v>658</v>
      </c>
      <c r="B375" t="s">
        <v>659</v>
      </c>
      <c r="C375">
        <v>1</v>
      </c>
      <c r="D375">
        <v>0</v>
      </c>
    </row>
    <row r="376" spans="1:4" x14ac:dyDescent="0.25">
      <c r="A376" t="s">
        <v>660</v>
      </c>
      <c r="B376" t="s">
        <v>661</v>
      </c>
      <c r="C376">
        <v>1</v>
      </c>
      <c r="D376">
        <v>0</v>
      </c>
    </row>
    <row r="377" spans="1:4" x14ac:dyDescent="0.25">
      <c r="A377" t="s">
        <v>660</v>
      </c>
      <c r="B377" t="s">
        <v>662</v>
      </c>
      <c r="C377">
        <v>0</v>
      </c>
      <c r="D377">
        <v>0</v>
      </c>
    </row>
    <row r="378" spans="1:4" x14ac:dyDescent="0.25">
      <c r="A378" t="s">
        <v>663</v>
      </c>
      <c r="B378" t="s">
        <v>664</v>
      </c>
      <c r="C378">
        <v>0</v>
      </c>
      <c r="D378">
        <v>0</v>
      </c>
    </row>
    <row r="379" spans="1:4" x14ac:dyDescent="0.25">
      <c r="A379" t="s">
        <v>665</v>
      </c>
      <c r="B379" t="s">
        <v>666</v>
      </c>
      <c r="C379">
        <v>0</v>
      </c>
      <c r="D379">
        <v>0</v>
      </c>
    </row>
    <row r="380" spans="1:4" x14ac:dyDescent="0.25">
      <c r="A380" t="s">
        <v>667</v>
      </c>
      <c r="B380" t="s">
        <v>668</v>
      </c>
      <c r="C380">
        <v>0</v>
      </c>
      <c r="D380">
        <v>0</v>
      </c>
    </row>
    <row r="381" spans="1:4" x14ac:dyDescent="0.25">
      <c r="A381" t="s">
        <v>669</v>
      </c>
      <c r="B381" t="s">
        <v>670</v>
      </c>
      <c r="C381">
        <v>1</v>
      </c>
      <c r="D381">
        <v>0</v>
      </c>
    </row>
    <row r="382" spans="1:4" x14ac:dyDescent="0.25">
      <c r="A382" t="s">
        <v>671</v>
      </c>
      <c r="B382" t="s">
        <v>672</v>
      </c>
      <c r="C382">
        <v>1</v>
      </c>
      <c r="D382">
        <v>0</v>
      </c>
    </row>
    <row r="383" spans="1:4" x14ac:dyDescent="0.25">
      <c r="A383" t="s">
        <v>673</v>
      </c>
      <c r="B383" t="s">
        <v>674</v>
      </c>
      <c r="C383">
        <v>1</v>
      </c>
      <c r="D383">
        <v>0</v>
      </c>
    </row>
    <row r="384" spans="1:4" x14ac:dyDescent="0.25">
      <c r="A384" t="s">
        <v>673</v>
      </c>
      <c r="B384" t="s">
        <v>675</v>
      </c>
      <c r="C384">
        <v>0</v>
      </c>
      <c r="D384">
        <v>0</v>
      </c>
    </row>
    <row r="385" spans="1:4" x14ac:dyDescent="0.25">
      <c r="A385" t="s">
        <v>676</v>
      </c>
      <c r="B385" t="s">
        <v>677</v>
      </c>
      <c r="C385">
        <v>0</v>
      </c>
      <c r="D385">
        <v>0</v>
      </c>
    </row>
    <row r="386" spans="1:4" x14ac:dyDescent="0.25">
      <c r="A386" t="s">
        <v>678</v>
      </c>
      <c r="B386" t="s">
        <v>679</v>
      </c>
      <c r="C386">
        <v>1</v>
      </c>
      <c r="D386">
        <v>0</v>
      </c>
    </row>
    <row r="387" spans="1:4" x14ac:dyDescent="0.25">
      <c r="A387" t="s">
        <v>678</v>
      </c>
      <c r="B387" t="s">
        <v>680</v>
      </c>
      <c r="C387">
        <v>0</v>
      </c>
      <c r="D387">
        <v>0</v>
      </c>
    </row>
    <row r="388" spans="1:4" x14ac:dyDescent="0.25">
      <c r="A388" t="s">
        <v>681</v>
      </c>
      <c r="B388" t="s">
        <v>682</v>
      </c>
      <c r="C388">
        <v>1</v>
      </c>
      <c r="D388">
        <v>0</v>
      </c>
    </row>
    <row r="389" spans="1:4" x14ac:dyDescent="0.25">
      <c r="A389" t="s">
        <v>681</v>
      </c>
      <c r="B389" t="s">
        <v>683</v>
      </c>
      <c r="C389">
        <v>0</v>
      </c>
      <c r="D389">
        <v>0</v>
      </c>
    </row>
    <row r="390" spans="1:4" x14ac:dyDescent="0.25">
      <c r="A390" t="s">
        <v>684</v>
      </c>
      <c r="B390" t="s">
        <v>685</v>
      </c>
      <c r="C390">
        <v>1</v>
      </c>
      <c r="D390">
        <v>0</v>
      </c>
    </row>
    <row r="391" spans="1:4" x14ac:dyDescent="0.25">
      <c r="A391" t="s">
        <v>686</v>
      </c>
      <c r="B391" t="s">
        <v>687</v>
      </c>
      <c r="C391">
        <v>0</v>
      </c>
      <c r="D391">
        <v>0</v>
      </c>
    </row>
    <row r="392" spans="1:4" x14ac:dyDescent="0.25">
      <c r="A392" t="s">
        <v>688</v>
      </c>
      <c r="B392" t="s">
        <v>689</v>
      </c>
      <c r="C392">
        <v>1</v>
      </c>
      <c r="D392">
        <v>0</v>
      </c>
    </row>
    <row r="393" spans="1:4" x14ac:dyDescent="0.25">
      <c r="A393" t="s">
        <v>688</v>
      </c>
      <c r="B393" t="s">
        <v>690</v>
      </c>
      <c r="C393">
        <v>0</v>
      </c>
      <c r="D393">
        <v>0</v>
      </c>
    </row>
    <row r="394" spans="1:4" x14ac:dyDescent="0.25">
      <c r="A394" t="s">
        <v>691</v>
      </c>
      <c r="B394" t="s">
        <v>692</v>
      </c>
      <c r="C394">
        <v>1</v>
      </c>
      <c r="D394">
        <v>0</v>
      </c>
    </row>
    <row r="395" spans="1:4" x14ac:dyDescent="0.25">
      <c r="A395" t="s">
        <v>693</v>
      </c>
      <c r="B395" t="s">
        <v>694</v>
      </c>
      <c r="C395">
        <v>0</v>
      </c>
      <c r="D395">
        <v>0</v>
      </c>
    </row>
    <row r="396" spans="1:4" x14ac:dyDescent="0.25">
      <c r="A396" t="s">
        <v>695</v>
      </c>
      <c r="B396" t="s">
        <v>696</v>
      </c>
      <c r="C396">
        <v>1</v>
      </c>
      <c r="D396">
        <v>0</v>
      </c>
    </row>
    <row r="397" spans="1:4" x14ac:dyDescent="0.25">
      <c r="A397" t="s">
        <v>697</v>
      </c>
      <c r="B397" t="s">
        <v>698</v>
      </c>
      <c r="C397">
        <v>1</v>
      </c>
      <c r="D397">
        <v>0</v>
      </c>
    </row>
    <row r="398" spans="1:4" x14ac:dyDescent="0.25">
      <c r="A398" t="s">
        <v>697</v>
      </c>
      <c r="B398" t="s">
        <v>699</v>
      </c>
      <c r="C398">
        <v>0</v>
      </c>
      <c r="D398">
        <v>0</v>
      </c>
    </row>
    <row r="399" spans="1:4" x14ac:dyDescent="0.25">
      <c r="A399" t="s">
        <v>700</v>
      </c>
      <c r="B399" t="s">
        <v>701</v>
      </c>
      <c r="C399">
        <v>1</v>
      </c>
      <c r="D399">
        <v>0</v>
      </c>
    </row>
    <row r="400" spans="1:4" x14ac:dyDescent="0.25">
      <c r="A400" t="s">
        <v>702</v>
      </c>
      <c r="B400" t="s">
        <v>703</v>
      </c>
      <c r="C400">
        <v>1</v>
      </c>
      <c r="D400">
        <v>0</v>
      </c>
    </row>
    <row r="401" spans="1:4" x14ac:dyDescent="0.25">
      <c r="A401" t="s">
        <v>702</v>
      </c>
      <c r="B401" t="s">
        <v>704</v>
      </c>
      <c r="C401">
        <v>0</v>
      </c>
      <c r="D401">
        <v>0</v>
      </c>
    </row>
    <row r="402" spans="1:4" x14ac:dyDescent="0.25">
      <c r="A402" t="s">
        <v>705</v>
      </c>
      <c r="B402" t="s">
        <v>706</v>
      </c>
      <c r="C402">
        <v>1</v>
      </c>
      <c r="D402">
        <v>0</v>
      </c>
    </row>
    <row r="403" spans="1:4" x14ac:dyDescent="0.25">
      <c r="A403" t="s">
        <v>705</v>
      </c>
      <c r="B403" t="s">
        <v>707</v>
      </c>
      <c r="C403">
        <v>0</v>
      </c>
      <c r="D403">
        <v>0</v>
      </c>
    </row>
    <row r="404" spans="1:4" x14ac:dyDescent="0.25">
      <c r="A404" t="s">
        <v>708</v>
      </c>
      <c r="B404" t="s">
        <v>709</v>
      </c>
      <c r="C404">
        <v>1</v>
      </c>
      <c r="D404">
        <v>0</v>
      </c>
    </row>
    <row r="405" spans="1:4" x14ac:dyDescent="0.25">
      <c r="A405" t="s">
        <v>710</v>
      </c>
      <c r="B405" t="s">
        <v>711</v>
      </c>
      <c r="C405">
        <v>1</v>
      </c>
      <c r="D405">
        <v>0</v>
      </c>
    </row>
    <row r="406" spans="1:4" x14ac:dyDescent="0.25">
      <c r="A406" t="s">
        <v>710</v>
      </c>
      <c r="B406" t="s">
        <v>712</v>
      </c>
      <c r="C406">
        <v>0</v>
      </c>
      <c r="D406">
        <v>0</v>
      </c>
    </row>
    <row r="407" spans="1:4" x14ac:dyDescent="0.25">
      <c r="A407" t="s">
        <v>713</v>
      </c>
      <c r="B407" t="s">
        <v>714</v>
      </c>
      <c r="C407">
        <v>1</v>
      </c>
      <c r="D407">
        <v>0</v>
      </c>
    </row>
    <row r="408" spans="1:4" x14ac:dyDescent="0.25">
      <c r="A408" t="s">
        <v>713</v>
      </c>
      <c r="B408" t="s">
        <v>715</v>
      </c>
      <c r="C408">
        <v>0</v>
      </c>
      <c r="D408">
        <v>0</v>
      </c>
    </row>
    <row r="409" spans="1:4" x14ac:dyDescent="0.25">
      <c r="A409" t="s">
        <v>716</v>
      </c>
      <c r="B409" t="s">
        <v>717</v>
      </c>
      <c r="C409">
        <v>1</v>
      </c>
      <c r="D409">
        <v>0</v>
      </c>
    </row>
    <row r="410" spans="1:4" x14ac:dyDescent="0.25">
      <c r="A410" t="s">
        <v>718</v>
      </c>
      <c r="B410" t="s">
        <v>719</v>
      </c>
      <c r="C410">
        <v>1</v>
      </c>
      <c r="D410">
        <v>0</v>
      </c>
    </row>
    <row r="411" spans="1:4" x14ac:dyDescent="0.25">
      <c r="A411" t="s">
        <v>720</v>
      </c>
      <c r="B411" t="s">
        <v>721</v>
      </c>
      <c r="C411">
        <v>1</v>
      </c>
      <c r="D411">
        <v>0</v>
      </c>
    </row>
    <row r="412" spans="1:4" x14ac:dyDescent="0.25">
      <c r="A412" t="s">
        <v>722</v>
      </c>
      <c r="B412" t="s">
        <v>723</v>
      </c>
      <c r="C412">
        <v>0</v>
      </c>
      <c r="D412">
        <v>0</v>
      </c>
    </row>
    <row r="413" spans="1:4" x14ac:dyDescent="0.25">
      <c r="A413" t="s">
        <v>724</v>
      </c>
      <c r="B413" t="s">
        <v>725</v>
      </c>
      <c r="C413">
        <v>1</v>
      </c>
      <c r="D413">
        <v>0</v>
      </c>
    </row>
    <row r="414" spans="1:4" x14ac:dyDescent="0.25">
      <c r="A414" t="s">
        <v>724</v>
      </c>
      <c r="B414" t="s">
        <v>726</v>
      </c>
      <c r="C414">
        <v>0</v>
      </c>
      <c r="D414">
        <v>0</v>
      </c>
    </row>
    <row r="415" spans="1:4" x14ac:dyDescent="0.25">
      <c r="A415" t="s">
        <v>727</v>
      </c>
      <c r="B415" t="s">
        <v>728</v>
      </c>
      <c r="C415">
        <v>1</v>
      </c>
      <c r="D415">
        <v>0</v>
      </c>
    </row>
    <row r="416" spans="1:4" x14ac:dyDescent="0.25">
      <c r="A416" t="s">
        <v>729</v>
      </c>
      <c r="B416" t="s">
        <v>730</v>
      </c>
      <c r="C416">
        <v>1</v>
      </c>
      <c r="D416">
        <v>0</v>
      </c>
    </row>
    <row r="417" spans="1:4" x14ac:dyDescent="0.25">
      <c r="A417" t="s">
        <v>731</v>
      </c>
      <c r="B417" t="s">
        <v>732</v>
      </c>
      <c r="C417">
        <v>1</v>
      </c>
      <c r="D417">
        <v>0</v>
      </c>
    </row>
    <row r="418" spans="1:4" x14ac:dyDescent="0.25">
      <c r="A418" t="s">
        <v>733</v>
      </c>
      <c r="B418" t="s">
        <v>734</v>
      </c>
      <c r="C418">
        <v>1</v>
      </c>
      <c r="D418">
        <v>0</v>
      </c>
    </row>
    <row r="419" spans="1:4" x14ac:dyDescent="0.25">
      <c r="A419" t="s">
        <v>733</v>
      </c>
      <c r="B419" t="s">
        <v>735</v>
      </c>
      <c r="C419">
        <v>0</v>
      </c>
      <c r="D419">
        <v>0</v>
      </c>
    </row>
    <row r="420" spans="1:4" ht="345" x14ac:dyDescent="0.25">
      <c r="A420" t="s">
        <v>736</v>
      </c>
      <c r="B420" s="1" t="s">
        <v>737</v>
      </c>
      <c r="C420">
        <v>0</v>
      </c>
      <c r="D420">
        <v>0</v>
      </c>
    </row>
    <row r="421" spans="1:4" ht="248.4" x14ac:dyDescent="0.25">
      <c r="A421" t="s">
        <v>738</v>
      </c>
      <c r="B421" s="1" t="s">
        <v>739</v>
      </c>
      <c r="C421">
        <v>1</v>
      </c>
      <c r="D421">
        <v>0</v>
      </c>
    </row>
    <row r="422" spans="1:4" x14ac:dyDescent="0.25">
      <c r="A422" t="s">
        <v>740</v>
      </c>
      <c r="B422" t="s">
        <v>741</v>
      </c>
      <c r="C422">
        <v>1</v>
      </c>
      <c r="D422">
        <v>0</v>
      </c>
    </row>
    <row r="423" spans="1:4" x14ac:dyDescent="0.25">
      <c r="A423" t="s">
        <v>742</v>
      </c>
      <c r="B423" t="s">
        <v>743</v>
      </c>
      <c r="C423">
        <v>1</v>
      </c>
      <c r="D423">
        <v>0</v>
      </c>
    </row>
    <row r="424" spans="1:4" x14ac:dyDescent="0.25">
      <c r="A424" t="s">
        <v>744</v>
      </c>
      <c r="B424" t="s">
        <v>745</v>
      </c>
      <c r="C424">
        <v>1</v>
      </c>
      <c r="D424">
        <v>0</v>
      </c>
    </row>
    <row r="425" spans="1:4" x14ac:dyDescent="0.25">
      <c r="A425" t="s">
        <v>746</v>
      </c>
      <c r="B425" t="s">
        <v>747</v>
      </c>
      <c r="C425">
        <v>0</v>
      </c>
      <c r="D425">
        <v>0</v>
      </c>
    </row>
    <row r="426" spans="1:4" x14ac:dyDescent="0.25">
      <c r="A426" t="s">
        <v>748</v>
      </c>
      <c r="B426" t="s">
        <v>749</v>
      </c>
      <c r="C426">
        <v>1</v>
      </c>
      <c r="D426">
        <v>0</v>
      </c>
    </row>
    <row r="427" spans="1:4" x14ac:dyDescent="0.25">
      <c r="A427" t="s">
        <v>750</v>
      </c>
      <c r="B427" t="s">
        <v>751</v>
      </c>
      <c r="C427">
        <v>1</v>
      </c>
      <c r="D427">
        <v>0</v>
      </c>
    </row>
    <row r="428" spans="1:4" x14ac:dyDescent="0.25">
      <c r="A428" t="s">
        <v>752</v>
      </c>
      <c r="B428" t="s">
        <v>753</v>
      </c>
      <c r="C428">
        <v>1</v>
      </c>
      <c r="D428">
        <v>0</v>
      </c>
    </row>
    <row r="429" spans="1:4" x14ac:dyDescent="0.25">
      <c r="A429" t="s">
        <v>754</v>
      </c>
      <c r="B429" t="s">
        <v>755</v>
      </c>
      <c r="C429">
        <v>0</v>
      </c>
      <c r="D429">
        <v>0</v>
      </c>
    </row>
    <row r="430" spans="1:4" x14ac:dyDescent="0.25">
      <c r="A430" t="s">
        <v>756</v>
      </c>
      <c r="B430" t="s">
        <v>757</v>
      </c>
      <c r="C430">
        <v>0</v>
      </c>
      <c r="D430">
        <v>0</v>
      </c>
    </row>
    <row r="431" spans="1:4" x14ac:dyDescent="0.25">
      <c r="A431" t="s">
        <v>758</v>
      </c>
      <c r="B431" t="s">
        <v>759</v>
      </c>
      <c r="C431">
        <v>0</v>
      </c>
      <c r="D431">
        <v>0</v>
      </c>
    </row>
    <row r="432" spans="1:4" x14ac:dyDescent="0.25">
      <c r="A432" t="s">
        <v>760</v>
      </c>
      <c r="B432" t="s">
        <v>761</v>
      </c>
      <c r="C432">
        <v>1</v>
      </c>
      <c r="D432">
        <v>0</v>
      </c>
    </row>
    <row r="433" spans="1:4" x14ac:dyDescent="0.25">
      <c r="A433" t="s">
        <v>760</v>
      </c>
      <c r="B433" t="s">
        <v>762</v>
      </c>
      <c r="C433">
        <v>0</v>
      </c>
      <c r="D433">
        <v>0</v>
      </c>
    </row>
    <row r="434" spans="1:4" x14ac:dyDescent="0.25">
      <c r="A434" t="s">
        <v>763</v>
      </c>
      <c r="B434" t="s">
        <v>764</v>
      </c>
      <c r="C434">
        <v>0</v>
      </c>
      <c r="D434">
        <v>0</v>
      </c>
    </row>
    <row r="435" spans="1:4" x14ac:dyDescent="0.25">
      <c r="A435" t="s">
        <v>765</v>
      </c>
      <c r="B435" t="s">
        <v>766</v>
      </c>
      <c r="C435">
        <v>1</v>
      </c>
      <c r="D435">
        <v>0</v>
      </c>
    </row>
    <row r="436" spans="1:4" x14ac:dyDescent="0.25">
      <c r="A436" t="s">
        <v>765</v>
      </c>
      <c r="B436" t="s">
        <v>767</v>
      </c>
      <c r="C436">
        <v>0</v>
      </c>
      <c r="D436">
        <v>0</v>
      </c>
    </row>
    <row r="437" spans="1:4" x14ac:dyDescent="0.25">
      <c r="A437" t="s">
        <v>768</v>
      </c>
      <c r="B437" t="s">
        <v>769</v>
      </c>
      <c r="C437">
        <v>1</v>
      </c>
      <c r="D437">
        <v>0</v>
      </c>
    </row>
    <row r="438" spans="1:4" x14ac:dyDescent="0.25">
      <c r="A438" t="s">
        <v>770</v>
      </c>
      <c r="B438" t="s">
        <v>771</v>
      </c>
      <c r="C438">
        <v>1</v>
      </c>
      <c r="D438">
        <v>0</v>
      </c>
    </row>
    <row r="439" spans="1:4" x14ac:dyDescent="0.25">
      <c r="A439" t="s">
        <v>770</v>
      </c>
      <c r="B439" t="s">
        <v>772</v>
      </c>
      <c r="C439">
        <v>0</v>
      </c>
      <c r="D439">
        <v>0</v>
      </c>
    </row>
    <row r="440" spans="1:4" x14ac:dyDescent="0.25">
      <c r="A440" t="s">
        <v>773</v>
      </c>
      <c r="B440" t="s">
        <v>774</v>
      </c>
      <c r="C440">
        <v>1</v>
      </c>
      <c r="D440">
        <v>0</v>
      </c>
    </row>
    <row r="441" spans="1:4" x14ac:dyDescent="0.25">
      <c r="A441" t="s">
        <v>773</v>
      </c>
      <c r="B441" t="s">
        <v>775</v>
      </c>
      <c r="C441">
        <v>0</v>
      </c>
      <c r="D441">
        <v>0</v>
      </c>
    </row>
    <row r="442" spans="1:4" x14ac:dyDescent="0.25">
      <c r="A442" t="s">
        <v>776</v>
      </c>
      <c r="B442" t="s">
        <v>777</v>
      </c>
      <c r="C442">
        <v>1</v>
      </c>
      <c r="D442">
        <v>0</v>
      </c>
    </row>
    <row r="443" spans="1:4" x14ac:dyDescent="0.25">
      <c r="A443" t="s">
        <v>776</v>
      </c>
      <c r="B443" t="s">
        <v>778</v>
      </c>
      <c r="C443">
        <v>0</v>
      </c>
      <c r="D443">
        <v>0</v>
      </c>
    </row>
    <row r="444" spans="1:4" x14ac:dyDescent="0.25">
      <c r="A444" t="s">
        <v>779</v>
      </c>
      <c r="B444" t="s">
        <v>780</v>
      </c>
      <c r="C444">
        <v>1</v>
      </c>
      <c r="D444">
        <v>0</v>
      </c>
    </row>
    <row r="445" spans="1:4" x14ac:dyDescent="0.25">
      <c r="A445" t="s">
        <v>779</v>
      </c>
      <c r="B445" t="s">
        <v>781</v>
      </c>
      <c r="C445">
        <v>0</v>
      </c>
      <c r="D445">
        <v>0</v>
      </c>
    </row>
    <row r="446" spans="1:4" x14ac:dyDescent="0.25">
      <c r="A446" t="s">
        <v>782</v>
      </c>
      <c r="B446" t="s">
        <v>783</v>
      </c>
      <c r="C446">
        <v>1</v>
      </c>
      <c r="D446">
        <v>0</v>
      </c>
    </row>
    <row r="447" spans="1:4" x14ac:dyDescent="0.25">
      <c r="A447" t="s">
        <v>782</v>
      </c>
      <c r="B447" t="s">
        <v>784</v>
      </c>
      <c r="C447">
        <v>0</v>
      </c>
      <c r="D447">
        <v>0</v>
      </c>
    </row>
    <row r="448" spans="1:4" x14ac:dyDescent="0.25">
      <c r="A448" t="s">
        <v>785</v>
      </c>
      <c r="B448" t="s">
        <v>786</v>
      </c>
      <c r="C448">
        <v>1</v>
      </c>
      <c r="D448">
        <v>0</v>
      </c>
    </row>
    <row r="449" spans="1:4" x14ac:dyDescent="0.25">
      <c r="A449" t="s">
        <v>785</v>
      </c>
      <c r="B449" t="s">
        <v>787</v>
      </c>
      <c r="C449">
        <v>0</v>
      </c>
      <c r="D449">
        <v>0</v>
      </c>
    </row>
    <row r="450" spans="1:4" x14ac:dyDescent="0.25">
      <c r="A450" t="s">
        <v>788</v>
      </c>
      <c r="B450" t="s">
        <v>789</v>
      </c>
      <c r="C450">
        <v>0</v>
      </c>
      <c r="D450">
        <v>0</v>
      </c>
    </row>
    <row r="451" spans="1:4" x14ac:dyDescent="0.25">
      <c r="A451" t="s">
        <v>790</v>
      </c>
      <c r="B451" t="s">
        <v>791</v>
      </c>
      <c r="C451">
        <v>1</v>
      </c>
      <c r="D451">
        <v>0</v>
      </c>
    </row>
    <row r="452" spans="1:4" x14ac:dyDescent="0.25">
      <c r="A452" t="s">
        <v>792</v>
      </c>
      <c r="B452" t="s">
        <v>793</v>
      </c>
      <c r="C452">
        <v>2</v>
      </c>
      <c r="D452">
        <v>0</v>
      </c>
    </row>
    <row r="453" spans="1:4" x14ac:dyDescent="0.25">
      <c r="A453" t="s">
        <v>794</v>
      </c>
      <c r="B453" t="s">
        <v>795</v>
      </c>
      <c r="C453">
        <v>0</v>
      </c>
      <c r="D453">
        <v>0</v>
      </c>
    </row>
    <row r="454" spans="1:4" x14ac:dyDescent="0.25">
      <c r="A454" t="s">
        <v>796</v>
      </c>
      <c r="B454" t="s">
        <v>797</v>
      </c>
      <c r="C454">
        <v>0</v>
      </c>
      <c r="D454">
        <v>0</v>
      </c>
    </row>
    <row r="455" spans="1:4" x14ac:dyDescent="0.25">
      <c r="A455" t="s">
        <v>798</v>
      </c>
      <c r="B455" t="s">
        <v>799</v>
      </c>
      <c r="C455">
        <v>0</v>
      </c>
      <c r="D455">
        <v>0</v>
      </c>
    </row>
    <row r="456" spans="1:4" x14ac:dyDescent="0.25">
      <c r="A456" t="s">
        <v>800</v>
      </c>
      <c r="B456" t="s">
        <v>801</v>
      </c>
      <c r="C456">
        <v>0</v>
      </c>
      <c r="D456">
        <v>0</v>
      </c>
    </row>
    <row r="457" spans="1:4" x14ac:dyDescent="0.25">
      <c r="A457" t="s">
        <v>802</v>
      </c>
      <c r="B457" t="s">
        <v>803</v>
      </c>
      <c r="C457">
        <v>2</v>
      </c>
      <c r="D457">
        <v>0</v>
      </c>
    </row>
    <row r="458" spans="1:4" x14ac:dyDescent="0.25">
      <c r="A458" t="s">
        <v>802</v>
      </c>
      <c r="B458" t="s">
        <v>804</v>
      </c>
      <c r="C458">
        <v>2</v>
      </c>
      <c r="D458">
        <v>0</v>
      </c>
    </row>
    <row r="459" spans="1:4" x14ac:dyDescent="0.25">
      <c r="A459" t="s">
        <v>805</v>
      </c>
      <c r="B459" t="s">
        <v>806</v>
      </c>
      <c r="C459">
        <v>1</v>
      </c>
      <c r="D459">
        <v>0</v>
      </c>
    </row>
    <row r="460" spans="1:4" x14ac:dyDescent="0.25">
      <c r="A460" t="s">
        <v>805</v>
      </c>
      <c r="B460" t="s">
        <v>807</v>
      </c>
      <c r="C460">
        <v>1</v>
      </c>
      <c r="D460">
        <v>0</v>
      </c>
    </row>
    <row r="461" spans="1:4" x14ac:dyDescent="0.25">
      <c r="A461" t="s">
        <v>808</v>
      </c>
      <c r="B461" t="s">
        <v>809</v>
      </c>
      <c r="C461">
        <v>2</v>
      </c>
      <c r="D461">
        <v>0</v>
      </c>
    </row>
    <row r="462" spans="1:4" x14ac:dyDescent="0.25">
      <c r="A462" t="s">
        <v>810</v>
      </c>
      <c r="B462" t="s">
        <v>811</v>
      </c>
      <c r="C462">
        <v>0</v>
      </c>
      <c r="D462">
        <v>0</v>
      </c>
    </row>
    <row r="463" spans="1:4" x14ac:dyDescent="0.25">
      <c r="A463" t="s">
        <v>810</v>
      </c>
      <c r="B463" t="s">
        <v>812</v>
      </c>
      <c r="C463">
        <v>2</v>
      </c>
      <c r="D463">
        <v>0</v>
      </c>
    </row>
    <row r="464" spans="1:4" x14ac:dyDescent="0.25">
      <c r="A464" t="s">
        <v>813</v>
      </c>
      <c r="B464" t="s">
        <v>814</v>
      </c>
      <c r="C464">
        <v>1</v>
      </c>
      <c r="D464">
        <v>0</v>
      </c>
    </row>
    <row r="465" spans="1:4" x14ac:dyDescent="0.25">
      <c r="A465" t="s">
        <v>815</v>
      </c>
      <c r="B465" t="s">
        <v>816</v>
      </c>
      <c r="C465">
        <v>1</v>
      </c>
      <c r="D465">
        <v>0</v>
      </c>
    </row>
    <row r="466" spans="1:4" x14ac:dyDescent="0.25">
      <c r="A466" t="s">
        <v>815</v>
      </c>
      <c r="B466" t="s">
        <v>817</v>
      </c>
      <c r="C466">
        <v>0</v>
      </c>
      <c r="D466">
        <v>0</v>
      </c>
    </row>
    <row r="467" spans="1:4" x14ac:dyDescent="0.25">
      <c r="A467" t="s">
        <v>815</v>
      </c>
      <c r="B467" t="s">
        <v>818</v>
      </c>
      <c r="C467">
        <v>0</v>
      </c>
      <c r="D467">
        <v>0</v>
      </c>
    </row>
    <row r="468" spans="1:4" x14ac:dyDescent="0.25">
      <c r="A468" t="s">
        <v>819</v>
      </c>
      <c r="B468" t="s">
        <v>820</v>
      </c>
      <c r="C468">
        <v>0</v>
      </c>
      <c r="D468">
        <v>0</v>
      </c>
    </row>
    <row r="469" spans="1:4" x14ac:dyDescent="0.25">
      <c r="A469" t="s">
        <v>819</v>
      </c>
      <c r="B469" t="s">
        <v>821</v>
      </c>
      <c r="C469">
        <v>1</v>
      </c>
      <c r="D469">
        <v>0</v>
      </c>
    </row>
    <row r="470" spans="1:4" x14ac:dyDescent="0.25">
      <c r="A470" t="s">
        <v>822</v>
      </c>
      <c r="B470" t="s">
        <v>823</v>
      </c>
      <c r="C470">
        <v>1</v>
      </c>
      <c r="D470">
        <v>0</v>
      </c>
    </row>
    <row r="471" spans="1:4" x14ac:dyDescent="0.25">
      <c r="A471" t="s">
        <v>824</v>
      </c>
      <c r="B471" t="s">
        <v>825</v>
      </c>
      <c r="C471">
        <v>0</v>
      </c>
      <c r="D471">
        <v>0</v>
      </c>
    </row>
    <row r="472" spans="1:4" x14ac:dyDescent="0.25">
      <c r="A472" t="s">
        <v>826</v>
      </c>
      <c r="B472" t="s">
        <v>827</v>
      </c>
      <c r="C472">
        <v>0</v>
      </c>
      <c r="D472">
        <v>0</v>
      </c>
    </row>
    <row r="473" spans="1:4" x14ac:dyDescent="0.25">
      <c r="A473" t="s">
        <v>828</v>
      </c>
      <c r="B473" t="s">
        <v>829</v>
      </c>
      <c r="C473">
        <v>1</v>
      </c>
      <c r="D473">
        <v>0</v>
      </c>
    </row>
    <row r="474" spans="1:4" x14ac:dyDescent="0.25">
      <c r="A474" t="s">
        <v>830</v>
      </c>
      <c r="B474" t="s">
        <v>831</v>
      </c>
      <c r="C474">
        <v>0</v>
      </c>
      <c r="D474">
        <v>0</v>
      </c>
    </row>
    <row r="475" spans="1:4" x14ac:dyDescent="0.25">
      <c r="A475" t="s">
        <v>830</v>
      </c>
      <c r="B475" t="s">
        <v>832</v>
      </c>
      <c r="C475">
        <v>0</v>
      </c>
      <c r="D475">
        <v>0</v>
      </c>
    </row>
    <row r="476" spans="1:4" x14ac:dyDescent="0.25">
      <c r="A476" t="s">
        <v>830</v>
      </c>
      <c r="B476" t="s">
        <v>833</v>
      </c>
      <c r="C476">
        <v>0</v>
      </c>
      <c r="D476">
        <v>0</v>
      </c>
    </row>
    <row r="477" spans="1:4" x14ac:dyDescent="0.25">
      <c r="A477" t="s">
        <v>834</v>
      </c>
      <c r="B477" t="s">
        <v>835</v>
      </c>
      <c r="C477">
        <v>1</v>
      </c>
      <c r="D477">
        <v>0</v>
      </c>
    </row>
    <row r="478" spans="1:4" x14ac:dyDescent="0.25">
      <c r="A478" t="s">
        <v>834</v>
      </c>
      <c r="B478" t="s">
        <v>836</v>
      </c>
      <c r="C478">
        <v>1</v>
      </c>
      <c r="D478">
        <v>0</v>
      </c>
    </row>
    <row r="479" spans="1:4" x14ac:dyDescent="0.25">
      <c r="A479" t="s">
        <v>834</v>
      </c>
      <c r="B479" t="s">
        <v>837</v>
      </c>
      <c r="C479">
        <v>1</v>
      </c>
      <c r="D479">
        <v>0</v>
      </c>
    </row>
    <row r="480" spans="1:4" x14ac:dyDescent="0.25">
      <c r="A480" t="s">
        <v>838</v>
      </c>
      <c r="B480" t="s">
        <v>839</v>
      </c>
      <c r="C480">
        <v>1</v>
      </c>
      <c r="D480">
        <v>0</v>
      </c>
    </row>
    <row r="481" spans="1:4" x14ac:dyDescent="0.25">
      <c r="A481" t="s">
        <v>838</v>
      </c>
      <c r="B481" t="s">
        <v>840</v>
      </c>
      <c r="C481">
        <v>2</v>
      </c>
      <c r="D481">
        <v>0</v>
      </c>
    </row>
    <row r="482" spans="1:4" x14ac:dyDescent="0.25">
      <c r="A482" t="s">
        <v>838</v>
      </c>
      <c r="B482" t="s">
        <v>841</v>
      </c>
      <c r="C482">
        <v>1</v>
      </c>
      <c r="D482">
        <v>0</v>
      </c>
    </row>
    <row r="483" spans="1:4" x14ac:dyDescent="0.25">
      <c r="A483" t="s">
        <v>842</v>
      </c>
      <c r="B483" t="s">
        <v>843</v>
      </c>
      <c r="C483">
        <v>1</v>
      </c>
      <c r="D483">
        <v>0</v>
      </c>
    </row>
    <row r="484" spans="1:4" x14ac:dyDescent="0.25">
      <c r="A484" t="s">
        <v>844</v>
      </c>
      <c r="B484" t="s">
        <v>845</v>
      </c>
      <c r="C484">
        <v>1</v>
      </c>
      <c r="D484">
        <v>0</v>
      </c>
    </row>
    <row r="485" spans="1:4" x14ac:dyDescent="0.25">
      <c r="A485" t="s">
        <v>844</v>
      </c>
      <c r="B485" t="s">
        <v>846</v>
      </c>
      <c r="C485">
        <v>0</v>
      </c>
      <c r="D485">
        <v>0</v>
      </c>
    </row>
    <row r="486" spans="1:4" x14ac:dyDescent="0.25">
      <c r="A486" t="s">
        <v>847</v>
      </c>
      <c r="B486" t="s">
        <v>848</v>
      </c>
      <c r="C486">
        <v>0</v>
      </c>
      <c r="D486">
        <v>0</v>
      </c>
    </row>
    <row r="487" spans="1:4" x14ac:dyDescent="0.25">
      <c r="A487" t="s">
        <v>849</v>
      </c>
      <c r="B487" t="s">
        <v>850</v>
      </c>
      <c r="C487">
        <v>1</v>
      </c>
      <c r="D487">
        <v>0</v>
      </c>
    </row>
    <row r="488" spans="1:4" x14ac:dyDescent="0.25">
      <c r="A488" t="s">
        <v>851</v>
      </c>
      <c r="B488" t="s">
        <v>852</v>
      </c>
      <c r="C488">
        <v>0</v>
      </c>
      <c r="D488">
        <v>0</v>
      </c>
    </row>
    <row r="489" spans="1:4" x14ac:dyDescent="0.25">
      <c r="A489" t="s">
        <v>853</v>
      </c>
      <c r="B489" t="s">
        <v>854</v>
      </c>
      <c r="C489">
        <v>1</v>
      </c>
      <c r="D489">
        <v>0</v>
      </c>
    </row>
    <row r="490" spans="1:4" x14ac:dyDescent="0.25">
      <c r="A490" t="s">
        <v>855</v>
      </c>
      <c r="B490" t="s">
        <v>856</v>
      </c>
      <c r="C490">
        <v>0</v>
      </c>
      <c r="D490">
        <v>0</v>
      </c>
    </row>
    <row r="491" spans="1:4" x14ac:dyDescent="0.25">
      <c r="A491" t="s">
        <v>857</v>
      </c>
      <c r="B491" t="s">
        <v>858</v>
      </c>
      <c r="C491">
        <v>0</v>
      </c>
      <c r="D491">
        <v>0</v>
      </c>
    </row>
    <row r="492" spans="1:4" x14ac:dyDescent="0.25">
      <c r="A492" t="s">
        <v>859</v>
      </c>
      <c r="B492" t="s">
        <v>852</v>
      </c>
      <c r="C492">
        <v>0</v>
      </c>
      <c r="D492">
        <v>0</v>
      </c>
    </row>
    <row r="493" spans="1:4" x14ac:dyDescent="0.25">
      <c r="A493" t="s">
        <v>860</v>
      </c>
      <c r="B493" t="s">
        <v>861</v>
      </c>
      <c r="C493">
        <v>1</v>
      </c>
      <c r="D493">
        <v>0</v>
      </c>
    </row>
    <row r="494" spans="1:4" x14ac:dyDescent="0.25">
      <c r="A494" t="s">
        <v>862</v>
      </c>
      <c r="B494" t="s">
        <v>863</v>
      </c>
      <c r="C494">
        <v>1</v>
      </c>
      <c r="D494">
        <v>0</v>
      </c>
    </row>
    <row r="495" spans="1:4" x14ac:dyDescent="0.25">
      <c r="A495" t="s">
        <v>862</v>
      </c>
      <c r="B495" t="s">
        <v>864</v>
      </c>
      <c r="C495">
        <v>2</v>
      </c>
      <c r="D495">
        <v>0</v>
      </c>
    </row>
    <row r="496" spans="1:4" x14ac:dyDescent="0.25">
      <c r="A496" t="s">
        <v>865</v>
      </c>
      <c r="B496" t="s">
        <v>866</v>
      </c>
      <c r="C496">
        <v>0</v>
      </c>
      <c r="D496">
        <v>0</v>
      </c>
    </row>
    <row r="497" spans="1:4" x14ac:dyDescent="0.25">
      <c r="A497" t="s">
        <v>865</v>
      </c>
      <c r="B497" t="s">
        <v>867</v>
      </c>
      <c r="C497">
        <v>0</v>
      </c>
      <c r="D497">
        <v>0</v>
      </c>
    </row>
    <row r="498" spans="1:4" x14ac:dyDescent="0.25">
      <c r="A498" t="s">
        <v>865</v>
      </c>
      <c r="B498" t="s">
        <v>868</v>
      </c>
      <c r="C498">
        <v>0</v>
      </c>
      <c r="D498">
        <v>0</v>
      </c>
    </row>
    <row r="499" spans="1:4" x14ac:dyDescent="0.25">
      <c r="A499" t="s">
        <v>869</v>
      </c>
      <c r="B499" t="s">
        <v>870</v>
      </c>
      <c r="C499">
        <v>2</v>
      </c>
      <c r="D499">
        <v>0</v>
      </c>
    </row>
    <row r="500" spans="1:4" x14ac:dyDescent="0.25">
      <c r="A500" t="s">
        <v>871</v>
      </c>
      <c r="B500" t="s">
        <v>872</v>
      </c>
      <c r="C500">
        <v>2</v>
      </c>
      <c r="D500">
        <v>0</v>
      </c>
    </row>
    <row r="501" spans="1:4" x14ac:dyDescent="0.25">
      <c r="A501" t="s">
        <v>871</v>
      </c>
      <c r="B501" t="s">
        <v>873</v>
      </c>
      <c r="C501">
        <v>0</v>
      </c>
      <c r="D501">
        <v>0</v>
      </c>
    </row>
    <row r="502" spans="1:4" x14ac:dyDescent="0.25">
      <c r="A502" t="s">
        <v>874</v>
      </c>
      <c r="B502" t="s">
        <v>875</v>
      </c>
      <c r="C502">
        <v>1</v>
      </c>
      <c r="D502">
        <v>0</v>
      </c>
    </row>
    <row r="503" spans="1:4" x14ac:dyDescent="0.25">
      <c r="A503" t="s">
        <v>874</v>
      </c>
      <c r="B503" t="s">
        <v>876</v>
      </c>
      <c r="C503">
        <v>1</v>
      </c>
      <c r="D503">
        <v>0</v>
      </c>
    </row>
    <row r="504" spans="1:4" x14ac:dyDescent="0.25">
      <c r="A504" t="s">
        <v>877</v>
      </c>
      <c r="B504" t="s">
        <v>878</v>
      </c>
      <c r="C504">
        <v>0</v>
      </c>
      <c r="D504">
        <v>0</v>
      </c>
    </row>
    <row r="505" spans="1:4" x14ac:dyDescent="0.25">
      <c r="A505" t="s">
        <v>879</v>
      </c>
      <c r="B505" t="s">
        <v>880</v>
      </c>
      <c r="C505">
        <v>2</v>
      </c>
      <c r="D505">
        <v>0</v>
      </c>
    </row>
    <row r="506" spans="1:4" x14ac:dyDescent="0.25">
      <c r="A506" t="s">
        <v>881</v>
      </c>
      <c r="B506" t="s">
        <v>882</v>
      </c>
      <c r="C506">
        <v>0</v>
      </c>
      <c r="D506">
        <v>0</v>
      </c>
    </row>
    <row r="507" spans="1:4" x14ac:dyDescent="0.25">
      <c r="A507" t="s">
        <v>883</v>
      </c>
      <c r="B507" t="s">
        <v>884</v>
      </c>
      <c r="C507">
        <v>1</v>
      </c>
      <c r="D507">
        <v>0</v>
      </c>
    </row>
    <row r="508" spans="1:4" x14ac:dyDescent="0.25">
      <c r="A508" t="s">
        <v>885</v>
      </c>
      <c r="B508" t="s">
        <v>886</v>
      </c>
      <c r="C508">
        <v>0</v>
      </c>
      <c r="D508">
        <v>0</v>
      </c>
    </row>
    <row r="509" spans="1:4" x14ac:dyDescent="0.25">
      <c r="A509" t="s">
        <v>887</v>
      </c>
      <c r="B509" t="s">
        <v>888</v>
      </c>
      <c r="C509">
        <v>1</v>
      </c>
      <c r="D509">
        <v>0</v>
      </c>
    </row>
    <row r="510" spans="1:4" x14ac:dyDescent="0.25">
      <c r="A510" t="s">
        <v>889</v>
      </c>
      <c r="B510" t="s">
        <v>890</v>
      </c>
      <c r="C510">
        <v>0</v>
      </c>
      <c r="D510">
        <v>0</v>
      </c>
    </row>
    <row r="511" spans="1:4" x14ac:dyDescent="0.25">
      <c r="A511" t="s">
        <v>891</v>
      </c>
      <c r="B511" t="s">
        <v>892</v>
      </c>
      <c r="C511">
        <v>0</v>
      </c>
      <c r="D511">
        <v>0</v>
      </c>
    </row>
    <row r="512" spans="1:4" x14ac:dyDescent="0.25">
      <c r="A512" t="s">
        <v>891</v>
      </c>
      <c r="B512" t="s">
        <v>893</v>
      </c>
      <c r="C512">
        <v>0</v>
      </c>
      <c r="D512">
        <v>0</v>
      </c>
    </row>
    <row r="513" spans="1:4" x14ac:dyDescent="0.25">
      <c r="A513" t="s">
        <v>894</v>
      </c>
      <c r="B513" t="s">
        <v>895</v>
      </c>
      <c r="C513">
        <v>0</v>
      </c>
      <c r="D513">
        <v>0</v>
      </c>
    </row>
    <row r="514" spans="1:4" x14ac:dyDescent="0.25">
      <c r="A514" t="s">
        <v>896</v>
      </c>
      <c r="B514" t="s">
        <v>897</v>
      </c>
      <c r="C514">
        <v>1</v>
      </c>
      <c r="D514">
        <v>0</v>
      </c>
    </row>
    <row r="515" spans="1:4" x14ac:dyDescent="0.25">
      <c r="A515" t="s">
        <v>898</v>
      </c>
      <c r="B515" t="s">
        <v>899</v>
      </c>
      <c r="C515">
        <v>1</v>
      </c>
      <c r="D515">
        <v>0</v>
      </c>
    </row>
    <row r="516" spans="1:4" x14ac:dyDescent="0.25">
      <c r="A516" t="s">
        <v>898</v>
      </c>
      <c r="B516" t="s">
        <v>900</v>
      </c>
      <c r="C516">
        <v>0</v>
      </c>
      <c r="D516">
        <v>0</v>
      </c>
    </row>
    <row r="517" spans="1:4" x14ac:dyDescent="0.25">
      <c r="A517" t="s">
        <v>901</v>
      </c>
      <c r="B517" t="s">
        <v>902</v>
      </c>
      <c r="C517">
        <v>2</v>
      </c>
      <c r="D517">
        <v>0</v>
      </c>
    </row>
    <row r="518" spans="1:4" x14ac:dyDescent="0.25">
      <c r="A518" t="s">
        <v>903</v>
      </c>
      <c r="B518" t="s">
        <v>904</v>
      </c>
      <c r="C518">
        <v>0</v>
      </c>
      <c r="D518">
        <v>0</v>
      </c>
    </row>
    <row r="519" spans="1:4" x14ac:dyDescent="0.25">
      <c r="A519" t="s">
        <v>905</v>
      </c>
      <c r="B519" t="s">
        <v>906</v>
      </c>
      <c r="C519">
        <v>1</v>
      </c>
      <c r="D519">
        <v>0</v>
      </c>
    </row>
    <row r="520" spans="1:4" x14ac:dyDescent="0.25">
      <c r="A520" t="s">
        <v>907</v>
      </c>
      <c r="B520" t="s">
        <v>908</v>
      </c>
      <c r="C520">
        <v>0</v>
      </c>
      <c r="D520">
        <v>0</v>
      </c>
    </row>
    <row r="521" spans="1:4" x14ac:dyDescent="0.25">
      <c r="A521" t="s">
        <v>909</v>
      </c>
      <c r="B521" t="s">
        <v>910</v>
      </c>
      <c r="C521">
        <v>1</v>
      </c>
      <c r="D521">
        <v>0</v>
      </c>
    </row>
    <row r="522" spans="1:4" x14ac:dyDescent="0.25">
      <c r="A522" t="s">
        <v>909</v>
      </c>
      <c r="B522" t="s">
        <v>911</v>
      </c>
      <c r="C522">
        <v>1</v>
      </c>
      <c r="D522">
        <v>0</v>
      </c>
    </row>
    <row r="523" spans="1:4" x14ac:dyDescent="0.25">
      <c r="A523" t="s">
        <v>912</v>
      </c>
      <c r="B523" t="s">
        <v>913</v>
      </c>
      <c r="C523">
        <v>2</v>
      </c>
      <c r="D523">
        <v>0</v>
      </c>
    </row>
    <row r="524" spans="1:4" x14ac:dyDescent="0.25">
      <c r="A524" t="s">
        <v>912</v>
      </c>
      <c r="B524" t="s">
        <v>914</v>
      </c>
      <c r="C524">
        <v>2</v>
      </c>
      <c r="D524">
        <v>0</v>
      </c>
    </row>
    <row r="525" spans="1:4" x14ac:dyDescent="0.25">
      <c r="A525" t="s">
        <v>915</v>
      </c>
      <c r="B525" t="s">
        <v>916</v>
      </c>
      <c r="C525">
        <v>0</v>
      </c>
      <c r="D525">
        <v>0</v>
      </c>
    </row>
    <row r="526" spans="1:4" x14ac:dyDescent="0.25">
      <c r="A526" t="s">
        <v>915</v>
      </c>
      <c r="B526" t="s">
        <v>917</v>
      </c>
      <c r="C526">
        <v>2</v>
      </c>
      <c r="D526">
        <v>0</v>
      </c>
    </row>
    <row r="527" spans="1:4" x14ac:dyDescent="0.25">
      <c r="A527" t="s">
        <v>918</v>
      </c>
      <c r="B527" t="s">
        <v>919</v>
      </c>
      <c r="C527">
        <v>1</v>
      </c>
      <c r="D527">
        <v>0</v>
      </c>
    </row>
    <row r="528" spans="1:4" x14ac:dyDescent="0.25">
      <c r="A528" t="s">
        <v>920</v>
      </c>
      <c r="B528" t="s">
        <v>921</v>
      </c>
      <c r="C528">
        <v>2</v>
      </c>
      <c r="D528">
        <v>0</v>
      </c>
    </row>
    <row r="529" spans="1:4" x14ac:dyDescent="0.25">
      <c r="A529" t="s">
        <v>920</v>
      </c>
      <c r="B529" t="s">
        <v>922</v>
      </c>
      <c r="C529">
        <v>0</v>
      </c>
      <c r="D529">
        <v>0</v>
      </c>
    </row>
    <row r="530" spans="1:4" x14ac:dyDescent="0.25">
      <c r="A530" t="s">
        <v>920</v>
      </c>
      <c r="B530" t="s">
        <v>923</v>
      </c>
      <c r="C530">
        <v>0</v>
      </c>
      <c r="D530">
        <v>0</v>
      </c>
    </row>
    <row r="531" spans="1:4" x14ac:dyDescent="0.25">
      <c r="A531" t="s">
        <v>924</v>
      </c>
      <c r="B531" t="s">
        <v>925</v>
      </c>
      <c r="C531">
        <v>1</v>
      </c>
      <c r="D531">
        <v>0</v>
      </c>
    </row>
    <row r="532" spans="1:4" x14ac:dyDescent="0.25">
      <c r="A532" t="s">
        <v>924</v>
      </c>
      <c r="B532" t="s">
        <v>926</v>
      </c>
      <c r="C532">
        <v>1</v>
      </c>
      <c r="D532">
        <v>0</v>
      </c>
    </row>
    <row r="533" spans="1:4" x14ac:dyDescent="0.25">
      <c r="A533" t="s">
        <v>924</v>
      </c>
      <c r="B533" t="s">
        <v>927</v>
      </c>
      <c r="C533">
        <v>0</v>
      </c>
      <c r="D533">
        <v>0</v>
      </c>
    </row>
    <row r="534" spans="1:4" x14ac:dyDescent="0.25">
      <c r="A534" t="s">
        <v>928</v>
      </c>
      <c r="B534" t="s">
        <v>929</v>
      </c>
      <c r="C534">
        <v>1</v>
      </c>
      <c r="D534">
        <v>0</v>
      </c>
    </row>
    <row r="535" spans="1:4" x14ac:dyDescent="0.25">
      <c r="A535" t="s">
        <v>928</v>
      </c>
      <c r="B535" t="s">
        <v>930</v>
      </c>
      <c r="C535">
        <v>0</v>
      </c>
      <c r="D535">
        <v>0</v>
      </c>
    </row>
    <row r="536" spans="1:4" x14ac:dyDescent="0.25">
      <c r="A536" t="s">
        <v>931</v>
      </c>
      <c r="B536" t="s">
        <v>932</v>
      </c>
      <c r="C536">
        <v>1</v>
      </c>
      <c r="D536">
        <v>0</v>
      </c>
    </row>
    <row r="537" spans="1:4" x14ac:dyDescent="0.25">
      <c r="A537" t="s">
        <v>931</v>
      </c>
      <c r="B537" t="s">
        <v>933</v>
      </c>
      <c r="C537">
        <v>1</v>
      </c>
      <c r="D537">
        <v>0</v>
      </c>
    </row>
    <row r="538" spans="1:4" x14ac:dyDescent="0.25">
      <c r="A538" t="s">
        <v>934</v>
      </c>
      <c r="B538" t="s">
        <v>935</v>
      </c>
      <c r="C538">
        <v>2</v>
      </c>
      <c r="D538">
        <v>0</v>
      </c>
    </row>
    <row r="539" spans="1:4" x14ac:dyDescent="0.25">
      <c r="A539" t="s">
        <v>934</v>
      </c>
      <c r="B539" t="s">
        <v>936</v>
      </c>
      <c r="C539">
        <v>1</v>
      </c>
      <c r="D539">
        <v>0</v>
      </c>
    </row>
    <row r="540" spans="1:4" x14ac:dyDescent="0.25">
      <c r="A540" t="s">
        <v>937</v>
      </c>
      <c r="B540" t="s">
        <v>938</v>
      </c>
      <c r="C540">
        <v>0</v>
      </c>
      <c r="D540">
        <v>0</v>
      </c>
    </row>
    <row r="541" spans="1:4" x14ac:dyDescent="0.25">
      <c r="A541" t="s">
        <v>937</v>
      </c>
      <c r="B541" t="s">
        <v>939</v>
      </c>
      <c r="C541">
        <v>1</v>
      </c>
      <c r="D541">
        <v>0</v>
      </c>
    </row>
    <row r="542" spans="1:4" x14ac:dyDescent="0.25">
      <c r="A542" t="s">
        <v>940</v>
      </c>
      <c r="B542" t="s">
        <v>941</v>
      </c>
      <c r="C542">
        <v>2</v>
      </c>
      <c r="D542">
        <v>0</v>
      </c>
    </row>
    <row r="543" spans="1:4" x14ac:dyDescent="0.25">
      <c r="A543" t="s">
        <v>942</v>
      </c>
      <c r="B543" t="s">
        <v>943</v>
      </c>
      <c r="C543">
        <v>0</v>
      </c>
      <c r="D543">
        <v>0</v>
      </c>
    </row>
    <row r="544" spans="1:4" x14ac:dyDescent="0.25">
      <c r="A544" t="s">
        <v>944</v>
      </c>
      <c r="B544" t="s">
        <v>945</v>
      </c>
      <c r="C544">
        <v>1</v>
      </c>
      <c r="D544">
        <v>0</v>
      </c>
    </row>
    <row r="545" spans="1:4" x14ac:dyDescent="0.25">
      <c r="A545" t="s">
        <v>944</v>
      </c>
      <c r="B545" t="s">
        <v>946</v>
      </c>
      <c r="C545">
        <v>2</v>
      </c>
      <c r="D545">
        <v>0</v>
      </c>
    </row>
    <row r="546" spans="1:4" x14ac:dyDescent="0.25">
      <c r="A546" t="s">
        <v>944</v>
      </c>
      <c r="B546" t="s">
        <v>947</v>
      </c>
      <c r="C546">
        <v>2</v>
      </c>
      <c r="D546">
        <v>0</v>
      </c>
    </row>
    <row r="547" spans="1:4" x14ac:dyDescent="0.25">
      <c r="A547" t="s">
        <v>948</v>
      </c>
      <c r="B547" t="s">
        <v>949</v>
      </c>
      <c r="C547">
        <v>0</v>
      </c>
      <c r="D547">
        <v>0</v>
      </c>
    </row>
    <row r="548" spans="1:4" x14ac:dyDescent="0.25">
      <c r="A548" t="s">
        <v>950</v>
      </c>
      <c r="B548" t="s">
        <v>951</v>
      </c>
      <c r="C548">
        <v>1</v>
      </c>
      <c r="D548">
        <v>0</v>
      </c>
    </row>
    <row r="549" spans="1:4" x14ac:dyDescent="0.25">
      <c r="A549" t="s">
        <v>952</v>
      </c>
      <c r="B549" t="s">
        <v>953</v>
      </c>
      <c r="C549">
        <v>1</v>
      </c>
      <c r="D549">
        <v>0</v>
      </c>
    </row>
    <row r="550" spans="1:4" x14ac:dyDescent="0.25">
      <c r="A550" t="s">
        <v>954</v>
      </c>
      <c r="B550" t="s">
        <v>955</v>
      </c>
      <c r="C550">
        <v>0</v>
      </c>
      <c r="D550">
        <v>0</v>
      </c>
    </row>
    <row r="551" spans="1:4" x14ac:dyDescent="0.25">
      <c r="A551" t="s">
        <v>954</v>
      </c>
      <c r="B551" t="s">
        <v>956</v>
      </c>
      <c r="C551">
        <v>0</v>
      </c>
      <c r="D551">
        <v>0</v>
      </c>
    </row>
    <row r="552" spans="1:4" x14ac:dyDescent="0.25">
      <c r="A552" t="s">
        <v>957</v>
      </c>
      <c r="B552" t="s">
        <v>843</v>
      </c>
      <c r="C552">
        <v>1</v>
      </c>
      <c r="D552">
        <v>0</v>
      </c>
    </row>
    <row r="553" spans="1:4" x14ac:dyDescent="0.25">
      <c r="A553" t="s">
        <v>958</v>
      </c>
      <c r="B553" t="s">
        <v>398</v>
      </c>
      <c r="C553">
        <v>0</v>
      </c>
      <c r="D553">
        <v>0</v>
      </c>
    </row>
    <row r="554" spans="1:4" x14ac:dyDescent="0.25">
      <c r="A554" t="s">
        <v>958</v>
      </c>
      <c r="B554" t="s">
        <v>959</v>
      </c>
      <c r="C554">
        <v>0</v>
      </c>
      <c r="D554">
        <v>0</v>
      </c>
    </row>
    <row r="555" spans="1:4" x14ac:dyDescent="0.25">
      <c r="A555" t="s">
        <v>960</v>
      </c>
      <c r="B555" t="s">
        <v>961</v>
      </c>
      <c r="C555">
        <v>0</v>
      </c>
      <c r="D555">
        <v>0</v>
      </c>
    </row>
    <row r="556" spans="1:4" x14ac:dyDescent="0.25">
      <c r="A556" t="s">
        <v>962</v>
      </c>
      <c r="B556" t="s">
        <v>963</v>
      </c>
      <c r="C556">
        <v>1</v>
      </c>
      <c r="D556">
        <v>0</v>
      </c>
    </row>
    <row r="557" spans="1:4" x14ac:dyDescent="0.25">
      <c r="A557" t="s">
        <v>964</v>
      </c>
      <c r="B557" t="s">
        <v>965</v>
      </c>
      <c r="C557">
        <v>1</v>
      </c>
      <c r="D557">
        <v>0</v>
      </c>
    </row>
    <row r="558" spans="1:4" x14ac:dyDescent="0.25">
      <c r="A558" t="s">
        <v>964</v>
      </c>
      <c r="B558" t="s">
        <v>966</v>
      </c>
      <c r="C558">
        <v>0</v>
      </c>
      <c r="D558">
        <v>0</v>
      </c>
    </row>
    <row r="559" spans="1:4" x14ac:dyDescent="0.25">
      <c r="A559" t="s">
        <v>967</v>
      </c>
      <c r="B559" t="s">
        <v>968</v>
      </c>
      <c r="C559">
        <v>1</v>
      </c>
      <c r="D559">
        <v>0</v>
      </c>
    </row>
    <row r="560" spans="1:4" x14ac:dyDescent="0.25">
      <c r="A560" t="s">
        <v>967</v>
      </c>
      <c r="B560" t="s">
        <v>969</v>
      </c>
      <c r="C560">
        <v>0</v>
      </c>
      <c r="D560">
        <v>0</v>
      </c>
    </row>
    <row r="561" spans="1:4" x14ac:dyDescent="0.25">
      <c r="A561" t="s">
        <v>970</v>
      </c>
      <c r="B561" t="s">
        <v>971</v>
      </c>
      <c r="C561">
        <v>1</v>
      </c>
      <c r="D561">
        <v>0</v>
      </c>
    </row>
    <row r="562" spans="1:4" x14ac:dyDescent="0.25">
      <c r="A562" t="s">
        <v>970</v>
      </c>
      <c r="B562" t="s">
        <v>972</v>
      </c>
      <c r="C562">
        <v>0</v>
      </c>
      <c r="D562">
        <v>0</v>
      </c>
    </row>
    <row r="563" spans="1:4" x14ac:dyDescent="0.25">
      <c r="A563" t="s">
        <v>970</v>
      </c>
      <c r="B563" t="s">
        <v>973</v>
      </c>
      <c r="C563">
        <v>1</v>
      </c>
      <c r="D563">
        <v>0</v>
      </c>
    </row>
    <row r="564" spans="1:4" x14ac:dyDescent="0.25">
      <c r="A564" t="s">
        <v>974</v>
      </c>
      <c r="B564" t="s">
        <v>975</v>
      </c>
      <c r="C564">
        <v>0</v>
      </c>
      <c r="D564">
        <v>0</v>
      </c>
    </row>
    <row r="565" spans="1:4" x14ac:dyDescent="0.25">
      <c r="A565" t="s">
        <v>976</v>
      </c>
      <c r="B565" t="s">
        <v>977</v>
      </c>
      <c r="C565">
        <v>1</v>
      </c>
      <c r="D565">
        <v>0</v>
      </c>
    </row>
    <row r="566" spans="1:4" x14ac:dyDescent="0.25">
      <c r="A566" t="s">
        <v>976</v>
      </c>
      <c r="B566" t="s">
        <v>978</v>
      </c>
      <c r="C566">
        <v>1</v>
      </c>
      <c r="D566">
        <v>0</v>
      </c>
    </row>
    <row r="567" spans="1:4" x14ac:dyDescent="0.25">
      <c r="A567" t="s">
        <v>976</v>
      </c>
      <c r="B567" t="s">
        <v>979</v>
      </c>
      <c r="C567">
        <v>1</v>
      </c>
      <c r="D567">
        <v>0</v>
      </c>
    </row>
    <row r="568" spans="1:4" x14ac:dyDescent="0.25">
      <c r="A568" t="s">
        <v>980</v>
      </c>
      <c r="B568" t="s">
        <v>981</v>
      </c>
      <c r="C568">
        <v>2</v>
      </c>
      <c r="D568">
        <v>0</v>
      </c>
    </row>
    <row r="569" spans="1:4" x14ac:dyDescent="0.25">
      <c r="A569" t="s">
        <v>982</v>
      </c>
      <c r="B569" t="s">
        <v>983</v>
      </c>
      <c r="C569">
        <v>0</v>
      </c>
      <c r="D569">
        <v>0</v>
      </c>
    </row>
    <row r="570" spans="1:4" x14ac:dyDescent="0.25">
      <c r="A570" t="s">
        <v>984</v>
      </c>
      <c r="B570" t="s">
        <v>985</v>
      </c>
      <c r="C570">
        <v>1</v>
      </c>
      <c r="D570">
        <v>0</v>
      </c>
    </row>
    <row r="571" spans="1:4" x14ac:dyDescent="0.25">
      <c r="A571" t="s">
        <v>984</v>
      </c>
      <c r="B571" t="s">
        <v>986</v>
      </c>
      <c r="C571">
        <v>2</v>
      </c>
      <c r="D571">
        <v>0</v>
      </c>
    </row>
    <row r="572" spans="1:4" x14ac:dyDescent="0.25">
      <c r="A572" t="s">
        <v>984</v>
      </c>
      <c r="B572" t="s">
        <v>987</v>
      </c>
      <c r="C572">
        <v>2</v>
      </c>
      <c r="D572">
        <v>0</v>
      </c>
    </row>
    <row r="573" spans="1:4" x14ac:dyDescent="0.25">
      <c r="A573" t="s">
        <v>988</v>
      </c>
      <c r="B573" t="s">
        <v>989</v>
      </c>
      <c r="C573">
        <v>2</v>
      </c>
      <c r="D573">
        <v>0</v>
      </c>
    </row>
    <row r="574" spans="1:4" x14ac:dyDescent="0.25">
      <c r="A574" t="s">
        <v>990</v>
      </c>
      <c r="B574" t="s">
        <v>843</v>
      </c>
      <c r="C574">
        <v>1</v>
      </c>
      <c r="D574">
        <v>0</v>
      </c>
    </row>
    <row r="575" spans="1:4" x14ac:dyDescent="0.25">
      <c r="A575" t="s">
        <v>991</v>
      </c>
      <c r="B575" t="s">
        <v>992</v>
      </c>
      <c r="C575">
        <v>0</v>
      </c>
      <c r="D575">
        <v>0</v>
      </c>
    </row>
    <row r="576" spans="1:4" x14ac:dyDescent="0.25">
      <c r="A576" t="s">
        <v>993</v>
      </c>
      <c r="B576" t="s">
        <v>398</v>
      </c>
      <c r="C576">
        <v>0</v>
      </c>
      <c r="D576">
        <v>0</v>
      </c>
    </row>
    <row r="577" spans="1:4" x14ac:dyDescent="0.25">
      <c r="A577" t="s">
        <v>994</v>
      </c>
      <c r="B577" t="s">
        <v>995</v>
      </c>
      <c r="C577">
        <v>0</v>
      </c>
      <c r="D577">
        <v>0</v>
      </c>
    </row>
    <row r="578" spans="1:4" x14ac:dyDescent="0.25">
      <c r="A578" t="s">
        <v>994</v>
      </c>
      <c r="B578" t="s">
        <v>996</v>
      </c>
      <c r="C578">
        <v>1</v>
      </c>
      <c r="D578">
        <v>0</v>
      </c>
    </row>
    <row r="579" spans="1:4" x14ac:dyDescent="0.25">
      <c r="A579" t="s">
        <v>997</v>
      </c>
      <c r="B579" t="s">
        <v>398</v>
      </c>
      <c r="C579">
        <v>0</v>
      </c>
      <c r="D579">
        <v>0</v>
      </c>
    </row>
    <row r="580" spans="1:4" x14ac:dyDescent="0.25">
      <c r="A580" t="s">
        <v>998</v>
      </c>
      <c r="B580" t="s">
        <v>999</v>
      </c>
      <c r="C580">
        <v>1</v>
      </c>
      <c r="D580">
        <v>0</v>
      </c>
    </row>
    <row r="581" spans="1:4" x14ac:dyDescent="0.25">
      <c r="A581" t="s">
        <v>998</v>
      </c>
      <c r="B581" t="s">
        <v>888</v>
      </c>
      <c r="C581">
        <v>0</v>
      </c>
      <c r="D581">
        <v>0</v>
      </c>
    </row>
    <row r="582" spans="1:4" x14ac:dyDescent="0.25">
      <c r="A582" t="s">
        <v>1000</v>
      </c>
      <c r="B582" t="s">
        <v>1001</v>
      </c>
      <c r="C582">
        <v>1</v>
      </c>
      <c r="D582">
        <v>0</v>
      </c>
    </row>
    <row r="583" spans="1:4" x14ac:dyDescent="0.25">
      <c r="A583" t="s">
        <v>1002</v>
      </c>
      <c r="B583" t="s">
        <v>888</v>
      </c>
      <c r="C583">
        <v>1</v>
      </c>
      <c r="D583">
        <v>0</v>
      </c>
    </row>
    <row r="584" spans="1:4" x14ac:dyDescent="0.25">
      <c r="A584" t="s">
        <v>1003</v>
      </c>
      <c r="B584" t="s">
        <v>1004</v>
      </c>
      <c r="C584">
        <v>0</v>
      </c>
      <c r="D584">
        <v>0</v>
      </c>
    </row>
    <row r="585" spans="1:4" x14ac:dyDescent="0.25">
      <c r="A585" t="s">
        <v>1005</v>
      </c>
      <c r="B585" t="s">
        <v>1006</v>
      </c>
      <c r="C585">
        <v>0</v>
      </c>
      <c r="D585">
        <v>0</v>
      </c>
    </row>
    <row r="586" spans="1:4" x14ac:dyDescent="0.25">
      <c r="A586" t="s">
        <v>1007</v>
      </c>
      <c r="B586" t="s">
        <v>1008</v>
      </c>
      <c r="C586">
        <v>1</v>
      </c>
      <c r="D586">
        <v>0</v>
      </c>
    </row>
    <row r="587" spans="1:4" x14ac:dyDescent="0.25">
      <c r="A587" t="s">
        <v>1009</v>
      </c>
      <c r="B587" t="s">
        <v>1010</v>
      </c>
      <c r="C587">
        <v>1</v>
      </c>
      <c r="D587">
        <v>0</v>
      </c>
    </row>
    <row r="588" spans="1:4" x14ac:dyDescent="0.25">
      <c r="A588" t="s">
        <v>1011</v>
      </c>
      <c r="B588" t="s">
        <v>1012</v>
      </c>
      <c r="C588">
        <v>0</v>
      </c>
      <c r="D588">
        <v>0</v>
      </c>
    </row>
    <row r="589" spans="1:4" x14ac:dyDescent="0.25">
      <c r="A589" t="s">
        <v>1011</v>
      </c>
      <c r="B589" t="s">
        <v>1013</v>
      </c>
      <c r="C589">
        <v>1</v>
      </c>
      <c r="D589">
        <v>0</v>
      </c>
    </row>
    <row r="590" spans="1:4" x14ac:dyDescent="0.25">
      <c r="A590" t="s">
        <v>1011</v>
      </c>
      <c r="B590" t="s">
        <v>1014</v>
      </c>
      <c r="C590">
        <v>1</v>
      </c>
      <c r="D590">
        <v>0</v>
      </c>
    </row>
    <row r="591" spans="1:4" x14ac:dyDescent="0.25">
      <c r="A591" t="s">
        <v>1015</v>
      </c>
      <c r="B591" t="s">
        <v>1016</v>
      </c>
      <c r="C591">
        <v>0</v>
      </c>
      <c r="D591">
        <v>0</v>
      </c>
    </row>
    <row r="592" spans="1:4" x14ac:dyDescent="0.25">
      <c r="A592" t="s">
        <v>1015</v>
      </c>
      <c r="B592" t="s">
        <v>1017</v>
      </c>
      <c r="C592">
        <v>0</v>
      </c>
      <c r="D592">
        <v>0</v>
      </c>
    </row>
    <row r="593" spans="1:4" x14ac:dyDescent="0.25">
      <c r="A593" t="s">
        <v>1015</v>
      </c>
      <c r="B593" t="s">
        <v>1018</v>
      </c>
      <c r="C593">
        <v>0</v>
      </c>
      <c r="D593">
        <v>0</v>
      </c>
    </row>
    <row r="594" spans="1:4" x14ac:dyDescent="0.25">
      <c r="A594" t="s">
        <v>1019</v>
      </c>
      <c r="B594" t="s">
        <v>1020</v>
      </c>
      <c r="C594">
        <v>2</v>
      </c>
      <c r="D594">
        <v>0</v>
      </c>
    </row>
    <row r="595" spans="1:4" x14ac:dyDescent="0.25">
      <c r="A595" t="s">
        <v>1019</v>
      </c>
      <c r="B595" t="s">
        <v>1021</v>
      </c>
      <c r="C595">
        <v>1</v>
      </c>
      <c r="D595">
        <v>0</v>
      </c>
    </row>
    <row r="596" spans="1:4" x14ac:dyDescent="0.25">
      <c r="A596" t="s">
        <v>1022</v>
      </c>
      <c r="B596" t="s">
        <v>1023</v>
      </c>
      <c r="C596">
        <v>1</v>
      </c>
      <c r="D596">
        <v>0</v>
      </c>
    </row>
    <row r="597" spans="1:4" x14ac:dyDescent="0.25">
      <c r="A597" t="s">
        <v>1024</v>
      </c>
      <c r="B597" t="s">
        <v>1025</v>
      </c>
      <c r="C597">
        <v>1</v>
      </c>
      <c r="D597">
        <v>0</v>
      </c>
    </row>
    <row r="598" spans="1:4" x14ac:dyDescent="0.25">
      <c r="A598" t="s">
        <v>1024</v>
      </c>
      <c r="B598" t="s">
        <v>1026</v>
      </c>
      <c r="C598">
        <v>2</v>
      </c>
      <c r="D598">
        <v>0</v>
      </c>
    </row>
    <row r="599" spans="1:4" x14ac:dyDescent="0.25">
      <c r="A599" t="s">
        <v>1024</v>
      </c>
      <c r="B599" t="s">
        <v>1027</v>
      </c>
      <c r="C599">
        <v>2</v>
      </c>
      <c r="D599">
        <v>0</v>
      </c>
    </row>
    <row r="600" spans="1:4" x14ac:dyDescent="0.25">
      <c r="A600" t="s">
        <v>1028</v>
      </c>
      <c r="B600" t="s">
        <v>1029</v>
      </c>
      <c r="C600">
        <v>1</v>
      </c>
      <c r="D600">
        <v>0</v>
      </c>
    </row>
    <row r="601" spans="1:4" x14ac:dyDescent="0.25">
      <c r="A601" t="s">
        <v>1030</v>
      </c>
      <c r="B601" t="s">
        <v>1031</v>
      </c>
      <c r="C601">
        <v>1</v>
      </c>
      <c r="D601">
        <v>0</v>
      </c>
    </row>
    <row r="602" spans="1:4" x14ac:dyDescent="0.25">
      <c r="A602" t="s">
        <v>1030</v>
      </c>
      <c r="B602" t="s">
        <v>1032</v>
      </c>
      <c r="C602">
        <v>1</v>
      </c>
      <c r="D602">
        <v>0</v>
      </c>
    </row>
    <row r="603" spans="1:4" x14ac:dyDescent="0.25">
      <c r="A603" t="s">
        <v>1033</v>
      </c>
      <c r="B603" t="s">
        <v>1034</v>
      </c>
      <c r="C603">
        <v>0</v>
      </c>
      <c r="D603">
        <v>0</v>
      </c>
    </row>
    <row r="604" spans="1:4" x14ac:dyDescent="0.25">
      <c r="A604" t="s">
        <v>1033</v>
      </c>
      <c r="B604" t="s">
        <v>1035</v>
      </c>
      <c r="C604">
        <v>0</v>
      </c>
      <c r="D604">
        <v>0</v>
      </c>
    </row>
    <row r="605" spans="1:4" x14ac:dyDescent="0.25">
      <c r="A605" t="s">
        <v>1036</v>
      </c>
      <c r="B605" t="s">
        <v>1037</v>
      </c>
      <c r="C605">
        <v>0</v>
      </c>
      <c r="D605">
        <v>0</v>
      </c>
    </row>
    <row r="606" spans="1:4" x14ac:dyDescent="0.25">
      <c r="A606" t="s">
        <v>1038</v>
      </c>
      <c r="B606" t="s">
        <v>1039</v>
      </c>
      <c r="C606">
        <v>1</v>
      </c>
      <c r="D606">
        <v>0</v>
      </c>
    </row>
    <row r="607" spans="1:4" x14ac:dyDescent="0.25">
      <c r="A607" t="s">
        <v>1038</v>
      </c>
      <c r="B607" t="s">
        <v>1040</v>
      </c>
      <c r="C607">
        <v>2</v>
      </c>
      <c r="D607">
        <v>0</v>
      </c>
    </row>
    <row r="608" spans="1:4" x14ac:dyDescent="0.25">
      <c r="A608" t="s">
        <v>1041</v>
      </c>
      <c r="B608" t="s">
        <v>1042</v>
      </c>
      <c r="C608">
        <v>0</v>
      </c>
      <c r="D608">
        <v>0</v>
      </c>
    </row>
    <row r="609" spans="1:4" x14ac:dyDescent="0.25">
      <c r="A609" t="s">
        <v>1043</v>
      </c>
      <c r="B609" t="s">
        <v>1044</v>
      </c>
      <c r="C609">
        <v>1</v>
      </c>
      <c r="D609">
        <v>0</v>
      </c>
    </row>
    <row r="610" spans="1:4" x14ac:dyDescent="0.25">
      <c r="A610" t="s">
        <v>1043</v>
      </c>
      <c r="B610" t="s">
        <v>1045</v>
      </c>
      <c r="C610">
        <v>0</v>
      </c>
      <c r="D610">
        <v>0</v>
      </c>
    </row>
    <row r="611" spans="1:4" x14ac:dyDescent="0.25">
      <c r="A611" t="s">
        <v>1046</v>
      </c>
      <c r="B611" t="s">
        <v>398</v>
      </c>
      <c r="C611">
        <v>0</v>
      </c>
      <c r="D611">
        <v>0</v>
      </c>
    </row>
    <row r="612" spans="1:4" x14ac:dyDescent="0.25">
      <c r="A612" t="s">
        <v>1047</v>
      </c>
      <c r="B612" t="s">
        <v>1048</v>
      </c>
      <c r="C612">
        <v>1</v>
      </c>
      <c r="D612">
        <v>0</v>
      </c>
    </row>
    <row r="613" spans="1:4" x14ac:dyDescent="0.25">
      <c r="A613" t="s">
        <v>1049</v>
      </c>
      <c r="B613" t="s">
        <v>1050</v>
      </c>
      <c r="C613">
        <v>0</v>
      </c>
      <c r="D613">
        <v>0</v>
      </c>
    </row>
    <row r="614" spans="1:4" x14ac:dyDescent="0.25">
      <c r="A614" t="s">
        <v>1051</v>
      </c>
      <c r="B614" t="s">
        <v>1052</v>
      </c>
      <c r="C614">
        <v>1</v>
      </c>
      <c r="D614">
        <v>0</v>
      </c>
    </row>
    <row r="615" spans="1:4" x14ac:dyDescent="0.25">
      <c r="A615" t="s">
        <v>1053</v>
      </c>
      <c r="B615" t="s">
        <v>1054</v>
      </c>
      <c r="C615">
        <v>1</v>
      </c>
      <c r="D615">
        <v>0</v>
      </c>
    </row>
    <row r="616" spans="1:4" x14ac:dyDescent="0.25">
      <c r="A616" t="s">
        <v>1055</v>
      </c>
      <c r="B616" t="s">
        <v>1056</v>
      </c>
      <c r="C616">
        <v>2</v>
      </c>
      <c r="D616">
        <v>0</v>
      </c>
    </row>
    <row r="617" spans="1:4" x14ac:dyDescent="0.25">
      <c r="A617" t="s">
        <v>1055</v>
      </c>
      <c r="B617" t="s">
        <v>1057</v>
      </c>
      <c r="C617">
        <v>1</v>
      </c>
      <c r="D617">
        <v>0</v>
      </c>
    </row>
    <row r="618" spans="1:4" x14ac:dyDescent="0.25">
      <c r="A618" t="s">
        <v>1058</v>
      </c>
      <c r="B618" t="s">
        <v>1059</v>
      </c>
      <c r="C618">
        <v>0</v>
      </c>
      <c r="D618">
        <v>0</v>
      </c>
    </row>
    <row r="619" spans="1:4" x14ac:dyDescent="0.25">
      <c r="A619" t="s">
        <v>1058</v>
      </c>
      <c r="B619" t="s">
        <v>1060</v>
      </c>
      <c r="C619">
        <v>1</v>
      </c>
      <c r="D619">
        <v>0</v>
      </c>
    </row>
    <row r="620" spans="1:4" x14ac:dyDescent="0.25">
      <c r="A620" t="s">
        <v>1061</v>
      </c>
      <c r="B620" t="s">
        <v>1062</v>
      </c>
      <c r="C620">
        <v>2</v>
      </c>
      <c r="D620">
        <v>0</v>
      </c>
    </row>
    <row r="621" spans="1:4" x14ac:dyDescent="0.25">
      <c r="A621" t="s">
        <v>1063</v>
      </c>
      <c r="B621" t="s">
        <v>968</v>
      </c>
      <c r="C621">
        <v>1</v>
      </c>
      <c r="D621">
        <v>0</v>
      </c>
    </row>
    <row r="622" spans="1:4" x14ac:dyDescent="0.25">
      <c r="A622" t="s">
        <v>1064</v>
      </c>
      <c r="B622" t="s">
        <v>1065</v>
      </c>
      <c r="C622">
        <v>0</v>
      </c>
      <c r="D622">
        <v>0</v>
      </c>
    </row>
    <row r="623" spans="1:4" x14ac:dyDescent="0.25">
      <c r="A623" t="s">
        <v>1064</v>
      </c>
      <c r="B623" t="s">
        <v>1066</v>
      </c>
      <c r="C623">
        <v>0</v>
      </c>
      <c r="D623">
        <v>0</v>
      </c>
    </row>
    <row r="624" spans="1:4" x14ac:dyDescent="0.25">
      <c r="A624" t="s">
        <v>1067</v>
      </c>
      <c r="B624" t="s">
        <v>1068</v>
      </c>
      <c r="C624">
        <v>0</v>
      </c>
      <c r="D624">
        <v>0</v>
      </c>
    </row>
    <row r="625" spans="1:4" x14ac:dyDescent="0.25">
      <c r="A625" t="s">
        <v>1067</v>
      </c>
      <c r="B625" t="s">
        <v>1069</v>
      </c>
      <c r="C625">
        <v>1</v>
      </c>
      <c r="D625">
        <v>0</v>
      </c>
    </row>
    <row r="626" spans="1:4" x14ac:dyDescent="0.25">
      <c r="A626" t="s">
        <v>1070</v>
      </c>
      <c r="B626" t="s">
        <v>1071</v>
      </c>
      <c r="C626">
        <v>0</v>
      </c>
      <c r="D626">
        <v>0</v>
      </c>
    </row>
    <row r="627" spans="1:4" x14ac:dyDescent="0.25">
      <c r="A627" t="s">
        <v>1072</v>
      </c>
      <c r="B627" t="s">
        <v>1073</v>
      </c>
      <c r="C627">
        <v>1</v>
      </c>
      <c r="D627">
        <v>0</v>
      </c>
    </row>
    <row r="628" spans="1:4" x14ac:dyDescent="0.25">
      <c r="A628" t="s">
        <v>1074</v>
      </c>
      <c r="B628" t="s">
        <v>1075</v>
      </c>
      <c r="C628">
        <v>1</v>
      </c>
      <c r="D628">
        <v>0</v>
      </c>
    </row>
    <row r="629" spans="1:4" x14ac:dyDescent="0.25">
      <c r="A629" t="s">
        <v>1076</v>
      </c>
      <c r="B629" t="s">
        <v>843</v>
      </c>
      <c r="C629">
        <v>1</v>
      </c>
      <c r="D629">
        <v>0</v>
      </c>
    </row>
    <row r="630" spans="1:4" x14ac:dyDescent="0.25">
      <c r="A630" t="s">
        <v>1076</v>
      </c>
      <c r="B630" t="s">
        <v>1077</v>
      </c>
      <c r="C630">
        <v>0</v>
      </c>
      <c r="D630">
        <v>0</v>
      </c>
    </row>
    <row r="631" spans="1:4" x14ac:dyDescent="0.25">
      <c r="A631" t="s">
        <v>1078</v>
      </c>
      <c r="B631" t="s">
        <v>1079</v>
      </c>
      <c r="C631">
        <v>2</v>
      </c>
      <c r="D631">
        <v>0</v>
      </c>
    </row>
    <row r="632" spans="1:4" x14ac:dyDescent="0.25">
      <c r="A632" t="s">
        <v>1078</v>
      </c>
      <c r="B632" t="s">
        <v>1080</v>
      </c>
      <c r="C632">
        <v>0</v>
      </c>
      <c r="D632">
        <v>0</v>
      </c>
    </row>
    <row r="633" spans="1:4" x14ac:dyDescent="0.25">
      <c r="A633" t="s">
        <v>1078</v>
      </c>
      <c r="B633" t="s">
        <v>1081</v>
      </c>
      <c r="C633">
        <v>0</v>
      </c>
      <c r="D633">
        <v>0</v>
      </c>
    </row>
    <row r="634" spans="1:4" x14ac:dyDescent="0.25">
      <c r="A634" t="s">
        <v>1082</v>
      </c>
      <c r="B634" t="s">
        <v>1083</v>
      </c>
      <c r="C634">
        <v>1</v>
      </c>
      <c r="D634">
        <v>0</v>
      </c>
    </row>
    <row r="635" spans="1:4" x14ac:dyDescent="0.25">
      <c r="A635" t="s">
        <v>1082</v>
      </c>
      <c r="B635" t="s">
        <v>1084</v>
      </c>
      <c r="C635">
        <v>1</v>
      </c>
      <c r="D635">
        <v>0</v>
      </c>
    </row>
    <row r="636" spans="1:4" x14ac:dyDescent="0.25">
      <c r="A636" t="s">
        <v>1085</v>
      </c>
      <c r="B636" t="s">
        <v>1086</v>
      </c>
      <c r="C636">
        <v>0</v>
      </c>
      <c r="D636">
        <v>0</v>
      </c>
    </row>
    <row r="637" spans="1:4" x14ac:dyDescent="0.25">
      <c r="A637" t="s">
        <v>1087</v>
      </c>
      <c r="B637" t="s">
        <v>1088</v>
      </c>
      <c r="C637">
        <v>1</v>
      </c>
      <c r="D637">
        <v>0</v>
      </c>
    </row>
    <row r="638" spans="1:4" x14ac:dyDescent="0.25">
      <c r="A638" t="s">
        <v>1089</v>
      </c>
      <c r="B638" t="s">
        <v>1090</v>
      </c>
      <c r="C638">
        <v>1</v>
      </c>
      <c r="D638">
        <v>0</v>
      </c>
    </row>
    <row r="639" spans="1:4" x14ac:dyDescent="0.25">
      <c r="A639" t="s">
        <v>1091</v>
      </c>
      <c r="B639" t="s">
        <v>1092</v>
      </c>
      <c r="C639">
        <v>1</v>
      </c>
      <c r="D639">
        <v>0</v>
      </c>
    </row>
    <row r="640" spans="1:4" x14ac:dyDescent="0.25">
      <c r="A640" t="s">
        <v>1093</v>
      </c>
      <c r="B640" t="s">
        <v>1094</v>
      </c>
      <c r="C640">
        <v>1</v>
      </c>
      <c r="D640">
        <v>0</v>
      </c>
    </row>
    <row r="641" spans="1:4" x14ac:dyDescent="0.25">
      <c r="A641" t="s">
        <v>1093</v>
      </c>
      <c r="B641" t="s">
        <v>1095</v>
      </c>
      <c r="C641">
        <v>0</v>
      </c>
      <c r="D641">
        <v>0</v>
      </c>
    </row>
    <row r="642" spans="1:4" x14ac:dyDescent="0.25">
      <c r="A642" t="s">
        <v>1096</v>
      </c>
      <c r="B642" t="s">
        <v>1097</v>
      </c>
      <c r="C642">
        <v>1</v>
      </c>
      <c r="D642">
        <v>0</v>
      </c>
    </row>
    <row r="643" spans="1:4" x14ac:dyDescent="0.25">
      <c r="A643" t="s">
        <v>1096</v>
      </c>
      <c r="B643" t="s">
        <v>1098</v>
      </c>
      <c r="C643">
        <v>0</v>
      </c>
      <c r="D643">
        <v>0</v>
      </c>
    </row>
    <row r="644" spans="1:4" x14ac:dyDescent="0.25">
      <c r="A644" t="s">
        <v>1099</v>
      </c>
      <c r="B644" t="s">
        <v>398</v>
      </c>
      <c r="C644">
        <v>0</v>
      </c>
      <c r="D644">
        <v>0</v>
      </c>
    </row>
    <row r="645" spans="1:4" x14ac:dyDescent="0.25">
      <c r="A645" t="s">
        <v>1100</v>
      </c>
      <c r="B645" t="s">
        <v>1101</v>
      </c>
      <c r="C645">
        <v>1</v>
      </c>
      <c r="D645">
        <v>0</v>
      </c>
    </row>
    <row r="646" spans="1:4" x14ac:dyDescent="0.25">
      <c r="A646" t="s">
        <v>1100</v>
      </c>
      <c r="B646" t="s">
        <v>1102</v>
      </c>
      <c r="C646">
        <v>0</v>
      </c>
      <c r="D646">
        <v>0</v>
      </c>
    </row>
    <row r="647" spans="1:4" x14ac:dyDescent="0.25">
      <c r="A647" t="s">
        <v>1103</v>
      </c>
      <c r="B647" t="s">
        <v>852</v>
      </c>
      <c r="C647">
        <v>0</v>
      </c>
      <c r="D647">
        <v>0</v>
      </c>
    </row>
    <row r="648" spans="1:4" x14ac:dyDescent="0.25">
      <c r="A648" t="s">
        <v>1103</v>
      </c>
      <c r="B648" t="s">
        <v>816</v>
      </c>
      <c r="C648">
        <v>1</v>
      </c>
      <c r="D648">
        <v>0</v>
      </c>
    </row>
    <row r="649" spans="1:4" x14ac:dyDescent="0.25">
      <c r="A649" t="s">
        <v>1104</v>
      </c>
      <c r="B649" t="s">
        <v>1105</v>
      </c>
      <c r="C649">
        <v>0</v>
      </c>
      <c r="D649">
        <v>0</v>
      </c>
    </row>
    <row r="650" spans="1:4" x14ac:dyDescent="0.25">
      <c r="A650" t="s">
        <v>1106</v>
      </c>
      <c r="B650" t="s">
        <v>1107</v>
      </c>
      <c r="C650">
        <v>2</v>
      </c>
      <c r="D650">
        <v>0</v>
      </c>
    </row>
    <row r="651" spans="1:4" x14ac:dyDescent="0.25">
      <c r="A651" t="s">
        <v>1106</v>
      </c>
      <c r="B651" t="s">
        <v>1108</v>
      </c>
      <c r="C651">
        <v>1</v>
      </c>
      <c r="D651">
        <v>0</v>
      </c>
    </row>
    <row r="652" spans="1:4" x14ac:dyDescent="0.25">
      <c r="A652" t="s">
        <v>1109</v>
      </c>
      <c r="B652" t="s">
        <v>1110</v>
      </c>
      <c r="C652">
        <v>2</v>
      </c>
      <c r="D652">
        <v>0</v>
      </c>
    </row>
    <row r="653" spans="1:4" x14ac:dyDescent="0.25">
      <c r="A653" t="s">
        <v>1111</v>
      </c>
      <c r="B653" t="s">
        <v>1112</v>
      </c>
      <c r="C653">
        <v>1</v>
      </c>
      <c r="D653">
        <v>0</v>
      </c>
    </row>
    <row r="654" spans="1:4" x14ac:dyDescent="0.25">
      <c r="A654" t="s">
        <v>1111</v>
      </c>
      <c r="B654" t="s">
        <v>1113</v>
      </c>
      <c r="C654">
        <v>0</v>
      </c>
      <c r="D654">
        <v>0</v>
      </c>
    </row>
    <row r="655" spans="1:4" x14ac:dyDescent="0.25">
      <c r="A655" t="s">
        <v>1114</v>
      </c>
      <c r="B655" t="s">
        <v>1115</v>
      </c>
      <c r="C655">
        <v>2</v>
      </c>
      <c r="D655">
        <v>0</v>
      </c>
    </row>
    <row r="656" spans="1:4" x14ac:dyDescent="0.25">
      <c r="A656" t="s">
        <v>1114</v>
      </c>
      <c r="B656" t="s">
        <v>1116</v>
      </c>
      <c r="C656">
        <v>1</v>
      </c>
      <c r="D656">
        <v>0</v>
      </c>
    </row>
    <row r="657" spans="1:4" x14ac:dyDescent="0.25">
      <c r="A657" t="s">
        <v>1114</v>
      </c>
      <c r="B657" t="s">
        <v>1117</v>
      </c>
      <c r="C657">
        <v>2</v>
      </c>
      <c r="D657">
        <v>0</v>
      </c>
    </row>
    <row r="658" spans="1:4" x14ac:dyDescent="0.25">
      <c r="A658" t="s">
        <v>1118</v>
      </c>
      <c r="B658" t="s">
        <v>1119</v>
      </c>
      <c r="C658">
        <v>1</v>
      </c>
      <c r="D658">
        <v>0</v>
      </c>
    </row>
    <row r="659" spans="1:4" x14ac:dyDescent="0.25">
      <c r="A659" t="s">
        <v>1120</v>
      </c>
      <c r="B659" t="s">
        <v>1121</v>
      </c>
      <c r="C659">
        <v>0</v>
      </c>
      <c r="D659">
        <v>0</v>
      </c>
    </row>
    <row r="660" spans="1:4" x14ac:dyDescent="0.25">
      <c r="A660" t="s">
        <v>1120</v>
      </c>
      <c r="B660" t="s">
        <v>1122</v>
      </c>
      <c r="C660">
        <v>1</v>
      </c>
      <c r="D660">
        <v>0</v>
      </c>
    </row>
    <row r="661" spans="1:4" x14ac:dyDescent="0.25">
      <c r="A661" t="s">
        <v>1120</v>
      </c>
      <c r="B661" t="s">
        <v>1123</v>
      </c>
      <c r="C661">
        <v>0</v>
      </c>
      <c r="D661">
        <v>0</v>
      </c>
    </row>
    <row r="662" spans="1:4" x14ac:dyDescent="0.25">
      <c r="A662" t="s">
        <v>1124</v>
      </c>
      <c r="B662" t="s">
        <v>1125</v>
      </c>
      <c r="C662">
        <v>1</v>
      </c>
      <c r="D662">
        <v>0</v>
      </c>
    </row>
    <row r="663" spans="1:4" x14ac:dyDescent="0.25">
      <c r="A663" t="s">
        <v>1124</v>
      </c>
      <c r="B663" t="s">
        <v>1126</v>
      </c>
      <c r="C663">
        <v>1</v>
      </c>
      <c r="D663">
        <v>0</v>
      </c>
    </row>
    <row r="664" spans="1:4" x14ac:dyDescent="0.25">
      <c r="A664" t="s">
        <v>1124</v>
      </c>
      <c r="B664" t="s">
        <v>1127</v>
      </c>
      <c r="C664">
        <v>1</v>
      </c>
      <c r="D664">
        <v>0</v>
      </c>
    </row>
    <row r="665" spans="1:4" x14ac:dyDescent="0.25">
      <c r="A665" t="s">
        <v>1128</v>
      </c>
      <c r="B665" t="s">
        <v>1129</v>
      </c>
      <c r="C665">
        <v>1</v>
      </c>
      <c r="D665">
        <v>0</v>
      </c>
    </row>
    <row r="666" spans="1:4" x14ac:dyDescent="0.25">
      <c r="A666" t="s">
        <v>1130</v>
      </c>
      <c r="B666" t="s">
        <v>1131</v>
      </c>
      <c r="C666">
        <v>1</v>
      </c>
      <c r="D666">
        <v>0</v>
      </c>
    </row>
    <row r="667" spans="1:4" x14ac:dyDescent="0.25">
      <c r="A667" t="s">
        <v>1130</v>
      </c>
      <c r="B667" t="s">
        <v>1132</v>
      </c>
      <c r="C667">
        <v>2</v>
      </c>
      <c r="D667">
        <v>0</v>
      </c>
    </row>
    <row r="668" spans="1:4" x14ac:dyDescent="0.25">
      <c r="A668" t="s">
        <v>1133</v>
      </c>
      <c r="B668" t="s">
        <v>1134</v>
      </c>
      <c r="C668">
        <v>1</v>
      </c>
      <c r="D668">
        <v>0</v>
      </c>
    </row>
    <row r="669" spans="1:4" x14ac:dyDescent="0.25">
      <c r="A669" t="s">
        <v>1133</v>
      </c>
      <c r="B669" t="s">
        <v>1135</v>
      </c>
      <c r="C669">
        <v>0</v>
      </c>
      <c r="D669">
        <v>0</v>
      </c>
    </row>
    <row r="670" spans="1:4" x14ac:dyDescent="0.25">
      <c r="A670" t="s">
        <v>1136</v>
      </c>
      <c r="B670" t="s">
        <v>969</v>
      </c>
      <c r="C670">
        <v>0</v>
      </c>
      <c r="D670">
        <v>0</v>
      </c>
    </row>
    <row r="671" spans="1:4" x14ac:dyDescent="0.25">
      <c r="A671" t="s">
        <v>1137</v>
      </c>
      <c r="B671" t="s">
        <v>1138</v>
      </c>
      <c r="C671">
        <v>0</v>
      </c>
      <c r="D671">
        <v>0</v>
      </c>
    </row>
    <row r="672" spans="1:4" x14ac:dyDescent="0.25">
      <c r="A672" t="s">
        <v>1137</v>
      </c>
      <c r="B672" t="s">
        <v>1139</v>
      </c>
      <c r="C672">
        <v>1</v>
      </c>
      <c r="D672">
        <v>0</v>
      </c>
    </row>
    <row r="673" spans="1:4" x14ac:dyDescent="0.25">
      <c r="A673" t="s">
        <v>1140</v>
      </c>
      <c r="B673" t="s">
        <v>1141</v>
      </c>
      <c r="C673">
        <v>1</v>
      </c>
      <c r="D673">
        <v>0</v>
      </c>
    </row>
    <row r="674" spans="1:4" x14ac:dyDescent="0.25">
      <c r="A674" t="s">
        <v>1140</v>
      </c>
      <c r="B674" t="s">
        <v>1142</v>
      </c>
      <c r="C674">
        <v>1</v>
      </c>
      <c r="D674">
        <v>0</v>
      </c>
    </row>
    <row r="675" spans="1:4" x14ac:dyDescent="0.25">
      <c r="A675" t="s">
        <v>1143</v>
      </c>
      <c r="B675" t="s">
        <v>1144</v>
      </c>
      <c r="C675">
        <v>1</v>
      </c>
      <c r="D675">
        <v>0</v>
      </c>
    </row>
    <row r="676" spans="1:4" x14ac:dyDescent="0.25">
      <c r="A676" t="s">
        <v>1145</v>
      </c>
      <c r="B676" t="s">
        <v>1146</v>
      </c>
      <c r="C676">
        <v>2</v>
      </c>
      <c r="D676">
        <v>0</v>
      </c>
    </row>
    <row r="677" spans="1:4" x14ac:dyDescent="0.25">
      <c r="A677" t="s">
        <v>1145</v>
      </c>
      <c r="B677" t="s">
        <v>1147</v>
      </c>
      <c r="C677">
        <v>0</v>
      </c>
      <c r="D677">
        <v>0</v>
      </c>
    </row>
    <row r="678" spans="1:4" x14ac:dyDescent="0.25">
      <c r="A678" t="s">
        <v>1145</v>
      </c>
      <c r="B678" t="s">
        <v>1148</v>
      </c>
      <c r="C678">
        <v>1</v>
      </c>
      <c r="D678">
        <v>0</v>
      </c>
    </row>
    <row r="679" spans="1:4" x14ac:dyDescent="0.25">
      <c r="A679" t="s">
        <v>1149</v>
      </c>
      <c r="B679" t="s">
        <v>1150</v>
      </c>
      <c r="C679">
        <v>1</v>
      </c>
      <c r="D679">
        <v>0</v>
      </c>
    </row>
    <row r="680" spans="1:4" x14ac:dyDescent="0.25">
      <c r="A680" t="s">
        <v>1149</v>
      </c>
      <c r="B680" t="s">
        <v>1151</v>
      </c>
      <c r="C680">
        <v>1</v>
      </c>
      <c r="D680">
        <v>0</v>
      </c>
    </row>
    <row r="681" spans="1:4" x14ac:dyDescent="0.25">
      <c r="A681" t="s">
        <v>1149</v>
      </c>
      <c r="B681" t="s">
        <v>1152</v>
      </c>
      <c r="C681">
        <v>0</v>
      </c>
      <c r="D681">
        <v>0</v>
      </c>
    </row>
    <row r="682" spans="1:4" x14ac:dyDescent="0.25">
      <c r="A682" t="s">
        <v>1153</v>
      </c>
      <c r="B682" t="s">
        <v>1154</v>
      </c>
      <c r="C682">
        <v>1</v>
      </c>
      <c r="D682">
        <v>0</v>
      </c>
    </row>
    <row r="683" spans="1:4" x14ac:dyDescent="0.25">
      <c r="A683" t="s">
        <v>1155</v>
      </c>
      <c r="B683" t="s">
        <v>1001</v>
      </c>
      <c r="C683">
        <v>1</v>
      </c>
      <c r="D683">
        <v>0</v>
      </c>
    </row>
    <row r="684" spans="1:4" x14ac:dyDescent="0.25">
      <c r="A684" t="s">
        <v>1156</v>
      </c>
      <c r="B684" t="s">
        <v>797</v>
      </c>
      <c r="C684">
        <v>0</v>
      </c>
      <c r="D684">
        <v>0</v>
      </c>
    </row>
    <row r="685" spans="1:4" x14ac:dyDescent="0.25">
      <c r="A685" t="s">
        <v>1157</v>
      </c>
      <c r="B685" t="s">
        <v>1158</v>
      </c>
      <c r="C685">
        <v>2</v>
      </c>
      <c r="D685">
        <v>0</v>
      </c>
    </row>
    <row r="686" spans="1:4" x14ac:dyDescent="0.25">
      <c r="A686" t="s">
        <v>1157</v>
      </c>
      <c r="B686" t="s">
        <v>1159</v>
      </c>
      <c r="C686">
        <v>0</v>
      </c>
      <c r="D686">
        <v>0</v>
      </c>
    </row>
    <row r="687" spans="1:4" x14ac:dyDescent="0.25">
      <c r="A687" t="s">
        <v>1157</v>
      </c>
      <c r="B687" t="s">
        <v>1160</v>
      </c>
      <c r="C687">
        <v>0</v>
      </c>
      <c r="D687">
        <v>0</v>
      </c>
    </row>
    <row r="688" spans="1:4" x14ac:dyDescent="0.25">
      <c r="A688" t="s">
        <v>1161</v>
      </c>
      <c r="B688" t="s">
        <v>1162</v>
      </c>
      <c r="C688">
        <v>2</v>
      </c>
      <c r="D688">
        <v>0</v>
      </c>
    </row>
    <row r="689" spans="1:4" x14ac:dyDescent="0.25">
      <c r="A689" t="s">
        <v>1161</v>
      </c>
      <c r="B689" t="s">
        <v>1163</v>
      </c>
      <c r="C689">
        <v>1</v>
      </c>
      <c r="D689">
        <v>0</v>
      </c>
    </row>
    <row r="690" spans="1:4" x14ac:dyDescent="0.25">
      <c r="A690" t="s">
        <v>1161</v>
      </c>
      <c r="B690" t="s">
        <v>1164</v>
      </c>
      <c r="C690">
        <v>0</v>
      </c>
      <c r="D690">
        <v>0</v>
      </c>
    </row>
    <row r="691" spans="1:4" x14ac:dyDescent="0.25">
      <c r="A691" t="s">
        <v>1165</v>
      </c>
      <c r="B691" t="s">
        <v>1166</v>
      </c>
      <c r="C691">
        <v>1</v>
      </c>
      <c r="D691">
        <v>0</v>
      </c>
    </row>
    <row r="692" spans="1:4" x14ac:dyDescent="0.25">
      <c r="A692" t="s">
        <v>1165</v>
      </c>
      <c r="B692" t="s">
        <v>1167</v>
      </c>
      <c r="C692">
        <v>1</v>
      </c>
      <c r="D692">
        <v>0</v>
      </c>
    </row>
    <row r="693" spans="1:4" x14ac:dyDescent="0.25">
      <c r="A693" t="s">
        <v>1168</v>
      </c>
      <c r="B693" t="s">
        <v>968</v>
      </c>
      <c r="C693">
        <v>1</v>
      </c>
      <c r="D693">
        <v>0</v>
      </c>
    </row>
    <row r="694" spans="1:4" x14ac:dyDescent="0.25">
      <c r="A694" t="s">
        <v>1169</v>
      </c>
      <c r="B694" t="s">
        <v>1170</v>
      </c>
      <c r="C694">
        <v>0</v>
      </c>
      <c r="D694">
        <v>0</v>
      </c>
    </row>
    <row r="695" spans="1:4" x14ac:dyDescent="0.25">
      <c r="A695" t="s">
        <v>1171</v>
      </c>
      <c r="B695" t="s">
        <v>1172</v>
      </c>
      <c r="C695">
        <v>0</v>
      </c>
      <c r="D695">
        <v>0</v>
      </c>
    </row>
    <row r="696" spans="1:4" x14ac:dyDescent="0.25">
      <c r="A696" t="s">
        <v>1173</v>
      </c>
      <c r="B696" t="s">
        <v>1174</v>
      </c>
      <c r="C696">
        <v>1</v>
      </c>
      <c r="D696">
        <v>0</v>
      </c>
    </row>
    <row r="697" spans="1:4" x14ac:dyDescent="0.25">
      <c r="A697" t="s">
        <v>1173</v>
      </c>
      <c r="B697" t="s">
        <v>1175</v>
      </c>
      <c r="C697">
        <v>1</v>
      </c>
      <c r="D697">
        <v>0</v>
      </c>
    </row>
    <row r="698" spans="1:4" x14ac:dyDescent="0.25">
      <c r="A698" t="s">
        <v>1176</v>
      </c>
      <c r="B698" t="s">
        <v>1177</v>
      </c>
      <c r="C698">
        <v>2</v>
      </c>
      <c r="D698">
        <v>0</v>
      </c>
    </row>
    <row r="699" spans="1:4" x14ac:dyDescent="0.25">
      <c r="A699" t="s">
        <v>1176</v>
      </c>
      <c r="B699" t="s">
        <v>1178</v>
      </c>
      <c r="C699">
        <v>2</v>
      </c>
      <c r="D699">
        <v>0</v>
      </c>
    </row>
    <row r="700" spans="1:4" x14ac:dyDescent="0.25">
      <c r="A700" t="s">
        <v>1176</v>
      </c>
      <c r="B700" t="s">
        <v>1179</v>
      </c>
      <c r="C700">
        <v>1</v>
      </c>
      <c r="D700">
        <v>0</v>
      </c>
    </row>
    <row r="701" spans="1:4" x14ac:dyDescent="0.25">
      <c r="A701" t="s">
        <v>1180</v>
      </c>
      <c r="B701" t="s">
        <v>1181</v>
      </c>
      <c r="C701">
        <v>2</v>
      </c>
      <c r="D701">
        <v>0</v>
      </c>
    </row>
    <row r="702" spans="1:4" x14ac:dyDescent="0.25">
      <c r="A702" t="s">
        <v>1180</v>
      </c>
      <c r="B702" t="s">
        <v>1182</v>
      </c>
      <c r="C702">
        <v>2</v>
      </c>
      <c r="D702">
        <v>0</v>
      </c>
    </row>
    <row r="703" spans="1:4" x14ac:dyDescent="0.25">
      <c r="A703" t="s">
        <v>1183</v>
      </c>
      <c r="B703" t="s">
        <v>1184</v>
      </c>
      <c r="C703">
        <v>1</v>
      </c>
      <c r="D703">
        <v>0</v>
      </c>
    </row>
    <row r="704" spans="1:4" x14ac:dyDescent="0.25">
      <c r="A704" t="s">
        <v>1183</v>
      </c>
      <c r="B704" t="s">
        <v>1185</v>
      </c>
      <c r="C704">
        <v>0</v>
      </c>
      <c r="D704">
        <v>0</v>
      </c>
    </row>
    <row r="705" spans="1:4" x14ac:dyDescent="0.25">
      <c r="A705" t="s">
        <v>1183</v>
      </c>
      <c r="B705" t="s">
        <v>1186</v>
      </c>
      <c r="C705">
        <v>0</v>
      </c>
      <c r="D705">
        <v>0</v>
      </c>
    </row>
    <row r="706" spans="1:4" x14ac:dyDescent="0.25">
      <c r="A706" t="s">
        <v>1187</v>
      </c>
      <c r="B706" t="s">
        <v>1188</v>
      </c>
      <c r="C706">
        <v>1</v>
      </c>
      <c r="D706">
        <v>0</v>
      </c>
    </row>
    <row r="707" spans="1:4" x14ac:dyDescent="0.25">
      <c r="A707" t="s">
        <v>1187</v>
      </c>
      <c r="B707" t="s">
        <v>1189</v>
      </c>
      <c r="C707">
        <v>1</v>
      </c>
      <c r="D707">
        <v>0</v>
      </c>
    </row>
    <row r="708" spans="1:4" x14ac:dyDescent="0.25">
      <c r="A708" t="s">
        <v>1190</v>
      </c>
      <c r="B708" t="s">
        <v>1191</v>
      </c>
      <c r="C708">
        <v>0</v>
      </c>
      <c r="D708">
        <v>0</v>
      </c>
    </row>
    <row r="709" spans="1:4" x14ac:dyDescent="0.25">
      <c r="A709" t="s">
        <v>1192</v>
      </c>
      <c r="B709" t="s">
        <v>1193</v>
      </c>
      <c r="C709">
        <v>1</v>
      </c>
      <c r="D709">
        <v>0</v>
      </c>
    </row>
    <row r="710" spans="1:4" x14ac:dyDescent="0.25">
      <c r="A710" t="s">
        <v>1192</v>
      </c>
      <c r="B710" t="s">
        <v>1194</v>
      </c>
      <c r="C710">
        <v>2</v>
      </c>
      <c r="D710">
        <v>0</v>
      </c>
    </row>
    <row r="711" spans="1:4" x14ac:dyDescent="0.25">
      <c r="A711" t="s">
        <v>1192</v>
      </c>
      <c r="B711" t="s">
        <v>1195</v>
      </c>
      <c r="C711">
        <v>2</v>
      </c>
      <c r="D711">
        <v>0</v>
      </c>
    </row>
    <row r="712" spans="1:4" x14ac:dyDescent="0.25">
      <c r="A712" t="s">
        <v>1196</v>
      </c>
      <c r="B712" t="s">
        <v>1197</v>
      </c>
      <c r="C712">
        <v>0</v>
      </c>
      <c r="D712">
        <v>0</v>
      </c>
    </row>
    <row r="713" spans="1:4" x14ac:dyDescent="0.25">
      <c r="A713" t="s">
        <v>1198</v>
      </c>
      <c r="B713" t="s">
        <v>1199</v>
      </c>
      <c r="C713">
        <v>2</v>
      </c>
      <c r="D713">
        <v>0</v>
      </c>
    </row>
    <row r="714" spans="1:4" x14ac:dyDescent="0.25">
      <c r="A714" t="s">
        <v>1198</v>
      </c>
      <c r="B714" t="s">
        <v>1200</v>
      </c>
      <c r="C714">
        <v>2</v>
      </c>
      <c r="D714">
        <v>0</v>
      </c>
    </row>
    <row r="715" spans="1:4" x14ac:dyDescent="0.25">
      <c r="A715" t="s">
        <v>1201</v>
      </c>
      <c r="B715" t="s">
        <v>852</v>
      </c>
      <c r="C715">
        <v>0</v>
      </c>
      <c r="D715">
        <v>0</v>
      </c>
    </row>
    <row r="716" spans="1:4" x14ac:dyDescent="0.25">
      <c r="A716" t="s">
        <v>1202</v>
      </c>
      <c r="B716" t="s">
        <v>1203</v>
      </c>
      <c r="C716">
        <v>1</v>
      </c>
      <c r="D716">
        <v>0</v>
      </c>
    </row>
    <row r="717" spans="1:4" x14ac:dyDescent="0.25">
      <c r="A717" t="s">
        <v>1202</v>
      </c>
      <c r="B717" t="s">
        <v>1204</v>
      </c>
      <c r="C717">
        <v>2</v>
      </c>
      <c r="D717">
        <v>0</v>
      </c>
    </row>
    <row r="718" spans="1:4" x14ac:dyDescent="0.25">
      <c r="A718" t="s">
        <v>1205</v>
      </c>
      <c r="B718" t="s">
        <v>1206</v>
      </c>
      <c r="C718">
        <v>1</v>
      </c>
      <c r="D718">
        <v>0</v>
      </c>
    </row>
    <row r="719" spans="1:4" x14ac:dyDescent="0.25">
      <c r="A719" t="s">
        <v>1207</v>
      </c>
      <c r="B719" t="s">
        <v>1208</v>
      </c>
      <c r="C719">
        <v>0</v>
      </c>
      <c r="D719">
        <v>0</v>
      </c>
    </row>
    <row r="720" spans="1:4" x14ac:dyDescent="0.25">
      <c r="A720" t="s">
        <v>1207</v>
      </c>
      <c r="B720" t="s">
        <v>1209</v>
      </c>
      <c r="C720">
        <v>1</v>
      </c>
      <c r="D720">
        <v>0</v>
      </c>
    </row>
    <row r="721" spans="1:4" x14ac:dyDescent="0.25">
      <c r="A721" t="s">
        <v>1210</v>
      </c>
      <c r="B721" t="s">
        <v>1211</v>
      </c>
      <c r="C721">
        <v>2</v>
      </c>
      <c r="D721">
        <v>0</v>
      </c>
    </row>
    <row r="722" spans="1:4" x14ac:dyDescent="0.25">
      <c r="A722" t="s">
        <v>1212</v>
      </c>
      <c r="B722" t="s">
        <v>1213</v>
      </c>
      <c r="C722">
        <v>1</v>
      </c>
      <c r="D722">
        <v>0</v>
      </c>
    </row>
    <row r="723" spans="1:4" x14ac:dyDescent="0.25">
      <c r="A723" t="s">
        <v>1212</v>
      </c>
      <c r="B723" t="s">
        <v>1214</v>
      </c>
      <c r="C723">
        <v>0</v>
      </c>
      <c r="D723">
        <v>0</v>
      </c>
    </row>
    <row r="724" spans="1:4" x14ac:dyDescent="0.25">
      <c r="A724" t="s">
        <v>1212</v>
      </c>
      <c r="B724" t="s">
        <v>1215</v>
      </c>
      <c r="C724">
        <v>0</v>
      </c>
      <c r="D724">
        <v>0</v>
      </c>
    </row>
    <row r="725" spans="1:4" x14ac:dyDescent="0.25">
      <c r="A725" t="s">
        <v>1216</v>
      </c>
      <c r="B725" t="s">
        <v>1217</v>
      </c>
      <c r="C725">
        <v>1</v>
      </c>
      <c r="D725">
        <v>0</v>
      </c>
    </row>
    <row r="726" spans="1:4" x14ac:dyDescent="0.25">
      <c r="A726" t="s">
        <v>1216</v>
      </c>
      <c r="B726" t="s">
        <v>1218</v>
      </c>
      <c r="C726">
        <v>1</v>
      </c>
      <c r="D726">
        <v>0</v>
      </c>
    </row>
    <row r="727" spans="1:4" x14ac:dyDescent="0.25">
      <c r="A727" t="s">
        <v>1216</v>
      </c>
      <c r="B727" t="s">
        <v>1219</v>
      </c>
      <c r="C727">
        <v>2</v>
      </c>
      <c r="D727">
        <v>0</v>
      </c>
    </row>
    <row r="728" spans="1:4" x14ac:dyDescent="0.25">
      <c r="A728" t="s">
        <v>1220</v>
      </c>
      <c r="B728" t="s">
        <v>1221</v>
      </c>
      <c r="C728">
        <v>2</v>
      </c>
      <c r="D728">
        <v>0</v>
      </c>
    </row>
    <row r="729" spans="1:4" x14ac:dyDescent="0.25">
      <c r="A729" t="s">
        <v>1220</v>
      </c>
      <c r="B729" t="s">
        <v>1222</v>
      </c>
      <c r="C729">
        <v>1</v>
      </c>
      <c r="D729">
        <v>0</v>
      </c>
    </row>
    <row r="730" spans="1:4" x14ac:dyDescent="0.25">
      <c r="A730" t="s">
        <v>1223</v>
      </c>
      <c r="B730" t="s">
        <v>1224</v>
      </c>
      <c r="C730">
        <v>0</v>
      </c>
      <c r="D730">
        <v>0</v>
      </c>
    </row>
    <row r="731" spans="1:4" x14ac:dyDescent="0.25">
      <c r="A731" t="s">
        <v>1225</v>
      </c>
      <c r="B731" t="s">
        <v>1226</v>
      </c>
      <c r="C731">
        <v>1</v>
      </c>
      <c r="D731">
        <v>0</v>
      </c>
    </row>
    <row r="732" spans="1:4" x14ac:dyDescent="0.25">
      <c r="A732" t="s">
        <v>1225</v>
      </c>
      <c r="B732" t="s">
        <v>1227</v>
      </c>
      <c r="C732">
        <v>1</v>
      </c>
      <c r="D732">
        <v>0</v>
      </c>
    </row>
    <row r="733" spans="1:4" x14ac:dyDescent="0.25">
      <c r="A733" t="s">
        <v>1228</v>
      </c>
      <c r="B733" t="s">
        <v>1229</v>
      </c>
      <c r="C733">
        <v>1</v>
      </c>
      <c r="D733">
        <v>0</v>
      </c>
    </row>
    <row r="734" spans="1:4" x14ac:dyDescent="0.25">
      <c r="A734" t="s">
        <v>1230</v>
      </c>
      <c r="B734" t="s">
        <v>1231</v>
      </c>
      <c r="C734">
        <v>1</v>
      </c>
      <c r="D734">
        <v>0</v>
      </c>
    </row>
    <row r="735" spans="1:4" x14ac:dyDescent="0.25">
      <c r="A735" t="s">
        <v>1230</v>
      </c>
      <c r="B735" t="s">
        <v>1232</v>
      </c>
      <c r="C735">
        <v>1</v>
      </c>
      <c r="D735">
        <v>0</v>
      </c>
    </row>
    <row r="736" spans="1:4" x14ac:dyDescent="0.25">
      <c r="A736" t="s">
        <v>1230</v>
      </c>
      <c r="B736" t="s">
        <v>1233</v>
      </c>
      <c r="C736">
        <v>2</v>
      </c>
      <c r="D736">
        <v>0</v>
      </c>
    </row>
    <row r="737" spans="1:4" x14ac:dyDescent="0.25">
      <c r="A737" t="s">
        <v>1234</v>
      </c>
      <c r="B737" t="s">
        <v>1235</v>
      </c>
      <c r="C737">
        <v>2</v>
      </c>
      <c r="D737">
        <v>0</v>
      </c>
    </row>
    <row r="738" spans="1:4" x14ac:dyDescent="0.25">
      <c r="A738" t="s">
        <v>1234</v>
      </c>
      <c r="B738" t="s">
        <v>1236</v>
      </c>
      <c r="C738">
        <v>0</v>
      </c>
      <c r="D738">
        <v>0</v>
      </c>
    </row>
    <row r="739" spans="1:4" x14ac:dyDescent="0.25">
      <c r="A739" t="s">
        <v>1237</v>
      </c>
      <c r="B739" t="s">
        <v>1238</v>
      </c>
      <c r="C739">
        <v>2</v>
      </c>
      <c r="D739">
        <v>0</v>
      </c>
    </row>
    <row r="740" spans="1:4" x14ac:dyDescent="0.25">
      <c r="A740" t="s">
        <v>1237</v>
      </c>
      <c r="B740" t="s">
        <v>1239</v>
      </c>
      <c r="C740">
        <v>2</v>
      </c>
      <c r="D740">
        <v>0</v>
      </c>
    </row>
    <row r="741" spans="1:4" x14ac:dyDescent="0.25">
      <c r="A741" t="s">
        <v>1240</v>
      </c>
      <c r="B741" t="s">
        <v>1241</v>
      </c>
      <c r="C741">
        <v>0</v>
      </c>
      <c r="D741">
        <v>0</v>
      </c>
    </row>
    <row r="742" spans="1:4" x14ac:dyDescent="0.25">
      <c r="A742" t="s">
        <v>1240</v>
      </c>
      <c r="B742" t="s">
        <v>1242</v>
      </c>
      <c r="C742">
        <v>2</v>
      </c>
      <c r="D742">
        <v>0</v>
      </c>
    </row>
    <row r="743" spans="1:4" x14ac:dyDescent="0.25">
      <c r="A743" t="s">
        <v>1243</v>
      </c>
      <c r="B743" t="s">
        <v>969</v>
      </c>
      <c r="C743">
        <v>0</v>
      </c>
      <c r="D743">
        <v>0</v>
      </c>
    </row>
    <row r="744" spans="1:4" x14ac:dyDescent="0.25">
      <c r="A744" t="s">
        <v>1244</v>
      </c>
      <c r="B744" t="s">
        <v>1245</v>
      </c>
      <c r="C744">
        <v>2</v>
      </c>
      <c r="D744">
        <v>0</v>
      </c>
    </row>
    <row r="745" spans="1:4" x14ac:dyDescent="0.25">
      <c r="A745" t="s">
        <v>1244</v>
      </c>
      <c r="B745" t="s">
        <v>1246</v>
      </c>
      <c r="C745">
        <v>0</v>
      </c>
      <c r="D745">
        <v>0</v>
      </c>
    </row>
    <row r="746" spans="1:4" x14ac:dyDescent="0.25">
      <c r="A746" t="s">
        <v>1244</v>
      </c>
      <c r="B746" t="s">
        <v>1247</v>
      </c>
      <c r="C746">
        <v>2</v>
      </c>
      <c r="D746">
        <v>0</v>
      </c>
    </row>
    <row r="747" spans="1:4" x14ac:dyDescent="0.25">
      <c r="A747" t="s">
        <v>1248</v>
      </c>
      <c r="B747" t="s">
        <v>1249</v>
      </c>
      <c r="C747">
        <v>0</v>
      </c>
      <c r="D747">
        <v>0</v>
      </c>
    </row>
    <row r="748" spans="1:4" x14ac:dyDescent="0.25">
      <c r="A748" t="s">
        <v>1248</v>
      </c>
      <c r="B748" t="s">
        <v>1250</v>
      </c>
      <c r="C748">
        <v>0</v>
      </c>
      <c r="D748">
        <v>0</v>
      </c>
    </row>
    <row r="749" spans="1:4" x14ac:dyDescent="0.25">
      <c r="A749" t="s">
        <v>1251</v>
      </c>
      <c r="B749" t="s">
        <v>1252</v>
      </c>
      <c r="C749">
        <v>0</v>
      </c>
      <c r="D749">
        <v>0</v>
      </c>
    </row>
    <row r="750" spans="1:4" x14ac:dyDescent="0.25">
      <c r="A750" t="s">
        <v>1253</v>
      </c>
      <c r="B750" t="s">
        <v>1254</v>
      </c>
      <c r="C750">
        <v>2</v>
      </c>
      <c r="D750">
        <v>0</v>
      </c>
    </row>
    <row r="751" spans="1:4" x14ac:dyDescent="0.25">
      <c r="A751" t="s">
        <v>1255</v>
      </c>
      <c r="B751" t="s">
        <v>1256</v>
      </c>
      <c r="C751">
        <v>0</v>
      </c>
      <c r="D751">
        <v>0</v>
      </c>
    </row>
    <row r="752" spans="1:4" x14ac:dyDescent="0.25">
      <c r="A752" t="s">
        <v>1255</v>
      </c>
      <c r="B752" t="s">
        <v>1257</v>
      </c>
      <c r="C752">
        <v>1</v>
      </c>
      <c r="D752">
        <v>0</v>
      </c>
    </row>
    <row r="753" spans="1:4" x14ac:dyDescent="0.25">
      <c r="A753" t="s">
        <v>1258</v>
      </c>
      <c r="B753" t="s">
        <v>1259</v>
      </c>
      <c r="C753">
        <v>1</v>
      </c>
      <c r="D753">
        <v>0</v>
      </c>
    </row>
    <row r="754" spans="1:4" x14ac:dyDescent="0.25">
      <c r="A754" t="s">
        <v>1260</v>
      </c>
      <c r="B754" t="s">
        <v>1261</v>
      </c>
      <c r="C754">
        <v>1</v>
      </c>
      <c r="D754">
        <v>0</v>
      </c>
    </row>
    <row r="755" spans="1:4" x14ac:dyDescent="0.25">
      <c r="A755" t="s">
        <v>1262</v>
      </c>
      <c r="B755" t="s">
        <v>1263</v>
      </c>
      <c r="C755">
        <v>2</v>
      </c>
      <c r="D755">
        <v>0</v>
      </c>
    </row>
    <row r="756" spans="1:4" x14ac:dyDescent="0.25">
      <c r="A756" t="s">
        <v>1262</v>
      </c>
      <c r="B756" t="s">
        <v>1264</v>
      </c>
      <c r="C756">
        <v>1</v>
      </c>
      <c r="D756">
        <v>0</v>
      </c>
    </row>
    <row r="757" spans="1:4" x14ac:dyDescent="0.25">
      <c r="A757" t="s">
        <v>1262</v>
      </c>
      <c r="B757" t="s">
        <v>1265</v>
      </c>
      <c r="C757">
        <v>2</v>
      </c>
      <c r="D757">
        <v>0</v>
      </c>
    </row>
    <row r="758" spans="1:4" x14ac:dyDescent="0.25">
      <c r="A758" t="s">
        <v>1266</v>
      </c>
      <c r="B758" t="s">
        <v>1267</v>
      </c>
      <c r="C758">
        <v>0</v>
      </c>
      <c r="D758">
        <v>0</v>
      </c>
    </row>
    <row r="759" spans="1:4" x14ac:dyDescent="0.25">
      <c r="A759" t="s">
        <v>1266</v>
      </c>
      <c r="B759" t="s">
        <v>1268</v>
      </c>
      <c r="C759">
        <v>1</v>
      </c>
      <c r="D759">
        <v>0</v>
      </c>
    </row>
    <row r="760" spans="1:4" x14ac:dyDescent="0.25">
      <c r="A760" t="s">
        <v>1269</v>
      </c>
      <c r="B760" t="s">
        <v>1270</v>
      </c>
      <c r="C760">
        <v>0</v>
      </c>
      <c r="D760">
        <v>0</v>
      </c>
    </row>
    <row r="761" spans="1:4" x14ac:dyDescent="0.25">
      <c r="A761" t="s">
        <v>1271</v>
      </c>
      <c r="B761" t="s">
        <v>1272</v>
      </c>
      <c r="C761">
        <v>0</v>
      </c>
      <c r="D761">
        <v>0</v>
      </c>
    </row>
    <row r="762" spans="1:4" x14ac:dyDescent="0.25">
      <c r="A762" t="s">
        <v>1271</v>
      </c>
      <c r="B762" t="s">
        <v>1273</v>
      </c>
      <c r="C762">
        <v>1</v>
      </c>
      <c r="D762">
        <v>0</v>
      </c>
    </row>
    <row r="763" spans="1:4" x14ac:dyDescent="0.25">
      <c r="A763" t="s">
        <v>1271</v>
      </c>
      <c r="B763" t="s">
        <v>1274</v>
      </c>
      <c r="C763">
        <v>0</v>
      </c>
      <c r="D763">
        <v>0</v>
      </c>
    </row>
    <row r="764" spans="1:4" x14ac:dyDescent="0.25">
      <c r="A764" t="s">
        <v>1275</v>
      </c>
      <c r="B764" t="s">
        <v>1276</v>
      </c>
      <c r="C764">
        <v>0</v>
      </c>
      <c r="D764">
        <v>0</v>
      </c>
    </row>
    <row r="765" spans="1:4" x14ac:dyDescent="0.25">
      <c r="A765" t="s">
        <v>1277</v>
      </c>
      <c r="B765" t="s">
        <v>1278</v>
      </c>
      <c r="C765">
        <v>1</v>
      </c>
      <c r="D765">
        <v>0</v>
      </c>
    </row>
    <row r="766" spans="1:4" x14ac:dyDescent="0.25">
      <c r="A766" t="s">
        <v>1279</v>
      </c>
      <c r="B766" t="s">
        <v>1280</v>
      </c>
      <c r="C766">
        <v>1</v>
      </c>
      <c r="D766">
        <v>0</v>
      </c>
    </row>
    <row r="767" spans="1:4" x14ac:dyDescent="0.25">
      <c r="A767" t="s">
        <v>1281</v>
      </c>
      <c r="B767" t="s">
        <v>852</v>
      </c>
      <c r="C767">
        <v>1</v>
      </c>
      <c r="D767">
        <v>0</v>
      </c>
    </row>
    <row r="768" spans="1:4" x14ac:dyDescent="0.25">
      <c r="A768" t="s">
        <v>1282</v>
      </c>
      <c r="B768" t="s">
        <v>1283</v>
      </c>
      <c r="C768">
        <v>0</v>
      </c>
      <c r="D768">
        <v>0</v>
      </c>
    </row>
    <row r="769" spans="1:4" x14ac:dyDescent="0.25">
      <c r="A769" t="s">
        <v>1282</v>
      </c>
      <c r="B769" t="s">
        <v>1284</v>
      </c>
      <c r="C769">
        <v>1</v>
      </c>
      <c r="D769">
        <v>0</v>
      </c>
    </row>
    <row r="770" spans="1:4" x14ac:dyDescent="0.25">
      <c r="A770" t="s">
        <v>1285</v>
      </c>
      <c r="B770" t="s">
        <v>1286</v>
      </c>
      <c r="C770">
        <v>0</v>
      </c>
      <c r="D770">
        <v>0</v>
      </c>
    </row>
    <row r="771" spans="1:4" x14ac:dyDescent="0.25">
      <c r="A771" t="s">
        <v>1285</v>
      </c>
      <c r="B771" t="s">
        <v>1287</v>
      </c>
      <c r="C771">
        <v>2</v>
      </c>
      <c r="D771">
        <v>0</v>
      </c>
    </row>
    <row r="772" spans="1:4" x14ac:dyDescent="0.25">
      <c r="A772" t="s">
        <v>1288</v>
      </c>
      <c r="B772" t="s">
        <v>1289</v>
      </c>
      <c r="C772">
        <v>2</v>
      </c>
      <c r="D772">
        <v>0</v>
      </c>
    </row>
    <row r="773" spans="1:4" x14ac:dyDescent="0.25">
      <c r="A773" t="s">
        <v>1290</v>
      </c>
      <c r="B773" t="s">
        <v>1291</v>
      </c>
      <c r="C773">
        <v>0</v>
      </c>
      <c r="D773">
        <v>0</v>
      </c>
    </row>
    <row r="774" spans="1:4" x14ac:dyDescent="0.25">
      <c r="A774" t="s">
        <v>1290</v>
      </c>
      <c r="B774" t="s">
        <v>1292</v>
      </c>
      <c r="C774">
        <v>2</v>
      </c>
      <c r="D774">
        <v>0</v>
      </c>
    </row>
    <row r="775" spans="1:4" x14ac:dyDescent="0.25">
      <c r="A775" t="s">
        <v>1293</v>
      </c>
      <c r="B775" t="s">
        <v>1294</v>
      </c>
      <c r="C775">
        <v>1</v>
      </c>
      <c r="D775">
        <v>0</v>
      </c>
    </row>
    <row r="776" spans="1:4" x14ac:dyDescent="0.25">
      <c r="A776" t="s">
        <v>1293</v>
      </c>
      <c r="B776" t="s">
        <v>1295</v>
      </c>
      <c r="C776">
        <v>0</v>
      </c>
      <c r="D776">
        <v>0</v>
      </c>
    </row>
    <row r="777" spans="1:4" x14ac:dyDescent="0.25">
      <c r="A777" t="s">
        <v>1296</v>
      </c>
      <c r="B777" t="s">
        <v>1297</v>
      </c>
      <c r="C777">
        <v>1</v>
      </c>
      <c r="D777">
        <v>0</v>
      </c>
    </row>
    <row r="778" spans="1:4" x14ac:dyDescent="0.25">
      <c r="A778" t="s">
        <v>1298</v>
      </c>
      <c r="B778" t="s">
        <v>1299</v>
      </c>
      <c r="C778">
        <v>1</v>
      </c>
      <c r="D778">
        <v>0</v>
      </c>
    </row>
    <row r="779" spans="1:4" x14ac:dyDescent="0.25">
      <c r="A779" t="s">
        <v>1300</v>
      </c>
      <c r="B779" t="s">
        <v>888</v>
      </c>
      <c r="C779">
        <v>1</v>
      </c>
      <c r="D779">
        <v>0</v>
      </c>
    </row>
    <row r="780" spans="1:4" x14ac:dyDescent="0.25">
      <c r="A780" t="s">
        <v>1301</v>
      </c>
      <c r="B780" t="s">
        <v>1302</v>
      </c>
      <c r="C780">
        <v>0</v>
      </c>
      <c r="D780">
        <v>0</v>
      </c>
    </row>
    <row r="781" spans="1:4" x14ac:dyDescent="0.25">
      <c r="A781" t="s">
        <v>1301</v>
      </c>
      <c r="B781" t="s">
        <v>1303</v>
      </c>
      <c r="C781">
        <v>0</v>
      </c>
      <c r="D781">
        <v>0</v>
      </c>
    </row>
    <row r="782" spans="1:4" x14ac:dyDescent="0.25">
      <c r="A782" t="s">
        <v>1301</v>
      </c>
      <c r="B782" t="s">
        <v>1304</v>
      </c>
      <c r="C782">
        <v>0</v>
      </c>
      <c r="D782">
        <v>0</v>
      </c>
    </row>
    <row r="783" spans="1:4" x14ac:dyDescent="0.25">
      <c r="A783" t="s">
        <v>1305</v>
      </c>
      <c r="B783" t="s">
        <v>1306</v>
      </c>
      <c r="C783">
        <v>1</v>
      </c>
      <c r="D783">
        <v>0</v>
      </c>
    </row>
    <row r="784" spans="1:4" x14ac:dyDescent="0.25">
      <c r="A784" t="s">
        <v>1305</v>
      </c>
      <c r="B784" t="s">
        <v>1307</v>
      </c>
      <c r="C784">
        <v>0</v>
      </c>
      <c r="D784">
        <v>0</v>
      </c>
    </row>
    <row r="785" spans="1:4" x14ac:dyDescent="0.25">
      <c r="A785" t="s">
        <v>1308</v>
      </c>
      <c r="B785" t="s">
        <v>1309</v>
      </c>
      <c r="C785">
        <v>1</v>
      </c>
      <c r="D785">
        <v>0</v>
      </c>
    </row>
    <row r="786" spans="1:4" x14ac:dyDescent="0.25">
      <c r="A786" t="s">
        <v>1308</v>
      </c>
      <c r="B786" t="s">
        <v>1310</v>
      </c>
      <c r="C786">
        <v>1</v>
      </c>
      <c r="D786">
        <v>0</v>
      </c>
    </row>
    <row r="787" spans="1:4" x14ac:dyDescent="0.25">
      <c r="A787" t="s">
        <v>1311</v>
      </c>
      <c r="B787" t="s">
        <v>1312</v>
      </c>
      <c r="C787">
        <v>2</v>
      </c>
      <c r="D787">
        <v>0</v>
      </c>
    </row>
    <row r="788" spans="1:4" x14ac:dyDescent="0.25">
      <c r="A788" t="s">
        <v>1311</v>
      </c>
      <c r="B788" t="s">
        <v>1313</v>
      </c>
      <c r="C788">
        <v>2</v>
      </c>
      <c r="D788">
        <v>0</v>
      </c>
    </row>
    <row r="789" spans="1:4" x14ac:dyDescent="0.25">
      <c r="A789" t="s">
        <v>1314</v>
      </c>
      <c r="B789" t="s">
        <v>1315</v>
      </c>
      <c r="C789">
        <v>0</v>
      </c>
      <c r="D789">
        <v>0</v>
      </c>
    </row>
    <row r="790" spans="1:4" x14ac:dyDescent="0.25">
      <c r="A790" t="s">
        <v>1316</v>
      </c>
      <c r="B790" t="s">
        <v>1317</v>
      </c>
      <c r="C790">
        <v>0</v>
      </c>
      <c r="D790">
        <v>0</v>
      </c>
    </row>
    <row r="791" spans="1:4" x14ac:dyDescent="0.25">
      <c r="A791" t="s">
        <v>1318</v>
      </c>
      <c r="B791" t="s">
        <v>1319</v>
      </c>
      <c r="C791">
        <v>0</v>
      </c>
      <c r="D791">
        <v>0</v>
      </c>
    </row>
    <row r="792" spans="1:4" x14ac:dyDescent="0.25">
      <c r="A792" t="s">
        <v>1318</v>
      </c>
      <c r="B792" t="s">
        <v>1294</v>
      </c>
      <c r="C792">
        <v>1</v>
      </c>
      <c r="D792">
        <v>0</v>
      </c>
    </row>
    <row r="793" spans="1:4" x14ac:dyDescent="0.25">
      <c r="A793" t="s">
        <v>1320</v>
      </c>
      <c r="B793" t="s">
        <v>1321</v>
      </c>
      <c r="C793">
        <v>1</v>
      </c>
      <c r="D793">
        <v>0</v>
      </c>
    </row>
    <row r="794" spans="1:4" x14ac:dyDescent="0.25">
      <c r="A794" t="s">
        <v>1322</v>
      </c>
      <c r="B794" t="s">
        <v>1323</v>
      </c>
      <c r="C794">
        <v>0</v>
      </c>
      <c r="D794">
        <v>0</v>
      </c>
    </row>
    <row r="795" spans="1:4" x14ac:dyDescent="0.25">
      <c r="A795" t="s">
        <v>1322</v>
      </c>
      <c r="B795" t="s">
        <v>1324</v>
      </c>
      <c r="C795">
        <v>0</v>
      </c>
      <c r="D795">
        <v>0</v>
      </c>
    </row>
    <row r="796" spans="1:4" x14ac:dyDescent="0.25">
      <c r="A796" t="s">
        <v>1322</v>
      </c>
      <c r="B796" t="s">
        <v>1325</v>
      </c>
      <c r="C796">
        <v>0</v>
      </c>
      <c r="D796">
        <v>0</v>
      </c>
    </row>
    <row r="797" spans="1:4" x14ac:dyDescent="0.25">
      <c r="A797" t="s">
        <v>1326</v>
      </c>
      <c r="B797" t="s">
        <v>1327</v>
      </c>
      <c r="C797">
        <v>1</v>
      </c>
      <c r="D797">
        <v>0</v>
      </c>
    </row>
    <row r="798" spans="1:4" x14ac:dyDescent="0.25">
      <c r="A798" t="s">
        <v>1328</v>
      </c>
      <c r="B798" t="s">
        <v>1329</v>
      </c>
      <c r="C798">
        <v>1</v>
      </c>
      <c r="D798">
        <v>0</v>
      </c>
    </row>
    <row r="799" spans="1:4" x14ac:dyDescent="0.25">
      <c r="A799" t="s">
        <v>1328</v>
      </c>
      <c r="B799" t="s">
        <v>1330</v>
      </c>
      <c r="C799">
        <v>2</v>
      </c>
      <c r="D799">
        <v>0</v>
      </c>
    </row>
    <row r="800" spans="1:4" x14ac:dyDescent="0.25">
      <c r="A800" t="s">
        <v>1331</v>
      </c>
      <c r="B800" t="s">
        <v>1332</v>
      </c>
      <c r="C800">
        <v>0</v>
      </c>
      <c r="D800">
        <v>0</v>
      </c>
    </row>
    <row r="801" spans="1:4" x14ac:dyDescent="0.25">
      <c r="A801" t="s">
        <v>1331</v>
      </c>
      <c r="B801" t="s">
        <v>1333</v>
      </c>
      <c r="C801">
        <v>0</v>
      </c>
      <c r="D801">
        <v>0</v>
      </c>
    </row>
    <row r="802" spans="1:4" x14ac:dyDescent="0.25">
      <c r="A802" t="s">
        <v>1334</v>
      </c>
      <c r="B802" t="s">
        <v>1335</v>
      </c>
      <c r="C802">
        <v>1</v>
      </c>
      <c r="D802">
        <v>0</v>
      </c>
    </row>
    <row r="803" spans="1:4" x14ac:dyDescent="0.25">
      <c r="A803" t="s">
        <v>1334</v>
      </c>
      <c r="B803" t="s">
        <v>1336</v>
      </c>
      <c r="C803">
        <v>1</v>
      </c>
      <c r="D803">
        <v>0</v>
      </c>
    </row>
    <row r="804" spans="1:4" x14ac:dyDescent="0.25">
      <c r="A804" t="s">
        <v>1337</v>
      </c>
      <c r="B804" t="s">
        <v>1338</v>
      </c>
      <c r="C804">
        <v>0</v>
      </c>
      <c r="D804">
        <v>0</v>
      </c>
    </row>
    <row r="805" spans="1:4" x14ac:dyDescent="0.25">
      <c r="A805" t="s">
        <v>1339</v>
      </c>
      <c r="B805" t="s">
        <v>1340</v>
      </c>
      <c r="C805">
        <v>1</v>
      </c>
      <c r="D805">
        <v>0</v>
      </c>
    </row>
    <row r="806" spans="1:4" x14ac:dyDescent="0.25">
      <c r="A806" t="s">
        <v>1341</v>
      </c>
      <c r="B806" t="s">
        <v>398</v>
      </c>
      <c r="C806">
        <v>0</v>
      </c>
      <c r="D806">
        <v>0</v>
      </c>
    </row>
    <row r="807" spans="1:4" x14ac:dyDescent="0.25">
      <c r="A807" t="s">
        <v>1341</v>
      </c>
      <c r="B807" t="s">
        <v>1342</v>
      </c>
      <c r="C807">
        <v>0</v>
      </c>
      <c r="D807">
        <v>0</v>
      </c>
    </row>
    <row r="808" spans="1:4" x14ac:dyDescent="0.25">
      <c r="A808" t="s">
        <v>1343</v>
      </c>
      <c r="B808" t="s">
        <v>1344</v>
      </c>
      <c r="C808">
        <v>1</v>
      </c>
      <c r="D808">
        <v>0</v>
      </c>
    </row>
    <row r="809" spans="1:4" x14ac:dyDescent="0.25">
      <c r="A809" t="s">
        <v>1345</v>
      </c>
      <c r="B809" t="s">
        <v>1346</v>
      </c>
      <c r="C809">
        <v>0</v>
      </c>
      <c r="D809">
        <v>0</v>
      </c>
    </row>
    <row r="810" spans="1:4" x14ac:dyDescent="0.25">
      <c r="A810" t="s">
        <v>1347</v>
      </c>
      <c r="B810" t="s">
        <v>1348</v>
      </c>
      <c r="C810">
        <v>0</v>
      </c>
      <c r="D810">
        <v>0</v>
      </c>
    </row>
    <row r="811" spans="1:4" x14ac:dyDescent="0.25">
      <c r="A811" t="s">
        <v>1349</v>
      </c>
      <c r="B811" t="s">
        <v>1350</v>
      </c>
      <c r="C811">
        <v>0</v>
      </c>
      <c r="D811">
        <v>0</v>
      </c>
    </row>
    <row r="812" spans="1:4" x14ac:dyDescent="0.25">
      <c r="A812" t="s">
        <v>1349</v>
      </c>
      <c r="B812" t="s">
        <v>1351</v>
      </c>
      <c r="C812">
        <v>0</v>
      </c>
      <c r="D812">
        <v>0</v>
      </c>
    </row>
    <row r="813" spans="1:4" x14ac:dyDescent="0.25">
      <c r="A813" t="s">
        <v>1349</v>
      </c>
      <c r="B813" t="s">
        <v>1352</v>
      </c>
      <c r="C813">
        <v>1</v>
      </c>
      <c r="D813">
        <v>0</v>
      </c>
    </row>
    <row r="814" spans="1:4" x14ac:dyDescent="0.25">
      <c r="A814" t="s">
        <v>1353</v>
      </c>
      <c r="B814" t="s">
        <v>1354</v>
      </c>
      <c r="C814">
        <v>1</v>
      </c>
      <c r="D814">
        <v>0</v>
      </c>
    </row>
    <row r="815" spans="1:4" x14ac:dyDescent="0.25">
      <c r="A815" t="s">
        <v>1355</v>
      </c>
      <c r="B815" t="s">
        <v>1356</v>
      </c>
      <c r="C815">
        <v>1</v>
      </c>
      <c r="D815">
        <v>0</v>
      </c>
    </row>
    <row r="816" spans="1:4" x14ac:dyDescent="0.25">
      <c r="A816" t="s">
        <v>1357</v>
      </c>
      <c r="B816" t="s">
        <v>1358</v>
      </c>
      <c r="C816">
        <v>1</v>
      </c>
      <c r="D816">
        <v>0</v>
      </c>
    </row>
    <row r="817" spans="1:4" x14ac:dyDescent="0.25">
      <c r="A817" t="s">
        <v>1359</v>
      </c>
      <c r="B817" t="s">
        <v>1360</v>
      </c>
      <c r="C817">
        <v>2</v>
      </c>
      <c r="D817">
        <v>0</v>
      </c>
    </row>
    <row r="818" spans="1:4" x14ac:dyDescent="0.25">
      <c r="A818" t="s">
        <v>1361</v>
      </c>
      <c r="B818" t="s">
        <v>1362</v>
      </c>
      <c r="C818">
        <v>1</v>
      </c>
      <c r="D818">
        <v>0</v>
      </c>
    </row>
    <row r="819" spans="1:4" x14ac:dyDescent="0.25">
      <c r="A819" t="s">
        <v>1361</v>
      </c>
      <c r="B819" t="s">
        <v>1363</v>
      </c>
      <c r="C819">
        <v>1</v>
      </c>
      <c r="D819">
        <v>0</v>
      </c>
    </row>
    <row r="820" spans="1:4" x14ac:dyDescent="0.25">
      <c r="A820" t="s">
        <v>1361</v>
      </c>
      <c r="B820" t="s">
        <v>1364</v>
      </c>
      <c r="C820">
        <v>1</v>
      </c>
      <c r="D820">
        <v>0</v>
      </c>
    </row>
    <row r="821" spans="1:4" x14ac:dyDescent="0.25">
      <c r="A821" t="s">
        <v>1365</v>
      </c>
      <c r="B821" t="s">
        <v>1366</v>
      </c>
      <c r="C821">
        <v>2</v>
      </c>
      <c r="D821">
        <v>0</v>
      </c>
    </row>
    <row r="822" spans="1:4" x14ac:dyDescent="0.25">
      <c r="A822" t="s">
        <v>1367</v>
      </c>
      <c r="B822" t="s">
        <v>1368</v>
      </c>
      <c r="C822">
        <v>0</v>
      </c>
      <c r="D822">
        <v>0</v>
      </c>
    </row>
    <row r="823" spans="1:4" x14ac:dyDescent="0.25">
      <c r="A823" t="s">
        <v>1369</v>
      </c>
      <c r="B823" t="s">
        <v>1370</v>
      </c>
      <c r="C823">
        <v>0</v>
      </c>
      <c r="D823">
        <v>0</v>
      </c>
    </row>
    <row r="824" spans="1:4" x14ac:dyDescent="0.25">
      <c r="A824" t="s">
        <v>1371</v>
      </c>
      <c r="B824" t="s">
        <v>1372</v>
      </c>
      <c r="C824">
        <v>2</v>
      </c>
      <c r="D824">
        <v>0</v>
      </c>
    </row>
    <row r="825" spans="1:4" x14ac:dyDescent="0.25">
      <c r="A825" t="s">
        <v>1371</v>
      </c>
      <c r="B825" t="s">
        <v>1373</v>
      </c>
      <c r="C825">
        <v>2</v>
      </c>
      <c r="D825">
        <v>0</v>
      </c>
    </row>
    <row r="826" spans="1:4" x14ac:dyDescent="0.25">
      <c r="A826" t="s">
        <v>1374</v>
      </c>
      <c r="B826" t="s">
        <v>1375</v>
      </c>
      <c r="C826">
        <v>1</v>
      </c>
      <c r="D826">
        <v>0</v>
      </c>
    </row>
    <row r="827" spans="1:4" x14ac:dyDescent="0.25">
      <c r="A827" t="s">
        <v>1374</v>
      </c>
      <c r="B827" t="s">
        <v>1376</v>
      </c>
      <c r="C827">
        <v>1</v>
      </c>
      <c r="D827">
        <v>0</v>
      </c>
    </row>
    <row r="828" spans="1:4" x14ac:dyDescent="0.25">
      <c r="A828" t="s">
        <v>1374</v>
      </c>
      <c r="B828" t="s">
        <v>1377</v>
      </c>
      <c r="C828">
        <v>0</v>
      </c>
      <c r="D828">
        <v>0</v>
      </c>
    </row>
    <row r="829" spans="1:4" x14ac:dyDescent="0.25">
      <c r="A829" t="s">
        <v>1378</v>
      </c>
      <c r="B829" t="s">
        <v>1379</v>
      </c>
      <c r="C829">
        <v>0</v>
      </c>
      <c r="D829">
        <v>0</v>
      </c>
    </row>
    <row r="830" spans="1:4" x14ac:dyDescent="0.25">
      <c r="A830" t="s">
        <v>1378</v>
      </c>
      <c r="B830" t="s">
        <v>1380</v>
      </c>
      <c r="C830">
        <v>0</v>
      </c>
      <c r="D830">
        <v>0</v>
      </c>
    </row>
    <row r="831" spans="1:4" x14ac:dyDescent="0.25">
      <c r="A831" t="s">
        <v>1378</v>
      </c>
      <c r="B831" t="s">
        <v>1381</v>
      </c>
      <c r="C831">
        <v>0</v>
      </c>
      <c r="D831">
        <v>0</v>
      </c>
    </row>
    <row r="832" spans="1:4" x14ac:dyDescent="0.25">
      <c r="A832" t="s">
        <v>1382</v>
      </c>
      <c r="B832" t="s">
        <v>1001</v>
      </c>
      <c r="C832">
        <v>1</v>
      </c>
      <c r="D832">
        <v>0</v>
      </c>
    </row>
    <row r="833" spans="1:4" x14ac:dyDescent="0.25">
      <c r="A833" t="s">
        <v>1383</v>
      </c>
      <c r="B833" t="s">
        <v>1384</v>
      </c>
      <c r="C833">
        <v>0</v>
      </c>
      <c r="D833">
        <v>0</v>
      </c>
    </row>
    <row r="834" spans="1:4" x14ac:dyDescent="0.25">
      <c r="A834" t="s">
        <v>1383</v>
      </c>
      <c r="B834" t="s">
        <v>1385</v>
      </c>
      <c r="C834">
        <v>0</v>
      </c>
      <c r="D834">
        <v>0</v>
      </c>
    </row>
    <row r="835" spans="1:4" x14ac:dyDescent="0.25">
      <c r="A835" t="s">
        <v>1386</v>
      </c>
      <c r="B835" t="s">
        <v>1387</v>
      </c>
      <c r="C835">
        <v>1</v>
      </c>
      <c r="D835">
        <v>0</v>
      </c>
    </row>
    <row r="836" spans="1:4" x14ac:dyDescent="0.25">
      <c r="A836" t="s">
        <v>1388</v>
      </c>
      <c r="B836" t="s">
        <v>1389</v>
      </c>
      <c r="C836">
        <v>1</v>
      </c>
      <c r="D836">
        <v>0</v>
      </c>
    </row>
    <row r="837" spans="1:4" x14ac:dyDescent="0.25">
      <c r="A837" t="s">
        <v>1388</v>
      </c>
      <c r="B837" t="s">
        <v>1390</v>
      </c>
      <c r="C837">
        <v>1</v>
      </c>
      <c r="D837">
        <v>0</v>
      </c>
    </row>
    <row r="838" spans="1:4" x14ac:dyDescent="0.25">
      <c r="A838" t="s">
        <v>1388</v>
      </c>
      <c r="B838" t="s">
        <v>1391</v>
      </c>
      <c r="C838">
        <v>0</v>
      </c>
      <c r="D838">
        <v>0</v>
      </c>
    </row>
    <row r="839" spans="1:4" x14ac:dyDescent="0.25">
      <c r="A839" t="s">
        <v>1392</v>
      </c>
      <c r="B839" t="s">
        <v>1393</v>
      </c>
      <c r="C839">
        <v>0</v>
      </c>
      <c r="D839">
        <v>0</v>
      </c>
    </row>
    <row r="840" spans="1:4" x14ac:dyDescent="0.25">
      <c r="A840" t="s">
        <v>1394</v>
      </c>
      <c r="B840" t="s">
        <v>1395</v>
      </c>
      <c r="C840">
        <v>1</v>
      </c>
      <c r="D840">
        <v>0</v>
      </c>
    </row>
    <row r="841" spans="1:4" x14ac:dyDescent="0.25">
      <c r="A841" t="s">
        <v>1396</v>
      </c>
      <c r="B841" t="s">
        <v>1397</v>
      </c>
      <c r="C841">
        <v>1</v>
      </c>
      <c r="D841">
        <v>0</v>
      </c>
    </row>
    <row r="842" spans="1:4" x14ac:dyDescent="0.25">
      <c r="A842" t="s">
        <v>1396</v>
      </c>
      <c r="B842" t="s">
        <v>1398</v>
      </c>
      <c r="C842">
        <v>1</v>
      </c>
      <c r="D842">
        <v>0</v>
      </c>
    </row>
    <row r="843" spans="1:4" x14ac:dyDescent="0.25">
      <c r="A843" t="s">
        <v>1396</v>
      </c>
      <c r="B843" t="s">
        <v>1399</v>
      </c>
      <c r="C843">
        <v>0</v>
      </c>
      <c r="D843">
        <v>0</v>
      </c>
    </row>
    <row r="844" spans="1:4" x14ac:dyDescent="0.25">
      <c r="A844" t="s">
        <v>1400</v>
      </c>
      <c r="B844" t="s">
        <v>1401</v>
      </c>
      <c r="C844">
        <v>0</v>
      </c>
      <c r="D844">
        <v>0</v>
      </c>
    </row>
    <row r="845" spans="1:4" x14ac:dyDescent="0.25">
      <c r="A845" t="s">
        <v>1400</v>
      </c>
      <c r="B845" t="s">
        <v>1402</v>
      </c>
      <c r="C845">
        <v>0</v>
      </c>
      <c r="D845">
        <v>0</v>
      </c>
    </row>
    <row r="846" spans="1:4" x14ac:dyDescent="0.25">
      <c r="A846" t="s">
        <v>1403</v>
      </c>
      <c r="B846" t="s">
        <v>1404</v>
      </c>
      <c r="C846">
        <v>1</v>
      </c>
      <c r="D846">
        <v>0</v>
      </c>
    </row>
    <row r="847" spans="1:4" x14ac:dyDescent="0.25">
      <c r="A847" t="s">
        <v>1405</v>
      </c>
      <c r="B847" t="s">
        <v>1406</v>
      </c>
      <c r="C847">
        <v>0</v>
      </c>
      <c r="D847">
        <v>0</v>
      </c>
    </row>
    <row r="848" spans="1:4" x14ac:dyDescent="0.25">
      <c r="A848" t="s">
        <v>1405</v>
      </c>
      <c r="B848" t="s">
        <v>1407</v>
      </c>
      <c r="C848">
        <v>1</v>
      </c>
      <c r="D848">
        <v>0</v>
      </c>
    </row>
    <row r="849" spans="1:4" x14ac:dyDescent="0.25">
      <c r="A849" t="s">
        <v>1408</v>
      </c>
      <c r="B849" t="s">
        <v>1409</v>
      </c>
      <c r="C849">
        <v>2</v>
      </c>
      <c r="D849">
        <v>0</v>
      </c>
    </row>
    <row r="850" spans="1:4" x14ac:dyDescent="0.25">
      <c r="A850" t="s">
        <v>1410</v>
      </c>
      <c r="B850" t="s">
        <v>1411</v>
      </c>
      <c r="C850">
        <v>0</v>
      </c>
      <c r="D850">
        <v>0</v>
      </c>
    </row>
    <row r="851" spans="1:4" x14ac:dyDescent="0.25">
      <c r="A851" t="s">
        <v>1412</v>
      </c>
      <c r="B851" t="s">
        <v>1413</v>
      </c>
      <c r="C851">
        <v>0</v>
      </c>
      <c r="D851">
        <v>0</v>
      </c>
    </row>
    <row r="852" spans="1:4" x14ac:dyDescent="0.25">
      <c r="A852" t="s">
        <v>1412</v>
      </c>
      <c r="B852" t="s">
        <v>1414</v>
      </c>
      <c r="C852">
        <v>1</v>
      </c>
      <c r="D852">
        <v>0</v>
      </c>
    </row>
    <row r="853" spans="1:4" x14ac:dyDescent="0.25">
      <c r="A853" t="s">
        <v>1415</v>
      </c>
      <c r="B853" t="s">
        <v>1416</v>
      </c>
      <c r="C853">
        <v>1</v>
      </c>
      <c r="D853">
        <v>0</v>
      </c>
    </row>
    <row r="854" spans="1:4" x14ac:dyDescent="0.25">
      <c r="A854" t="s">
        <v>1415</v>
      </c>
      <c r="B854" t="s">
        <v>1417</v>
      </c>
      <c r="C854">
        <v>1</v>
      </c>
      <c r="D854">
        <v>0</v>
      </c>
    </row>
    <row r="855" spans="1:4" x14ac:dyDescent="0.25">
      <c r="A855" t="s">
        <v>1415</v>
      </c>
      <c r="B855" t="s">
        <v>1418</v>
      </c>
      <c r="C855">
        <v>2</v>
      </c>
      <c r="D855">
        <v>0</v>
      </c>
    </row>
    <row r="856" spans="1:4" x14ac:dyDescent="0.25">
      <c r="A856" t="s">
        <v>1419</v>
      </c>
      <c r="B856" t="s">
        <v>1420</v>
      </c>
      <c r="C856">
        <v>0</v>
      </c>
      <c r="D856">
        <v>0</v>
      </c>
    </row>
    <row r="857" spans="1:4" x14ac:dyDescent="0.25">
      <c r="A857" t="s">
        <v>1419</v>
      </c>
      <c r="B857" t="s">
        <v>1421</v>
      </c>
      <c r="C857">
        <v>0</v>
      </c>
      <c r="D857">
        <v>0</v>
      </c>
    </row>
    <row r="858" spans="1:4" x14ac:dyDescent="0.25">
      <c r="A858" t="s">
        <v>1422</v>
      </c>
      <c r="B858" t="s">
        <v>1423</v>
      </c>
      <c r="C858">
        <v>1</v>
      </c>
      <c r="D858">
        <v>0</v>
      </c>
    </row>
    <row r="859" spans="1:4" x14ac:dyDescent="0.25">
      <c r="A859" t="s">
        <v>1424</v>
      </c>
      <c r="B859" t="s">
        <v>1425</v>
      </c>
      <c r="C859">
        <v>1</v>
      </c>
      <c r="D859">
        <v>0</v>
      </c>
    </row>
    <row r="860" spans="1:4" x14ac:dyDescent="0.25">
      <c r="A860" t="s">
        <v>1424</v>
      </c>
      <c r="B860" t="s">
        <v>1426</v>
      </c>
      <c r="C860">
        <v>1</v>
      </c>
      <c r="D860">
        <v>0</v>
      </c>
    </row>
    <row r="861" spans="1:4" x14ac:dyDescent="0.25">
      <c r="A861" t="s">
        <v>1427</v>
      </c>
      <c r="B861" t="s">
        <v>1428</v>
      </c>
      <c r="C861">
        <v>2</v>
      </c>
      <c r="D861">
        <v>0</v>
      </c>
    </row>
    <row r="862" spans="1:4" x14ac:dyDescent="0.25">
      <c r="A862" t="s">
        <v>1429</v>
      </c>
      <c r="B862" t="s">
        <v>1430</v>
      </c>
      <c r="C862">
        <v>0</v>
      </c>
      <c r="D862">
        <v>0</v>
      </c>
    </row>
    <row r="863" spans="1:4" x14ac:dyDescent="0.25">
      <c r="A863" t="s">
        <v>1429</v>
      </c>
      <c r="B863" t="s">
        <v>1431</v>
      </c>
      <c r="C863">
        <v>1</v>
      </c>
      <c r="D863">
        <v>0</v>
      </c>
    </row>
    <row r="864" spans="1:4" x14ac:dyDescent="0.25">
      <c r="A864" t="s">
        <v>1429</v>
      </c>
      <c r="B864" t="s">
        <v>1432</v>
      </c>
      <c r="C864">
        <v>0</v>
      </c>
      <c r="D864">
        <v>0</v>
      </c>
    </row>
    <row r="865" spans="1:4" x14ac:dyDescent="0.25">
      <c r="A865" t="s">
        <v>1433</v>
      </c>
      <c r="B865" t="s">
        <v>1434</v>
      </c>
      <c r="C865">
        <v>1</v>
      </c>
      <c r="D865">
        <v>0</v>
      </c>
    </row>
    <row r="866" spans="1:4" x14ac:dyDescent="0.25">
      <c r="A866" t="s">
        <v>1433</v>
      </c>
      <c r="B866" t="s">
        <v>1435</v>
      </c>
      <c r="C866">
        <v>0</v>
      </c>
      <c r="D866">
        <v>0</v>
      </c>
    </row>
    <row r="867" spans="1:4" x14ac:dyDescent="0.25">
      <c r="A867" t="s">
        <v>1436</v>
      </c>
      <c r="B867" t="s">
        <v>1437</v>
      </c>
      <c r="C867">
        <v>0</v>
      </c>
      <c r="D867">
        <v>0</v>
      </c>
    </row>
    <row r="868" spans="1:4" x14ac:dyDescent="0.25">
      <c r="A868" t="s">
        <v>1436</v>
      </c>
      <c r="B868" t="s">
        <v>1438</v>
      </c>
      <c r="C868">
        <v>0</v>
      </c>
      <c r="D868">
        <v>0</v>
      </c>
    </row>
    <row r="869" spans="1:4" x14ac:dyDescent="0.25">
      <c r="A869" t="s">
        <v>1439</v>
      </c>
      <c r="B869" t="s">
        <v>1440</v>
      </c>
      <c r="C869">
        <v>0</v>
      </c>
      <c r="D869">
        <v>0</v>
      </c>
    </row>
    <row r="870" spans="1:4" x14ac:dyDescent="0.25">
      <c r="A870" t="s">
        <v>1439</v>
      </c>
      <c r="B870" t="s">
        <v>1441</v>
      </c>
      <c r="C870">
        <v>0</v>
      </c>
      <c r="D870">
        <v>0</v>
      </c>
    </row>
    <row r="871" spans="1:4" x14ac:dyDescent="0.25">
      <c r="A871" t="s">
        <v>1439</v>
      </c>
      <c r="B871" t="s">
        <v>1442</v>
      </c>
      <c r="C871">
        <v>0</v>
      </c>
      <c r="D871">
        <v>0</v>
      </c>
    </row>
    <row r="872" spans="1:4" x14ac:dyDescent="0.25">
      <c r="A872" t="s">
        <v>1443</v>
      </c>
      <c r="B872" t="s">
        <v>797</v>
      </c>
      <c r="C872">
        <v>0</v>
      </c>
      <c r="D872">
        <v>0</v>
      </c>
    </row>
    <row r="873" spans="1:4" x14ac:dyDescent="0.25">
      <c r="A873" t="s">
        <v>1444</v>
      </c>
      <c r="B873" t="s">
        <v>1445</v>
      </c>
      <c r="C873">
        <v>0</v>
      </c>
      <c r="D873">
        <v>0</v>
      </c>
    </row>
    <row r="874" spans="1:4" x14ac:dyDescent="0.25">
      <c r="A874" t="s">
        <v>1444</v>
      </c>
      <c r="B874" t="s">
        <v>1446</v>
      </c>
      <c r="C874">
        <v>1</v>
      </c>
      <c r="D874">
        <v>0</v>
      </c>
    </row>
    <row r="875" spans="1:4" x14ac:dyDescent="0.25">
      <c r="A875" t="s">
        <v>1447</v>
      </c>
      <c r="B875" t="s">
        <v>1448</v>
      </c>
      <c r="C875">
        <v>0</v>
      </c>
      <c r="D875">
        <v>0</v>
      </c>
    </row>
    <row r="876" spans="1:4" x14ac:dyDescent="0.25">
      <c r="A876" t="s">
        <v>1447</v>
      </c>
      <c r="B876" t="s">
        <v>1449</v>
      </c>
      <c r="C876">
        <v>1</v>
      </c>
      <c r="D876">
        <v>0</v>
      </c>
    </row>
    <row r="877" spans="1:4" x14ac:dyDescent="0.25">
      <c r="A877" t="s">
        <v>1450</v>
      </c>
      <c r="B877" t="s">
        <v>852</v>
      </c>
      <c r="C877">
        <v>0</v>
      </c>
      <c r="D877">
        <v>0</v>
      </c>
    </row>
    <row r="878" spans="1:4" x14ac:dyDescent="0.25">
      <c r="A878" t="s">
        <v>1451</v>
      </c>
      <c r="B878" t="s">
        <v>1452</v>
      </c>
      <c r="C878">
        <v>1</v>
      </c>
      <c r="D878">
        <v>0</v>
      </c>
    </row>
    <row r="879" spans="1:4" x14ac:dyDescent="0.25">
      <c r="A879" t="s">
        <v>1453</v>
      </c>
      <c r="B879" t="s">
        <v>1454</v>
      </c>
      <c r="C879">
        <v>1</v>
      </c>
      <c r="D879">
        <v>0</v>
      </c>
    </row>
    <row r="880" spans="1:4" x14ac:dyDescent="0.25">
      <c r="A880" t="s">
        <v>1455</v>
      </c>
      <c r="B880" t="s">
        <v>1456</v>
      </c>
      <c r="C880">
        <v>2</v>
      </c>
      <c r="D880">
        <v>0</v>
      </c>
    </row>
    <row r="881" spans="1:4" x14ac:dyDescent="0.25">
      <c r="A881" t="s">
        <v>1457</v>
      </c>
      <c r="B881" t="s">
        <v>1387</v>
      </c>
      <c r="C881">
        <v>1</v>
      </c>
      <c r="D881">
        <v>0</v>
      </c>
    </row>
    <row r="882" spans="1:4" x14ac:dyDescent="0.25">
      <c r="A882" t="s">
        <v>1458</v>
      </c>
      <c r="B882" t="s">
        <v>1459</v>
      </c>
      <c r="C882">
        <v>1</v>
      </c>
      <c r="D882">
        <v>0</v>
      </c>
    </row>
    <row r="883" spans="1:4" x14ac:dyDescent="0.25">
      <c r="A883" t="s">
        <v>1460</v>
      </c>
      <c r="B883" t="s">
        <v>1461</v>
      </c>
      <c r="C883">
        <v>1</v>
      </c>
      <c r="D883">
        <v>0</v>
      </c>
    </row>
    <row r="884" spans="1:4" x14ac:dyDescent="0.25">
      <c r="A884" t="s">
        <v>1462</v>
      </c>
      <c r="B884" t="s">
        <v>1463</v>
      </c>
      <c r="C884">
        <v>1</v>
      </c>
      <c r="D884">
        <v>0</v>
      </c>
    </row>
    <row r="885" spans="1:4" x14ac:dyDescent="0.25">
      <c r="A885" t="s">
        <v>1462</v>
      </c>
      <c r="B885" t="s">
        <v>1464</v>
      </c>
      <c r="C885">
        <v>1</v>
      </c>
      <c r="D885">
        <v>0</v>
      </c>
    </row>
    <row r="886" spans="1:4" x14ac:dyDescent="0.25">
      <c r="A886" t="s">
        <v>1465</v>
      </c>
      <c r="B886" t="s">
        <v>1466</v>
      </c>
      <c r="C886">
        <v>0</v>
      </c>
      <c r="D886">
        <v>0</v>
      </c>
    </row>
    <row r="887" spans="1:4" x14ac:dyDescent="0.25">
      <c r="A887" t="s">
        <v>1467</v>
      </c>
      <c r="B887" t="s">
        <v>1468</v>
      </c>
      <c r="C887">
        <v>1</v>
      </c>
      <c r="D887">
        <v>0</v>
      </c>
    </row>
    <row r="888" spans="1:4" x14ac:dyDescent="0.25">
      <c r="A888" t="s">
        <v>1467</v>
      </c>
      <c r="B888" t="s">
        <v>1469</v>
      </c>
      <c r="C888">
        <v>2</v>
      </c>
      <c r="D888">
        <v>0</v>
      </c>
    </row>
    <row r="889" spans="1:4" x14ac:dyDescent="0.25">
      <c r="A889" t="s">
        <v>1467</v>
      </c>
      <c r="B889" t="s">
        <v>1470</v>
      </c>
      <c r="C889">
        <v>1</v>
      </c>
      <c r="D889">
        <v>0</v>
      </c>
    </row>
    <row r="890" spans="1:4" x14ac:dyDescent="0.25">
      <c r="A890" t="s">
        <v>1471</v>
      </c>
      <c r="B890" t="s">
        <v>1472</v>
      </c>
      <c r="C890">
        <v>0</v>
      </c>
      <c r="D890">
        <v>0</v>
      </c>
    </row>
    <row r="891" spans="1:4" x14ac:dyDescent="0.25">
      <c r="A891" t="s">
        <v>1473</v>
      </c>
      <c r="B891" t="s">
        <v>1474</v>
      </c>
      <c r="C891">
        <v>0</v>
      </c>
      <c r="D891">
        <v>0</v>
      </c>
    </row>
    <row r="892" spans="1:4" x14ac:dyDescent="0.25">
      <c r="A892" t="s">
        <v>1473</v>
      </c>
      <c r="B892" t="s">
        <v>1475</v>
      </c>
      <c r="C892">
        <v>1</v>
      </c>
      <c r="D892">
        <v>0</v>
      </c>
    </row>
    <row r="893" spans="1:4" x14ac:dyDescent="0.25">
      <c r="A893" t="s">
        <v>1476</v>
      </c>
      <c r="B893" t="s">
        <v>1477</v>
      </c>
      <c r="C893">
        <v>0</v>
      </c>
      <c r="D893">
        <v>0</v>
      </c>
    </row>
    <row r="894" spans="1:4" x14ac:dyDescent="0.25">
      <c r="A894" t="s">
        <v>1478</v>
      </c>
      <c r="B894" t="s">
        <v>1479</v>
      </c>
      <c r="C894">
        <v>0</v>
      </c>
      <c r="D894">
        <v>0</v>
      </c>
    </row>
    <row r="895" spans="1:4" x14ac:dyDescent="0.25">
      <c r="A895" t="s">
        <v>1480</v>
      </c>
      <c r="B895" t="s">
        <v>1481</v>
      </c>
      <c r="C895">
        <v>2</v>
      </c>
      <c r="D895">
        <v>0</v>
      </c>
    </row>
    <row r="896" spans="1:4" x14ac:dyDescent="0.25">
      <c r="A896" t="s">
        <v>1482</v>
      </c>
      <c r="B896" t="s">
        <v>1483</v>
      </c>
      <c r="C896">
        <v>1</v>
      </c>
      <c r="D896">
        <v>0</v>
      </c>
    </row>
    <row r="897" spans="1:4" x14ac:dyDescent="0.25">
      <c r="A897" t="s">
        <v>1484</v>
      </c>
      <c r="B897" t="s">
        <v>1485</v>
      </c>
      <c r="C897">
        <v>1</v>
      </c>
      <c r="D897">
        <v>0</v>
      </c>
    </row>
    <row r="898" spans="1:4" x14ac:dyDescent="0.25">
      <c r="A898" t="s">
        <v>1486</v>
      </c>
      <c r="B898" t="s">
        <v>398</v>
      </c>
      <c r="C898">
        <v>0</v>
      </c>
      <c r="D898">
        <v>0</v>
      </c>
    </row>
    <row r="899" spans="1:4" x14ac:dyDescent="0.25">
      <c r="A899" t="s">
        <v>1487</v>
      </c>
      <c r="B899" t="s">
        <v>1488</v>
      </c>
      <c r="C899">
        <v>2</v>
      </c>
      <c r="D899">
        <v>0</v>
      </c>
    </row>
    <row r="900" spans="1:4" x14ac:dyDescent="0.25">
      <c r="A900" t="s">
        <v>1489</v>
      </c>
      <c r="B900" t="s">
        <v>1490</v>
      </c>
      <c r="C900">
        <v>1</v>
      </c>
      <c r="D900">
        <v>0</v>
      </c>
    </row>
    <row r="901" spans="1:4" x14ac:dyDescent="0.25">
      <c r="A901" t="s">
        <v>1489</v>
      </c>
      <c r="B901" t="s">
        <v>1491</v>
      </c>
      <c r="C901">
        <v>2</v>
      </c>
      <c r="D901">
        <v>0</v>
      </c>
    </row>
    <row r="902" spans="1:4" x14ac:dyDescent="0.25">
      <c r="A902" t="s">
        <v>1489</v>
      </c>
      <c r="B902" t="s">
        <v>1492</v>
      </c>
      <c r="C902">
        <v>1</v>
      </c>
      <c r="D902">
        <v>0</v>
      </c>
    </row>
    <row r="903" spans="1:4" x14ac:dyDescent="0.25">
      <c r="A903" t="s">
        <v>1493</v>
      </c>
      <c r="B903" t="s">
        <v>1494</v>
      </c>
      <c r="C903">
        <v>0</v>
      </c>
      <c r="D903">
        <v>0</v>
      </c>
    </row>
    <row r="904" spans="1:4" x14ac:dyDescent="0.25">
      <c r="A904" t="s">
        <v>1493</v>
      </c>
      <c r="B904" t="s">
        <v>1495</v>
      </c>
      <c r="C904">
        <v>2</v>
      </c>
      <c r="D904">
        <v>0</v>
      </c>
    </row>
    <row r="905" spans="1:4" x14ac:dyDescent="0.25">
      <c r="A905" t="s">
        <v>1496</v>
      </c>
      <c r="B905" t="s">
        <v>1497</v>
      </c>
      <c r="C905">
        <v>0</v>
      </c>
      <c r="D905">
        <v>0</v>
      </c>
    </row>
    <row r="906" spans="1:4" x14ac:dyDescent="0.25">
      <c r="A906" t="s">
        <v>1498</v>
      </c>
      <c r="B906" t="s">
        <v>1499</v>
      </c>
      <c r="C906">
        <v>1</v>
      </c>
      <c r="D906">
        <v>0</v>
      </c>
    </row>
    <row r="907" spans="1:4" x14ac:dyDescent="0.25">
      <c r="A907" t="s">
        <v>1500</v>
      </c>
      <c r="B907" t="s">
        <v>1501</v>
      </c>
      <c r="C907">
        <v>1</v>
      </c>
      <c r="D907">
        <v>0</v>
      </c>
    </row>
    <row r="908" spans="1:4" x14ac:dyDescent="0.25">
      <c r="A908" t="s">
        <v>1502</v>
      </c>
      <c r="B908" t="s">
        <v>1503</v>
      </c>
      <c r="C908">
        <v>0</v>
      </c>
      <c r="D908">
        <v>0</v>
      </c>
    </row>
    <row r="909" spans="1:4" x14ac:dyDescent="0.25">
      <c r="A909" t="s">
        <v>1502</v>
      </c>
      <c r="B909" t="s">
        <v>1504</v>
      </c>
      <c r="C909">
        <v>2</v>
      </c>
      <c r="D909">
        <v>0</v>
      </c>
    </row>
    <row r="910" spans="1:4" x14ac:dyDescent="0.25">
      <c r="A910" t="s">
        <v>1502</v>
      </c>
      <c r="B910" t="s">
        <v>1505</v>
      </c>
      <c r="C910">
        <v>0</v>
      </c>
      <c r="D910">
        <v>0</v>
      </c>
    </row>
    <row r="911" spans="1:4" x14ac:dyDescent="0.25">
      <c r="A911" t="s">
        <v>1506</v>
      </c>
      <c r="B911" t="s">
        <v>1507</v>
      </c>
      <c r="C911">
        <v>1</v>
      </c>
      <c r="D911">
        <v>0</v>
      </c>
    </row>
    <row r="912" spans="1:4" x14ac:dyDescent="0.25">
      <c r="A912" t="s">
        <v>1508</v>
      </c>
      <c r="B912" t="s">
        <v>1509</v>
      </c>
      <c r="C912">
        <v>0</v>
      </c>
      <c r="D912">
        <v>0</v>
      </c>
    </row>
    <row r="913" spans="1:4" x14ac:dyDescent="0.25">
      <c r="A913" t="s">
        <v>1510</v>
      </c>
      <c r="B913" t="s">
        <v>1511</v>
      </c>
      <c r="C913">
        <v>2</v>
      </c>
      <c r="D913">
        <v>0</v>
      </c>
    </row>
    <row r="914" spans="1:4" x14ac:dyDescent="0.25">
      <c r="A914" t="s">
        <v>1512</v>
      </c>
      <c r="B914" t="s">
        <v>1513</v>
      </c>
      <c r="C914">
        <v>0</v>
      </c>
      <c r="D914">
        <v>0</v>
      </c>
    </row>
    <row r="915" spans="1:4" x14ac:dyDescent="0.25">
      <c r="A915" t="s">
        <v>1514</v>
      </c>
      <c r="B915" t="s">
        <v>1515</v>
      </c>
      <c r="C915">
        <v>1</v>
      </c>
      <c r="D915">
        <v>0</v>
      </c>
    </row>
    <row r="916" spans="1:4" x14ac:dyDescent="0.25">
      <c r="A916" t="s">
        <v>1514</v>
      </c>
      <c r="B916" t="s">
        <v>1516</v>
      </c>
      <c r="C916">
        <v>1</v>
      </c>
      <c r="D916">
        <v>0</v>
      </c>
    </row>
    <row r="917" spans="1:4" x14ac:dyDescent="0.25">
      <c r="A917" t="s">
        <v>1517</v>
      </c>
      <c r="B917" t="s">
        <v>1518</v>
      </c>
      <c r="C917">
        <v>2</v>
      </c>
      <c r="D917">
        <v>0</v>
      </c>
    </row>
    <row r="918" spans="1:4" x14ac:dyDescent="0.25">
      <c r="A918" t="s">
        <v>1517</v>
      </c>
      <c r="B918" t="s">
        <v>1519</v>
      </c>
      <c r="C918">
        <v>2</v>
      </c>
      <c r="D918">
        <v>0</v>
      </c>
    </row>
    <row r="919" spans="1:4" x14ac:dyDescent="0.25">
      <c r="A919" t="s">
        <v>1517</v>
      </c>
      <c r="B919" t="s">
        <v>1520</v>
      </c>
      <c r="C919">
        <v>2</v>
      </c>
      <c r="D919">
        <v>0</v>
      </c>
    </row>
    <row r="920" spans="1:4" x14ac:dyDescent="0.25">
      <c r="A920" t="s">
        <v>1521</v>
      </c>
      <c r="B920" t="s">
        <v>1522</v>
      </c>
      <c r="C920">
        <v>0</v>
      </c>
      <c r="D920">
        <v>0</v>
      </c>
    </row>
    <row r="921" spans="1:4" x14ac:dyDescent="0.25">
      <c r="A921" t="s">
        <v>1521</v>
      </c>
      <c r="B921" t="s">
        <v>1523</v>
      </c>
      <c r="C921">
        <v>2</v>
      </c>
      <c r="D921">
        <v>0</v>
      </c>
    </row>
    <row r="922" spans="1:4" x14ac:dyDescent="0.25">
      <c r="A922" t="s">
        <v>1521</v>
      </c>
      <c r="B922" t="s">
        <v>1524</v>
      </c>
      <c r="C922">
        <v>0</v>
      </c>
      <c r="D922">
        <v>0</v>
      </c>
    </row>
    <row r="923" spans="1:4" x14ac:dyDescent="0.25">
      <c r="A923" t="s">
        <v>1525</v>
      </c>
      <c r="B923" t="s">
        <v>1526</v>
      </c>
      <c r="C923">
        <v>1</v>
      </c>
      <c r="D923">
        <v>0</v>
      </c>
    </row>
    <row r="924" spans="1:4" x14ac:dyDescent="0.25">
      <c r="A924" t="s">
        <v>1527</v>
      </c>
      <c r="B924" t="s">
        <v>1528</v>
      </c>
      <c r="C924">
        <v>1</v>
      </c>
      <c r="D924">
        <v>0</v>
      </c>
    </row>
    <row r="925" spans="1:4" x14ac:dyDescent="0.25">
      <c r="A925" t="s">
        <v>1529</v>
      </c>
      <c r="B925" t="s">
        <v>1530</v>
      </c>
      <c r="C925">
        <v>1</v>
      </c>
      <c r="D925">
        <v>0</v>
      </c>
    </row>
    <row r="926" spans="1:4" x14ac:dyDescent="0.25">
      <c r="A926" t="s">
        <v>1529</v>
      </c>
      <c r="B926" t="s">
        <v>1531</v>
      </c>
      <c r="C926">
        <v>0</v>
      </c>
      <c r="D926">
        <v>0</v>
      </c>
    </row>
    <row r="927" spans="1:4" x14ac:dyDescent="0.25">
      <c r="A927" t="s">
        <v>1529</v>
      </c>
      <c r="B927" t="s">
        <v>1532</v>
      </c>
      <c r="C927">
        <v>0</v>
      </c>
      <c r="D927">
        <v>0</v>
      </c>
    </row>
    <row r="928" spans="1:4" x14ac:dyDescent="0.25">
      <c r="A928" t="s">
        <v>1533</v>
      </c>
      <c r="B928" t="s">
        <v>1534</v>
      </c>
      <c r="C928">
        <v>1</v>
      </c>
      <c r="D928">
        <v>0</v>
      </c>
    </row>
    <row r="929" spans="1:4" x14ac:dyDescent="0.25">
      <c r="A929" t="s">
        <v>1535</v>
      </c>
      <c r="B929" t="s">
        <v>1536</v>
      </c>
      <c r="C929">
        <v>0</v>
      </c>
      <c r="D929">
        <v>0</v>
      </c>
    </row>
    <row r="930" spans="1:4" x14ac:dyDescent="0.25">
      <c r="A930" t="s">
        <v>1537</v>
      </c>
      <c r="B930" t="s">
        <v>1538</v>
      </c>
      <c r="C930">
        <v>0</v>
      </c>
      <c r="D930">
        <v>0</v>
      </c>
    </row>
    <row r="931" spans="1:4" x14ac:dyDescent="0.25">
      <c r="A931" t="s">
        <v>1539</v>
      </c>
      <c r="B931" t="s">
        <v>968</v>
      </c>
      <c r="C931">
        <v>1</v>
      </c>
      <c r="D931">
        <v>0</v>
      </c>
    </row>
    <row r="932" spans="1:4" x14ac:dyDescent="0.25">
      <c r="A932" t="s">
        <v>1540</v>
      </c>
      <c r="B932" t="s">
        <v>1541</v>
      </c>
      <c r="C932">
        <v>1</v>
      </c>
      <c r="D932">
        <v>0</v>
      </c>
    </row>
    <row r="933" spans="1:4" x14ac:dyDescent="0.25">
      <c r="A933" t="s">
        <v>1540</v>
      </c>
      <c r="B933" t="s">
        <v>1542</v>
      </c>
      <c r="C933">
        <v>1</v>
      </c>
      <c r="D933">
        <v>0</v>
      </c>
    </row>
    <row r="934" spans="1:4" x14ac:dyDescent="0.25">
      <c r="A934" t="s">
        <v>1543</v>
      </c>
      <c r="B934" t="s">
        <v>1544</v>
      </c>
      <c r="C934">
        <v>1</v>
      </c>
      <c r="D934">
        <v>0</v>
      </c>
    </row>
    <row r="935" spans="1:4" x14ac:dyDescent="0.25">
      <c r="A935" t="s">
        <v>1545</v>
      </c>
      <c r="B935" t="s">
        <v>1546</v>
      </c>
      <c r="C935">
        <v>1</v>
      </c>
      <c r="D935">
        <v>0</v>
      </c>
    </row>
    <row r="936" spans="1:4" x14ac:dyDescent="0.25">
      <c r="A936" t="s">
        <v>1545</v>
      </c>
      <c r="B936" t="s">
        <v>1547</v>
      </c>
      <c r="C936">
        <v>1</v>
      </c>
      <c r="D936">
        <v>0</v>
      </c>
    </row>
    <row r="937" spans="1:4" x14ac:dyDescent="0.25">
      <c r="A937" t="s">
        <v>1545</v>
      </c>
      <c r="B937" t="s">
        <v>1548</v>
      </c>
      <c r="C937">
        <v>1</v>
      </c>
      <c r="D937">
        <v>0</v>
      </c>
    </row>
    <row r="938" spans="1:4" x14ac:dyDescent="0.25">
      <c r="A938" t="s">
        <v>1549</v>
      </c>
      <c r="B938" t="s">
        <v>1550</v>
      </c>
      <c r="C938">
        <v>1</v>
      </c>
      <c r="D938">
        <v>0</v>
      </c>
    </row>
    <row r="939" spans="1:4" x14ac:dyDescent="0.25">
      <c r="A939" t="s">
        <v>1551</v>
      </c>
      <c r="B939" t="s">
        <v>1552</v>
      </c>
      <c r="C939">
        <v>1</v>
      </c>
      <c r="D939">
        <v>0</v>
      </c>
    </row>
    <row r="940" spans="1:4" x14ac:dyDescent="0.25">
      <c r="A940" t="s">
        <v>1551</v>
      </c>
      <c r="B940" t="s">
        <v>1553</v>
      </c>
      <c r="C940">
        <v>1</v>
      </c>
      <c r="D940">
        <v>0</v>
      </c>
    </row>
    <row r="941" spans="1:4" x14ac:dyDescent="0.25">
      <c r="A941" t="s">
        <v>1554</v>
      </c>
      <c r="B941" t="s">
        <v>1555</v>
      </c>
      <c r="C941">
        <v>2</v>
      </c>
      <c r="D941">
        <v>0</v>
      </c>
    </row>
    <row r="942" spans="1:4" x14ac:dyDescent="0.25">
      <c r="A942" t="s">
        <v>1554</v>
      </c>
      <c r="B942" t="s">
        <v>1556</v>
      </c>
      <c r="C942">
        <v>1</v>
      </c>
      <c r="D942">
        <v>0</v>
      </c>
    </row>
    <row r="943" spans="1:4" x14ac:dyDescent="0.25">
      <c r="A943" t="s">
        <v>1557</v>
      </c>
      <c r="B943" t="s">
        <v>1558</v>
      </c>
      <c r="C943">
        <v>2</v>
      </c>
      <c r="D943">
        <v>0</v>
      </c>
    </row>
    <row r="944" spans="1:4" x14ac:dyDescent="0.25">
      <c r="A944" t="s">
        <v>1559</v>
      </c>
      <c r="B944" t="s">
        <v>1560</v>
      </c>
      <c r="C944">
        <v>0</v>
      </c>
      <c r="D944">
        <v>0</v>
      </c>
    </row>
    <row r="945" spans="1:4" x14ac:dyDescent="0.25">
      <c r="A945" t="s">
        <v>1561</v>
      </c>
      <c r="B945" t="s">
        <v>1562</v>
      </c>
      <c r="C945">
        <v>2</v>
      </c>
      <c r="D945">
        <v>0</v>
      </c>
    </row>
    <row r="946" spans="1:4" x14ac:dyDescent="0.25">
      <c r="A946" t="s">
        <v>1561</v>
      </c>
      <c r="B946" t="s">
        <v>1563</v>
      </c>
      <c r="C946">
        <v>1</v>
      </c>
      <c r="D946">
        <v>0</v>
      </c>
    </row>
    <row r="947" spans="1:4" x14ac:dyDescent="0.25">
      <c r="A947" t="s">
        <v>1561</v>
      </c>
      <c r="B947" t="s">
        <v>1564</v>
      </c>
      <c r="C947">
        <v>1</v>
      </c>
      <c r="D947">
        <v>0</v>
      </c>
    </row>
    <row r="948" spans="1:4" x14ac:dyDescent="0.25">
      <c r="A948" t="s">
        <v>1565</v>
      </c>
      <c r="B948" t="s">
        <v>968</v>
      </c>
      <c r="C948">
        <v>1</v>
      </c>
      <c r="D948">
        <v>0</v>
      </c>
    </row>
    <row r="949" spans="1:4" x14ac:dyDescent="0.25">
      <c r="A949" t="s">
        <v>1565</v>
      </c>
      <c r="B949" t="s">
        <v>969</v>
      </c>
      <c r="C949">
        <v>0</v>
      </c>
      <c r="D949">
        <v>0</v>
      </c>
    </row>
    <row r="950" spans="1:4" x14ac:dyDescent="0.25">
      <c r="A950" t="s">
        <v>1566</v>
      </c>
      <c r="B950" t="s">
        <v>1567</v>
      </c>
      <c r="C950">
        <v>0</v>
      </c>
      <c r="D950">
        <v>0</v>
      </c>
    </row>
    <row r="951" spans="1:4" x14ac:dyDescent="0.25">
      <c r="A951" t="s">
        <v>1566</v>
      </c>
      <c r="B951" t="s">
        <v>1568</v>
      </c>
      <c r="C951">
        <v>1</v>
      </c>
      <c r="D951">
        <v>0</v>
      </c>
    </row>
    <row r="952" spans="1:4" x14ac:dyDescent="0.25">
      <c r="A952" t="s">
        <v>1569</v>
      </c>
      <c r="B952" t="s">
        <v>1570</v>
      </c>
      <c r="C952">
        <v>1</v>
      </c>
      <c r="D952">
        <v>0</v>
      </c>
    </row>
    <row r="953" spans="1:4" x14ac:dyDescent="0.25">
      <c r="A953" t="s">
        <v>1571</v>
      </c>
      <c r="B953" t="s">
        <v>1572</v>
      </c>
      <c r="C953">
        <v>2</v>
      </c>
      <c r="D953">
        <v>0</v>
      </c>
    </row>
    <row r="954" spans="1:4" x14ac:dyDescent="0.25">
      <c r="A954" t="s">
        <v>1573</v>
      </c>
      <c r="B954" t="s">
        <v>1574</v>
      </c>
      <c r="C954">
        <v>1</v>
      </c>
      <c r="D954">
        <v>0</v>
      </c>
    </row>
    <row r="955" spans="1:4" x14ac:dyDescent="0.25">
      <c r="A955" t="s">
        <v>1573</v>
      </c>
      <c r="B955" t="s">
        <v>1575</v>
      </c>
      <c r="C955">
        <v>1</v>
      </c>
      <c r="D955">
        <v>0</v>
      </c>
    </row>
    <row r="956" spans="1:4" x14ac:dyDescent="0.25">
      <c r="A956" t="s">
        <v>1573</v>
      </c>
      <c r="B956" t="s">
        <v>1576</v>
      </c>
      <c r="C956">
        <v>1</v>
      </c>
      <c r="D956">
        <v>0</v>
      </c>
    </row>
    <row r="957" spans="1:4" x14ac:dyDescent="0.25">
      <c r="A957" t="s">
        <v>1577</v>
      </c>
      <c r="B957" t="s">
        <v>1578</v>
      </c>
      <c r="C957">
        <v>2</v>
      </c>
      <c r="D957">
        <v>0</v>
      </c>
    </row>
    <row r="958" spans="1:4" x14ac:dyDescent="0.25">
      <c r="A958" t="s">
        <v>1579</v>
      </c>
      <c r="B958" t="s">
        <v>1580</v>
      </c>
      <c r="C958">
        <v>1</v>
      </c>
      <c r="D958">
        <v>0</v>
      </c>
    </row>
    <row r="959" spans="1:4" x14ac:dyDescent="0.25">
      <c r="A959" t="s">
        <v>1579</v>
      </c>
      <c r="B959" t="s">
        <v>1581</v>
      </c>
      <c r="C959">
        <v>1</v>
      </c>
      <c r="D959">
        <v>0</v>
      </c>
    </row>
    <row r="960" spans="1:4" x14ac:dyDescent="0.25">
      <c r="A960" t="s">
        <v>1582</v>
      </c>
      <c r="B960" t="s">
        <v>1583</v>
      </c>
      <c r="C960">
        <v>1</v>
      </c>
      <c r="D960">
        <v>0</v>
      </c>
    </row>
    <row r="961" spans="1:4" x14ac:dyDescent="0.25">
      <c r="A961" t="s">
        <v>1582</v>
      </c>
      <c r="B961" t="s">
        <v>1584</v>
      </c>
      <c r="C961">
        <v>0</v>
      </c>
      <c r="D961">
        <v>0</v>
      </c>
    </row>
    <row r="962" spans="1:4" x14ac:dyDescent="0.25">
      <c r="A962" t="s">
        <v>1585</v>
      </c>
      <c r="B962" t="s">
        <v>1586</v>
      </c>
      <c r="C962">
        <v>2</v>
      </c>
      <c r="D962">
        <v>0</v>
      </c>
    </row>
    <row r="963" spans="1:4" x14ac:dyDescent="0.25">
      <c r="A963" t="s">
        <v>1585</v>
      </c>
      <c r="B963" t="s">
        <v>1587</v>
      </c>
      <c r="C963">
        <v>1</v>
      </c>
      <c r="D963">
        <v>0</v>
      </c>
    </row>
    <row r="964" spans="1:4" x14ac:dyDescent="0.25">
      <c r="A964" t="s">
        <v>1588</v>
      </c>
      <c r="B964" t="s">
        <v>1097</v>
      </c>
      <c r="C964">
        <v>1</v>
      </c>
      <c r="D964">
        <v>0</v>
      </c>
    </row>
    <row r="965" spans="1:4" x14ac:dyDescent="0.25">
      <c r="A965" t="s">
        <v>1589</v>
      </c>
      <c r="B965" t="s">
        <v>1590</v>
      </c>
      <c r="C965">
        <v>2</v>
      </c>
      <c r="D965">
        <v>0</v>
      </c>
    </row>
    <row r="966" spans="1:4" x14ac:dyDescent="0.25">
      <c r="A966" t="s">
        <v>1589</v>
      </c>
      <c r="B966" t="s">
        <v>1591</v>
      </c>
      <c r="C966">
        <v>2</v>
      </c>
      <c r="D966">
        <v>0</v>
      </c>
    </row>
    <row r="967" spans="1:4" x14ac:dyDescent="0.25">
      <c r="A967" t="s">
        <v>1589</v>
      </c>
      <c r="B967" t="s">
        <v>1592</v>
      </c>
      <c r="C967">
        <v>2</v>
      </c>
      <c r="D967">
        <v>0</v>
      </c>
    </row>
    <row r="968" spans="1:4" x14ac:dyDescent="0.25">
      <c r="A968" t="s">
        <v>1593</v>
      </c>
      <c r="B968" t="s">
        <v>1594</v>
      </c>
      <c r="C968">
        <v>2</v>
      </c>
      <c r="D968">
        <v>0</v>
      </c>
    </row>
    <row r="969" spans="1:4" x14ac:dyDescent="0.25">
      <c r="A969" t="s">
        <v>1593</v>
      </c>
      <c r="B969" t="s">
        <v>1595</v>
      </c>
      <c r="C969">
        <v>1</v>
      </c>
      <c r="D969">
        <v>0</v>
      </c>
    </row>
    <row r="970" spans="1:4" x14ac:dyDescent="0.25">
      <c r="A970" t="s">
        <v>1593</v>
      </c>
      <c r="B970" t="s">
        <v>1596</v>
      </c>
      <c r="C970">
        <v>0</v>
      </c>
      <c r="D970">
        <v>0</v>
      </c>
    </row>
    <row r="971" spans="1:4" x14ac:dyDescent="0.25">
      <c r="A971" t="s">
        <v>1597</v>
      </c>
      <c r="B971" t="s">
        <v>1598</v>
      </c>
      <c r="C971">
        <v>1</v>
      </c>
      <c r="D971">
        <v>0</v>
      </c>
    </row>
    <row r="972" spans="1:4" x14ac:dyDescent="0.25">
      <c r="A972" t="s">
        <v>1597</v>
      </c>
      <c r="B972" t="s">
        <v>1599</v>
      </c>
      <c r="C972">
        <v>0</v>
      </c>
      <c r="D972">
        <v>0</v>
      </c>
    </row>
    <row r="973" spans="1:4" x14ac:dyDescent="0.25">
      <c r="A973" t="s">
        <v>1597</v>
      </c>
      <c r="B973" t="s">
        <v>1600</v>
      </c>
      <c r="C973">
        <v>0</v>
      </c>
      <c r="D973">
        <v>0</v>
      </c>
    </row>
    <row r="974" spans="1:4" x14ac:dyDescent="0.25">
      <c r="A974" t="s">
        <v>1601</v>
      </c>
      <c r="B974" t="s">
        <v>1602</v>
      </c>
      <c r="C974">
        <v>0</v>
      </c>
      <c r="D974">
        <v>0</v>
      </c>
    </row>
    <row r="975" spans="1:4" x14ac:dyDescent="0.25">
      <c r="A975" t="s">
        <v>1601</v>
      </c>
      <c r="B975" t="s">
        <v>1603</v>
      </c>
      <c r="C975">
        <v>2</v>
      </c>
      <c r="D975">
        <v>0</v>
      </c>
    </row>
    <row r="976" spans="1:4" x14ac:dyDescent="0.25">
      <c r="A976" t="s">
        <v>1601</v>
      </c>
      <c r="B976" t="s">
        <v>1604</v>
      </c>
      <c r="C976">
        <v>1</v>
      </c>
      <c r="D976">
        <v>0</v>
      </c>
    </row>
    <row r="977" spans="1:4" x14ac:dyDescent="0.25">
      <c r="A977" t="s">
        <v>1605</v>
      </c>
      <c r="B977" t="s">
        <v>969</v>
      </c>
      <c r="C977">
        <v>0</v>
      </c>
      <c r="D977">
        <v>0</v>
      </c>
    </row>
    <row r="978" spans="1:4" x14ac:dyDescent="0.25">
      <c r="A978" t="s">
        <v>1606</v>
      </c>
      <c r="B978" t="s">
        <v>1607</v>
      </c>
      <c r="C978">
        <v>2</v>
      </c>
      <c r="D978">
        <v>0</v>
      </c>
    </row>
    <row r="979" spans="1:4" x14ac:dyDescent="0.25">
      <c r="A979" t="s">
        <v>1606</v>
      </c>
      <c r="B979" t="s">
        <v>1608</v>
      </c>
      <c r="C979">
        <v>1</v>
      </c>
      <c r="D979">
        <v>0</v>
      </c>
    </row>
    <row r="980" spans="1:4" x14ac:dyDescent="0.25">
      <c r="A980" t="s">
        <v>1606</v>
      </c>
      <c r="B980" t="s">
        <v>1609</v>
      </c>
      <c r="C980">
        <v>0</v>
      </c>
      <c r="D980">
        <v>0</v>
      </c>
    </row>
    <row r="981" spans="1:4" x14ac:dyDescent="0.25">
      <c r="A981" t="s">
        <v>1610</v>
      </c>
      <c r="B981" t="s">
        <v>1294</v>
      </c>
      <c r="C981">
        <v>1</v>
      </c>
      <c r="D981">
        <v>0</v>
      </c>
    </row>
    <row r="982" spans="1:4" x14ac:dyDescent="0.25">
      <c r="A982" t="s">
        <v>1611</v>
      </c>
      <c r="B982" t="s">
        <v>1001</v>
      </c>
      <c r="C982">
        <v>1</v>
      </c>
      <c r="D982">
        <v>0</v>
      </c>
    </row>
    <row r="983" spans="1:4" x14ac:dyDescent="0.25">
      <c r="A983" t="s">
        <v>1612</v>
      </c>
      <c r="B983" t="s">
        <v>1613</v>
      </c>
      <c r="C983">
        <v>1</v>
      </c>
      <c r="D983">
        <v>0</v>
      </c>
    </row>
    <row r="984" spans="1:4" x14ac:dyDescent="0.25">
      <c r="A984" t="s">
        <v>1612</v>
      </c>
      <c r="B984" t="s">
        <v>1614</v>
      </c>
      <c r="C984">
        <v>1</v>
      </c>
      <c r="D984">
        <v>0</v>
      </c>
    </row>
    <row r="985" spans="1:4" x14ac:dyDescent="0.25">
      <c r="A985" t="s">
        <v>1612</v>
      </c>
      <c r="B985" t="s">
        <v>1615</v>
      </c>
      <c r="C985">
        <v>0</v>
      </c>
      <c r="D985">
        <v>0</v>
      </c>
    </row>
    <row r="986" spans="1:4" x14ac:dyDescent="0.25">
      <c r="A986" t="s">
        <v>1616</v>
      </c>
      <c r="B986" t="s">
        <v>1617</v>
      </c>
      <c r="C986">
        <v>2</v>
      </c>
      <c r="D986">
        <v>0</v>
      </c>
    </row>
    <row r="987" spans="1:4" x14ac:dyDescent="0.25">
      <c r="A987" t="s">
        <v>1616</v>
      </c>
      <c r="B987" t="s">
        <v>1618</v>
      </c>
      <c r="C987">
        <v>0</v>
      </c>
      <c r="D987">
        <v>0</v>
      </c>
    </row>
    <row r="988" spans="1:4" x14ac:dyDescent="0.25">
      <c r="A988" t="s">
        <v>1616</v>
      </c>
      <c r="B988" t="s">
        <v>1619</v>
      </c>
      <c r="C988">
        <v>1</v>
      </c>
      <c r="D988">
        <v>0</v>
      </c>
    </row>
    <row r="989" spans="1:4" x14ac:dyDescent="0.25">
      <c r="A989" t="s">
        <v>1620</v>
      </c>
      <c r="B989" t="s">
        <v>1621</v>
      </c>
      <c r="C989">
        <v>1</v>
      </c>
      <c r="D989">
        <v>0</v>
      </c>
    </row>
    <row r="990" spans="1:4" x14ac:dyDescent="0.25">
      <c r="A990" t="s">
        <v>1622</v>
      </c>
      <c r="B990" t="s">
        <v>1623</v>
      </c>
      <c r="C990">
        <v>1</v>
      </c>
      <c r="D990">
        <v>0</v>
      </c>
    </row>
    <row r="991" spans="1:4" x14ac:dyDescent="0.25">
      <c r="A991" t="s">
        <v>1622</v>
      </c>
      <c r="B991" t="s">
        <v>1624</v>
      </c>
      <c r="C991">
        <v>0</v>
      </c>
      <c r="D991">
        <v>0</v>
      </c>
    </row>
    <row r="992" spans="1:4" x14ac:dyDescent="0.25">
      <c r="A992" t="s">
        <v>1625</v>
      </c>
      <c r="B992" t="s">
        <v>1626</v>
      </c>
      <c r="C992">
        <v>1</v>
      </c>
      <c r="D992">
        <v>0</v>
      </c>
    </row>
    <row r="993" spans="1:4" x14ac:dyDescent="0.25">
      <c r="A993" t="s">
        <v>1625</v>
      </c>
      <c r="B993" t="s">
        <v>1627</v>
      </c>
      <c r="C993">
        <v>2</v>
      </c>
      <c r="D993">
        <v>0</v>
      </c>
    </row>
    <row r="994" spans="1:4" x14ac:dyDescent="0.25">
      <c r="A994" t="s">
        <v>1628</v>
      </c>
      <c r="B994" t="s">
        <v>1629</v>
      </c>
      <c r="C994">
        <v>1</v>
      </c>
      <c r="D994">
        <v>0</v>
      </c>
    </row>
    <row r="995" spans="1:4" x14ac:dyDescent="0.25">
      <c r="A995" t="s">
        <v>1630</v>
      </c>
      <c r="B995" t="s">
        <v>1631</v>
      </c>
      <c r="C995">
        <v>0</v>
      </c>
      <c r="D995">
        <v>0</v>
      </c>
    </row>
    <row r="996" spans="1:4" x14ac:dyDescent="0.25">
      <c r="A996" t="s">
        <v>1632</v>
      </c>
      <c r="B996" t="s">
        <v>1633</v>
      </c>
      <c r="C996">
        <v>0</v>
      </c>
      <c r="D996">
        <v>0</v>
      </c>
    </row>
    <row r="997" spans="1:4" x14ac:dyDescent="0.25">
      <c r="A997" t="s">
        <v>1634</v>
      </c>
      <c r="B997" t="s">
        <v>1635</v>
      </c>
      <c r="C997">
        <v>1</v>
      </c>
      <c r="D997">
        <v>0</v>
      </c>
    </row>
    <row r="998" spans="1:4" x14ac:dyDescent="0.25">
      <c r="A998" t="s">
        <v>1634</v>
      </c>
      <c r="B998" t="s">
        <v>1636</v>
      </c>
      <c r="C998">
        <v>0</v>
      </c>
      <c r="D998">
        <v>0</v>
      </c>
    </row>
    <row r="999" spans="1:4" x14ac:dyDescent="0.25">
      <c r="A999" t="s">
        <v>1637</v>
      </c>
      <c r="B999" t="s">
        <v>1638</v>
      </c>
      <c r="C999">
        <v>2</v>
      </c>
      <c r="D999">
        <v>0</v>
      </c>
    </row>
    <row r="1000" spans="1:4" x14ac:dyDescent="0.25">
      <c r="A1000" t="s">
        <v>1639</v>
      </c>
      <c r="B1000" t="s">
        <v>1640</v>
      </c>
      <c r="C1000">
        <v>0</v>
      </c>
      <c r="D1000">
        <v>0</v>
      </c>
    </row>
    <row r="1001" spans="1:4" x14ac:dyDescent="0.25">
      <c r="A1001" t="s">
        <v>1641</v>
      </c>
      <c r="B1001" t="s">
        <v>1642</v>
      </c>
      <c r="C1001">
        <v>1</v>
      </c>
      <c r="D1001">
        <v>0</v>
      </c>
    </row>
    <row r="1002" spans="1:4" x14ac:dyDescent="0.25">
      <c r="A1002" t="s">
        <v>1641</v>
      </c>
      <c r="B1002" t="s">
        <v>1001</v>
      </c>
      <c r="C1002">
        <v>1</v>
      </c>
      <c r="D1002">
        <v>0</v>
      </c>
    </row>
    <row r="1003" spans="1:4" x14ac:dyDescent="0.25">
      <c r="A1003" t="s">
        <v>1643</v>
      </c>
      <c r="B1003" t="s">
        <v>1644</v>
      </c>
      <c r="C1003">
        <v>2</v>
      </c>
      <c r="D1003">
        <v>0</v>
      </c>
    </row>
    <row r="1004" spans="1:4" x14ac:dyDescent="0.25">
      <c r="A1004" t="s">
        <v>1645</v>
      </c>
      <c r="B1004" t="s">
        <v>1646</v>
      </c>
      <c r="C1004">
        <v>1</v>
      </c>
      <c r="D1004">
        <v>0</v>
      </c>
    </row>
    <row r="1005" spans="1:4" x14ac:dyDescent="0.25">
      <c r="A1005" t="s">
        <v>1647</v>
      </c>
      <c r="B1005" t="s">
        <v>1648</v>
      </c>
      <c r="C1005">
        <v>0</v>
      </c>
      <c r="D1005">
        <v>0</v>
      </c>
    </row>
    <row r="1006" spans="1:4" x14ac:dyDescent="0.25">
      <c r="A1006" t="s">
        <v>1649</v>
      </c>
      <c r="B1006" t="s">
        <v>1650</v>
      </c>
      <c r="C1006">
        <v>0</v>
      </c>
      <c r="D1006">
        <v>0</v>
      </c>
    </row>
    <row r="1007" spans="1:4" x14ac:dyDescent="0.25">
      <c r="A1007" t="s">
        <v>1649</v>
      </c>
      <c r="B1007" t="s">
        <v>1651</v>
      </c>
      <c r="C1007">
        <v>0</v>
      </c>
      <c r="D1007">
        <v>0</v>
      </c>
    </row>
    <row r="1008" spans="1:4" x14ac:dyDescent="0.25">
      <c r="A1008" t="s">
        <v>1652</v>
      </c>
      <c r="B1008" t="s">
        <v>1653</v>
      </c>
      <c r="C1008">
        <v>1</v>
      </c>
      <c r="D1008">
        <v>0</v>
      </c>
    </row>
    <row r="1009" spans="1:4" x14ac:dyDescent="0.25">
      <c r="A1009" t="s">
        <v>1654</v>
      </c>
      <c r="B1009" t="s">
        <v>1655</v>
      </c>
      <c r="C1009">
        <v>1</v>
      </c>
      <c r="D1009">
        <v>0</v>
      </c>
    </row>
    <row r="1010" spans="1:4" x14ac:dyDescent="0.25">
      <c r="A1010" t="s">
        <v>1656</v>
      </c>
      <c r="B1010" t="s">
        <v>1657</v>
      </c>
      <c r="C1010">
        <v>1</v>
      </c>
      <c r="D1010">
        <v>0</v>
      </c>
    </row>
    <row r="1011" spans="1:4" x14ac:dyDescent="0.25">
      <c r="A1011" t="s">
        <v>1658</v>
      </c>
      <c r="B1011" t="s">
        <v>1659</v>
      </c>
      <c r="C1011">
        <v>1</v>
      </c>
      <c r="D1011">
        <v>0</v>
      </c>
    </row>
    <row r="1012" spans="1:4" x14ac:dyDescent="0.25">
      <c r="A1012" t="s">
        <v>1658</v>
      </c>
      <c r="B1012" t="s">
        <v>1660</v>
      </c>
      <c r="C1012">
        <v>0</v>
      </c>
      <c r="D1012">
        <v>0</v>
      </c>
    </row>
    <row r="1013" spans="1:4" x14ac:dyDescent="0.25">
      <c r="A1013" t="s">
        <v>1661</v>
      </c>
      <c r="B1013" t="s">
        <v>1662</v>
      </c>
      <c r="C1013">
        <v>2</v>
      </c>
      <c r="D1013">
        <v>0</v>
      </c>
    </row>
    <row r="1014" spans="1:4" x14ac:dyDescent="0.25">
      <c r="A1014" t="s">
        <v>1661</v>
      </c>
      <c r="B1014" t="s">
        <v>1663</v>
      </c>
      <c r="C1014">
        <v>0</v>
      </c>
      <c r="D1014">
        <v>0</v>
      </c>
    </row>
    <row r="1015" spans="1:4" x14ac:dyDescent="0.25">
      <c r="A1015" t="s">
        <v>1664</v>
      </c>
      <c r="B1015" t="s">
        <v>969</v>
      </c>
      <c r="C1015">
        <v>0</v>
      </c>
      <c r="D1015">
        <v>0</v>
      </c>
    </row>
    <row r="1016" spans="1:4" x14ac:dyDescent="0.25">
      <c r="A1016" t="s">
        <v>1665</v>
      </c>
      <c r="B1016" t="s">
        <v>1666</v>
      </c>
      <c r="C1016">
        <v>1</v>
      </c>
      <c r="D1016">
        <v>0</v>
      </c>
    </row>
    <row r="1017" spans="1:4" x14ac:dyDescent="0.25">
      <c r="A1017" t="s">
        <v>1665</v>
      </c>
      <c r="B1017" t="s">
        <v>1667</v>
      </c>
      <c r="C1017">
        <v>1</v>
      </c>
      <c r="D1017">
        <v>0</v>
      </c>
    </row>
    <row r="1018" spans="1:4" x14ac:dyDescent="0.25">
      <c r="A1018" t="s">
        <v>1665</v>
      </c>
      <c r="B1018" t="s">
        <v>1668</v>
      </c>
      <c r="C1018">
        <v>1</v>
      </c>
      <c r="D1018">
        <v>0</v>
      </c>
    </row>
    <row r="1019" spans="1:4" x14ac:dyDescent="0.25">
      <c r="A1019" t="s">
        <v>1669</v>
      </c>
      <c r="B1019" t="s">
        <v>1670</v>
      </c>
      <c r="C1019">
        <v>1</v>
      </c>
      <c r="D1019">
        <v>0</v>
      </c>
    </row>
    <row r="1020" spans="1:4" x14ac:dyDescent="0.25">
      <c r="A1020" t="s">
        <v>1671</v>
      </c>
      <c r="B1020" t="s">
        <v>1672</v>
      </c>
      <c r="C1020">
        <v>2</v>
      </c>
      <c r="D1020">
        <v>0</v>
      </c>
    </row>
    <row r="1021" spans="1:4" x14ac:dyDescent="0.25">
      <c r="A1021" t="s">
        <v>1671</v>
      </c>
      <c r="B1021" t="s">
        <v>1673</v>
      </c>
      <c r="C1021">
        <v>1</v>
      </c>
      <c r="D1021">
        <v>0</v>
      </c>
    </row>
    <row r="1022" spans="1:4" x14ac:dyDescent="0.25">
      <c r="A1022" t="s">
        <v>1671</v>
      </c>
      <c r="B1022" t="s">
        <v>1674</v>
      </c>
      <c r="C1022">
        <v>1</v>
      </c>
      <c r="D1022">
        <v>0</v>
      </c>
    </row>
    <row r="1023" spans="1:4" x14ac:dyDescent="0.25">
      <c r="A1023" t="s">
        <v>1675</v>
      </c>
      <c r="B1023" t="s">
        <v>1676</v>
      </c>
      <c r="C1023">
        <v>1</v>
      </c>
      <c r="D1023">
        <v>0</v>
      </c>
    </row>
    <row r="1024" spans="1:4" x14ac:dyDescent="0.25">
      <c r="A1024" t="s">
        <v>1677</v>
      </c>
      <c r="B1024" t="s">
        <v>1678</v>
      </c>
      <c r="C1024">
        <v>2</v>
      </c>
      <c r="D1024">
        <v>0</v>
      </c>
    </row>
    <row r="1025" spans="1:4" x14ac:dyDescent="0.25">
      <c r="A1025" t="s">
        <v>1679</v>
      </c>
      <c r="B1025" t="s">
        <v>1680</v>
      </c>
      <c r="C1025">
        <v>1</v>
      </c>
      <c r="D1025">
        <v>0</v>
      </c>
    </row>
    <row r="1026" spans="1:4" x14ac:dyDescent="0.25">
      <c r="A1026" t="s">
        <v>1679</v>
      </c>
      <c r="B1026" t="s">
        <v>1681</v>
      </c>
      <c r="C1026">
        <v>1</v>
      </c>
      <c r="D1026">
        <v>0</v>
      </c>
    </row>
    <row r="1027" spans="1:4" x14ac:dyDescent="0.25">
      <c r="A1027" t="s">
        <v>1682</v>
      </c>
      <c r="B1027" t="s">
        <v>1683</v>
      </c>
      <c r="C1027">
        <v>1</v>
      </c>
      <c r="D1027">
        <v>0</v>
      </c>
    </row>
    <row r="1028" spans="1:4" x14ac:dyDescent="0.25">
      <c r="A1028" t="s">
        <v>1684</v>
      </c>
      <c r="B1028" t="s">
        <v>1685</v>
      </c>
      <c r="C1028">
        <v>1</v>
      </c>
      <c r="D1028">
        <v>0</v>
      </c>
    </row>
    <row r="1029" spans="1:4" x14ac:dyDescent="0.25">
      <c r="A1029" t="s">
        <v>1684</v>
      </c>
      <c r="B1029" t="s">
        <v>1686</v>
      </c>
      <c r="C1029">
        <v>2</v>
      </c>
      <c r="D1029">
        <v>0</v>
      </c>
    </row>
    <row r="1030" spans="1:4" x14ac:dyDescent="0.25">
      <c r="A1030" t="s">
        <v>1687</v>
      </c>
      <c r="B1030" t="s">
        <v>1688</v>
      </c>
      <c r="C1030">
        <v>0</v>
      </c>
      <c r="D1030">
        <v>0</v>
      </c>
    </row>
    <row r="1031" spans="1:4" x14ac:dyDescent="0.25">
      <c r="A1031" t="s">
        <v>1689</v>
      </c>
      <c r="B1031" t="s">
        <v>1690</v>
      </c>
      <c r="C1031">
        <v>0</v>
      </c>
      <c r="D1031">
        <v>0</v>
      </c>
    </row>
    <row r="1032" spans="1:4" x14ac:dyDescent="0.25">
      <c r="A1032" t="s">
        <v>1691</v>
      </c>
      <c r="B1032" t="s">
        <v>1692</v>
      </c>
      <c r="C1032">
        <v>2</v>
      </c>
      <c r="D1032">
        <v>0</v>
      </c>
    </row>
    <row r="1033" spans="1:4" x14ac:dyDescent="0.25">
      <c r="A1033" t="s">
        <v>1691</v>
      </c>
      <c r="B1033" t="s">
        <v>1693</v>
      </c>
      <c r="C1033">
        <v>0</v>
      </c>
      <c r="D1033">
        <v>0</v>
      </c>
    </row>
    <row r="1034" spans="1:4" x14ac:dyDescent="0.25">
      <c r="A1034" t="s">
        <v>1694</v>
      </c>
      <c r="B1034" t="s">
        <v>1695</v>
      </c>
      <c r="C1034">
        <v>1</v>
      </c>
      <c r="D1034">
        <v>0</v>
      </c>
    </row>
    <row r="1035" spans="1:4" x14ac:dyDescent="0.25">
      <c r="A1035" t="s">
        <v>1694</v>
      </c>
      <c r="B1035" t="s">
        <v>1696</v>
      </c>
      <c r="C1035">
        <v>1</v>
      </c>
      <c r="D1035">
        <v>0</v>
      </c>
    </row>
    <row r="1036" spans="1:4" x14ac:dyDescent="0.25">
      <c r="A1036" t="s">
        <v>1697</v>
      </c>
      <c r="B1036" t="s">
        <v>1698</v>
      </c>
      <c r="C1036">
        <v>0</v>
      </c>
      <c r="D1036">
        <v>0</v>
      </c>
    </row>
    <row r="1037" spans="1:4" x14ac:dyDescent="0.25">
      <c r="A1037" t="s">
        <v>1699</v>
      </c>
      <c r="B1037" t="s">
        <v>1499</v>
      </c>
      <c r="C1037">
        <v>1</v>
      </c>
      <c r="D1037">
        <v>0</v>
      </c>
    </row>
    <row r="1038" spans="1:4" x14ac:dyDescent="0.25">
      <c r="A1038" t="s">
        <v>1700</v>
      </c>
      <c r="B1038" t="s">
        <v>1701</v>
      </c>
      <c r="C1038">
        <v>1</v>
      </c>
      <c r="D1038">
        <v>0</v>
      </c>
    </row>
    <row r="1039" spans="1:4" x14ac:dyDescent="0.25">
      <c r="A1039" t="s">
        <v>1702</v>
      </c>
      <c r="B1039" t="s">
        <v>1703</v>
      </c>
      <c r="C1039">
        <v>2</v>
      </c>
      <c r="D1039">
        <v>0</v>
      </c>
    </row>
    <row r="1040" spans="1:4" x14ac:dyDescent="0.25">
      <c r="A1040" t="s">
        <v>1702</v>
      </c>
      <c r="B1040" t="s">
        <v>1704</v>
      </c>
      <c r="C1040">
        <v>1</v>
      </c>
      <c r="D1040">
        <v>0</v>
      </c>
    </row>
    <row r="1041" spans="1:4" x14ac:dyDescent="0.25">
      <c r="A1041" t="s">
        <v>1702</v>
      </c>
      <c r="B1041" t="s">
        <v>1705</v>
      </c>
      <c r="C1041">
        <v>0</v>
      </c>
      <c r="D1041">
        <v>0</v>
      </c>
    </row>
    <row r="1042" spans="1:4" x14ac:dyDescent="0.25">
      <c r="A1042" t="s">
        <v>1706</v>
      </c>
      <c r="B1042" t="s">
        <v>1707</v>
      </c>
      <c r="C1042">
        <v>1</v>
      </c>
      <c r="D1042">
        <v>0</v>
      </c>
    </row>
    <row r="1043" spans="1:4" x14ac:dyDescent="0.25">
      <c r="A1043" t="s">
        <v>1706</v>
      </c>
      <c r="B1043" t="s">
        <v>1708</v>
      </c>
      <c r="C1043">
        <v>2</v>
      </c>
      <c r="D1043">
        <v>0</v>
      </c>
    </row>
    <row r="1044" spans="1:4" x14ac:dyDescent="0.25">
      <c r="A1044" t="s">
        <v>1709</v>
      </c>
      <c r="B1044" t="s">
        <v>843</v>
      </c>
      <c r="C1044">
        <v>1</v>
      </c>
      <c r="D1044">
        <v>0</v>
      </c>
    </row>
    <row r="1045" spans="1:4" x14ac:dyDescent="0.25">
      <c r="A1045" t="s">
        <v>1709</v>
      </c>
      <c r="B1045" t="s">
        <v>398</v>
      </c>
      <c r="C1045">
        <v>0</v>
      </c>
      <c r="D1045">
        <v>0</v>
      </c>
    </row>
    <row r="1046" spans="1:4" x14ac:dyDescent="0.25">
      <c r="A1046" t="s">
        <v>1710</v>
      </c>
      <c r="B1046" t="s">
        <v>1711</v>
      </c>
      <c r="C1046">
        <v>1</v>
      </c>
      <c r="D1046">
        <v>0</v>
      </c>
    </row>
    <row r="1047" spans="1:4" x14ac:dyDescent="0.25">
      <c r="A1047" t="s">
        <v>1712</v>
      </c>
      <c r="B1047" t="s">
        <v>1713</v>
      </c>
      <c r="C1047">
        <v>0</v>
      </c>
      <c r="D1047">
        <v>0</v>
      </c>
    </row>
    <row r="1048" spans="1:4" x14ac:dyDescent="0.25">
      <c r="A1048" t="s">
        <v>1714</v>
      </c>
      <c r="B1048" t="s">
        <v>1715</v>
      </c>
      <c r="C1048">
        <v>0</v>
      </c>
      <c r="D1048">
        <v>0</v>
      </c>
    </row>
    <row r="1049" spans="1:4" x14ac:dyDescent="0.25">
      <c r="A1049" t="s">
        <v>1714</v>
      </c>
      <c r="B1049" t="s">
        <v>1716</v>
      </c>
      <c r="C1049">
        <v>2</v>
      </c>
      <c r="D1049">
        <v>0</v>
      </c>
    </row>
    <row r="1050" spans="1:4" x14ac:dyDescent="0.25">
      <c r="A1050" t="s">
        <v>1717</v>
      </c>
      <c r="B1050" t="s">
        <v>1718</v>
      </c>
      <c r="C1050">
        <v>0</v>
      </c>
      <c r="D1050">
        <v>0</v>
      </c>
    </row>
    <row r="1051" spans="1:4" x14ac:dyDescent="0.25">
      <c r="A1051" t="s">
        <v>1717</v>
      </c>
      <c r="B1051" t="s">
        <v>1719</v>
      </c>
      <c r="C1051">
        <v>0</v>
      </c>
      <c r="D1051">
        <v>0</v>
      </c>
    </row>
    <row r="1052" spans="1:4" x14ac:dyDescent="0.25">
      <c r="A1052" t="s">
        <v>1720</v>
      </c>
      <c r="B1052" t="s">
        <v>1721</v>
      </c>
      <c r="C1052">
        <v>0</v>
      </c>
      <c r="D1052">
        <v>0</v>
      </c>
    </row>
    <row r="1053" spans="1:4" x14ac:dyDescent="0.25">
      <c r="A1053" t="s">
        <v>1722</v>
      </c>
      <c r="B1053" t="s">
        <v>1723</v>
      </c>
      <c r="C1053">
        <v>0</v>
      </c>
      <c r="D1053">
        <v>0</v>
      </c>
    </row>
    <row r="1054" spans="1:4" x14ac:dyDescent="0.25">
      <c r="A1054" t="s">
        <v>1724</v>
      </c>
      <c r="B1054" t="s">
        <v>1725</v>
      </c>
      <c r="C1054">
        <v>0</v>
      </c>
      <c r="D1054">
        <v>0</v>
      </c>
    </row>
    <row r="1055" spans="1:4" x14ac:dyDescent="0.25">
      <c r="A1055" t="s">
        <v>1724</v>
      </c>
      <c r="B1055" t="s">
        <v>1726</v>
      </c>
      <c r="C1055">
        <v>0</v>
      </c>
      <c r="D1055">
        <v>0</v>
      </c>
    </row>
    <row r="1056" spans="1:4" x14ac:dyDescent="0.25">
      <c r="A1056" t="s">
        <v>1727</v>
      </c>
      <c r="B1056" t="s">
        <v>1728</v>
      </c>
      <c r="C1056">
        <v>1</v>
      </c>
      <c r="D1056">
        <v>0</v>
      </c>
    </row>
    <row r="1057" spans="1:4" x14ac:dyDescent="0.25">
      <c r="A1057" t="s">
        <v>1727</v>
      </c>
      <c r="B1057" t="s">
        <v>1729</v>
      </c>
      <c r="C1057">
        <v>1</v>
      </c>
      <c r="D1057">
        <v>0</v>
      </c>
    </row>
    <row r="1058" spans="1:4" x14ac:dyDescent="0.25">
      <c r="A1058" t="s">
        <v>1730</v>
      </c>
      <c r="B1058" t="s">
        <v>1731</v>
      </c>
      <c r="C1058">
        <v>0</v>
      </c>
      <c r="D1058">
        <v>0</v>
      </c>
    </row>
    <row r="1059" spans="1:4" x14ac:dyDescent="0.25">
      <c r="A1059" t="s">
        <v>1730</v>
      </c>
      <c r="B1059" t="s">
        <v>1732</v>
      </c>
      <c r="C1059">
        <v>1</v>
      </c>
      <c r="D1059">
        <v>0</v>
      </c>
    </row>
    <row r="1060" spans="1:4" x14ac:dyDescent="0.25">
      <c r="A1060" t="s">
        <v>1733</v>
      </c>
      <c r="B1060" t="s">
        <v>1734</v>
      </c>
      <c r="C1060">
        <v>1</v>
      </c>
      <c r="D1060">
        <v>0</v>
      </c>
    </row>
    <row r="1061" spans="1:4" x14ac:dyDescent="0.25">
      <c r="A1061" t="s">
        <v>1735</v>
      </c>
      <c r="B1061" t="s">
        <v>1736</v>
      </c>
      <c r="C1061">
        <v>1</v>
      </c>
      <c r="D1061">
        <v>0</v>
      </c>
    </row>
    <row r="1062" spans="1:4" x14ac:dyDescent="0.25">
      <c r="A1062" t="s">
        <v>1735</v>
      </c>
      <c r="B1062" t="s">
        <v>1737</v>
      </c>
      <c r="C1062">
        <v>1</v>
      </c>
      <c r="D1062">
        <v>0</v>
      </c>
    </row>
    <row r="1063" spans="1:4" x14ac:dyDescent="0.25">
      <c r="A1063" t="s">
        <v>1738</v>
      </c>
      <c r="B1063" t="s">
        <v>1739</v>
      </c>
      <c r="C1063">
        <v>0</v>
      </c>
      <c r="D1063">
        <v>0</v>
      </c>
    </row>
    <row r="1064" spans="1:4" x14ac:dyDescent="0.25">
      <c r="A1064" t="s">
        <v>1740</v>
      </c>
      <c r="B1064" t="s">
        <v>1741</v>
      </c>
      <c r="C1064">
        <v>1</v>
      </c>
      <c r="D1064">
        <v>0</v>
      </c>
    </row>
    <row r="1065" spans="1:4" x14ac:dyDescent="0.25">
      <c r="A1065" t="s">
        <v>1742</v>
      </c>
      <c r="B1065" t="s">
        <v>1743</v>
      </c>
      <c r="C1065">
        <v>1</v>
      </c>
      <c r="D1065">
        <v>0</v>
      </c>
    </row>
    <row r="1066" spans="1:4" x14ac:dyDescent="0.25">
      <c r="A1066" t="s">
        <v>1742</v>
      </c>
      <c r="B1066" t="s">
        <v>1744</v>
      </c>
      <c r="C1066">
        <v>0</v>
      </c>
      <c r="D1066">
        <v>0</v>
      </c>
    </row>
    <row r="1067" spans="1:4" x14ac:dyDescent="0.25">
      <c r="A1067" t="s">
        <v>1745</v>
      </c>
      <c r="B1067" t="s">
        <v>1746</v>
      </c>
      <c r="C1067">
        <v>0</v>
      </c>
      <c r="D1067">
        <v>0</v>
      </c>
    </row>
    <row r="1068" spans="1:4" x14ac:dyDescent="0.25">
      <c r="A1068" t="s">
        <v>1747</v>
      </c>
      <c r="B1068" t="s">
        <v>1748</v>
      </c>
      <c r="C1068">
        <v>0</v>
      </c>
      <c r="D1068">
        <v>0</v>
      </c>
    </row>
    <row r="1069" spans="1:4" x14ac:dyDescent="0.25">
      <c r="A1069" t="s">
        <v>1747</v>
      </c>
      <c r="B1069" t="s">
        <v>1749</v>
      </c>
      <c r="C1069">
        <v>1</v>
      </c>
      <c r="D1069">
        <v>0</v>
      </c>
    </row>
    <row r="1070" spans="1:4" x14ac:dyDescent="0.25">
      <c r="A1070" t="s">
        <v>1750</v>
      </c>
      <c r="B1070" t="s">
        <v>1751</v>
      </c>
      <c r="C1070">
        <v>0</v>
      </c>
      <c r="D1070">
        <v>0</v>
      </c>
    </row>
    <row r="1071" spans="1:4" x14ac:dyDescent="0.25">
      <c r="A1071" t="s">
        <v>1750</v>
      </c>
      <c r="B1071" t="s">
        <v>1752</v>
      </c>
      <c r="C1071">
        <v>0</v>
      </c>
      <c r="D1071">
        <v>0</v>
      </c>
    </row>
    <row r="1072" spans="1:4" x14ac:dyDescent="0.25">
      <c r="A1072" t="s">
        <v>1753</v>
      </c>
      <c r="B1072" t="s">
        <v>1754</v>
      </c>
      <c r="C1072">
        <v>0</v>
      </c>
      <c r="D1072">
        <v>0</v>
      </c>
    </row>
    <row r="1073" spans="1:4" x14ac:dyDescent="0.25">
      <c r="A1073" t="s">
        <v>1753</v>
      </c>
      <c r="B1073" t="s">
        <v>1755</v>
      </c>
      <c r="C1073">
        <v>2</v>
      </c>
      <c r="D1073">
        <v>0</v>
      </c>
    </row>
    <row r="1074" spans="1:4" x14ac:dyDescent="0.25">
      <c r="A1074" t="s">
        <v>1756</v>
      </c>
      <c r="B1074" t="s">
        <v>1757</v>
      </c>
      <c r="C1074">
        <v>1</v>
      </c>
      <c r="D1074">
        <v>0</v>
      </c>
    </row>
    <row r="1075" spans="1:4" x14ac:dyDescent="0.25">
      <c r="A1075" t="s">
        <v>1758</v>
      </c>
      <c r="B1075" t="s">
        <v>1759</v>
      </c>
      <c r="C1075">
        <v>1</v>
      </c>
      <c r="D1075">
        <v>0</v>
      </c>
    </row>
    <row r="1076" spans="1:4" x14ac:dyDescent="0.25">
      <c r="A1076" t="s">
        <v>1758</v>
      </c>
      <c r="B1076" t="s">
        <v>1760</v>
      </c>
      <c r="C1076">
        <v>1</v>
      </c>
      <c r="D1076">
        <v>0</v>
      </c>
    </row>
    <row r="1077" spans="1:4" x14ac:dyDescent="0.25">
      <c r="A1077" t="s">
        <v>1758</v>
      </c>
      <c r="B1077" t="s">
        <v>1761</v>
      </c>
      <c r="C1077">
        <v>1</v>
      </c>
      <c r="D1077">
        <v>0</v>
      </c>
    </row>
    <row r="1078" spans="1:4" x14ac:dyDescent="0.25">
      <c r="A1078" t="s">
        <v>1762</v>
      </c>
      <c r="B1078" t="s">
        <v>1763</v>
      </c>
      <c r="C1078">
        <v>1</v>
      </c>
      <c r="D1078">
        <v>0</v>
      </c>
    </row>
    <row r="1079" spans="1:4" x14ac:dyDescent="0.25">
      <c r="A1079" t="s">
        <v>1764</v>
      </c>
      <c r="B1079" t="s">
        <v>1765</v>
      </c>
      <c r="C1079">
        <v>2</v>
      </c>
      <c r="D1079">
        <v>0</v>
      </c>
    </row>
    <row r="1080" spans="1:4" x14ac:dyDescent="0.25">
      <c r="A1080" t="s">
        <v>1764</v>
      </c>
      <c r="B1080" t="s">
        <v>1766</v>
      </c>
      <c r="C1080">
        <v>2</v>
      </c>
      <c r="D1080">
        <v>0</v>
      </c>
    </row>
    <row r="1081" spans="1:4" x14ac:dyDescent="0.25">
      <c r="A1081" t="s">
        <v>1764</v>
      </c>
      <c r="B1081" t="s">
        <v>1767</v>
      </c>
      <c r="C1081">
        <v>1</v>
      </c>
      <c r="D1081">
        <v>0</v>
      </c>
    </row>
    <row r="1082" spans="1:4" x14ac:dyDescent="0.25">
      <c r="A1082" t="s">
        <v>1768</v>
      </c>
      <c r="B1082" t="s">
        <v>1769</v>
      </c>
      <c r="C1082">
        <v>1</v>
      </c>
      <c r="D1082">
        <v>0</v>
      </c>
    </row>
    <row r="1083" spans="1:4" x14ac:dyDescent="0.25">
      <c r="A1083" t="s">
        <v>1768</v>
      </c>
      <c r="B1083" t="s">
        <v>1770</v>
      </c>
      <c r="C1083">
        <v>2</v>
      </c>
      <c r="D1083">
        <v>0</v>
      </c>
    </row>
    <row r="1084" spans="1:4" x14ac:dyDescent="0.25">
      <c r="A1084" t="s">
        <v>1771</v>
      </c>
      <c r="B1084" t="s">
        <v>1772</v>
      </c>
      <c r="C1084">
        <v>2</v>
      </c>
      <c r="D1084">
        <v>0</v>
      </c>
    </row>
    <row r="1085" spans="1:4" x14ac:dyDescent="0.25">
      <c r="A1085" t="s">
        <v>1773</v>
      </c>
      <c r="B1085" t="s">
        <v>1774</v>
      </c>
      <c r="C1085">
        <v>1</v>
      </c>
      <c r="D1085">
        <v>0</v>
      </c>
    </row>
    <row r="1086" spans="1:4" x14ac:dyDescent="0.25">
      <c r="A1086" t="s">
        <v>1773</v>
      </c>
      <c r="B1086" t="s">
        <v>1775</v>
      </c>
      <c r="C1086">
        <v>1</v>
      </c>
      <c r="D1086">
        <v>0</v>
      </c>
    </row>
    <row r="1087" spans="1:4" x14ac:dyDescent="0.25">
      <c r="A1087" t="s">
        <v>1773</v>
      </c>
      <c r="B1087" t="s">
        <v>1776</v>
      </c>
      <c r="C1087">
        <v>1</v>
      </c>
      <c r="D1087">
        <v>0</v>
      </c>
    </row>
    <row r="1088" spans="1:4" x14ac:dyDescent="0.25">
      <c r="A1088" t="s">
        <v>1777</v>
      </c>
      <c r="B1088" t="s">
        <v>1778</v>
      </c>
      <c r="C1088">
        <v>1</v>
      </c>
      <c r="D1088">
        <v>0</v>
      </c>
    </row>
    <row r="1089" spans="1:4" x14ac:dyDescent="0.25">
      <c r="A1089" t="s">
        <v>1779</v>
      </c>
      <c r="B1089" t="s">
        <v>1780</v>
      </c>
      <c r="C1089">
        <v>0</v>
      </c>
      <c r="D1089">
        <v>0</v>
      </c>
    </row>
    <row r="1090" spans="1:4" x14ac:dyDescent="0.25">
      <c r="A1090" t="s">
        <v>1779</v>
      </c>
      <c r="B1090" t="s">
        <v>1781</v>
      </c>
      <c r="C1090">
        <v>0</v>
      </c>
      <c r="D1090">
        <v>0</v>
      </c>
    </row>
    <row r="1091" spans="1:4" x14ac:dyDescent="0.25">
      <c r="A1091" t="s">
        <v>1782</v>
      </c>
      <c r="B1091" t="s">
        <v>1783</v>
      </c>
      <c r="C1091">
        <v>0</v>
      </c>
      <c r="D1091">
        <v>0</v>
      </c>
    </row>
    <row r="1092" spans="1:4" x14ac:dyDescent="0.25">
      <c r="A1092" t="s">
        <v>1782</v>
      </c>
      <c r="B1092" t="s">
        <v>1784</v>
      </c>
      <c r="C1092">
        <v>2</v>
      </c>
      <c r="D1092">
        <v>0</v>
      </c>
    </row>
    <row r="1093" spans="1:4" x14ac:dyDescent="0.25">
      <c r="A1093" t="s">
        <v>1785</v>
      </c>
      <c r="B1093" t="s">
        <v>1786</v>
      </c>
      <c r="C1093">
        <v>0</v>
      </c>
      <c r="D1093">
        <v>0</v>
      </c>
    </row>
    <row r="1094" spans="1:4" x14ac:dyDescent="0.25">
      <c r="A1094" t="s">
        <v>1785</v>
      </c>
      <c r="B1094" t="s">
        <v>1787</v>
      </c>
      <c r="C1094">
        <v>2</v>
      </c>
      <c r="D1094">
        <v>0</v>
      </c>
    </row>
    <row r="1095" spans="1:4" x14ac:dyDescent="0.25">
      <c r="A1095" t="s">
        <v>1788</v>
      </c>
      <c r="B1095" t="s">
        <v>1789</v>
      </c>
      <c r="C1095">
        <v>0</v>
      </c>
      <c r="D1095">
        <v>0</v>
      </c>
    </row>
    <row r="1096" spans="1:4" x14ac:dyDescent="0.25">
      <c r="A1096" t="s">
        <v>1788</v>
      </c>
      <c r="B1096" t="s">
        <v>1790</v>
      </c>
      <c r="C1096">
        <v>2</v>
      </c>
      <c r="D1096">
        <v>0</v>
      </c>
    </row>
    <row r="1097" spans="1:4" x14ac:dyDescent="0.25">
      <c r="A1097" t="s">
        <v>1791</v>
      </c>
      <c r="B1097" t="s">
        <v>1792</v>
      </c>
      <c r="C1097">
        <v>1</v>
      </c>
      <c r="D1097">
        <v>0</v>
      </c>
    </row>
    <row r="1098" spans="1:4" x14ac:dyDescent="0.25">
      <c r="A1098" t="s">
        <v>1791</v>
      </c>
      <c r="B1098" t="s">
        <v>951</v>
      </c>
      <c r="C1098">
        <v>1</v>
      </c>
      <c r="D1098">
        <v>0</v>
      </c>
    </row>
    <row r="1099" spans="1:4" x14ac:dyDescent="0.25">
      <c r="A1099" t="s">
        <v>1793</v>
      </c>
      <c r="B1099" t="s">
        <v>1001</v>
      </c>
      <c r="C1099">
        <v>1</v>
      </c>
      <c r="D1099">
        <v>0</v>
      </c>
    </row>
    <row r="1100" spans="1:4" x14ac:dyDescent="0.25">
      <c r="A1100" t="s">
        <v>1794</v>
      </c>
      <c r="B1100" t="s">
        <v>1795</v>
      </c>
      <c r="C1100">
        <v>1</v>
      </c>
      <c r="D1100">
        <v>0</v>
      </c>
    </row>
    <row r="1101" spans="1:4" x14ac:dyDescent="0.25">
      <c r="A1101" t="s">
        <v>1794</v>
      </c>
      <c r="B1101" t="s">
        <v>1796</v>
      </c>
      <c r="C1101">
        <v>2</v>
      </c>
      <c r="D1101">
        <v>0</v>
      </c>
    </row>
    <row r="1102" spans="1:4" x14ac:dyDescent="0.25">
      <c r="A1102" t="s">
        <v>1797</v>
      </c>
      <c r="B1102" t="s">
        <v>1798</v>
      </c>
      <c r="C1102">
        <v>0</v>
      </c>
      <c r="D1102">
        <v>0</v>
      </c>
    </row>
    <row r="1103" spans="1:4" x14ac:dyDescent="0.25">
      <c r="A1103" t="s">
        <v>1799</v>
      </c>
      <c r="B1103" t="s">
        <v>1800</v>
      </c>
      <c r="C1103">
        <v>0</v>
      </c>
      <c r="D1103">
        <v>0</v>
      </c>
    </row>
    <row r="1104" spans="1:4" x14ac:dyDescent="0.25">
      <c r="A1104" t="s">
        <v>1801</v>
      </c>
      <c r="B1104" t="s">
        <v>1802</v>
      </c>
      <c r="C1104">
        <v>1</v>
      </c>
      <c r="D1104">
        <v>0</v>
      </c>
    </row>
    <row r="1105" spans="1:4" x14ac:dyDescent="0.25">
      <c r="A1105" t="s">
        <v>1803</v>
      </c>
      <c r="B1105" t="s">
        <v>1804</v>
      </c>
      <c r="C1105">
        <v>1</v>
      </c>
      <c r="D1105">
        <v>0</v>
      </c>
    </row>
    <row r="1106" spans="1:4" x14ac:dyDescent="0.25">
      <c r="A1106" t="s">
        <v>1803</v>
      </c>
      <c r="B1106" t="s">
        <v>1805</v>
      </c>
      <c r="C1106">
        <v>1</v>
      </c>
      <c r="D1106">
        <v>0</v>
      </c>
    </row>
    <row r="1107" spans="1:4" x14ac:dyDescent="0.25">
      <c r="A1107" t="s">
        <v>1803</v>
      </c>
      <c r="B1107" t="s">
        <v>1806</v>
      </c>
      <c r="C1107">
        <v>1</v>
      </c>
      <c r="D1107">
        <v>0</v>
      </c>
    </row>
    <row r="1108" spans="1:4" x14ac:dyDescent="0.25">
      <c r="A1108" t="s">
        <v>1807</v>
      </c>
      <c r="B1108" t="s">
        <v>1808</v>
      </c>
      <c r="C1108">
        <v>0</v>
      </c>
      <c r="D1108">
        <v>0</v>
      </c>
    </row>
    <row r="1109" spans="1:4" x14ac:dyDescent="0.25">
      <c r="A1109" t="s">
        <v>1807</v>
      </c>
      <c r="B1109" t="s">
        <v>1354</v>
      </c>
      <c r="C1109">
        <v>1</v>
      </c>
      <c r="D1109">
        <v>0</v>
      </c>
    </row>
    <row r="1110" spans="1:4" x14ac:dyDescent="0.25">
      <c r="A1110" t="s">
        <v>1809</v>
      </c>
      <c r="B1110" t="s">
        <v>1810</v>
      </c>
      <c r="C1110">
        <v>0</v>
      </c>
      <c r="D1110">
        <v>0</v>
      </c>
    </row>
    <row r="1111" spans="1:4" x14ac:dyDescent="0.25">
      <c r="A1111" t="s">
        <v>1809</v>
      </c>
      <c r="B1111" t="s">
        <v>1811</v>
      </c>
      <c r="C1111">
        <v>1</v>
      </c>
      <c r="D1111">
        <v>0</v>
      </c>
    </row>
    <row r="1112" spans="1:4" x14ac:dyDescent="0.25">
      <c r="A1112" t="s">
        <v>1812</v>
      </c>
      <c r="B1112" t="s">
        <v>1813</v>
      </c>
      <c r="C1112">
        <v>0</v>
      </c>
      <c r="D1112">
        <v>0</v>
      </c>
    </row>
    <row r="1113" spans="1:4" x14ac:dyDescent="0.25">
      <c r="A1113" t="s">
        <v>1812</v>
      </c>
      <c r="B1113" t="s">
        <v>1814</v>
      </c>
      <c r="C1113">
        <v>2</v>
      </c>
      <c r="D1113">
        <v>0</v>
      </c>
    </row>
    <row r="1114" spans="1:4" x14ac:dyDescent="0.25">
      <c r="A1114" t="s">
        <v>1812</v>
      </c>
      <c r="B1114" t="s">
        <v>1815</v>
      </c>
      <c r="C1114">
        <v>1</v>
      </c>
      <c r="D1114">
        <v>0</v>
      </c>
    </row>
    <row r="1115" spans="1:4" x14ac:dyDescent="0.25">
      <c r="A1115" t="s">
        <v>1816</v>
      </c>
      <c r="B1115" t="s">
        <v>1817</v>
      </c>
      <c r="C1115">
        <v>2</v>
      </c>
      <c r="D1115">
        <v>0</v>
      </c>
    </row>
    <row r="1116" spans="1:4" x14ac:dyDescent="0.25">
      <c r="A1116" t="s">
        <v>1816</v>
      </c>
      <c r="B1116" t="s">
        <v>1818</v>
      </c>
      <c r="C1116">
        <v>1</v>
      </c>
      <c r="D1116">
        <v>0</v>
      </c>
    </row>
    <row r="1117" spans="1:4" x14ac:dyDescent="0.25">
      <c r="A1117" t="s">
        <v>1816</v>
      </c>
      <c r="B1117" t="s">
        <v>1818</v>
      </c>
      <c r="C1117">
        <v>1</v>
      </c>
      <c r="D1117">
        <v>0</v>
      </c>
    </row>
    <row r="1118" spans="1:4" x14ac:dyDescent="0.25">
      <c r="A1118" t="s">
        <v>1819</v>
      </c>
      <c r="B1118" t="s">
        <v>1820</v>
      </c>
      <c r="C1118">
        <v>0</v>
      </c>
      <c r="D1118">
        <v>0</v>
      </c>
    </row>
    <row r="1119" spans="1:4" x14ac:dyDescent="0.25">
      <c r="A1119" t="s">
        <v>1819</v>
      </c>
      <c r="B1119" t="s">
        <v>1821</v>
      </c>
      <c r="C1119">
        <v>1</v>
      </c>
      <c r="D1119">
        <v>0</v>
      </c>
    </row>
    <row r="1120" spans="1:4" x14ac:dyDescent="0.25">
      <c r="A1120" t="s">
        <v>1819</v>
      </c>
      <c r="B1120" t="s">
        <v>1822</v>
      </c>
      <c r="C1120">
        <v>1</v>
      </c>
      <c r="D1120">
        <v>0</v>
      </c>
    </row>
    <row r="1121" spans="1:4" x14ac:dyDescent="0.25">
      <c r="A1121" t="s">
        <v>1823</v>
      </c>
      <c r="B1121" t="s">
        <v>1824</v>
      </c>
      <c r="C1121">
        <v>1</v>
      </c>
      <c r="D1121">
        <v>0</v>
      </c>
    </row>
    <row r="1122" spans="1:4" x14ac:dyDescent="0.25">
      <c r="A1122" t="s">
        <v>1823</v>
      </c>
      <c r="B1122" t="s">
        <v>1825</v>
      </c>
      <c r="C1122">
        <v>0</v>
      </c>
      <c r="D1122">
        <v>0</v>
      </c>
    </row>
    <row r="1123" spans="1:4" x14ac:dyDescent="0.25">
      <c r="A1123" t="s">
        <v>1826</v>
      </c>
      <c r="B1123" t="s">
        <v>1001</v>
      </c>
      <c r="C1123">
        <v>1</v>
      </c>
      <c r="D1123">
        <v>0</v>
      </c>
    </row>
    <row r="1124" spans="1:4" x14ac:dyDescent="0.25">
      <c r="A1124" t="s">
        <v>1827</v>
      </c>
      <c r="B1124" t="s">
        <v>1828</v>
      </c>
      <c r="C1124">
        <v>0</v>
      </c>
      <c r="D1124">
        <v>0</v>
      </c>
    </row>
    <row r="1125" spans="1:4" x14ac:dyDescent="0.25">
      <c r="A1125" t="s">
        <v>1827</v>
      </c>
      <c r="B1125" t="s">
        <v>1829</v>
      </c>
      <c r="C1125">
        <v>0</v>
      </c>
      <c r="D1125">
        <v>0</v>
      </c>
    </row>
    <row r="1126" spans="1:4" x14ac:dyDescent="0.25">
      <c r="A1126" t="s">
        <v>1827</v>
      </c>
      <c r="B1126" t="s">
        <v>1830</v>
      </c>
      <c r="C1126">
        <v>0</v>
      </c>
      <c r="D1126">
        <v>0</v>
      </c>
    </row>
    <row r="1127" spans="1:4" x14ac:dyDescent="0.25">
      <c r="A1127" t="s">
        <v>1831</v>
      </c>
      <c r="B1127" t="s">
        <v>1832</v>
      </c>
      <c r="C1127">
        <v>0</v>
      </c>
      <c r="D1127">
        <v>0</v>
      </c>
    </row>
    <row r="1128" spans="1:4" x14ac:dyDescent="0.25">
      <c r="A1128" t="s">
        <v>1833</v>
      </c>
      <c r="B1128" t="s">
        <v>1834</v>
      </c>
      <c r="C1128">
        <v>0</v>
      </c>
      <c r="D1128">
        <v>0</v>
      </c>
    </row>
    <row r="1129" spans="1:4" x14ac:dyDescent="0.25">
      <c r="A1129" t="s">
        <v>1833</v>
      </c>
      <c r="B1129" t="s">
        <v>1835</v>
      </c>
      <c r="C1129">
        <v>2</v>
      </c>
      <c r="D1129">
        <v>0</v>
      </c>
    </row>
    <row r="1130" spans="1:4" x14ac:dyDescent="0.25">
      <c r="A1130" t="s">
        <v>1836</v>
      </c>
      <c r="B1130" t="s">
        <v>1837</v>
      </c>
      <c r="C1130">
        <v>2</v>
      </c>
      <c r="D1130">
        <v>0</v>
      </c>
    </row>
    <row r="1131" spans="1:4" x14ac:dyDescent="0.25">
      <c r="A1131" t="s">
        <v>1836</v>
      </c>
      <c r="B1131" t="s">
        <v>1838</v>
      </c>
      <c r="C1131">
        <v>2</v>
      </c>
      <c r="D1131">
        <v>0</v>
      </c>
    </row>
    <row r="1132" spans="1:4" x14ac:dyDescent="0.25">
      <c r="A1132" t="s">
        <v>1839</v>
      </c>
      <c r="B1132" t="s">
        <v>1840</v>
      </c>
      <c r="C1132">
        <v>1</v>
      </c>
      <c r="D1132">
        <v>0</v>
      </c>
    </row>
    <row r="1133" spans="1:4" x14ac:dyDescent="0.25">
      <c r="A1133" t="s">
        <v>1839</v>
      </c>
      <c r="B1133" t="s">
        <v>1841</v>
      </c>
      <c r="C1133">
        <v>1</v>
      </c>
      <c r="D1133">
        <v>0</v>
      </c>
    </row>
    <row r="1134" spans="1:4" x14ac:dyDescent="0.25">
      <c r="A1134" t="s">
        <v>1842</v>
      </c>
      <c r="B1134" t="s">
        <v>1843</v>
      </c>
      <c r="C1134">
        <v>2</v>
      </c>
      <c r="D1134">
        <v>0</v>
      </c>
    </row>
    <row r="1135" spans="1:4" x14ac:dyDescent="0.25">
      <c r="A1135" t="s">
        <v>1842</v>
      </c>
      <c r="B1135" t="s">
        <v>1844</v>
      </c>
      <c r="C1135">
        <v>1</v>
      </c>
      <c r="D1135">
        <v>0</v>
      </c>
    </row>
    <row r="1136" spans="1:4" x14ac:dyDescent="0.25">
      <c r="A1136" t="s">
        <v>1845</v>
      </c>
      <c r="B1136" t="s">
        <v>1846</v>
      </c>
      <c r="C1136">
        <v>1</v>
      </c>
      <c r="D1136">
        <v>0</v>
      </c>
    </row>
    <row r="1137" spans="1:4" x14ac:dyDescent="0.25">
      <c r="A1137" t="s">
        <v>1847</v>
      </c>
      <c r="B1137" t="s">
        <v>1848</v>
      </c>
      <c r="C1137">
        <v>1</v>
      </c>
      <c r="D1137">
        <v>0</v>
      </c>
    </row>
    <row r="1138" spans="1:4" x14ac:dyDescent="0.25">
      <c r="A1138" t="s">
        <v>1847</v>
      </c>
      <c r="B1138" t="s">
        <v>1849</v>
      </c>
      <c r="C1138">
        <v>0</v>
      </c>
      <c r="D1138">
        <v>0</v>
      </c>
    </row>
    <row r="1139" spans="1:4" x14ac:dyDescent="0.25">
      <c r="A1139" t="s">
        <v>1850</v>
      </c>
      <c r="B1139" t="s">
        <v>1851</v>
      </c>
      <c r="C1139">
        <v>2</v>
      </c>
      <c r="D1139">
        <v>0</v>
      </c>
    </row>
    <row r="1140" spans="1:4" x14ac:dyDescent="0.25">
      <c r="A1140" t="s">
        <v>1852</v>
      </c>
      <c r="B1140" t="s">
        <v>1853</v>
      </c>
      <c r="C1140">
        <v>0</v>
      </c>
      <c r="D1140">
        <v>0</v>
      </c>
    </row>
    <row r="1141" spans="1:4" x14ac:dyDescent="0.25">
      <c r="A1141" t="s">
        <v>1854</v>
      </c>
      <c r="B1141" t="s">
        <v>1855</v>
      </c>
      <c r="C1141">
        <v>0</v>
      </c>
      <c r="D1141">
        <v>0</v>
      </c>
    </row>
    <row r="1142" spans="1:4" x14ac:dyDescent="0.25">
      <c r="A1142" t="s">
        <v>1854</v>
      </c>
      <c r="B1142" t="s">
        <v>1856</v>
      </c>
      <c r="C1142">
        <v>2</v>
      </c>
      <c r="D1142">
        <v>0</v>
      </c>
    </row>
    <row r="1143" spans="1:4" x14ac:dyDescent="0.25">
      <c r="A1143" t="s">
        <v>1854</v>
      </c>
      <c r="B1143" t="s">
        <v>1857</v>
      </c>
      <c r="C1143">
        <v>0</v>
      </c>
      <c r="D1143">
        <v>0</v>
      </c>
    </row>
    <row r="1144" spans="1:4" x14ac:dyDescent="0.25">
      <c r="A1144" t="s">
        <v>1858</v>
      </c>
      <c r="B1144" t="s">
        <v>1859</v>
      </c>
      <c r="C1144">
        <v>0</v>
      </c>
      <c r="D1144">
        <v>0</v>
      </c>
    </row>
    <row r="1145" spans="1:4" x14ac:dyDescent="0.25">
      <c r="A1145" t="s">
        <v>1860</v>
      </c>
      <c r="B1145" t="s">
        <v>1861</v>
      </c>
      <c r="C1145">
        <v>1</v>
      </c>
      <c r="D1145">
        <v>0</v>
      </c>
    </row>
    <row r="1146" spans="1:4" x14ac:dyDescent="0.25">
      <c r="A1146" t="s">
        <v>1860</v>
      </c>
      <c r="B1146" t="s">
        <v>1862</v>
      </c>
      <c r="C1146">
        <v>1</v>
      </c>
      <c r="D1146">
        <v>0</v>
      </c>
    </row>
    <row r="1147" spans="1:4" x14ac:dyDescent="0.25">
      <c r="A1147" t="s">
        <v>1863</v>
      </c>
      <c r="B1147" t="s">
        <v>1864</v>
      </c>
      <c r="C1147">
        <v>2</v>
      </c>
      <c r="D1147">
        <v>0</v>
      </c>
    </row>
    <row r="1148" spans="1:4" x14ac:dyDescent="0.25">
      <c r="A1148" t="s">
        <v>1863</v>
      </c>
      <c r="B1148" t="s">
        <v>1865</v>
      </c>
      <c r="C1148">
        <v>0</v>
      </c>
      <c r="D1148">
        <v>0</v>
      </c>
    </row>
    <row r="1149" spans="1:4" x14ac:dyDescent="0.25">
      <c r="A1149" t="s">
        <v>1866</v>
      </c>
      <c r="B1149" t="s">
        <v>1867</v>
      </c>
      <c r="C1149">
        <v>1</v>
      </c>
      <c r="D1149">
        <v>0</v>
      </c>
    </row>
    <row r="1150" spans="1:4" x14ac:dyDescent="0.25">
      <c r="A1150" t="s">
        <v>1868</v>
      </c>
      <c r="B1150" t="s">
        <v>1869</v>
      </c>
      <c r="C1150">
        <v>1</v>
      </c>
      <c r="D1150">
        <v>0</v>
      </c>
    </row>
    <row r="1151" spans="1:4" x14ac:dyDescent="0.25">
      <c r="A1151" t="s">
        <v>1868</v>
      </c>
      <c r="B1151" t="s">
        <v>1870</v>
      </c>
      <c r="C1151">
        <v>0</v>
      </c>
      <c r="D1151">
        <v>0</v>
      </c>
    </row>
    <row r="1152" spans="1:4" x14ac:dyDescent="0.25">
      <c r="A1152" t="s">
        <v>1868</v>
      </c>
      <c r="B1152" t="s">
        <v>1871</v>
      </c>
      <c r="C1152">
        <v>1</v>
      </c>
      <c r="D1152">
        <v>0</v>
      </c>
    </row>
    <row r="1153" spans="1:4" x14ac:dyDescent="0.25">
      <c r="A1153" t="s">
        <v>1872</v>
      </c>
      <c r="B1153" t="s">
        <v>1873</v>
      </c>
      <c r="C1153">
        <v>0</v>
      </c>
      <c r="D1153">
        <v>0</v>
      </c>
    </row>
    <row r="1154" spans="1:4" x14ac:dyDescent="0.25">
      <c r="A1154" t="s">
        <v>1874</v>
      </c>
      <c r="B1154" t="s">
        <v>1875</v>
      </c>
      <c r="C1154">
        <v>0</v>
      </c>
      <c r="D1154">
        <v>0</v>
      </c>
    </row>
    <row r="1155" spans="1:4" x14ac:dyDescent="0.25">
      <c r="A1155" t="s">
        <v>1876</v>
      </c>
      <c r="B1155" t="s">
        <v>1655</v>
      </c>
      <c r="C1155">
        <v>1</v>
      </c>
      <c r="D1155">
        <v>0</v>
      </c>
    </row>
    <row r="1156" spans="1:4" x14ac:dyDescent="0.25">
      <c r="A1156" t="s">
        <v>1876</v>
      </c>
      <c r="B1156" t="s">
        <v>1877</v>
      </c>
      <c r="C1156">
        <v>0</v>
      </c>
      <c r="D1156">
        <v>0</v>
      </c>
    </row>
    <row r="1157" spans="1:4" x14ac:dyDescent="0.25">
      <c r="A1157" t="s">
        <v>1878</v>
      </c>
      <c r="B1157" t="s">
        <v>1879</v>
      </c>
      <c r="C1157">
        <v>0</v>
      </c>
      <c r="D1157">
        <v>0</v>
      </c>
    </row>
    <row r="1158" spans="1:4" x14ac:dyDescent="0.25">
      <c r="A1158" t="s">
        <v>1880</v>
      </c>
      <c r="B1158" t="s">
        <v>1881</v>
      </c>
      <c r="C1158">
        <v>1</v>
      </c>
      <c r="D1158">
        <v>0</v>
      </c>
    </row>
    <row r="1159" spans="1:4" x14ac:dyDescent="0.25">
      <c r="A1159" t="s">
        <v>1880</v>
      </c>
      <c r="B1159" t="s">
        <v>1882</v>
      </c>
      <c r="C1159">
        <v>0</v>
      </c>
      <c r="D1159">
        <v>0</v>
      </c>
    </row>
    <row r="1160" spans="1:4" x14ac:dyDescent="0.25">
      <c r="A1160" t="s">
        <v>1880</v>
      </c>
      <c r="B1160" t="s">
        <v>1883</v>
      </c>
      <c r="C1160">
        <v>1</v>
      </c>
      <c r="D1160">
        <v>0</v>
      </c>
    </row>
    <row r="1161" spans="1:4" x14ac:dyDescent="0.25">
      <c r="A1161" t="s">
        <v>1884</v>
      </c>
      <c r="B1161" t="s">
        <v>1885</v>
      </c>
      <c r="C1161">
        <v>0</v>
      </c>
      <c r="D1161">
        <v>0</v>
      </c>
    </row>
    <row r="1162" spans="1:4" x14ac:dyDescent="0.25">
      <c r="A1162" t="s">
        <v>1886</v>
      </c>
      <c r="B1162" t="s">
        <v>1887</v>
      </c>
      <c r="C1162">
        <v>0</v>
      </c>
      <c r="D1162">
        <v>0</v>
      </c>
    </row>
    <row r="1163" spans="1:4" x14ac:dyDescent="0.25">
      <c r="A1163" t="s">
        <v>1888</v>
      </c>
      <c r="B1163" t="s">
        <v>1889</v>
      </c>
      <c r="C1163">
        <v>0</v>
      </c>
      <c r="D1163">
        <v>0</v>
      </c>
    </row>
    <row r="1164" spans="1:4" x14ac:dyDescent="0.25">
      <c r="A1164" t="s">
        <v>1890</v>
      </c>
      <c r="B1164" t="s">
        <v>1891</v>
      </c>
      <c r="C1164">
        <v>0</v>
      </c>
      <c r="D1164">
        <v>0</v>
      </c>
    </row>
    <row r="1165" spans="1:4" x14ac:dyDescent="0.25">
      <c r="A1165" t="s">
        <v>1892</v>
      </c>
      <c r="B1165" t="s">
        <v>888</v>
      </c>
      <c r="C1165">
        <v>1</v>
      </c>
      <c r="D1165">
        <v>0</v>
      </c>
    </row>
    <row r="1166" spans="1:4" x14ac:dyDescent="0.25">
      <c r="A1166" t="s">
        <v>1892</v>
      </c>
      <c r="B1166" t="s">
        <v>1893</v>
      </c>
      <c r="C1166">
        <v>0</v>
      </c>
      <c r="D1166">
        <v>0</v>
      </c>
    </row>
    <row r="1167" spans="1:4" x14ac:dyDescent="0.25">
      <c r="A1167" t="s">
        <v>1894</v>
      </c>
      <c r="B1167" t="s">
        <v>1895</v>
      </c>
      <c r="C1167">
        <v>1</v>
      </c>
      <c r="D1167">
        <v>0</v>
      </c>
    </row>
    <row r="1168" spans="1:4" x14ac:dyDescent="0.25">
      <c r="A1168" t="s">
        <v>1894</v>
      </c>
      <c r="B1168" t="s">
        <v>1896</v>
      </c>
      <c r="C1168">
        <v>1</v>
      </c>
      <c r="D1168">
        <v>0</v>
      </c>
    </row>
    <row r="1169" spans="1:4" x14ac:dyDescent="0.25">
      <c r="A1169" t="s">
        <v>1897</v>
      </c>
      <c r="B1169" t="s">
        <v>1898</v>
      </c>
      <c r="C1169">
        <v>2</v>
      </c>
      <c r="D1169">
        <v>0</v>
      </c>
    </row>
    <row r="1170" spans="1:4" x14ac:dyDescent="0.25">
      <c r="A1170" t="s">
        <v>1897</v>
      </c>
      <c r="B1170" t="s">
        <v>1899</v>
      </c>
      <c r="C1170">
        <v>1</v>
      </c>
      <c r="D1170">
        <v>0</v>
      </c>
    </row>
    <row r="1171" spans="1:4" x14ac:dyDescent="0.25">
      <c r="A1171" t="s">
        <v>1900</v>
      </c>
      <c r="B1171" t="s">
        <v>1901</v>
      </c>
      <c r="C1171">
        <v>0</v>
      </c>
      <c r="D1171">
        <v>0</v>
      </c>
    </row>
    <row r="1172" spans="1:4" x14ac:dyDescent="0.25">
      <c r="A1172" t="s">
        <v>1900</v>
      </c>
      <c r="B1172" t="s">
        <v>1902</v>
      </c>
      <c r="C1172">
        <v>0</v>
      </c>
      <c r="D1172">
        <v>0</v>
      </c>
    </row>
    <row r="1173" spans="1:4" x14ac:dyDescent="0.25">
      <c r="A1173" t="s">
        <v>1903</v>
      </c>
      <c r="B1173" t="s">
        <v>1904</v>
      </c>
      <c r="C1173">
        <v>2</v>
      </c>
      <c r="D1173">
        <v>0</v>
      </c>
    </row>
    <row r="1174" spans="1:4" x14ac:dyDescent="0.25">
      <c r="A1174" t="s">
        <v>1903</v>
      </c>
      <c r="B1174" t="s">
        <v>1905</v>
      </c>
      <c r="C1174">
        <v>0</v>
      </c>
      <c r="D1174">
        <v>0</v>
      </c>
    </row>
    <row r="1175" spans="1:4" x14ac:dyDescent="0.25">
      <c r="A1175" t="s">
        <v>1903</v>
      </c>
      <c r="B1175" t="s">
        <v>1001</v>
      </c>
      <c r="C1175">
        <v>1</v>
      </c>
      <c r="D1175">
        <v>0</v>
      </c>
    </row>
    <row r="1176" spans="1:4" x14ac:dyDescent="0.25">
      <c r="A1176" t="s">
        <v>1906</v>
      </c>
      <c r="B1176" t="s">
        <v>1401</v>
      </c>
      <c r="C1176">
        <v>0</v>
      </c>
      <c r="D1176">
        <v>0</v>
      </c>
    </row>
    <row r="1177" spans="1:4" x14ac:dyDescent="0.25">
      <c r="A1177" t="s">
        <v>1906</v>
      </c>
      <c r="B1177" t="s">
        <v>1526</v>
      </c>
      <c r="C1177">
        <v>1</v>
      </c>
      <c r="D1177">
        <v>0</v>
      </c>
    </row>
    <row r="1178" spans="1:4" x14ac:dyDescent="0.25">
      <c r="A1178" t="s">
        <v>1907</v>
      </c>
      <c r="B1178" t="s">
        <v>1170</v>
      </c>
      <c r="C1178">
        <v>0</v>
      </c>
      <c r="D1178">
        <v>0</v>
      </c>
    </row>
    <row r="1179" spans="1:4" x14ac:dyDescent="0.25">
      <c r="A1179" t="s">
        <v>1907</v>
      </c>
      <c r="B1179" t="s">
        <v>1908</v>
      </c>
      <c r="C1179">
        <v>0</v>
      </c>
      <c r="D1179">
        <v>0</v>
      </c>
    </row>
    <row r="1180" spans="1:4" x14ac:dyDescent="0.25">
      <c r="A1180" t="s">
        <v>1909</v>
      </c>
      <c r="B1180" t="s">
        <v>1910</v>
      </c>
      <c r="C1180">
        <v>1</v>
      </c>
      <c r="D1180">
        <v>0</v>
      </c>
    </row>
    <row r="1181" spans="1:4" x14ac:dyDescent="0.25">
      <c r="A1181" t="s">
        <v>1909</v>
      </c>
      <c r="B1181" t="s">
        <v>1911</v>
      </c>
      <c r="C1181">
        <v>2</v>
      </c>
      <c r="D1181">
        <v>0</v>
      </c>
    </row>
    <row r="1182" spans="1:4" x14ac:dyDescent="0.25">
      <c r="A1182" t="s">
        <v>1909</v>
      </c>
      <c r="B1182" t="s">
        <v>1912</v>
      </c>
      <c r="C1182">
        <v>0</v>
      </c>
      <c r="D1182">
        <v>0</v>
      </c>
    </row>
    <row r="1183" spans="1:4" x14ac:dyDescent="0.25">
      <c r="A1183" t="s">
        <v>1913</v>
      </c>
      <c r="B1183" t="s">
        <v>1914</v>
      </c>
      <c r="C1183">
        <v>1</v>
      </c>
      <c r="D1183">
        <v>0</v>
      </c>
    </row>
    <row r="1184" spans="1:4" x14ac:dyDescent="0.25">
      <c r="A1184" t="s">
        <v>1915</v>
      </c>
      <c r="B1184" t="s">
        <v>1916</v>
      </c>
      <c r="C1184">
        <v>2</v>
      </c>
      <c r="D1184">
        <v>0</v>
      </c>
    </row>
    <row r="1185" spans="1:4" x14ac:dyDescent="0.25">
      <c r="A1185" t="s">
        <v>1917</v>
      </c>
      <c r="B1185" t="s">
        <v>968</v>
      </c>
      <c r="C1185">
        <v>1</v>
      </c>
      <c r="D1185">
        <v>0</v>
      </c>
    </row>
    <row r="1186" spans="1:4" x14ac:dyDescent="0.25">
      <c r="A1186" t="s">
        <v>1918</v>
      </c>
      <c r="B1186" t="s">
        <v>1919</v>
      </c>
      <c r="C1186">
        <v>1</v>
      </c>
      <c r="D1186">
        <v>0</v>
      </c>
    </row>
    <row r="1187" spans="1:4" x14ac:dyDescent="0.25">
      <c r="A1187" t="s">
        <v>1920</v>
      </c>
      <c r="B1187" t="s">
        <v>1921</v>
      </c>
      <c r="C1187">
        <v>0</v>
      </c>
      <c r="D1187">
        <v>0</v>
      </c>
    </row>
    <row r="1188" spans="1:4" x14ac:dyDescent="0.25">
      <c r="A1188" t="s">
        <v>1920</v>
      </c>
      <c r="B1188" t="s">
        <v>1922</v>
      </c>
      <c r="C1188">
        <v>1</v>
      </c>
      <c r="D1188">
        <v>0</v>
      </c>
    </row>
    <row r="1189" spans="1:4" x14ac:dyDescent="0.25">
      <c r="A1189" t="s">
        <v>1920</v>
      </c>
      <c r="B1189" t="s">
        <v>1923</v>
      </c>
      <c r="C1189">
        <v>0</v>
      </c>
      <c r="D1189">
        <v>0</v>
      </c>
    </row>
    <row r="1190" spans="1:4" x14ac:dyDescent="0.25">
      <c r="A1190" t="s">
        <v>1924</v>
      </c>
      <c r="B1190" t="s">
        <v>1925</v>
      </c>
      <c r="C1190">
        <v>1</v>
      </c>
      <c r="D1190">
        <v>0</v>
      </c>
    </row>
    <row r="1191" spans="1:4" x14ac:dyDescent="0.25">
      <c r="A1191" t="s">
        <v>1926</v>
      </c>
      <c r="B1191" t="s">
        <v>1927</v>
      </c>
      <c r="C1191">
        <v>2</v>
      </c>
      <c r="D1191">
        <v>0</v>
      </c>
    </row>
    <row r="1192" spans="1:4" x14ac:dyDescent="0.25">
      <c r="A1192" t="s">
        <v>1926</v>
      </c>
      <c r="B1192" t="s">
        <v>1928</v>
      </c>
      <c r="C1192">
        <v>2</v>
      </c>
      <c r="D1192">
        <v>0</v>
      </c>
    </row>
    <row r="1193" spans="1:4" x14ac:dyDescent="0.25">
      <c r="A1193" t="s">
        <v>1929</v>
      </c>
      <c r="B1193" t="s">
        <v>1930</v>
      </c>
      <c r="C1193">
        <v>1</v>
      </c>
      <c r="D1193">
        <v>0</v>
      </c>
    </row>
    <row r="1194" spans="1:4" x14ac:dyDescent="0.25">
      <c r="A1194" t="s">
        <v>1931</v>
      </c>
      <c r="B1194" t="s">
        <v>1932</v>
      </c>
      <c r="C1194">
        <v>1</v>
      </c>
      <c r="D1194">
        <v>0</v>
      </c>
    </row>
    <row r="1195" spans="1:4" x14ac:dyDescent="0.25">
      <c r="A1195" t="s">
        <v>1933</v>
      </c>
      <c r="B1195" t="s">
        <v>1934</v>
      </c>
      <c r="C1195">
        <v>0</v>
      </c>
      <c r="D1195">
        <v>0</v>
      </c>
    </row>
    <row r="1196" spans="1:4" x14ac:dyDescent="0.25">
      <c r="A1196" t="s">
        <v>1933</v>
      </c>
      <c r="B1196" t="s">
        <v>1935</v>
      </c>
      <c r="C1196">
        <v>0</v>
      </c>
      <c r="D1196">
        <v>0</v>
      </c>
    </row>
    <row r="1197" spans="1:4" x14ac:dyDescent="0.25">
      <c r="A1197" t="s">
        <v>1933</v>
      </c>
      <c r="B1197" t="s">
        <v>1936</v>
      </c>
      <c r="C1197">
        <v>0</v>
      </c>
      <c r="D1197">
        <v>0</v>
      </c>
    </row>
    <row r="1198" spans="1:4" x14ac:dyDescent="0.25">
      <c r="A1198" t="s">
        <v>1937</v>
      </c>
      <c r="B1198" t="s">
        <v>1938</v>
      </c>
      <c r="C1198">
        <v>0</v>
      </c>
      <c r="D1198">
        <v>0</v>
      </c>
    </row>
    <row r="1199" spans="1:4" x14ac:dyDescent="0.25">
      <c r="A1199" t="s">
        <v>1937</v>
      </c>
      <c r="B1199" t="s">
        <v>1939</v>
      </c>
      <c r="C1199">
        <v>1</v>
      </c>
      <c r="D1199">
        <v>0</v>
      </c>
    </row>
    <row r="1200" spans="1:4" x14ac:dyDescent="0.25">
      <c r="A1200" t="s">
        <v>1940</v>
      </c>
      <c r="B1200" t="s">
        <v>1941</v>
      </c>
      <c r="C1200">
        <v>1</v>
      </c>
      <c r="D1200">
        <v>0</v>
      </c>
    </row>
    <row r="1201" spans="1:4" x14ac:dyDescent="0.25">
      <c r="A1201" t="s">
        <v>1942</v>
      </c>
      <c r="B1201" t="s">
        <v>1943</v>
      </c>
      <c r="C1201">
        <v>1</v>
      </c>
      <c r="D1201">
        <v>0</v>
      </c>
    </row>
    <row r="1202" spans="1:4" x14ac:dyDescent="0.25">
      <c r="A1202" t="s">
        <v>1942</v>
      </c>
      <c r="B1202" t="s">
        <v>1944</v>
      </c>
      <c r="C1202">
        <v>2</v>
      </c>
      <c r="D1202">
        <v>0</v>
      </c>
    </row>
    <row r="1203" spans="1:4" x14ac:dyDescent="0.25">
      <c r="A1203" t="s">
        <v>1942</v>
      </c>
      <c r="B1203" t="s">
        <v>1945</v>
      </c>
      <c r="C1203">
        <v>2</v>
      </c>
      <c r="D1203">
        <v>0</v>
      </c>
    </row>
    <row r="1204" spans="1:4" x14ac:dyDescent="0.25">
      <c r="A1204" t="s">
        <v>1946</v>
      </c>
      <c r="B1204" t="s">
        <v>1947</v>
      </c>
      <c r="C1204">
        <v>1</v>
      </c>
      <c r="D1204">
        <v>0</v>
      </c>
    </row>
    <row r="1205" spans="1:4" x14ac:dyDescent="0.25">
      <c r="A1205" t="s">
        <v>1948</v>
      </c>
      <c r="B1205" t="s">
        <v>1949</v>
      </c>
      <c r="C1205">
        <v>0</v>
      </c>
      <c r="D1205">
        <v>0</v>
      </c>
    </row>
    <row r="1206" spans="1:4" x14ac:dyDescent="0.25">
      <c r="A1206" t="s">
        <v>1950</v>
      </c>
      <c r="B1206" t="s">
        <v>1951</v>
      </c>
      <c r="C1206">
        <v>0</v>
      </c>
      <c r="D1206">
        <v>0</v>
      </c>
    </row>
    <row r="1207" spans="1:4" x14ac:dyDescent="0.25">
      <c r="A1207" t="s">
        <v>1950</v>
      </c>
      <c r="B1207" t="s">
        <v>1952</v>
      </c>
      <c r="C1207">
        <v>1</v>
      </c>
      <c r="D1207">
        <v>0</v>
      </c>
    </row>
    <row r="1208" spans="1:4" x14ac:dyDescent="0.25">
      <c r="A1208" t="s">
        <v>1953</v>
      </c>
      <c r="B1208" t="s">
        <v>1954</v>
      </c>
      <c r="C1208">
        <v>1</v>
      </c>
      <c r="D1208">
        <v>0</v>
      </c>
    </row>
    <row r="1209" spans="1:4" x14ac:dyDescent="0.25">
      <c r="A1209" t="s">
        <v>1955</v>
      </c>
      <c r="B1209" t="s">
        <v>1956</v>
      </c>
      <c r="C1209">
        <v>2</v>
      </c>
      <c r="D1209">
        <v>0</v>
      </c>
    </row>
    <row r="1210" spans="1:4" x14ac:dyDescent="0.25">
      <c r="A1210" t="s">
        <v>1957</v>
      </c>
      <c r="B1210" t="s">
        <v>1958</v>
      </c>
      <c r="C1210">
        <v>2</v>
      </c>
      <c r="D1210">
        <v>0</v>
      </c>
    </row>
    <row r="1211" spans="1:4" x14ac:dyDescent="0.25">
      <c r="A1211" t="s">
        <v>1957</v>
      </c>
      <c r="B1211" t="s">
        <v>1959</v>
      </c>
      <c r="C1211">
        <v>2</v>
      </c>
      <c r="D1211">
        <v>0</v>
      </c>
    </row>
    <row r="1212" spans="1:4" x14ac:dyDescent="0.25">
      <c r="A1212" t="s">
        <v>1957</v>
      </c>
      <c r="B1212" t="s">
        <v>1960</v>
      </c>
      <c r="C1212">
        <v>2</v>
      </c>
      <c r="D1212">
        <v>0</v>
      </c>
    </row>
    <row r="1213" spans="1:4" x14ac:dyDescent="0.25">
      <c r="A1213" t="s">
        <v>1961</v>
      </c>
      <c r="B1213" t="s">
        <v>1962</v>
      </c>
      <c r="C1213">
        <v>1</v>
      </c>
      <c r="D1213">
        <v>0</v>
      </c>
    </row>
    <row r="1214" spans="1:4" x14ac:dyDescent="0.25">
      <c r="A1214" t="s">
        <v>1961</v>
      </c>
      <c r="B1214" t="s">
        <v>1963</v>
      </c>
      <c r="C1214">
        <v>0</v>
      </c>
      <c r="D1214">
        <v>0</v>
      </c>
    </row>
    <row r="1215" spans="1:4" x14ac:dyDescent="0.25">
      <c r="A1215" t="s">
        <v>1961</v>
      </c>
      <c r="B1215" t="s">
        <v>1964</v>
      </c>
      <c r="C1215">
        <v>0</v>
      </c>
      <c r="D1215">
        <v>0</v>
      </c>
    </row>
    <row r="1216" spans="1:4" x14ac:dyDescent="0.25">
      <c r="A1216" t="s">
        <v>1965</v>
      </c>
      <c r="B1216" t="s">
        <v>1966</v>
      </c>
      <c r="C1216">
        <v>2</v>
      </c>
      <c r="D1216">
        <v>0</v>
      </c>
    </row>
    <row r="1217" spans="1:4" x14ac:dyDescent="0.25">
      <c r="A1217" t="s">
        <v>1967</v>
      </c>
      <c r="B1217" t="s">
        <v>1968</v>
      </c>
      <c r="C1217">
        <v>1</v>
      </c>
      <c r="D1217">
        <v>0</v>
      </c>
    </row>
    <row r="1218" spans="1:4" x14ac:dyDescent="0.25">
      <c r="A1218" t="s">
        <v>1967</v>
      </c>
      <c r="B1218" t="s">
        <v>1969</v>
      </c>
      <c r="C1218">
        <v>1</v>
      </c>
      <c r="D1218">
        <v>0</v>
      </c>
    </row>
    <row r="1219" spans="1:4" x14ac:dyDescent="0.25">
      <c r="A1219" t="s">
        <v>1967</v>
      </c>
      <c r="B1219" t="s">
        <v>1970</v>
      </c>
      <c r="C1219">
        <v>1</v>
      </c>
      <c r="D1219">
        <v>0</v>
      </c>
    </row>
    <row r="1220" spans="1:4" x14ac:dyDescent="0.25">
      <c r="A1220" t="s">
        <v>1971</v>
      </c>
      <c r="B1220" t="s">
        <v>968</v>
      </c>
      <c r="C1220">
        <v>1</v>
      </c>
      <c r="D1220">
        <v>0</v>
      </c>
    </row>
    <row r="1221" spans="1:4" x14ac:dyDescent="0.25">
      <c r="A1221" t="s">
        <v>1971</v>
      </c>
      <c r="B1221" t="s">
        <v>1972</v>
      </c>
      <c r="C1221">
        <v>0</v>
      </c>
      <c r="D1221">
        <v>0</v>
      </c>
    </row>
    <row r="1222" spans="1:4" x14ac:dyDescent="0.25">
      <c r="A1222" t="s">
        <v>1973</v>
      </c>
      <c r="B1222" t="s">
        <v>1401</v>
      </c>
      <c r="C1222">
        <v>0</v>
      </c>
      <c r="D1222">
        <v>0</v>
      </c>
    </row>
    <row r="1223" spans="1:4" x14ac:dyDescent="0.25">
      <c r="A1223" t="s">
        <v>1973</v>
      </c>
      <c r="B1223" t="s">
        <v>1974</v>
      </c>
      <c r="C1223">
        <v>1</v>
      </c>
      <c r="D1223">
        <v>0</v>
      </c>
    </row>
    <row r="1224" spans="1:4" x14ac:dyDescent="0.25">
      <c r="A1224" t="s">
        <v>1973</v>
      </c>
      <c r="B1224" t="s">
        <v>1975</v>
      </c>
      <c r="C1224">
        <v>1</v>
      </c>
      <c r="D1224">
        <v>0</v>
      </c>
    </row>
    <row r="1225" spans="1:4" x14ac:dyDescent="0.25">
      <c r="A1225" t="s">
        <v>1976</v>
      </c>
      <c r="B1225" t="s">
        <v>1977</v>
      </c>
      <c r="C1225">
        <v>1</v>
      </c>
      <c r="D1225">
        <v>0</v>
      </c>
    </row>
    <row r="1226" spans="1:4" x14ac:dyDescent="0.25">
      <c r="A1226" t="s">
        <v>1978</v>
      </c>
      <c r="B1226" t="s">
        <v>1979</v>
      </c>
      <c r="C1226">
        <v>1</v>
      </c>
      <c r="D1226">
        <v>0</v>
      </c>
    </row>
    <row r="1227" spans="1:4" x14ac:dyDescent="0.25">
      <c r="A1227" t="s">
        <v>1978</v>
      </c>
      <c r="B1227" t="s">
        <v>1980</v>
      </c>
      <c r="C1227">
        <v>2</v>
      </c>
      <c r="D1227">
        <v>0</v>
      </c>
    </row>
    <row r="1228" spans="1:4" x14ac:dyDescent="0.25">
      <c r="A1228" t="s">
        <v>1981</v>
      </c>
      <c r="B1228" t="s">
        <v>1982</v>
      </c>
      <c r="C1228">
        <v>1</v>
      </c>
      <c r="D1228">
        <v>0</v>
      </c>
    </row>
    <row r="1229" spans="1:4" x14ac:dyDescent="0.25">
      <c r="A1229" t="s">
        <v>1983</v>
      </c>
      <c r="B1229" t="s">
        <v>1984</v>
      </c>
      <c r="C1229">
        <v>0</v>
      </c>
      <c r="D1229">
        <v>0</v>
      </c>
    </row>
    <row r="1230" spans="1:4" x14ac:dyDescent="0.25">
      <c r="A1230" t="s">
        <v>1983</v>
      </c>
      <c r="B1230" t="s">
        <v>1985</v>
      </c>
      <c r="C1230">
        <v>0</v>
      </c>
      <c r="D1230">
        <v>0</v>
      </c>
    </row>
    <row r="1231" spans="1:4" x14ac:dyDescent="0.25">
      <c r="A1231" t="s">
        <v>1986</v>
      </c>
      <c r="B1231" t="s">
        <v>1987</v>
      </c>
      <c r="C1231">
        <v>1</v>
      </c>
      <c r="D1231">
        <v>0</v>
      </c>
    </row>
    <row r="1232" spans="1:4" x14ac:dyDescent="0.25">
      <c r="A1232" t="s">
        <v>1986</v>
      </c>
      <c r="B1232" t="s">
        <v>1988</v>
      </c>
      <c r="C1232">
        <v>0</v>
      </c>
      <c r="D1232">
        <v>0</v>
      </c>
    </row>
    <row r="1233" spans="1:4" x14ac:dyDescent="0.25">
      <c r="A1233" t="s">
        <v>1986</v>
      </c>
      <c r="B1233" t="s">
        <v>1989</v>
      </c>
      <c r="C1233">
        <v>1</v>
      </c>
      <c r="D1233">
        <v>0</v>
      </c>
    </row>
    <row r="1234" spans="1:4" x14ac:dyDescent="0.25">
      <c r="A1234" t="s">
        <v>1990</v>
      </c>
      <c r="B1234" t="s">
        <v>1991</v>
      </c>
      <c r="C1234">
        <v>2</v>
      </c>
      <c r="D1234">
        <v>0</v>
      </c>
    </row>
    <row r="1235" spans="1:4" x14ac:dyDescent="0.25">
      <c r="A1235" t="s">
        <v>1990</v>
      </c>
      <c r="B1235" t="s">
        <v>1992</v>
      </c>
      <c r="C1235">
        <v>0</v>
      </c>
      <c r="D1235">
        <v>0</v>
      </c>
    </row>
    <row r="1236" spans="1:4" x14ac:dyDescent="0.25">
      <c r="A1236" t="s">
        <v>1990</v>
      </c>
      <c r="B1236" t="s">
        <v>1993</v>
      </c>
      <c r="C1236">
        <v>1</v>
      </c>
      <c r="D1236">
        <v>0</v>
      </c>
    </row>
    <row r="1237" spans="1:4" x14ac:dyDescent="0.25">
      <c r="A1237" t="s">
        <v>1994</v>
      </c>
      <c r="B1237" t="s">
        <v>969</v>
      </c>
      <c r="C1237">
        <v>0</v>
      </c>
      <c r="D1237">
        <v>0</v>
      </c>
    </row>
    <row r="1238" spans="1:4" x14ac:dyDescent="0.25">
      <c r="A1238" t="s">
        <v>1995</v>
      </c>
      <c r="B1238" t="s">
        <v>1996</v>
      </c>
      <c r="C1238">
        <v>1</v>
      </c>
      <c r="D1238">
        <v>0</v>
      </c>
    </row>
    <row r="1239" spans="1:4" x14ac:dyDescent="0.25">
      <c r="A1239" t="s">
        <v>1997</v>
      </c>
      <c r="B1239" t="s">
        <v>1998</v>
      </c>
      <c r="C1239">
        <v>0</v>
      </c>
      <c r="D1239">
        <v>0</v>
      </c>
    </row>
    <row r="1240" spans="1:4" x14ac:dyDescent="0.25">
      <c r="A1240" t="s">
        <v>1997</v>
      </c>
      <c r="B1240" t="s">
        <v>1999</v>
      </c>
      <c r="C1240">
        <v>1</v>
      </c>
      <c r="D1240">
        <v>0</v>
      </c>
    </row>
    <row r="1241" spans="1:4" x14ac:dyDescent="0.25">
      <c r="A1241" t="s">
        <v>2000</v>
      </c>
      <c r="B1241" t="s">
        <v>2001</v>
      </c>
      <c r="C1241">
        <v>1</v>
      </c>
      <c r="D1241">
        <v>0</v>
      </c>
    </row>
    <row r="1242" spans="1:4" x14ac:dyDescent="0.25">
      <c r="A1242" t="s">
        <v>2000</v>
      </c>
      <c r="B1242" t="s">
        <v>2002</v>
      </c>
      <c r="C1242">
        <v>1</v>
      </c>
      <c r="D1242">
        <v>0</v>
      </c>
    </row>
    <row r="1243" spans="1:4" x14ac:dyDescent="0.25">
      <c r="A1243" t="s">
        <v>2003</v>
      </c>
      <c r="B1243" t="s">
        <v>923</v>
      </c>
      <c r="C1243">
        <v>0</v>
      </c>
      <c r="D1243">
        <v>0</v>
      </c>
    </row>
    <row r="1244" spans="1:4" x14ac:dyDescent="0.25">
      <c r="A1244" t="s">
        <v>2003</v>
      </c>
      <c r="B1244" t="s">
        <v>2004</v>
      </c>
      <c r="C1244">
        <v>2</v>
      </c>
      <c r="D1244">
        <v>0</v>
      </c>
    </row>
    <row r="1245" spans="1:4" x14ac:dyDescent="0.25">
      <c r="A1245" t="s">
        <v>2005</v>
      </c>
      <c r="B1245" t="s">
        <v>2006</v>
      </c>
      <c r="C1245">
        <v>1</v>
      </c>
      <c r="D1245">
        <v>0</v>
      </c>
    </row>
    <row r="1246" spans="1:4" x14ac:dyDescent="0.25">
      <c r="A1246" t="s">
        <v>2005</v>
      </c>
      <c r="B1246" t="s">
        <v>2007</v>
      </c>
      <c r="C1246">
        <v>1</v>
      </c>
      <c r="D1246">
        <v>0</v>
      </c>
    </row>
    <row r="1247" spans="1:4" x14ac:dyDescent="0.25">
      <c r="A1247" t="s">
        <v>2008</v>
      </c>
      <c r="B1247" t="s">
        <v>2009</v>
      </c>
      <c r="C1247">
        <v>2</v>
      </c>
      <c r="D1247">
        <v>0</v>
      </c>
    </row>
    <row r="1248" spans="1:4" x14ac:dyDescent="0.25">
      <c r="A1248" t="s">
        <v>2008</v>
      </c>
      <c r="B1248" t="s">
        <v>2010</v>
      </c>
      <c r="C1248">
        <v>2</v>
      </c>
      <c r="D1248">
        <v>0</v>
      </c>
    </row>
    <row r="1249" spans="1:4" x14ac:dyDescent="0.25">
      <c r="A1249" t="s">
        <v>2008</v>
      </c>
      <c r="B1249" t="s">
        <v>2011</v>
      </c>
      <c r="C1249">
        <v>2</v>
      </c>
      <c r="D1249">
        <v>0</v>
      </c>
    </row>
    <row r="1250" spans="1:4" x14ac:dyDescent="0.25">
      <c r="A1250" t="s">
        <v>2012</v>
      </c>
      <c r="B1250" t="s">
        <v>2013</v>
      </c>
      <c r="C1250">
        <v>1</v>
      </c>
      <c r="D1250">
        <v>0</v>
      </c>
    </row>
    <row r="1251" spans="1:4" x14ac:dyDescent="0.25">
      <c r="A1251" t="s">
        <v>2012</v>
      </c>
      <c r="B1251" t="s">
        <v>2014</v>
      </c>
      <c r="C1251">
        <v>2</v>
      </c>
      <c r="D1251">
        <v>0</v>
      </c>
    </row>
    <row r="1252" spans="1:4" x14ac:dyDescent="0.25">
      <c r="A1252" t="s">
        <v>2015</v>
      </c>
      <c r="B1252" t="s">
        <v>2016</v>
      </c>
      <c r="C1252">
        <v>1</v>
      </c>
      <c r="D1252">
        <v>0</v>
      </c>
    </row>
    <row r="1253" spans="1:4" x14ac:dyDescent="0.25">
      <c r="A1253" t="s">
        <v>2017</v>
      </c>
      <c r="B1253" t="s">
        <v>2018</v>
      </c>
      <c r="C1253">
        <v>1</v>
      </c>
      <c r="D1253">
        <v>0</v>
      </c>
    </row>
    <row r="1254" spans="1:4" x14ac:dyDescent="0.25">
      <c r="A1254" t="s">
        <v>2019</v>
      </c>
      <c r="B1254" t="s">
        <v>2020</v>
      </c>
      <c r="C1254">
        <v>1</v>
      </c>
      <c r="D1254">
        <v>0</v>
      </c>
    </row>
    <row r="1255" spans="1:4" x14ac:dyDescent="0.25">
      <c r="A1255" t="s">
        <v>2021</v>
      </c>
      <c r="B1255" t="s">
        <v>2022</v>
      </c>
      <c r="C1255">
        <v>1</v>
      </c>
      <c r="D1255">
        <v>0</v>
      </c>
    </row>
    <row r="1256" spans="1:4" x14ac:dyDescent="0.25">
      <c r="A1256" t="s">
        <v>2021</v>
      </c>
      <c r="B1256" t="s">
        <v>2023</v>
      </c>
      <c r="C1256">
        <v>2</v>
      </c>
      <c r="D1256">
        <v>0</v>
      </c>
    </row>
    <row r="1257" spans="1:4" x14ac:dyDescent="0.25">
      <c r="A1257" t="s">
        <v>2021</v>
      </c>
      <c r="B1257" t="s">
        <v>2024</v>
      </c>
      <c r="C1257">
        <v>1</v>
      </c>
      <c r="D1257">
        <v>0</v>
      </c>
    </row>
    <row r="1258" spans="1:4" x14ac:dyDescent="0.25">
      <c r="A1258" t="s">
        <v>2025</v>
      </c>
      <c r="B1258" t="s">
        <v>2026</v>
      </c>
      <c r="C1258">
        <v>0</v>
      </c>
      <c r="D1258">
        <v>0</v>
      </c>
    </row>
    <row r="1259" spans="1:4" x14ac:dyDescent="0.25">
      <c r="A1259" t="s">
        <v>2027</v>
      </c>
      <c r="B1259" t="s">
        <v>2028</v>
      </c>
      <c r="C1259">
        <v>1</v>
      </c>
      <c r="D1259">
        <v>0</v>
      </c>
    </row>
    <row r="1260" spans="1:4" x14ac:dyDescent="0.25">
      <c r="A1260" t="s">
        <v>2027</v>
      </c>
      <c r="B1260" t="s">
        <v>2029</v>
      </c>
      <c r="C1260">
        <v>1</v>
      </c>
      <c r="D1260">
        <v>0</v>
      </c>
    </row>
    <row r="1261" spans="1:4" x14ac:dyDescent="0.25">
      <c r="A1261" t="s">
        <v>2030</v>
      </c>
      <c r="B1261" t="s">
        <v>2031</v>
      </c>
      <c r="C1261">
        <v>1</v>
      </c>
      <c r="D1261">
        <v>0</v>
      </c>
    </row>
    <row r="1262" spans="1:4" x14ac:dyDescent="0.25">
      <c r="A1262" t="s">
        <v>2032</v>
      </c>
      <c r="B1262" t="s">
        <v>2033</v>
      </c>
      <c r="C1262">
        <v>1</v>
      </c>
      <c r="D1262">
        <v>0</v>
      </c>
    </row>
    <row r="1263" spans="1:4" x14ac:dyDescent="0.25">
      <c r="A1263" t="s">
        <v>2032</v>
      </c>
      <c r="B1263" t="s">
        <v>2034</v>
      </c>
      <c r="C1263">
        <v>0</v>
      </c>
      <c r="D1263">
        <v>0</v>
      </c>
    </row>
    <row r="1264" spans="1:4" x14ac:dyDescent="0.25">
      <c r="A1264" t="s">
        <v>2032</v>
      </c>
      <c r="B1264" t="s">
        <v>2035</v>
      </c>
      <c r="C1264">
        <v>0</v>
      </c>
      <c r="D1264">
        <v>0</v>
      </c>
    </row>
    <row r="1265" spans="1:4" x14ac:dyDescent="0.25">
      <c r="A1265" t="s">
        <v>2036</v>
      </c>
      <c r="B1265" t="s">
        <v>2037</v>
      </c>
      <c r="C1265">
        <v>0</v>
      </c>
      <c r="D1265">
        <v>0</v>
      </c>
    </row>
    <row r="1266" spans="1:4" x14ac:dyDescent="0.25">
      <c r="A1266" t="s">
        <v>2036</v>
      </c>
      <c r="B1266" t="s">
        <v>2038</v>
      </c>
      <c r="C1266">
        <v>1</v>
      </c>
      <c r="D1266">
        <v>0</v>
      </c>
    </row>
    <row r="1267" spans="1:4" x14ac:dyDescent="0.25">
      <c r="A1267" t="s">
        <v>2039</v>
      </c>
      <c r="B1267" t="s">
        <v>2040</v>
      </c>
      <c r="C1267">
        <v>0</v>
      </c>
      <c r="D1267">
        <v>0</v>
      </c>
    </row>
    <row r="1268" spans="1:4" x14ac:dyDescent="0.25">
      <c r="A1268" t="s">
        <v>2039</v>
      </c>
      <c r="B1268" t="s">
        <v>2041</v>
      </c>
      <c r="C1268">
        <v>0</v>
      </c>
      <c r="D1268">
        <v>0</v>
      </c>
    </row>
    <row r="1269" spans="1:4" x14ac:dyDescent="0.25">
      <c r="A1269" t="s">
        <v>2042</v>
      </c>
      <c r="B1269" t="s">
        <v>2043</v>
      </c>
      <c r="C1269">
        <v>2</v>
      </c>
      <c r="D1269">
        <v>0</v>
      </c>
    </row>
    <row r="1270" spans="1:4" x14ac:dyDescent="0.25">
      <c r="A1270" t="s">
        <v>2042</v>
      </c>
      <c r="B1270" t="s">
        <v>2044</v>
      </c>
      <c r="C1270">
        <v>2</v>
      </c>
      <c r="D1270">
        <v>0</v>
      </c>
    </row>
    <row r="1271" spans="1:4" x14ac:dyDescent="0.25">
      <c r="A1271" t="s">
        <v>2045</v>
      </c>
      <c r="B1271" t="s">
        <v>2046</v>
      </c>
      <c r="C1271">
        <v>1</v>
      </c>
      <c r="D1271">
        <v>0</v>
      </c>
    </row>
    <row r="1272" spans="1:4" x14ac:dyDescent="0.25">
      <c r="A1272" t="s">
        <v>2045</v>
      </c>
      <c r="B1272" t="s">
        <v>2047</v>
      </c>
      <c r="C1272">
        <v>2</v>
      </c>
      <c r="D1272">
        <v>0</v>
      </c>
    </row>
    <row r="1273" spans="1:4" x14ac:dyDescent="0.25">
      <c r="A1273" t="s">
        <v>2045</v>
      </c>
      <c r="B1273" t="s">
        <v>2048</v>
      </c>
      <c r="C1273">
        <v>0</v>
      </c>
      <c r="D1273">
        <v>0</v>
      </c>
    </row>
    <row r="1274" spans="1:4" x14ac:dyDescent="0.25">
      <c r="A1274" t="s">
        <v>2049</v>
      </c>
      <c r="B1274" t="s">
        <v>2050</v>
      </c>
      <c r="C1274">
        <v>1</v>
      </c>
      <c r="D1274">
        <v>0</v>
      </c>
    </row>
    <row r="1275" spans="1:4" x14ac:dyDescent="0.25">
      <c r="A1275" t="s">
        <v>2051</v>
      </c>
      <c r="B1275" t="s">
        <v>2052</v>
      </c>
      <c r="C1275">
        <v>0</v>
      </c>
      <c r="D1275">
        <v>0</v>
      </c>
    </row>
    <row r="1276" spans="1:4" x14ac:dyDescent="0.25">
      <c r="A1276" t="s">
        <v>2053</v>
      </c>
      <c r="B1276" t="s">
        <v>398</v>
      </c>
      <c r="C1276">
        <v>0</v>
      </c>
      <c r="D1276">
        <v>0</v>
      </c>
    </row>
    <row r="1277" spans="1:4" x14ac:dyDescent="0.25">
      <c r="A1277" t="s">
        <v>2054</v>
      </c>
      <c r="B1277" t="s">
        <v>1387</v>
      </c>
      <c r="C1277">
        <v>1</v>
      </c>
      <c r="D1277">
        <v>0</v>
      </c>
    </row>
    <row r="1278" spans="1:4" x14ac:dyDescent="0.25">
      <c r="A1278" t="s">
        <v>2055</v>
      </c>
      <c r="B1278" t="s">
        <v>2056</v>
      </c>
      <c r="C1278">
        <v>1</v>
      </c>
      <c r="D1278">
        <v>0</v>
      </c>
    </row>
    <row r="1279" spans="1:4" x14ac:dyDescent="0.25">
      <c r="A1279" t="s">
        <v>2057</v>
      </c>
      <c r="B1279" t="s">
        <v>2058</v>
      </c>
      <c r="C1279">
        <v>1</v>
      </c>
      <c r="D1279">
        <v>0</v>
      </c>
    </row>
    <row r="1280" spans="1:4" x14ac:dyDescent="0.25">
      <c r="A1280" t="s">
        <v>2057</v>
      </c>
      <c r="B1280" t="s">
        <v>2059</v>
      </c>
      <c r="C1280">
        <v>0</v>
      </c>
      <c r="D1280">
        <v>0</v>
      </c>
    </row>
    <row r="1281" spans="1:4" x14ac:dyDescent="0.25">
      <c r="A1281" t="s">
        <v>2060</v>
      </c>
      <c r="B1281" t="s">
        <v>2061</v>
      </c>
      <c r="C1281">
        <v>0</v>
      </c>
      <c r="D1281">
        <v>0</v>
      </c>
    </row>
    <row r="1282" spans="1:4" x14ac:dyDescent="0.25">
      <c r="A1282" t="s">
        <v>2060</v>
      </c>
      <c r="B1282" t="s">
        <v>1001</v>
      </c>
      <c r="C1282">
        <v>1</v>
      </c>
      <c r="D1282">
        <v>0</v>
      </c>
    </row>
    <row r="1283" spans="1:4" x14ac:dyDescent="0.25">
      <c r="A1283" t="s">
        <v>2062</v>
      </c>
      <c r="B1283" t="s">
        <v>1008</v>
      </c>
      <c r="C1283">
        <v>1</v>
      </c>
      <c r="D1283">
        <v>0</v>
      </c>
    </row>
    <row r="1284" spans="1:4" x14ac:dyDescent="0.25">
      <c r="A1284" t="s">
        <v>2063</v>
      </c>
      <c r="B1284" t="s">
        <v>2064</v>
      </c>
      <c r="C1284">
        <v>0</v>
      </c>
      <c r="D1284">
        <v>0</v>
      </c>
    </row>
    <row r="1285" spans="1:4" x14ac:dyDescent="0.25">
      <c r="A1285" t="s">
        <v>2065</v>
      </c>
      <c r="B1285" t="s">
        <v>2066</v>
      </c>
      <c r="C1285">
        <v>2</v>
      </c>
      <c r="D1285">
        <v>0</v>
      </c>
    </row>
    <row r="1286" spans="1:4" x14ac:dyDescent="0.25">
      <c r="A1286" t="s">
        <v>2065</v>
      </c>
      <c r="B1286" t="s">
        <v>2067</v>
      </c>
      <c r="C1286">
        <v>0</v>
      </c>
      <c r="D1286">
        <v>0</v>
      </c>
    </row>
    <row r="1287" spans="1:4" x14ac:dyDescent="0.25">
      <c r="A1287" t="s">
        <v>2068</v>
      </c>
      <c r="B1287" t="s">
        <v>2069</v>
      </c>
      <c r="C1287">
        <v>0</v>
      </c>
      <c r="D1287">
        <v>0</v>
      </c>
    </row>
    <row r="1288" spans="1:4" x14ac:dyDescent="0.25">
      <c r="A1288" t="s">
        <v>2070</v>
      </c>
      <c r="B1288" t="s">
        <v>2071</v>
      </c>
      <c r="C1288">
        <v>2</v>
      </c>
      <c r="D1288">
        <v>0</v>
      </c>
    </row>
    <row r="1289" spans="1:4" x14ac:dyDescent="0.25">
      <c r="A1289" t="s">
        <v>2072</v>
      </c>
      <c r="B1289" t="s">
        <v>2073</v>
      </c>
      <c r="C1289">
        <v>1</v>
      </c>
      <c r="D1289">
        <v>0</v>
      </c>
    </row>
    <row r="1290" spans="1:4" x14ac:dyDescent="0.25">
      <c r="A1290" t="s">
        <v>2074</v>
      </c>
      <c r="B1290" t="s">
        <v>2075</v>
      </c>
      <c r="C1290">
        <v>1</v>
      </c>
      <c r="D1290">
        <v>0</v>
      </c>
    </row>
    <row r="1291" spans="1:4" x14ac:dyDescent="0.25">
      <c r="A1291" t="s">
        <v>2076</v>
      </c>
      <c r="B1291" t="s">
        <v>2077</v>
      </c>
      <c r="C1291">
        <v>1</v>
      </c>
      <c r="D1291">
        <v>0</v>
      </c>
    </row>
    <row r="1292" spans="1:4" x14ac:dyDescent="0.25">
      <c r="A1292" t="s">
        <v>2076</v>
      </c>
      <c r="B1292" t="s">
        <v>2078</v>
      </c>
      <c r="C1292">
        <v>1</v>
      </c>
      <c r="D1292">
        <v>0</v>
      </c>
    </row>
    <row r="1293" spans="1:4" x14ac:dyDescent="0.25">
      <c r="A1293" t="s">
        <v>2079</v>
      </c>
      <c r="B1293" t="s">
        <v>2080</v>
      </c>
      <c r="C1293">
        <v>2</v>
      </c>
      <c r="D1293">
        <v>0</v>
      </c>
    </row>
    <row r="1294" spans="1:4" x14ac:dyDescent="0.25">
      <c r="A1294" t="s">
        <v>2079</v>
      </c>
      <c r="B1294" t="s">
        <v>1938</v>
      </c>
      <c r="C1294">
        <v>0</v>
      </c>
      <c r="D1294">
        <v>0</v>
      </c>
    </row>
    <row r="1295" spans="1:4" x14ac:dyDescent="0.25">
      <c r="A1295" t="s">
        <v>2081</v>
      </c>
      <c r="B1295" t="s">
        <v>2082</v>
      </c>
      <c r="C1295">
        <v>1</v>
      </c>
      <c r="D1295">
        <v>0</v>
      </c>
    </row>
    <row r="1296" spans="1:4" x14ac:dyDescent="0.25">
      <c r="A1296" t="s">
        <v>2083</v>
      </c>
      <c r="B1296" t="s">
        <v>2084</v>
      </c>
      <c r="C1296">
        <v>1</v>
      </c>
      <c r="D1296">
        <v>0</v>
      </c>
    </row>
    <row r="1297" spans="1:4" x14ac:dyDescent="0.25">
      <c r="A1297" t="s">
        <v>2083</v>
      </c>
      <c r="B1297" t="s">
        <v>2085</v>
      </c>
      <c r="C1297">
        <v>0</v>
      </c>
      <c r="D1297">
        <v>0</v>
      </c>
    </row>
    <row r="1298" spans="1:4" x14ac:dyDescent="0.25">
      <c r="A1298" t="s">
        <v>2083</v>
      </c>
      <c r="B1298" t="s">
        <v>2086</v>
      </c>
      <c r="C1298">
        <v>1</v>
      </c>
      <c r="D1298">
        <v>0</v>
      </c>
    </row>
    <row r="1299" spans="1:4" x14ac:dyDescent="0.25">
      <c r="A1299" t="s">
        <v>2087</v>
      </c>
      <c r="B1299" t="s">
        <v>2088</v>
      </c>
      <c r="C1299">
        <v>1</v>
      </c>
      <c r="D1299">
        <v>0</v>
      </c>
    </row>
    <row r="1300" spans="1:4" x14ac:dyDescent="0.25">
      <c r="A1300" t="s">
        <v>2089</v>
      </c>
      <c r="B1300" t="s">
        <v>2090</v>
      </c>
      <c r="C1300">
        <v>0</v>
      </c>
      <c r="D1300">
        <v>0</v>
      </c>
    </row>
    <row r="1301" spans="1:4" x14ac:dyDescent="0.25">
      <c r="A1301" t="s">
        <v>2089</v>
      </c>
      <c r="B1301" t="s">
        <v>2091</v>
      </c>
      <c r="C1301">
        <v>1</v>
      </c>
      <c r="D1301">
        <v>0</v>
      </c>
    </row>
    <row r="1302" spans="1:4" x14ac:dyDescent="0.25">
      <c r="A1302" t="s">
        <v>2092</v>
      </c>
      <c r="B1302" t="s">
        <v>2093</v>
      </c>
      <c r="C1302">
        <v>1</v>
      </c>
      <c r="D1302">
        <v>0</v>
      </c>
    </row>
    <row r="1303" spans="1:4" x14ac:dyDescent="0.25">
      <c r="A1303" t="s">
        <v>2094</v>
      </c>
      <c r="B1303" t="s">
        <v>2095</v>
      </c>
      <c r="C1303">
        <v>2</v>
      </c>
      <c r="D1303">
        <v>0</v>
      </c>
    </row>
    <row r="1304" spans="1:4" x14ac:dyDescent="0.25">
      <c r="A1304" t="s">
        <v>2094</v>
      </c>
      <c r="B1304" t="s">
        <v>2096</v>
      </c>
      <c r="C1304">
        <v>0</v>
      </c>
      <c r="D1304">
        <v>0</v>
      </c>
    </row>
    <row r="1305" spans="1:4" x14ac:dyDescent="0.25">
      <c r="A1305" t="s">
        <v>2094</v>
      </c>
      <c r="B1305" t="s">
        <v>2097</v>
      </c>
      <c r="C1305">
        <v>0</v>
      </c>
      <c r="D1305">
        <v>0</v>
      </c>
    </row>
    <row r="1306" spans="1:4" x14ac:dyDescent="0.25">
      <c r="A1306" t="s">
        <v>2098</v>
      </c>
      <c r="B1306" t="s">
        <v>2099</v>
      </c>
      <c r="C1306">
        <v>0</v>
      </c>
      <c r="D1306">
        <v>0</v>
      </c>
    </row>
    <row r="1307" spans="1:4" x14ac:dyDescent="0.25">
      <c r="A1307" t="s">
        <v>2098</v>
      </c>
      <c r="B1307" t="s">
        <v>2100</v>
      </c>
      <c r="C1307">
        <v>2</v>
      </c>
      <c r="D1307">
        <v>0</v>
      </c>
    </row>
    <row r="1308" spans="1:4" x14ac:dyDescent="0.25">
      <c r="A1308" t="s">
        <v>2098</v>
      </c>
      <c r="B1308" t="s">
        <v>2101</v>
      </c>
      <c r="C1308">
        <v>1</v>
      </c>
      <c r="D1308">
        <v>0</v>
      </c>
    </row>
    <row r="1309" spans="1:4" x14ac:dyDescent="0.25">
      <c r="A1309" t="s">
        <v>2102</v>
      </c>
      <c r="B1309" t="s">
        <v>2103</v>
      </c>
      <c r="C1309">
        <v>1</v>
      </c>
      <c r="D1309">
        <v>0</v>
      </c>
    </row>
    <row r="1310" spans="1:4" x14ac:dyDescent="0.25">
      <c r="A1310" t="s">
        <v>2102</v>
      </c>
      <c r="B1310" t="s">
        <v>2104</v>
      </c>
      <c r="C1310">
        <v>1</v>
      </c>
      <c r="D1310">
        <v>0</v>
      </c>
    </row>
    <row r="1311" spans="1:4" x14ac:dyDescent="0.25">
      <c r="A1311" t="s">
        <v>2105</v>
      </c>
      <c r="B1311" t="s">
        <v>1097</v>
      </c>
      <c r="C1311">
        <v>1</v>
      </c>
      <c r="D1311">
        <v>0</v>
      </c>
    </row>
    <row r="1312" spans="1:4" x14ac:dyDescent="0.25">
      <c r="A1312" t="s">
        <v>2105</v>
      </c>
      <c r="B1312" t="s">
        <v>2106</v>
      </c>
      <c r="C1312">
        <v>0</v>
      </c>
      <c r="D1312">
        <v>0</v>
      </c>
    </row>
    <row r="1313" spans="1:4" x14ac:dyDescent="0.25">
      <c r="A1313" t="s">
        <v>2105</v>
      </c>
      <c r="B1313" t="s">
        <v>2107</v>
      </c>
      <c r="C1313">
        <v>1</v>
      </c>
      <c r="D1313">
        <v>0</v>
      </c>
    </row>
    <row r="1314" spans="1:4" x14ac:dyDescent="0.25">
      <c r="A1314" t="s">
        <v>2108</v>
      </c>
      <c r="B1314" t="s">
        <v>2109</v>
      </c>
      <c r="C1314">
        <v>1</v>
      </c>
      <c r="D1314">
        <v>0</v>
      </c>
    </row>
    <row r="1315" spans="1:4" x14ac:dyDescent="0.25">
      <c r="A1315" t="s">
        <v>2108</v>
      </c>
      <c r="B1315" t="s">
        <v>2110</v>
      </c>
      <c r="C1315">
        <v>2</v>
      </c>
      <c r="D1315">
        <v>0</v>
      </c>
    </row>
    <row r="1316" spans="1:4" x14ac:dyDescent="0.25">
      <c r="A1316" t="s">
        <v>2111</v>
      </c>
      <c r="B1316" t="s">
        <v>2112</v>
      </c>
      <c r="C1316">
        <v>1</v>
      </c>
      <c r="D1316">
        <v>0</v>
      </c>
    </row>
    <row r="1317" spans="1:4" x14ac:dyDescent="0.25">
      <c r="A1317" t="s">
        <v>2111</v>
      </c>
      <c r="B1317" t="s">
        <v>2113</v>
      </c>
      <c r="C1317">
        <v>2</v>
      </c>
      <c r="D1317">
        <v>0</v>
      </c>
    </row>
    <row r="1318" spans="1:4" x14ac:dyDescent="0.25">
      <c r="A1318" t="s">
        <v>2114</v>
      </c>
      <c r="B1318" t="s">
        <v>2115</v>
      </c>
      <c r="C1318">
        <v>0</v>
      </c>
      <c r="D1318">
        <v>0</v>
      </c>
    </row>
    <row r="1319" spans="1:4" x14ac:dyDescent="0.25">
      <c r="A1319" t="s">
        <v>2116</v>
      </c>
      <c r="B1319" t="s">
        <v>2117</v>
      </c>
      <c r="C1319">
        <v>1</v>
      </c>
      <c r="D1319">
        <v>0</v>
      </c>
    </row>
    <row r="1320" spans="1:4" x14ac:dyDescent="0.25">
      <c r="A1320" t="s">
        <v>2116</v>
      </c>
      <c r="B1320" t="s">
        <v>2118</v>
      </c>
      <c r="C1320">
        <v>0</v>
      </c>
      <c r="D1320">
        <v>0</v>
      </c>
    </row>
    <row r="1321" spans="1:4" x14ac:dyDescent="0.25">
      <c r="A1321" t="s">
        <v>2119</v>
      </c>
      <c r="B1321" t="s">
        <v>816</v>
      </c>
      <c r="C1321">
        <v>1</v>
      </c>
      <c r="D1321">
        <v>0</v>
      </c>
    </row>
    <row r="1322" spans="1:4" x14ac:dyDescent="0.25">
      <c r="A1322" t="s">
        <v>2120</v>
      </c>
      <c r="B1322" t="s">
        <v>843</v>
      </c>
      <c r="C1322">
        <v>1</v>
      </c>
      <c r="D1322">
        <v>0</v>
      </c>
    </row>
    <row r="1323" spans="1:4" x14ac:dyDescent="0.25">
      <c r="A1323" t="s">
        <v>2121</v>
      </c>
      <c r="B1323" t="s">
        <v>2122</v>
      </c>
      <c r="C1323">
        <v>1</v>
      </c>
      <c r="D1323">
        <v>0</v>
      </c>
    </row>
    <row r="1324" spans="1:4" x14ac:dyDescent="0.25">
      <c r="A1324" t="s">
        <v>2121</v>
      </c>
      <c r="B1324" t="s">
        <v>2123</v>
      </c>
      <c r="C1324">
        <v>2</v>
      </c>
      <c r="D1324">
        <v>0</v>
      </c>
    </row>
    <row r="1325" spans="1:4" x14ac:dyDescent="0.25">
      <c r="A1325" t="s">
        <v>2121</v>
      </c>
      <c r="B1325" t="s">
        <v>2124</v>
      </c>
      <c r="C1325">
        <v>1</v>
      </c>
      <c r="D1325">
        <v>0</v>
      </c>
    </row>
    <row r="1326" spans="1:4" x14ac:dyDescent="0.25">
      <c r="A1326" t="s">
        <v>2125</v>
      </c>
      <c r="B1326" t="s">
        <v>1001</v>
      </c>
      <c r="C1326">
        <v>1</v>
      </c>
      <c r="D1326">
        <v>0</v>
      </c>
    </row>
    <row r="1327" spans="1:4" x14ac:dyDescent="0.25">
      <c r="A1327" t="s">
        <v>2126</v>
      </c>
      <c r="B1327" t="s">
        <v>2127</v>
      </c>
      <c r="C1327">
        <v>1</v>
      </c>
      <c r="D1327">
        <v>0</v>
      </c>
    </row>
    <row r="1328" spans="1:4" x14ac:dyDescent="0.25">
      <c r="A1328" t="s">
        <v>2126</v>
      </c>
      <c r="B1328" t="s">
        <v>2128</v>
      </c>
      <c r="C1328">
        <v>2</v>
      </c>
      <c r="D1328">
        <v>0</v>
      </c>
    </row>
    <row r="1329" spans="1:4" x14ac:dyDescent="0.25">
      <c r="A1329" t="s">
        <v>2129</v>
      </c>
      <c r="B1329" t="s">
        <v>968</v>
      </c>
      <c r="C1329">
        <v>1</v>
      </c>
      <c r="D1329">
        <v>0</v>
      </c>
    </row>
    <row r="1330" spans="1:4" x14ac:dyDescent="0.25">
      <c r="A1330" t="s">
        <v>2130</v>
      </c>
      <c r="B1330" t="s">
        <v>2131</v>
      </c>
      <c r="C1330">
        <v>1</v>
      </c>
      <c r="D1330">
        <v>0</v>
      </c>
    </row>
    <row r="1331" spans="1:4" x14ac:dyDescent="0.25">
      <c r="A1331" t="s">
        <v>2130</v>
      </c>
      <c r="B1331" t="s">
        <v>2132</v>
      </c>
      <c r="C1331">
        <v>1</v>
      </c>
      <c r="D1331">
        <v>0</v>
      </c>
    </row>
    <row r="1332" spans="1:4" x14ac:dyDescent="0.25">
      <c r="A1332" t="s">
        <v>2130</v>
      </c>
      <c r="B1332" t="s">
        <v>2133</v>
      </c>
      <c r="C1332">
        <v>1</v>
      </c>
      <c r="D1332">
        <v>0</v>
      </c>
    </row>
    <row r="1333" spans="1:4" x14ac:dyDescent="0.25">
      <c r="A1333" t="s">
        <v>2134</v>
      </c>
      <c r="B1333" t="s">
        <v>2135</v>
      </c>
      <c r="C1333">
        <v>2</v>
      </c>
      <c r="D1333">
        <v>0</v>
      </c>
    </row>
    <row r="1334" spans="1:4" x14ac:dyDescent="0.25">
      <c r="A1334" t="s">
        <v>2134</v>
      </c>
      <c r="B1334" t="s">
        <v>2136</v>
      </c>
      <c r="C1334">
        <v>2</v>
      </c>
      <c r="D1334">
        <v>0</v>
      </c>
    </row>
    <row r="1335" spans="1:4" x14ac:dyDescent="0.25">
      <c r="A1335" t="s">
        <v>2134</v>
      </c>
      <c r="B1335" t="s">
        <v>2137</v>
      </c>
      <c r="C1335">
        <v>1</v>
      </c>
      <c r="D1335">
        <v>0</v>
      </c>
    </row>
    <row r="1336" spans="1:4" x14ac:dyDescent="0.25">
      <c r="A1336" t="s">
        <v>2138</v>
      </c>
      <c r="B1336" t="s">
        <v>1001</v>
      </c>
      <c r="C1336">
        <v>1</v>
      </c>
      <c r="D1336">
        <v>0</v>
      </c>
    </row>
    <row r="1337" spans="1:4" x14ac:dyDescent="0.25">
      <c r="A1337" t="s">
        <v>2139</v>
      </c>
      <c r="B1337" t="s">
        <v>2140</v>
      </c>
      <c r="C1337">
        <v>0</v>
      </c>
      <c r="D1337">
        <v>0</v>
      </c>
    </row>
    <row r="1338" spans="1:4" x14ac:dyDescent="0.25">
      <c r="A1338" t="s">
        <v>2139</v>
      </c>
      <c r="B1338" t="s">
        <v>2141</v>
      </c>
      <c r="C1338">
        <v>1</v>
      </c>
      <c r="D1338">
        <v>0</v>
      </c>
    </row>
    <row r="1339" spans="1:4" x14ac:dyDescent="0.25">
      <c r="A1339" t="s">
        <v>2142</v>
      </c>
      <c r="B1339" t="s">
        <v>2143</v>
      </c>
      <c r="C1339">
        <v>0</v>
      </c>
      <c r="D1339">
        <v>0</v>
      </c>
    </row>
    <row r="1340" spans="1:4" x14ac:dyDescent="0.25">
      <c r="A1340" t="s">
        <v>2144</v>
      </c>
      <c r="B1340" t="s">
        <v>2145</v>
      </c>
      <c r="C1340">
        <v>0</v>
      </c>
      <c r="D1340">
        <v>0</v>
      </c>
    </row>
    <row r="1341" spans="1:4" x14ac:dyDescent="0.25">
      <c r="A1341" t="s">
        <v>2146</v>
      </c>
      <c r="B1341" t="s">
        <v>2147</v>
      </c>
      <c r="C1341">
        <v>1</v>
      </c>
      <c r="D1341">
        <v>0</v>
      </c>
    </row>
    <row r="1342" spans="1:4" x14ac:dyDescent="0.25">
      <c r="A1342" t="s">
        <v>2148</v>
      </c>
      <c r="B1342" t="s">
        <v>2149</v>
      </c>
      <c r="C1342">
        <v>0</v>
      </c>
      <c r="D1342">
        <v>0</v>
      </c>
    </row>
    <row r="1343" spans="1:4" x14ac:dyDescent="0.25">
      <c r="A1343" t="s">
        <v>2148</v>
      </c>
      <c r="B1343" t="s">
        <v>2150</v>
      </c>
      <c r="C1343">
        <v>1</v>
      </c>
      <c r="D1343">
        <v>0</v>
      </c>
    </row>
    <row r="1344" spans="1:4" x14ac:dyDescent="0.25">
      <c r="A1344" t="s">
        <v>2151</v>
      </c>
      <c r="B1344" t="s">
        <v>2152</v>
      </c>
      <c r="C1344">
        <v>1</v>
      </c>
      <c r="D1344">
        <v>0</v>
      </c>
    </row>
    <row r="1345" spans="1:4" x14ac:dyDescent="0.25">
      <c r="A1345" t="s">
        <v>2151</v>
      </c>
      <c r="B1345" t="s">
        <v>2153</v>
      </c>
      <c r="C1345">
        <v>1</v>
      </c>
      <c r="D1345">
        <v>0</v>
      </c>
    </row>
    <row r="1346" spans="1:4" x14ac:dyDescent="0.25">
      <c r="A1346" t="s">
        <v>2154</v>
      </c>
      <c r="B1346" t="s">
        <v>2155</v>
      </c>
      <c r="C1346">
        <v>2</v>
      </c>
      <c r="D1346">
        <v>0</v>
      </c>
    </row>
    <row r="1347" spans="1:4" x14ac:dyDescent="0.25">
      <c r="A1347" t="s">
        <v>2154</v>
      </c>
      <c r="B1347" t="s">
        <v>2156</v>
      </c>
      <c r="C1347">
        <v>1</v>
      </c>
      <c r="D1347">
        <v>0</v>
      </c>
    </row>
    <row r="1348" spans="1:4" x14ac:dyDescent="0.25">
      <c r="A1348" t="s">
        <v>2157</v>
      </c>
      <c r="B1348" t="s">
        <v>968</v>
      </c>
      <c r="C1348">
        <v>1</v>
      </c>
      <c r="D1348">
        <v>0</v>
      </c>
    </row>
    <row r="1349" spans="1:4" x14ac:dyDescent="0.25">
      <c r="A1349" t="s">
        <v>2158</v>
      </c>
      <c r="B1349" t="s">
        <v>2159</v>
      </c>
      <c r="C1349">
        <v>0</v>
      </c>
      <c r="D1349">
        <v>0</v>
      </c>
    </row>
    <row r="1350" spans="1:4" x14ac:dyDescent="0.25">
      <c r="A1350" t="s">
        <v>2158</v>
      </c>
      <c r="B1350" t="s">
        <v>2160</v>
      </c>
      <c r="C1350">
        <v>2</v>
      </c>
      <c r="D1350">
        <v>0</v>
      </c>
    </row>
    <row r="1351" spans="1:4" x14ac:dyDescent="0.25">
      <c r="A1351" t="s">
        <v>2161</v>
      </c>
      <c r="B1351" t="s">
        <v>2162</v>
      </c>
      <c r="C1351">
        <v>0</v>
      </c>
      <c r="D1351">
        <v>0</v>
      </c>
    </row>
    <row r="1352" spans="1:4" x14ac:dyDescent="0.25">
      <c r="A1352" t="s">
        <v>2161</v>
      </c>
      <c r="B1352" t="s">
        <v>2163</v>
      </c>
      <c r="C1352">
        <v>0</v>
      </c>
      <c r="D1352">
        <v>0</v>
      </c>
    </row>
    <row r="1353" spans="1:4" x14ac:dyDescent="0.25">
      <c r="A1353" t="s">
        <v>2164</v>
      </c>
      <c r="B1353" t="s">
        <v>2165</v>
      </c>
      <c r="C1353">
        <v>2</v>
      </c>
      <c r="D1353">
        <v>0</v>
      </c>
    </row>
    <row r="1354" spans="1:4" x14ac:dyDescent="0.25">
      <c r="A1354" t="s">
        <v>2166</v>
      </c>
      <c r="B1354" t="s">
        <v>398</v>
      </c>
      <c r="C1354">
        <v>0</v>
      </c>
      <c r="D1354">
        <v>0</v>
      </c>
    </row>
    <row r="1355" spans="1:4" x14ac:dyDescent="0.25">
      <c r="A1355" t="s">
        <v>2167</v>
      </c>
      <c r="B1355" t="s">
        <v>2168</v>
      </c>
      <c r="C1355">
        <v>1</v>
      </c>
      <c r="D1355">
        <v>0</v>
      </c>
    </row>
    <row r="1356" spans="1:4" x14ac:dyDescent="0.25">
      <c r="A1356" t="s">
        <v>2169</v>
      </c>
      <c r="B1356" t="s">
        <v>2170</v>
      </c>
      <c r="C1356">
        <v>2</v>
      </c>
      <c r="D1356">
        <v>0</v>
      </c>
    </row>
    <row r="1357" spans="1:4" x14ac:dyDescent="0.25">
      <c r="A1357" t="s">
        <v>2169</v>
      </c>
      <c r="B1357" t="s">
        <v>2171</v>
      </c>
      <c r="C1357">
        <v>1</v>
      </c>
      <c r="D1357">
        <v>0</v>
      </c>
    </row>
    <row r="1358" spans="1:4" x14ac:dyDescent="0.25">
      <c r="A1358" t="s">
        <v>2172</v>
      </c>
      <c r="B1358" t="s">
        <v>2173</v>
      </c>
      <c r="C1358">
        <v>0</v>
      </c>
      <c r="D1358">
        <v>0</v>
      </c>
    </row>
    <row r="1359" spans="1:4" x14ac:dyDescent="0.25">
      <c r="A1359" t="s">
        <v>2174</v>
      </c>
      <c r="B1359" t="s">
        <v>2175</v>
      </c>
      <c r="C1359">
        <v>1</v>
      </c>
      <c r="D1359">
        <v>0</v>
      </c>
    </row>
    <row r="1360" spans="1:4" x14ac:dyDescent="0.25">
      <c r="A1360" t="s">
        <v>2176</v>
      </c>
      <c r="B1360" t="s">
        <v>2177</v>
      </c>
      <c r="C1360">
        <v>2</v>
      </c>
      <c r="D1360">
        <v>0</v>
      </c>
    </row>
    <row r="1361" spans="1:4" x14ac:dyDescent="0.25">
      <c r="A1361" t="s">
        <v>2178</v>
      </c>
      <c r="B1361" t="s">
        <v>2179</v>
      </c>
      <c r="C1361">
        <v>0</v>
      </c>
      <c r="D1361">
        <v>0</v>
      </c>
    </row>
    <row r="1362" spans="1:4" x14ac:dyDescent="0.25">
      <c r="A1362" t="s">
        <v>2180</v>
      </c>
      <c r="B1362" t="s">
        <v>969</v>
      </c>
      <c r="C1362">
        <v>0</v>
      </c>
      <c r="D1362">
        <v>0</v>
      </c>
    </row>
    <row r="1363" spans="1:4" x14ac:dyDescent="0.25">
      <c r="A1363" t="s">
        <v>2181</v>
      </c>
      <c r="B1363" t="s">
        <v>2182</v>
      </c>
      <c r="C1363">
        <v>0</v>
      </c>
      <c r="D1363">
        <v>0</v>
      </c>
    </row>
    <row r="1364" spans="1:4" x14ac:dyDescent="0.25">
      <c r="A1364" t="s">
        <v>2183</v>
      </c>
      <c r="B1364" t="s">
        <v>2184</v>
      </c>
      <c r="C1364">
        <v>1</v>
      </c>
      <c r="D1364">
        <v>0</v>
      </c>
    </row>
    <row r="1365" spans="1:4" x14ac:dyDescent="0.25">
      <c r="A1365" t="s">
        <v>2183</v>
      </c>
      <c r="B1365" t="s">
        <v>2185</v>
      </c>
      <c r="C1365">
        <v>1</v>
      </c>
      <c r="D1365">
        <v>0</v>
      </c>
    </row>
    <row r="1366" spans="1:4" x14ac:dyDescent="0.25">
      <c r="A1366" t="s">
        <v>2186</v>
      </c>
      <c r="B1366" t="s">
        <v>2187</v>
      </c>
      <c r="C1366">
        <v>2</v>
      </c>
      <c r="D1366">
        <v>0</v>
      </c>
    </row>
    <row r="1367" spans="1:4" x14ac:dyDescent="0.25">
      <c r="A1367" t="s">
        <v>2186</v>
      </c>
      <c r="B1367" t="s">
        <v>2188</v>
      </c>
      <c r="C1367">
        <v>0</v>
      </c>
      <c r="D1367">
        <v>0</v>
      </c>
    </row>
    <row r="1368" spans="1:4" x14ac:dyDescent="0.25">
      <c r="A1368" t="s">
        <v>2186</v>
      </c>
      <c r="B1368" t="s">
        <v>2189</v>
      </c>
      <c r="C1368">
        <v>0</v>
      </c>
      <c r="D1368">
        <v>0</v>
      </c>
    </row>
    <row r="1369" spans="1:4" x14ac:dyDescent="0.25">
      <c r="A1369" t="s">
        <v>2190</v>
      </c>
      <c r="B1369" t="s">
        <v>2191</v>
      </c>
      <c r="C1369">
        <v>2</v>
      </c>
      <c r="D1369">
        <v>0</v>
      </c>
    </row>
    <row r="1370" spans="1:4" x14ac:dyDescent="0.25">
      <c r="A1370" t="s">
        <v>2192</v>
      </c>
      <c r="B1370" t="s">
        <v>2193</v>
      </c>
      <c r="C1370">
        <v>1</v>
      </c>
      <c r="D1370">
        <v>0</v>
      </c>
    </row>
    <row r="1371" spans="1:4" x14ac:dyDescent="0.25">
      <c r="A1371" t="s">
        <v>2192</v>
      </c>
      <c r="B1371" t="s">
        <v>2194</v>
      </c>
      <c r="C1371">
        <v>0</v>
      </c>
      <c r="D1371">
        <v>0</v>
      </c>
    </row>
    <row r="1372" spans="1:4" x14ac:dyDescent="0.25">
      <c r="A1372" t="s">
        <v>2195</v>
      </c>
      <c r="B1372" t="s">
        <v>2196</v>
      </c>
      <c r="C1372">
        <v>1</v>
      </c>
      <c r="D1372">
        <v>0</v>
      </c>
    </row>
    <row r="1373" spans="1:4" x14ac:dyDescent="0.25">
      <c r="A1373" t="s">
        <v>2195</v>
      </c>
      <c r="B1373" t="s">
        <v>2197</v>
      </c>
      <c r="C1373">
        <v>1</v>
      </c>
      <c r="D1373">
        <v>0</v>
      </c>
    </row>
    <row r="1374" spans="1:4" x14ac:dyDescent="0.25">
      <c r="A1374" t="s">
        <v>2198</v>
      </c>
      <c r="B1374" t="s">
        <v>2199</v>
      </c>
      <c r="C1374">
        <v>1</v>
      </c>
      <c r="D1374">
        <v>0</v>
      </c>
    </row>
    <row r="1375" spans="1:4" x14ac:dyDescent="0.25">
      <c r="A1375" t="s">
        <v>2198</v>
      </c>
      <c r="B1375" t="s">
        <v>2200</v>
      </c>
      <c r="C1375">
        <v>2</v>
      </c>
      <c r="D1375">
        <v>0</v>
      </c>
    </row>
    <row r="1376" spans="1:4" x14ac:dyDescent="0.25">
      <c r="A1376" t="s">
        <v>2198</v>
      </c>
      <c r="B1376" t="s">
        <v>2201</v>
      </c>
      <c r="C1376">
        <v>0</v>
      </c>
      <c r="D1376">
        <v>0</v>
      </c>
    </row>
    <row r="1377" spans="1:4" x14ac:dyDescent="0.25">
      <c r="A1377" t="s">
        <v>2202</v>
      </c>
      <c r="B1377" t="s">
        <v>2203</v>
      </c>
      <c r="C1377">
        <v>1</v>
      </c>
      <c r="D1377">
        <v>0</v>
      </c>
    </row>
    <row r="1378" spans="1:4" x14ac:dyDescent="0.25">
      <c r="A1378" t="s">
        <v>2202</v>
      </c>
      <c r="B1378" t="s">
        <v>2204</v>
      </c>
      <c r="C1378">
        <v>2</v>
      </c>
      <c r="D1378">
        <v>0</v>
      </c>
    </row>
    <row r="1379" spans="1:4" x14ac:dyDescent="0.25">
      <c r="A1379" t="s">
        <v>2205</v>
      </c>
      <c r="B1379" t="s">
        <v>2206</v>
      </c>
      <c r="C1379">
        <v>1</v>
      </c>
      <c r="D1379">
        <v>0</v>
      </c>
    </row>
    <row r="1380" spans="1:4" x14ac:dyDescent="0.25">
      <c r="A1380" t="s">
        <v>2207</v>
      </c>
      <c r="B1380" t="s">
        <v>2208</v>
      </c>
      <c r="C1380">
        <v>0</v>
      </c>
      <c r="D1380">
        <v>0</v>
      </c>
    </row>
    <row r="1381" spans="1:4" x14ac:dyDescent="0.25">
      <c r="A1381" t="s">
        <v>2207</v>
      </c>
      <c r="B1381" t="s">
        <v>2209</v>
      </c>
      <c r="C1381">
        <v>1</v>
      </c>
      <c r="D1381">
        <v>0</v>
      </c>
    </row>
    <row r="1382" spans="1:4" x14ac:dyDescent="0.25">
      <c r="A1382" t="s">
        <v>2210</v>
      </c>
      <c r="B1382" t="s">
        <v>2211</v>
      </c>
      <c r="C1382">
        <v>1</v>
      </c>
      <c r="D1382">
        <v>0</v>
      </c>
    </row>
    <row r="1383" spans="1:4" x14ac:dyDescent="0.25">
      <c r="A1383" t="s">
        <v>2212</v>
      </c>
      <c r="B1383" t="s">
        <v>2213</v>
      </c>
      <c r="C1383">
        <v>1</v>
      </c>
      <c r="D1383">
        <v>0</v>
      </c>
    </row>
    <row r="1384" spans="1:4" x14ac:dyDescent="0.25">
      <c r="A1384" t="s">
        <v>2214</v>
      </c>
      <c r="B1384" t="s">
        <v>2215</v>
      </c>
      <c r="C1384">
        <v>1</v>
      </c>
      <c r="D1384">
        <v>0</v>
      </c>
    </row>
    <row r="1385" spans="1:4" x14ac:dyDescent="0.25">
      <c r="A1385" t="s">
        <v>2216</v>
      </c>
      <c r="B1385" t="s">
        <v>852</v>
      </c>
      <c r="C1385">
        <v>0</v>
      </c>
      <c r="D1385">
        <v>0</v>
      </c>
    </row>
    <row r="1386" spans="1:4" x14ac:dyDescent="0.25">
      <c r="A1386" t="s">
        <v>2216</v>
      </c>
      <c r="B1386" t="s">
        <v>2217</v>
      </c>
      <c r="C1386">
        <v>1</v>
      </c>
      <c r="D1386">
        <v>0</v>
      </c>
    </row>
    <row r="1387" spans="1:4" x14ac:dyDescent="0.25">
      <c r="A1387" t="s">
        <v>2218</v>
      </c>
      <c r="B1387" t="s">
        <v>2219</v>
      </c>
      <c r="C1387">
        <v>0</v>
      </c>
      <c r="D1387">
        <v>0</v>
      </c>
    </row>
    <row r="1388" spans="1:4" x14ac:dyDescent="0.25">
      <c r="A1388" t="s">
        <v>2218</v>
      </c>
      <c r="B1388" t="s">
        <v>2220</v>
      </c>
      <c r="C1388">
        <v>1</v>
      </c>
      <c r="D1388">
        <v>0</v>
      </c>
    </row>
    <row r="1389" spans="1:4" x14ac:dyDescent="0.25">
      <c r="A1389" t="s">
        <v>2218</v>
      </c>
      <c r="B1389" t="s">
        <v>2221</v>
      </c>
      <c r="C1389">
        <v>1</v>
      </c>
      <c r="D1389">
        <v>0</v>
      </c>
    </row>
    <row r="1390" spans="1:4" x14ac:dyDescent="0.25">
      <c r="A1390" t="s">
        <v>2222</v>
      </c>
      <c r="B1390" t="s">
        <v>2223</v>
      </c>
      <c r="C1390">
        <v>0</v>
      </c>
      <c r="D1390">
        <v>0</v>
      </c>
    </row>
    <row r="1391" spans="1:4" x14ac:dyDescent="0.25">
      <c r="A1391" t="s">
        <v>2224</v>
      </c>
      <c r="B1391" t="s">
        <v>2225</v>
      </c>
      <c r="C1391">
        <v>0</v>
      </c>
      <c r="D1391">
        <v>0</v>
      </c>
    </row>
    <row r="1392" spans="1:4" x14ac:dyDescent="0.25">
      <c r="A1392" t="s">
        <v>2226</v>
      </c>
      <c r="B1392" t="s">
        <v>2227</v>
      </c>
      <c r="C1392">
        <v>0</v>
      </c>
      <c r="D1392">
        <v>0</v>
      </c>
    </row>
    <row r="1393" spans="1:4" x14ac:dyDescent="0.25">
      <c r="A1393" t="s">
        <v>2226</v>
      </c>
      <c r="B1393" t="s">
        <v>2228</v>
      </c>
      <c r="C1393">
        <v>0</v>
      </c>
      <c r="D1393">
        <v>0</v>
      </c>
    </row>
    <row r="1394" spans="1:4" x14ac:dyDescent="0.25">
      <c r="A1394" t="s">
        <v>2229</v>
      </c>
      <c r="B1394" t="s">
        <v>1001</v>
      </c>
      <c r="C1394">
        <v>1</v>
      </c>
      <c r="D1394">
        <v>0</v>
      </c>
    </row>
    <row r="1395" spans="1:4" x14ac:dyDescent="0.25">
      <c r="A1395" t="s">
        <v>2229</v>
      </c>
      <c r="B1395" t="s">
        <v>2061</v>
      </c>
      <c r="C1395">
        <v>0</v>
      </c>
      <c r="D1395">
        <v>0</v>
      </c>
    </row>
    <row r="1396" spans="1:4" x14ac:dyDescent="0.25">
      <c r="A1396" t="s">
        <v>2230</v>
      </c>
      <c r="B1396" t="s">
        <v>2231</v>
      </c>
      <c r="C1396">
        <v>2</v>
      </c>
      <c r="D1396">
        <v>0</v>
      </c>
    </row>
    <row r="1397" spans="1:4" x14ac:dyDescent="0.25">
      <c r="A1397" t="s">
        <v>2232</v>
      </c>
      <c r="B1397" t="s">
        <v>2233</v>
      </c>
      <c r="C1397">
        <v>0</v>
      </c>
      <c r="D1397">
        <v>0</v>
      </c>
    </row>
    <row r="1398" spans="1:4" x14ac:dyDescent="0.25">
      <c r="A1398" t="s">
        <v>2234</v>
      </c>
      <c r="B1398" t="s">
        <v>2235</v>
      </c>
      <c r="C1398">
        <v>1</v>
      </c>
      <c r="D1398">
        <v>0</v>
      </c>
    </row>
    <row r="1399" spans="1:4" x14ac:dyDescent="0.25">
      <c r="A1399" t="s">
        <v>2236</v>
      </c>
      <c r="B1399" t="s">
        <v>843</v>
      </c>
      <c r="C1399">
        <v>1</v>
      </c>
      <c r="D1399">
        <v>0</v>
      </c>
    </row>
    <row r="1400" spans="1:4" x14ac:dyDescent="0.25">
      <c r="A1400" t="s">
        <v>2237</v>
      </c>
      <c r="B1400" t="s">
        <v>2238</v>
      </c>
      <c r="C1400">
        <v>0</v>
      </c>
      <c r="D1400">
        <v>0</v>
      </c>
    </row>
    <row r="1401" spans="1:4" x14ac:dyDescent="0.25">
      <c r="A1401" t="s">
        <v>2237</v>
      </c>
      <c r="B1401" t="s">
        <v>2239</v>
      </c>
      <c r="C1401">
        <v>1</v>
      </c>
      <c r="D1401">
        <v>0</v>
      </c>
    </row>
    <row r="1402" spans="1:4" x14ac:dyDescent="0.25">
      <c r="A1402" t="s">
        <v>2240</v>
      </c>
      <c r="B1402" t="s">
        <v>2241</v>
      </c>
      <c r="C1402">
        <v>1</v>
      </c>
      <c r="D1402">
        <v>0</v>
      </c>
    </row>
    <row r="1403" spans="1:4" x14ac:dyDescent="0.25">
      <c r="A1403" t="s">
        <v>2242</v>
      </c>
      <c r="B1403" t="s">
        <v>2243</v>
      </c>
      <c r="C1403">
        <v>0</v>
      </c>
      <c r="D1403">
        <v>0</v>
      </c>
    </row>
    <row r="1404" spans="1:4" x14ac:dyDescent="0.25">
      <c r="A1404" t="s">
        <v>2244</v>
      </c>
      <c r="B1404" t="s">
        <v>2245</v>
      </c>
      <c r="C1404">
        <v>0</v>
      </c>
      <c r="D1404">
        <v>0</v>
      </c>
    </row>
    <row r="1405" spans="1:4" x14ac:dyDescent="0.25">
      <c r="A1405" t="s">
        <v>2246</v>
      </c>
      <c r="B1405" t="s">
        <v>2247</v>
      </c>
      <c r="C1405">
        <v>2</v>
      </c>
      <c r="D1405">
        <v>0</v>
      </c>
    </row>
    <row r="1406" spans="1:4" x14ac:dyDescent="0.25">
      <c r="A1406" t="s">
        <v>2246</v>
      </c>
      <c r="B1406" t="s">
        <v>2248</v>
      </c>
      <c r="C1406">
        <v>1</v>
      </c>
      <c r="D1406">
        <v>0</v>
      </c>
    </row>
    <row r="1407" spans="1:4" x14ac:dyDescent="0.25">
      <c r="A1407" t="s">
        <v>2249</v>
      </c>
      <c r="B1407" t="s">
        <v>2250</v>
      </c>
      <c r="C1407">
        <v>0</v>
      </c>
      <c r="D1407">
        <v>0</v>
      </c>
    </row>
    <row r="1408" spans="1:4" x14ac:dyDescent="0.25">
      <c r="A1408" t="s">
        <v>2251</v>
      </c>
      <c r="B1408" t="s">
        <v>2252</v>
      </c>
      <c r="C1408">
        <v>1</v>
      </c>
      <c r="D1408">
        <v>0</v>
      </c>
    </row>
    <row r="1409" spans="1:4" x14ac:dyDescent="0.25">
      <c r="A1409" t="s">
        <v>2253</v>
      </c>
      <c r="B1409" t="s">
        <v>2254</v>
      </c>
      <c r="C1409">
        <v>0</v>
      </c>
      <c r="D1409">
        <v>0</v>
      </c>
    </row>
    <row r="1410" spans="1:4" x14ac:dyDescent="0.25">
      <c r="A1410" t="s">
        <v>2253</v>
      </c>
      <c r="B1410" t="s">
        <v>2255</v>
      </c>
      <c r="C1410">
        <v>0</v>
      </c>
      <c r="D1410">
        <v>0</v>
      </c>
    </row>
    <row r="1411" spans="1:4" x14ac:dyDescent="0.25">
      <c r="A1411" t="s">
        <v>2256</v>
      </c>
      <c r="B1411" t="s">
        <v>2257</v>
      </c>
      <c r="C1411">
        <v>0</v>
      </c>
      <c r="D1411">
        <v>0</v>
      </c>
    </row>
    <row r="1412" spans="1:4" x14ac:dyDescent="0.25">
      <c r="A1412" t="s">
        <v>2258</v>
      </c>
      <c r="B1412" t="s">
        <v>2259</v>
      </c>
      <c r="C1412">
        <v>1</v>
      </c>
      <c r="D1412">
        <v>0</v>
      </c>
    </row>
    <row r="1413" spans="1:4" x14ac:dyDescent="0.25">
      <c r="A1413" t="s">
        <v>2258</v>
      </c>
      <c r="B1413" t="s">
        <v>2260</v>
      </c>
      <c r="C1413">
        <v>0</v>
      </c>
      <c r="D1413">
        <v>0</v>
      </c>
    </row>
    <row r="1414" spans="1:4" x14ac:dyDescent="0.25">
      <c r="A1414" t="s">
        <v>2261</v>
      </c>
      <c r="B1414" t="s">
        <v>2262</v>
      </c>
      <c r="C1414">
        <v>0</v>
      </c>
      <c r="D1414">
        <v>0</v>
      </c>
    </row>
    <row r="1415" spans="1:4" x14ac:dyDescent="0.25">
      <c r="A1415" t="s">
        <v>2261</v>
      </c>
      <c r="B1415" t="s">
        <v>2263</v>
      </c>
      <c r="C1415">
        <v>0</v>
      </c>
      <c r="D1415">
        <v>0</v>
      </c>
    </row>
    <row r="1416" spans="1:4" x14ac:dyDescent="0.25">
      <c r="A1416" t="s">
        <v>2264</v>
      </c>
      <c r="B1416" t="s">
        <v>2265</v>
      </c>
      <c r="C1416">
        <v>0</v>
      </c>
      <c r="D1416">
        <v>0</v>
      </c>
    </row>
    <row r="1417" spans="1:4" x14ac:dyDescent="0.25">
      <c r="A1417" t="s">
        <v>2264</v>
      </c>
      <c r="B1417" t="s">
        <v>852</v>
      </c>
      <c r="C1417">
        <v>0</v>
      </c>
      <c r="D1417">
        <v>0</v>
      </c>
    </row>
    <row r="1418" spans="1:4" x14ac:dyDescent="0.25">
      <c r="A1418" t="s">
        <v>2266</v>
      </c>
      <c r="B1418" t="s">
        <v>2267</v>
      </c>
      <c r="C1418">
        <v>0</v>
      </c>
      <c r="D1418">
        <v>0</v>
      </c>
    </row>
    <row r="1419" spans="1:4" x14ac:dyDescent="0.25">
      <c r="A1419" t="s">
        <v>2268</v>
      </c>
      <c r="B1419" t="s">
        <v>2269</v>
      </c>
      <c r="C1419">
        <v>1</v>
      </c>
      <c r="D1419">
        <v>0</v>
      </c>
    </row>
    <row r="1420" spans="1:4" x14ac:dyDescent="0.25">
      <c r="A1420" t="s">
        <v>2270</v>
      </c>
      <c r="B1420" t="s">
        <v>2271</v>
      </c>
      <c r="C1420">
        <v>0</v>
      </c>
      <c r="D1420">
        <v>0</v>
      </c>
    </row>
    <row r="1421" spans="1:4" x14ac:dyDescent="0.25">
      <c r="A1421" t="s">
        <v>2272</v>
      </c>
      <c r="B1421" t="s">
        <v>2273</v>
      </c>
      <c r="C1421">
        <v>1</v>
      </c>
      <c r="D1421">
        <v>0</v>
      </c>
    </row>
    <row r="1422" spans="1:4" x14ac:dyDescent="0.25">
      <c r="A1422" t="s">
        <v>2272</v>
      </c>
      <c r="B1422" t="s">
        <v>2274</v>
      </c>
      <c r="C1422">
        <v>1</v>
      </c>
      <c r="D1422">
        <v>0</v>
      </c>
    </row>
    <row r="1423" spans="1:4" x14ac:dyDescent="0.25">
      <c r="A1423" t="s">
        <v>2272</v>
      </c>
      <c r="B1423" t="s">
        <v>2275</v>
      </c>
      <c r="C1423">
        <v>1</v>
      </c>
      <c r="D1423">
        <v>0</v>
      </c>
    </row>
    <row r="1424" spans="1:4" x14ac:dyDescent="0.25">
      <c r="A1424" t="s">
        <v>2276</v>
      </c>
      <c r="B1424" t="s">
        <v>2277</v>
      </c>
      <c r="C1424">
        <v>1</v>
      </c>
      <c r="D1424">
        <v>0</v>
      </c>
    </row>
    <row r="1425" spans="1:4" x14ac:dyDescent="0.25">
      <c r="A1425" t="s">
        <v>2278</v>
      </c>
      <c r="B1425" t="s">
        <v>2279</v>
      </c>
      <c r="C1425">
        <v>0</v>
      </c>
      <c r="D1425">
        <v>0</v>
      </c>
    </row>
    <row r="1426" spans="1:4" x14ac:dyDescent="0.25">
      <c r="A1426" t="s">
        <v>2278</v>
      </c>
      <c r="B1426" t="s">
        <v>2280</v>
      </c>
      <c r="C1426">
        <v>2</v>
      </c>
      <c r="D1426">
        <v>0</v>
      </c>
    </row>
    <row r="1427" spans="1:4" x14ac:dyDescent="0.25">
      <c r="A1427" t="s">
        <v>2281</v>
      </c>
      <c r="B1427" t="s">
        <v>2282</v>
      </c>
      <c r="C1427">
        <v>1</v>
      </c>
      <c r="D1427">
        <v>0</v>
      </c>
    </row>
    <row r="1428" spans="1:4" x14ac:dyDescent="0.25">
      <c r="A1428" t="s">
        <v>2283</v>
      </c>
      <c r="B1428" t="s">
        <v>2284</v>
      </c>
      <c r="C1428">
        <v>0</v>
      </c>
      <c r="D1428">
        <v>0</v>
      </c>
    </row>
    <row r="1429" spans="1:4" x14ac:dyDescent="0.25">
      <c r="A1429" t="s">
        <v>2285</v>
      </c>
      <c r="B1429" t="s">
        <v>2286</v>
      </c>
      <c r="C1429">
        <v>1</v>
      </c>
      <c r="D1429">
        <v>0</v>
      </c>
    </row>
    <row r="1430" spans="1:4" x14ac:dyDescent="0.25">
      <c r="A1430" t="s">
        <v>2285</v>
      </c>
      <c r="B1430" t="s">
        <v>2287</v>
      </c>
      <c r="C1430">
        <v>2</v>
      </c>
      <c r="D1430">
        <v>0</v>
      </c>
    </row>
    <row r="1431" spans="1:4" x14ac:dyDescent="0.25">
      <c r="A1431" t="s">
        <v>2288</v>
      </c>
      <c r="B1431" t="s">
        <v>2289</v>
      </c>
      <c r="C1431">
        <v>0</v>
      </c>
      <c r="D1431">
        <v>0</v>
      </c>
    </row>
    <row r="1432" spans="1:4" x14ac:dyDescent="0.25">
      <c r="A1432" t="s">
        <v>2288</v>
      </c>
      <c r="B1432" t="s">
        <v>2290</v>
      </c>
      <c r="C1432">
        <v>0</v>
      </c>
      <c r="D1432">
        <v>0</v>
      </c>
    </row>
    <row r="1433" spans="1:4" x14ac:dyDescent="0.25">
      <c r="A1433" t="s">
        <v>2288</v>
      </c>
      <c r="B1433" t="s">
        <v>2291</v>
      </c>
      <c r="C1433">
        <v>0</v>
      </c>
      <c r="D1433">
        <v>0</v>
      </c>
    </row>
    <row r="1434" spans="1:4" x14ac:dyDescent="0.25">
      <c r="A1434" t="s">
        <v>2292</v>
      </c>
      <c r="B1434" t="s">
        <v>2293</v>
      </c>
      <c r="C1434">
        <v>1</v>
      </c>
      <c r="D1434">
        <v>0</v>
      </c>
    </row>
    <row r="1435" spans="1:4" x14ac:dyDescent="0.25">
      <c r="A1435" t="s">
        <v>2292</v>
      </c>
      <c r="B1435" t="s">
        <v>2294</v>
      </c>
      <c r="C1435">
        <v>2</v>
      </c>
      <c r="D1435">
        <v>0</v>
      </c>
    </row>
    <row r="1436" spans="1:4" x14ac:dyDescent="0.25">
      <c r="A1436" t="s">
        <v>2295</v>
      </c>
      <c r="B1436" t="s">
        <v>2296</v>
      </c>
      <c r="C1436">
        <v>0</v>
      </c>
      <c r="D1436">
        <v>0</v>
      </c>
    </row>
    <row r="1437" spans="1:4" x14ac:dyDescent="0.25">
      <c r="A1437" t="s">
        <v>2295</v>
      </c>
      <c r="B1437" t="s">
        <v>2297</v>
      </c>
      <c r="C1437">
        <v>0</v>
      </c>
      <c r="D1437">
        <v>0</v>
      </c>
    </row>
    <row r="1438" spans="1:4" x14ac:dyDescent="0.25">
      <c r="A1438" t="s">
        <v>2295</v>
      </c>
      <c r="B1438" t="s">
        <v>2298</v>
      </c>
      <c r="C1438">
        <v>0</v>
      </c>
      <c r="D1438">
        <v>0</v>
      </c>
    </row>
    <row r="1439" spans="1:4" x14ac:dyDescent="0.25">
      <c r="A1439" t="s">
        <v>2299</v>
      </c>
      <c r="B1439" t="s">
        <v>2300</v>
      </c>
      <c r="C1439">
        <v>1</v>
      </c>
      <c r="D1439">
        <v>0</v>
      </c>
    </row>
    <row r="1440" spans="1:4" x14ac:dyDescent="0.25">
      <c r="A1440" t="s">
        <v>2299</v>
      </c>
      <c r="B1440" t="s">
        <v>2301</v>
      </c>
      <c r="C1440">
        <v>1</v>
      </c>
      <c r="D1440">
        <v>0</v>
      </c>
    </row>
    <row r="1441" spans="1:4" x14ac:dyDescent="0.25">
      <c r="A1441" t="s">
        <v>2302</v>
      </c>
      <c r="B1441" t="s">
        <v>2303</v>
      </c>
      <c r="C1441">
        <v>0</v>
      </c>
      <c r="D1441">
        <v>0</v>
      </c>
    </row>
    <row r="1442" spans="1:4" x14ac:dyDescent="0.25">
      <c r="A1442" t="s">
        <v>2302</v>
      </c>
      <c r="B1442" t="s">
        <v>2304</v>
      </c>
      <c r="C1442">
        <v>2</v>
      </c>
      <c r="D1442">
        <v>0</v>
      </c>
    </row>
    <row r="1443" spans="1:4" x14ac:dyDescent="0.25">
      <c r="A1443" t="s">
        <v>2305</v>
      </c>
      <c r="B1443" t="s">
        <v>2306</v>
      </c>
      <c r="C1443">
        <v>1</v>
      </c>
      <c r="D1443">
        <v>0</v>
      </c>
    </row>
    <row r="1444" spans="1:4" x14ac:dyDescent="0.25">
      <c r="A1444" t="s">
        <v>2305</v>
      </c>
      <c r="B1444" t="s">
        <v>2307</v>
      </c>
      <c r="C1444">
        <v>0</v>
      </c>
      <c r="D1444">
        <v>0</v>
      </c>
    </row>
    <row r="1445" spans="1:4" x14ac:dyDescent="0.25">
      <c r="A1445" t="s">
        <v>2305</v>
      </c>
      <c r="B1445" t="s">
        <v>2308</v>
      </c>
      <c r="C1445">
        <v>2</v>
      </c>
      <c r="D1445">
        <v>0</v>
      </c>
    </row>
    <row r="1446" spans="1:4" x14ac:dyDescent="0.25">
      <c r="A1446" t="s">
        <v>2309</v>
      </c>
      <c r="B1446" t="s">
        <v>2310</v>
      </c>
      <c r="C1446">
        <v>0</v>
      </c>
      <c r="D1446">
        <v>0</v>
      </c>
    </row>
    <row r="1447" spans="1:4" x14ac:dyDescent="0.25">
      <c r="A1447" t="s">
        <v>2309</v>
      </c>
      <c r="B1447" t="s">
        <v>2311</v>
      </c>
      <c r="C1447">
        <v>0</v>
      </c>
      <c r="D1447">
        <v>0</v>
      </c>
    </row>
    <row r="1448" spans="1:4" x14ac:dyDescent="0.25">
      <c r="A1448" t="s">
        <v>2309</v>
      </c>
      <c r="B1448" t="s">
        <v>2312</v>
      </c>
      <c r="C1448">
        <v>0</v>
      </c>
      <c r="D1448">
        <v>0</v>
      </c>
    </row>
    <row r="1449" spans="1:4" x14ac:dyDescent="0.25">
      <c r="A1449" t="s">
        <v>2313</v>
      </c>
      <c r="B1449" t="s">
        <v>2314</v>
      </c>
      <c r="C1449">
        <v>1</v>
      </c>
      <c r="D1449">
        <v>0</v>
      </c>
    </row>
    <row r="1450" spans="1:4" x14ac:dyDescent="0.25">
      <c r="A1450" t="s">
        <v>2315</v>
      </c>
      <c r="B1450" t="s">
        <v>2316</v>
      </c>
      <c r="C1450">
        <v>1</v>
      </c>
      <c r="D1450">
        <v>0</v>
      </c>
    </row>
    <row r="1451" spans="1:4" x14ac:dyDescent="0.25">
      <c r="A1451" t="s">
        <v>2315</v>
      </c>
      <c r="B1451" t="s">
        <v>945</v>
      </c>
      <c r="C1451">
        <v>1</v>
      </c>
      <c r="D1451">
        <v>0</v>
      </c>
    </row>
    <row r="1452" spans="1:4" x14ac:dyDescent="0.25">
      <c r="A1452" t="s">
        <v>2315</v>
      </c>
      <c r="B1452" t="s">
        <v>2317</v>
      </c>
      <c r="C1452">
        <v>0</v>
      </c>
      <c r="D1452">
        <v>0</v>
      </c>
    </row>
    <row r="1453" spans="1:4" x14ac:dyDescent="0.25">
      <c r="A1453" t="s">
        <v>2318</v>
      </c>
      <c r="B1453" t="s">
        <v>2319</v>
      </c>
      <c r="C1453">
        <v>2</v>
      </c>
      <c r="D1453">
        <v>0</v>
      </c>
    </row>
    <row r="1454" spans="1:4" x14ac:dyDescent="0.25">
      <c r="A1454" t="s">
        <v>2318</v>
      </c>
      <c r="B1454" t="s">
        <v>2320</v>
      </c>
      <c r="C1454">
        <v>1</v>
      </c>
      <c r="D1454">
        <v>0</v>
      </c>
    </row>
    <row r="1455" spans="1:4" x14ac:dyDescent="0.25">
      <c r="A1455" t="s">
        <v>2318</v>
      </c>
      <c r="B1455" t="s">
        <v>2321</v>
      </c>
      <c r="C1455">
        <v>1</v>
      </c>
      <c r="D1455">
        <v>0</v>
      </c>
    </row>
    <row r="1456" spans="1:4" x14ac:dyDescent="0.25">
      <c r="A1456" t="s">
        <v>2322</v>
      </c>
      <c r="B1456" t="s">
        <v>2323</v>
      </c>
      <c r="C1456">
        <v>0</v>
      </c>
      <c r="D1456">
        <v>0</v>
      </c>
    </row>
    <row r="1457" spans="1:4" x14ac:dyDescent="0.25">
      <c r="A1457" t="s">
        <v>2324</v>
      </c>
      <c r="B1457" t="s">
        <v>2325</v>
      </c>
      <c r="C1457">
        <v>0</v>
      </c>
      <c r="D1457">
        <v>0</v>
      </c>
    </row>
    <row r="1458" spans="1:4" x14ac:dyDescent="0.25">
      <c r="A1458" t="s">
        <v>2326</v>
      </c>
      <c r="B1458" t="s">
        <v>1294</v>
      </c>
      <c r="C1458">
        <v>1</v>
      </c>
      <c r="D1458">
        <v>0</v>
      </c>
    </row>
    <row r="1459" spans="1:4" x14ac:dyDescent="0.25">
      <c r="A1459" t="s">
        <v>2327</v>
      </c>
      <c r="B1459" t="s">
        <v>969</v>
      </c>
      <c r="C1459">
        <v>0</v>
      </c>
      <c r="D1459">
        <v>0</v>
      </c>
    </row>
    <row r="1460" spans="1:4" x14ac:dyDescent="0.25">
      <c r="A1460" t="s">
        <v>2328</v>
      </c>
      <c r="B1460" t="s">
        <v>2329</v>
      </c>
      <c r="C1460">
        <v>1</v>
      </c>
      <c r="D1460">
        <v>0</v>
      </c>
    </row>
    <row r="1461" spans="1:4" x14ac:dyDescent="0.25">
      <c r="A1461" t="s">
        <v>2328</v>
      </c>
      <c r="B1461" t="s">
        <v>2330</v>
      </c>
      <c r="C1461">
        <v>2</v>
      </c>
      <c r="D1461">
        <v>0</v>
      </c>
    </row>
    <row r="1462" spans="1:4" x14ac:dyDescent="0.25">
      <c r="A1462" t="s">
        <v>2331</v>
      </c>
      <c r="B1462" t="s">
        <v>2332</v>
      </c>
      <c r="C1462">
        <v>2</v>
      </c>
      <c r="D1462">
        <v>0</v>
      </c>
    </row>
    <row r="1463" spans="1:4" x14ac:dyDescent="0.25">
      <c r="A1463" t="s">
        <v>2333</v>
      </c>
      <c r="B1463" t="s">
        <v>2334</v>
      </c>
      <c r="C1463">
        <v>1</v>
      </c>
      <c r="D1463">
        <v>0</v>
      </c>
    </row>
    <row r="1464" spans="1:4" x14ac:dyDescent="0.25">
      <c r="A1464" t="s">
        <v>2333</v>
      </c>
      <c r="B1464" t="s">
        <v>2335</v>
      </c>
      <c r="C1464">
        <v>1</v>
      </c>
      <c r="D1464">
        <v>0</v>
      </c>
    </row>
    <row r="1465" spans="1:4" x14ac:dyDescent="0.25">
      <c r="A1465" t="s">
        <v>2336</v>
      </c>
      <c r="B1465" t="s">
        <v>2337</v>
      </c>
      <c r="C1465">
        <v>1</v>
      </c>
      <c r="D1465">
        <v>0</v>
      </c>
    </row>
    <row r="1466" spans="1:4" x14ac:dyDescent="0.25">
      <c r="A1466" t="s">
        <v>2338</v>
      </c>
      <c r="B1466" t="s">
        <v>2339</v>
      </c>
      <c r="C1466">
        <v>1</v>
      </c>
      <c r="D1466">
        <v>0</v>
      </c>
    </row>
    <row r="1467" spans="1:4" x14ac:dyDescent="0.25">
      <c r="A1467" t="s">
        <v>2338</v>
      </c>
      <c r="B1467" t="s">
        <v>2340</v>
      </c>
      <c r="C1467">
        <v>1</v>
      </c>
      <c r="D1467">
        <v>0</v>
      </c>
    </row>
    <row r="1468" spans="1:4" x14ac:dyDescent="0.25">
      <c r="A1468" t="s">
        <v>2341</v>
      </c>
      <c r="B1468" t="s">
        <v>2342</v>
      </c>
      <c r="C1468">
        <v>1</v>
      </c>
      <c r="D1468">
        <v>0</v>
      </c>
    </row>
    <row r="1469" spans="1:4" x14ac:dyDescent="0.25">
      <c r="A1469" t="s">
        <v>2343</v>
      </c>
      <c r="B1469" t="s">
        <v>2061</v>
      </c>
      <c r="C1469">
        <v>0</v>
      </c>
      <c r="D1469">
        <v>0</v>
      </c>
    </row>
    <row r="1470" spans="1:4" x14ac:dyDescent="0.25">
      <c r="A1470" t="s">
        <v>2343</v>
      </c>
      <c r="B1470" t="s">
        <v>1001</v>
      </c>
      <c r="C1470">
        <v>1</v>
      </c>
      <c r="D1470">
        <v>0</v>
      </c>
    </row>
    <row r="1471" spans="1:4" x14ac:dyDescent="0.25">
      <c r="A1471" t="s">
        <v>2344</v>
      </c>
      <c r="B1471" t="s">
        <v>2267</v>
      </c>
      <c r="C1471">
        <v>0</v>
      </c>
      <c r="D1471">
        <v>0</v>
      </c>
    </row>
    <row r="1472" spans="1:4" x14ac:dyDescent="0.25">
      <c r="A1472" t="s">
        <v>2345</v>
      </c>
      <c r="B1472" t="s">
        <v>2346</v>
      </c>
      <c r="C1472">
        <v>2</v>
      </c>
      <c r="D1472">
        <v>0</v>
      </c>
    </row>
    <row r="1473" spans="1:4" x14ac:dyDescent="0.25">
      <c r="A1473" t="s">
        <v>2347</v>
      </c>
      <c r="B1473" t="s">
        <v>820</v>
      </c>
      <c r="C1473">
        <v>1</v>
      </c>
      <c r="D1473">
        <v>0</v>
      </c>
    </row>
    <row r="1474" spans="1:4" x14ac:dyDescent="0.25">
      <c r="A1474" t="s">
        <v>2348</v>
      </c>
      <c r="B1474" t="s">
        <v>2349</v>
      </c>
      <c r="C1474">
        <v>0</v>
      </c>
      <c r="D1474">
        <v>0</v>
      </c>
    </row>
    <row r="1475" spans="1:4" x14ac:dyDescent="0.25">
      <c r="A1475" t="s">
        <v>2350</v>
      </c>
      <c r="B1475" t="s">
        <v>2351</v>
      </c>
      <c r="C1475">
        <v>2</v>
      </c>
      <c r="D1475">
        <v>0</v>
      </c>
    </row>
    <row r="1476" spans="1:4" x14ac:dyDescent="0.25">
      <c r="A1476" t="s">
        <v>2350</v>
      </c>
      <c r="B1476" t="s">
        <v>2352</v>
      </c>
      <c r="C1476">
        <v>1</v>
      </c>
      <c r="D1476">
        <v>0</v>
      </c>
    </row>
    <row r="1477" spans="1:4" x14ac:dyDescent="0.25">
      <c r="A1477" t="s">
        <v>2350</v>
      </c>
      <c r="B1477" t="s">
        <v>2353</v>
      </c>
      <c r="C1477">
        <v>2</v>
      </c>
      <c r="D1477">
        <v>0</v>
      </c>
    </row>
    <row r="1478" spans="1:4" x14ac:dyDescent="0.25">
      <c r="A1478" t="s">
        <v>2354</v>
      </c>
      <c r="B1478" t="s">
        <v>1499</v>
      </c>
      <c r="C1478">
        <v>1</v>
      </c>
      <c r="D1478">
        <v>0</v>
      </c>
    </row>
    <row r="1479" spans="1:4" x14ac:dyDescent="0.25">
      <c r="A1479" t="s">
        <v>2355</v>
      </c>
      <c r="B1479" t="s">
        <v>2356</v>
      </c>
      <c r="C1479">
        <v>2</v>
      </c>
      <c r="D1479">
        <v>0</v>
      </c>
    </row>
    <row r="1480" spans="1:4" x14ac:dyDescent="0.25">
      <c r="A1480" t="s">
        <v>2355</v>
      </c>
      <c r="B1480" t="s">
        <v>2357</v>
      </c>
      <c r="C1480">
        <v>2</v>
      </c>
      <c r="D1480">
        <v>0</v>
      </c>
    </row>
    <row r="1481" spans="1:4" x14ac:dyDescent="0.25">
      <c r="A1481" t="s">
        <v>2358</v>
      </c>
      <c r="B1481" t="s">
        <v>2359</v>
      </c>
      <c r="C1481">
        <v>0</v>
      </c>
      <c r="D1481">
        <v>0</v>
      </c>
    </row>
    <row r="1482" spans="1:4" x14ac:dyDescent="0.25">
      <c r="A1482" t="s">
        <v>2360</v>
      </c>
      <c r="B1482" t="s">
        <v>2361</v>
      </c>
      <c r="C1482">
        <v>0</v>
      </c>
      <c r="D1482">
        <v>0</v>
      </c>
    </row>
    <row r="1483" spans="1:4" x14ac:dyDescent="0.25">
      <c r="A1483" t="s">
        <v>2360</v>
      </c>
      <c r="B1483" t="s">
        <v>2362</v>
      </c>
      <c r="C1483">
        <v>1</v>
      </c>
      <c r="D1483">
        <v>0</v>
      </c>
    </row>
    <row r="1484" spans="1:4" x14ac:dyDescent="0.25">
      <c r="A1484" t="s">
        <v>2360</v>
      </c>
      <c r="B1484" t="s">
        <v>2363</v>
      </c>
      <c r="C1484">
        <v>2</v>
      </c>
      <c r="D1484">
        <v>0</v>
      </c>
    </row>
    <row r="1485" spans="1:4" x14ac:dyDescent="0.25">
      <c r="A1485" t="s">
        <v>2364</v>
      </c>
      <c r="B1485" t="s">
        <v>2365</v>
      </c>
      <c r="C1485">
        <v>1</v>
      </c>
      <c r="D1485">
        <v>0</v>
      </c>
    </row>
    <row r="1486" spans="1:4" x14ac:dyDescent="0.25">
      <c r="A1486" t="s">
        <v>2366</v>
      </c>
      <c r="B1486" t="s">
        <v>2367</v>
      </c>
      <c r="C1486">
        <v>1</v>
      </c>
      <c r="D1486">
        <v>0</v>
      </c>
    </row>
    <row r="1487" spans="1:4" x14ac:dyDescent="0.25">
      <c r="A1487" t="s">
        <v>2366</v>
      </c>
      <c r="B1487" t="s">
        <v>2368</v>
      </c>
      <c r="C1487">
        <v>1</v>
      </c>
      <c r="D1487">
        <v>0</v>
      </c>
    </row>
    <row r="1488" spans="1:4" x14ac:dyDescent="0.25">
      <c r="A1488" t="s">
        <v>2369</v>
      </c>
      <c r="B1488" t="s">
        <v>2370</v>
      </c>
      <c r="C1488">
        <v>1</v>
      </c>
      <c r="D1488">
        <v>0</v>
      </c>
    </row>
    <row r="1489" spans="1:4" x14ac:dyDescent="0.25">
      <c r="A1489" t="s">
        <v>2369</v>
      </c>
      <c r="B1489" t="s">
        <v>2371</v>
      </c>
      <c r="C1489">
        <v>0</v>
      </c>
      <c r="D1489">
        <v>0</v>
      </c>
    </row>
    <row r="1490" spans="1:4" x14ac:dyDescent="0.25">
      <c r="A1490" t="s">
        <v>2372</v>
      </c>
      <c r="B1490" t="s">
        <v>2373</v>
      </c>
      <c r="C1490">
        <v>1</v>
      </c>
      <c r="D1490">
        <v>0</v>
      </c>
    </row>
    <row r="1491" spans="1:4" x14ac:dyDescent="0.25">
      <c r="A1491" t="s">
        <v>2374</v>
      </c>
      <c r="B1491" t="s">
        <v>2375</v>
      </c>
      <c r="C1491">
        <v>0</v>
      </c>
      <c r="D1491">
        <v>0</v>
      </c>
    </row>
    <row r="1492" spans="1:4" x14ac:dyDescent="0.25">
      <c r="A1492" t="s">
        <v>2376</v>
      </c>
      <c r="B1492" t="s">
        <v>2377</v>
      </c>
      <c r="C1492">
        <v>0</v>
      </c>
      <c r="D1492">
        <v>0</v>
      </c>
    </row>
    <row r="1493" spans="1:4" x14ac:dyDescent="0.25">
      <c r="A1493" t="s">
        <v>2378</v>
      </c>
      <c r="B1493" t="s">
        <v>2379</v>
      </c>
      <c r="C1493">
        <v>1</v>
      </c>
      <c r="D1493">
        <v>0</v>
      </c>
    </row>
    <row r="1494" spans="1:4" x14ac:dyDescent="0.25">
      <c r="A1494" t="s">
        <v>2378</v>
      </c>
      <c r="B1494" t="s">
        <v>2380</v>
      </c>
      <c r="C1494">
        <v>0</v>
      </c>
      <c r="D1494">
        <v>0</v>
      </c>
    </row>
    <row r="1495" spans="1:4" x14ac:dyDescent="0.25">
      <c r="A1495" t="s">
        <v>2378</v>
      </c>
      <c r="B1495" t="s">
        <v>2381</v>
      </c>
      <c r="C1495">
        <v>2</v>
      </c>
      <c r="D1495">
        <v>0</v>
      </c>
    </row>
    <row r="1496" spans="1:4" x14ac:dyDescent="0.25">
      <c r="A1496" t="s">
        <v>2382</v>
      </c>
      <c r="B1496" t="s">
        <v>2383</v>
      </c>
      <c r="C1496">
        <v>1</v>
      </c>
      <c r="D1496">
        <v>0</v>
      </c>
    </row>
    <row r="1497" spans="1:4" x14ac:dyDescent="0.25">
      <c r="A1497" t="s">
        <v>2382</v>
      </c>
      <c r="B1497" t="s">
        <v>2384</v>
      </c>
      <c r="C1497">
        <v>0</v>
      </c>
      <c r="D1497">
        <v>0</v>
      </c>
    </row>
    <row r="1498" spans="1:4" x14ac:dyDescent="0.25">
      <c r="A1498" t="s">
        <v>2385</v>
      </c>
      <c r="B1498" t="s">
        <v>2386</v>
      </c>
      <c r="C1498">
        <v>1</v>
      </c>
      <c r="D1498">
        <v>0</v>
      </c>
    </row>
    <row r="1499" spans="1:4" x14ac:dyDescent="0.25">
      <c r="A1499" t="s">
        <v>2387</v>
      </c>
      <c r="B1499" t="s">
        <v>852</v>
      </c>
      <c r="C1499">
        <v>0</v>
      </c>
      <c r="D1499">
        <v>0</v>
      </c>
    </row>
    <row r="1500" spans="1:4" x14ac:dyDescent="0.25">
      <c r="A1500" t="s">
        <v>2387</v>
      </c>
      <c r="B1500" t="s">
        <v>2388</v>
      </c>
      <c r="C1500">
        <v>2</v>
      </c>
      <c r="D1500">
        <v>0</v>
      </c>
    </row>
    <row r="1501" spans="1:4" x14ac:dyDescent="0.25">
      <c r="A1501" t="s">
        <v>2389</v>
      </c>
      <c r="B1501" t="s">
        <v>852</v>
      </c>
      <c r="C1501">
        <v>0</v>
      </c>
      <c r="D1501">
        <v>0</v>
      </c>
    </row>
    <row r="1502" spans="1:4" x14ac:dyDescent="0.25">
      <c r="A1502" t="s">
        <v>2390</v>
      </c>
      <c r="B1502" t="s">
        <v>2391</v>
      </c>
      <c r="C1502">
        <v>1</v>
      </c>
      <c r="D1502">
        <v>0</v>
      </c>
    </row>
    <row r="1503" spans="1:4" x14ac:dyDescent="0.25">
      <c r="A1503" t="s">
        <v>2392</v>
      </c>
      <c r="B1503" t="s">
        <v>2393</v>
      </c>
      <c r="C1503">
        <v>1</v>
      </c>
      <c r="D1503">
        <v>0</v>
      </c>
    </row>
    <row r="1504" spans="1:4" x14ac:dyDescent="0.25">
      <c r="A1504" t="s">
        <v>2392</v>
      </c>
      <c r="B1504" t="s">
        <v>2394</v>
      </c>
      <c r="C1504">
        <v>1</v>
      </c>
      <c r="D1504">
        <v>0</v>
      </c>
    </row>
    <row r="1505" spans="1:4" x14ac:dyDescent="0.25">
      <c r="A1505" t="s">
        <v>2392</v>
      </c>
      <c r="B1505" t="s">
        <v>2395</v>
      </c>
      <c r="C1505">
        <v>1</v>
      </c>
      <c r="D1505">
        <v>0</v>
      </c>
    </row>
    <row r="1506" spans="1:4" x14ac:dyDescent="0.25">
      <c r="A1506" t="s">
        <v>2396</v>
      </c>
      <c r="B1506" t="s">
        <v>2397</v>
      </c>
      <c r="C1506">
        <v>1</v>
      </c>
      <c r="D1506">
        <v>0</v>
      </c>
    </row>
    <row r="1507" spans="1:4" x14ac:dyDescent="0.25">
      <c r="A1507" t="s">
        <v>2398</v>
      </c>
      <c r="B1507" t="s">
        <v>2399</v>
      </c>
      <c r="C1507">
        <v>2</v>
      </c>
      <c r="D1507">
        <v>0</v>
      </c>
    </row>
    <row r="1508" spans="1:4" x14ac:dyDescent="0.25">
      <c r="A1508" t="s">
        <v>2400</v>
      </c>
      <c r="B1508" t="s">
        <v>2401</v>
      </c>
      <c r="C1508">
        <v>1</v>
      </c>
      <c r="D1508">
        <v>0</v>
      </c>
    </row>
    <row r="1509" spans="1:4" x14ac:dyDescent="0.25">
      <c r="A1509" t="s">
        <v>2400</v>
      </c>
      <c r="B1509" t="s">
        <v>2402</v>
      </c>
      <c r="C1509">
        <v>0</v>
      </c>
      <c r="D1509">
        <v>0</v>
      </c>
    </row>
    <row r="1510" spans="1:4" x14ac:dyDescent="0.25">
      <c r="A1510" t="s">
        <v>2403</v>
      </c>
      <c r="B1510" t="s">
        <v>2404</v>
      </c>
      <c r="C1510">
        <v>0</v>
      </c>
      <c r="D1510">
        <v>0</v>
      </c>
    </row>
    <row r="1511" spans="1:4" x14ac:dyDescent="0.25">
      <c r="A1511" t="s">
        <v>2405</v>
      </c>
      <c r="B1511" t="s">
        <v>2406</v>
      </c>
      <c r="C1511">
        <v>0</v>
      </c>
      <c r="D1511">
        <v>0</v>
      </c>
    </row>
    <row r="1512" spans="1:4" x14ac:dyDescent="0.25">
      <c r="A1512" t="s">
        <v>2405</v>
      </c>
      <c r="B1512" t="s">
        <v>2407</v>
      </c>
      <c r="C1512">
        <v>0</v>
      </c>
      <c r="D1512">
        <v>0</v>
      </c>
    </row>
    <row r="1513" spans="1:4" x14ac:dyDescent="0.25">
      <c r="A1513" t="s">
        <v>2408</v>
      </c>
      <c r="B1513" t="s">
        <v>843</v>
      </c>
      <c r="C1513">
        <v>1</v>
      </c>
      <c r="D1513">
        <v>0</v>
      </c>
    </row>
    <row r="1514" spans="1:4" x14ac:dyDescent="0.25">
      <c r="A1514" t="s">
        <v>2409</v>
      </c>
      <c r="B1514" t="s">
        <v>2410</v>
      </c>
      <c r="C1514">
        <v>2</v>
      </c>
      <c r="D1514">
        <v>0</v>
      </c>
    </row>
    <row r="1515" spans="1:4" x14ac:dyDescent="0.25">
      <c r="A1515" t="s">
        <v>2411</v>
      </c>
      <c r="B1515" t="s">
        <v>2412</v>
      </c>
      <c r="C1515">
        <v>1</v>
      </c>
      <c r="D1515">
        <v>0</v>
      </c>
    </row>
    <row r="1516" spans="1:4" x14ac:dyDescent="0.25">
      <c r="A1516" t="s">
        <v>2413</v>
      </c>
      <c r="B1516" t="s">
        <v>2414</v>
      </c>
      <c r="C1516">
        <v>0</v>
      </c>
      <c r="D1516">
        <v>0</v>
      </c>
    </row>
    <row r="1517" spans="1:4" x14ac:dyDescent="0.25">
      <c r="A1517" t="s">
        <v>2415</v>
      </c>
      <c r="B1517" t="s">
        <v>2416</v>
      </c>
      <c r="C1517">
        <v>1</v>
      </c>
      <c r="D1517">
        <v>0</v>
      </c>
    </row>
    <row r="1518" spans="1:4" x14ac:dyDescent="0.25">
      <c r="A1518" t="s">
        <v>2417</v>
      </c>
      <c r="B1518" t="s">
        <v>2418</v>
      </c>
      <c r="C1518">
        <v>0</v>
      </c>
      <c r="D1518">
        <v>0</v>
      </c>
    </row>
    <row r="1519" spans="1:4" x14ac:dyDescent="0.25">
      <c r="A1519" t="s">
        <v>2417</v>
      </c>
      <c r="B1519" t="s">
        <v>2419</v>
      </c>
      <c r="C1519">
        <v>1</v>
      </c>
      <c r="D1519">
        <v>0</v>
      </c>
    </row>
    <row r="1520" spans="1:4" x14ac:dyDescent="0.25">
      <c r="A1520" t="s">
        <v>2420</v>
      </c>
      <c r="B1520" t="s">
        <v>2421</v>
      </c>
      <c r="C1520">
        <v>0</v>
      </c>
      <c r="D1520">
        <v>0</v>
      </c>
    </row>
    <row r="1521" spans="1:4" x14ac:dyDescent="0.25">
      <c r="A1521" t="s">
        <v>2422</v>
      </c>
      <c r="B1521" t="s">
        <v>820</v>
      </c>
      <c r="C1521">
        <v>1</v>
      </c>
      <c r="D1521">
        <v>0</v>
      </c>
    </row>
    <row r="1522" spans="1:4" x14ac:dyDescent="0.25">
      <c r="A1522" t="s">
        <v>2422</v>
      </c>
      <c r="B1522" t="s">
        <v>2423</v>
      </c>
      <c r="C1522">
        <v>2</v>
      </c>
      <c r="D1522">
        <v>0</v>
      </c>
    </row>
    <row r="1523" spans="1:4" x14ac:dyDescent="0.25">
      <c r="A1523" t="s">
        <v>2424</v>
      </c>
      <c r="B1523" t="s">
        <v>2425</v>
      </c>
      <c r="C1523">
        <v>0</v>
      </c>
      <c r="D1523">
        <v>0</v>
      </c>
    </row>
    <row r="1524" spans="1:4" x14ac:dyDescent="0.25">
      <c r="A1524" t="s">
        <v>2424</v>
      </c>
      <c r="B1524" t="s">
        <v>2426</v>
      </c>
      <c r="C1524">
        <v>1</v>
      </c>
      <c r="D1524">
        <v>0</v>
      </c>
    </row>
    <row r="1525" spans="1:4" x14ac:dyDescent="0.25">
      <c r="A1525" t="s">
        <v>2427</v>
      </c>
      <c r="B1525" t="s">
        <v>2428</v>
      </c>
      <c r="C1525">
        <v>2</v>
      </c>
      <c r="D1525">
        <v>0</v>
      </c>
    </row>
    <row r="1526" spans="1:4" x14ac:dyDescent="0.25">
      <c r="A1526" t="s">
        <v>2427</v>
      </c>
      <c r="B1526" t="s">
        <v>2429</v>
      </c>
      <c r="C1526">
        <v>1</v>
      </c>
      <c r="D1526">
        <v>0</v>
      </c>
    </row>
    <row r="1527" spans="1:4" x14ac:dyDescent="0.25">
      <c r="A1527" t="s">
        <v>2430</v>
      </c>
      <c r="B1527" t="s">
        <v>2431</v>
      </c>
      <c r="C1527">
        <v>1</v>
      </c>
      <c r="D1527">
        <v>0</v>
      </c>
    </row>
    <row r="1528" spans="1:4" x14ac:dyDescent="0.25">
      <c r="A1528" t="s">
        <v>2430</v>
      </c>
      <c r="B1528" t="s">
        <v>2432</v>
      </c>
      <c r="C1528">
        <v>0</v>
      </c>
      <c r="D1528">
        <v>0</v>
      </c>
    </row>
    <row r="1529" spans="1:4" x14ac:dyDescent="0.25">
      <c r="A1529" t="s">
        <v>2433</v>
      </c>
      <c r="B1529" t="s">
        <v>2434</v>
      </c>
      <c r="C1529">
        <v>0</v>
      </c>
      <c r="D1529">
        <v>0</v>
      </c>
    </row>
    <row r="1530" spans="1:4" x14ac:dyDescent="0.25">
      <c r="A1530" t="s">
        <v>2435</v>
      </c>
      <c r="B1530" t="s">
        <v>2436</v>
      </c>
      <c r="C1530">
        <v>1</v>
      </c>
      <c r="D1530">
        <v>0</v>
      </c>
    </row>
    <row r="1531" spans="1:4" x14ac:dyDescent="0.25">
      <c r="A1531" t="s">
        <v>2435</v>
      </c>
      <c r="B1531" t="s">
        <v>2437</v>
      </c>
      <c r="C1531">
        <v>1</v>
      </c>
      <c r="D1531">
        <v>0</v>
      </c>
    </row>
    <row r="1532" spans="1:4" x14ac:dyDescent="0.25">
      <c r="A1532" t="s">
        <v>2438</v>
      </c>
      <c r="B1532" t="s">
        <v>1526</v>
      </c>
      <c r="C1532">
        <v>1</v>
      </c>
      <c r="D1532">
        <v>0</v>
      </c>
    </row>
    <row r="1533" spans="1:4" x14ac:dyDescent="0.25">
      <c r="A1533" t="s">
        <v>2439</v>
      </c>
      <c r="B1533" t="s">
        <v>2440</v>
      </c>
      <c r="C1533">
        <v>0</v>
      </c>
      <c r="D1533">
        <v>0</v>
      </c>
    </row>
    <row r="1534" spans="1:4" x14ac:dyDescent="0.25">
      <c r="A1534" t="s">
        <v>2441</v>
      </c>
      <c r="B1534" t="s">
        <v>2442</v>
      </c>
      <c r="C1534">
        <v>1</v>
      </c>
      <c r="D1534">
        <v>0</v>
      </c>
    </row>
    <row r="1535" spans="1:4" x14ac:dyDescent="0.25">
      <c r="A1535" t="s">
        <v>2443</v>
      </c>
      <c r="B1535" t="s">
        <v>2444</v>
      </c>
      <c r="C1535">
        <v>0</v>
      </c>
      <c r="D1535">
        <v>0</v>
      </c>
    </row>
    <row r="1536" spans="1:4" x14ac:dyDescent="0.25">
      <c r="A1536" t="s">
        <v>2445</v>
      </c>
      <c r="B1536" t="s">
        <v>2446</v>
      </c>
      <c r="C1536">
        <v>1</v>
      </c>
      <c r="D1536">
        <v>0</v>
      </c>
    </row>
    <row r="1537" spans="1:4" x14ac:dyDescent="0.25">
      <c r="A1537" t="s">
        <v>2445</v>
      </c>
      <c r="B1537" t="s">
        <v>2447</v>
      </c>
      <c r="C1537">
        <v>2</v>
      </c>
      <c r="D1537">
        <v>0</v>
      </c>
    </row>
    <row r="1538" spans="1:4" x14ac:dyDescent="0.25">
      <c r="A1538" t="s">
        <v>2448</v>
      </c>
      <c r="B1538" t="s">
        <v>2449</v>
      </c>
      <c r="C1538">
        <v>1</v>
      </c>
      <c r="D1538">
        <v>0</v>
      </c>
    </row>
    <row r="1539" spans="1:4" x14ac:dyDescent="0.25">
      <c r="A1539" t="s">
        <v>2448</v>
      </c>
      <c r="B1539" t="s">
        <v>2450</v>
      </c>
      <c r="C1539">
        <v>1</v>
      </c>
      <c r="D1539">
        <v>0</v>
      </c>
    </row>
    <row r="1540" spans="1:4" x14ac:dyDescent="0.25">
      <c r="A1540" t="s">
        <v>2451</v>
      </c>
      <c r="B1540" t="s">
        <v>1499</v>
      </c>
      <c r="C1540">
        <v>1</v>
      </c>
      <c r="D1540">
        <v>0</v>
      </c>
    </row>
    <row r="1541" spans="1:4" x14ac:dyDescent="0.25">
      <c r="A1541" t="s">
        <v>2452</v>
      </c>
      <c r="B1541" t="s">
        <v>2453</v>
      </c>
      <c r="C1541">
        <v>0</v>
      </c>
      <c r="D1541">
        <v>0</v>
      </c>
    </row>
    <row r="1542" spans="1:4" x14ac:dyDescent="0.25">
      <c r="A1542" t="s">
        <v>2454</v>
      </c>
      <c r="B1542" t="s">
        <v>2455</v>
      </c>
      <c r="C1542">
        <v>0</v>
      </c>
      <c r="D1542">
        <v>0</v>
      </c>
    </row>
    <row r="1543" spans="1:4" x14ac:dyDescent="0.25">
      <c r="A1543" t="s">
        <v>2454</v>
      </c>
      <c r="B1543" t="s">
        <v>2456</v>
      </c>
      <c r="C1543">
        <v>1</v>
      </c>
      <c r="D1543">
        <v>0</v>
      </c>
    </row>
    <row r="1544" spans="1:4" x14ac:dyDescent="0.25">
      <c r="A1544" t="s">
        <v>2454</v>
      </c>
      <c r="B1544" t="s">
        <v>2457</v>
      </c>
      <c r="C1544">
        <v>1</v>
      </c>
      <c r="D1544">
        <v>0</v>
      </c>
    </row>
    <row r="1545" spans="1:4" x14ac:dyDescent="0.25">
      <c r="A1545" t="s">
        <v>2458</v>
      </c>
      <c r="B1545" t="s">
        <v>2459</v>
      </c>
      <c r="C1545">
        <v>0</v>
      </c>
      <c r="D1545">
        <v>0</v>
      </c>
    </row>
    <row r="1546" spans="1:4" x14ac:dyDescent="0.25">
      <c r="A1546" t="s">
        <v>2458</v>
      </c>
      <c r="B1546" t="s">
        <v>2460</v>
      </c>
      <c r="C1546">
        <v>2</v>
      </c>
      <c r="D1546">
        <v>0</v>
      </c>
    </row>
    <row r="1547" spans="1:4" x14ac:dyDescent="0.25">
      <c r="A1547" t="s">
        <v>2461</v>
      </c>
      <c r="B1547" t="s">
        <v>2462</v>
      </c>
      <c r="C1547">
        <v>1</v>
      </c>
      <c r="D1547">
        <v>0</v>
      </c>
    </row>
    <row r="1548" spans="1:4" x14ac:dyDescent="0.25">
      <c r="A1548" t="s">
        <v>2463</v>
      </c>
      <c r="B1548" t="s">
        <v>2464</v>
      </c>
      <c r="C1548">
        <v>1</v>
      </c>
      <c r="D1548">
        <v>0</v>
      </c>
    </row>
    <row r="1549" spans="1:4" x14ac:dyDescent="0.25">
      <c r="A1549" t="s">
        <v>2463</v>
      </c>
      <c r="B1549" t="s">
        <v>2465</v>
      </c>
      <c r="C1549">
        <v>1</v>
      </c>
      <c r="D1549">
        <v>0</v>
      </c>
    </row>
    <row r="1550" spans="1:4" x14ac:dyDescent="0.25">
      <c r="A1550" t="s">
        <v>2466</v>
      </c>
      <c r="B1550" t="s">
        <v>2467</v>
      </c>
      <c r="C1550">
        <v>0</v>
      </c>
      <c r="D1550">
        <v>0</v>
      </c>
    </row>
    <row r="1551" spans="1:4" x14ac:dyDescent="0.25">
      <c r="A1551" t="s">
        <v>2468</v>
      </c>
      <c r="B1551" t="s">
        <v>2469</v>
      </c>
      <c r="C1551">
        <v>1</v>
      </c>
      <c r="D1551">
        <v>0</v>
      </c>
    </row>
    <row r="1552" spans="1:4" x14ac:dyDescent="0.25">
      <c r="A1552" t="s">
        <v>2470</v>
      </c>
      <c r="B1552" t="s">
        <v>1001</v>
      </c>
      <c r="C1552">
        <v>1</v>
      </c>
      <c r="D1552">
        <v>0</v>
      </c>
    </row>
    <row r="1553" spans="1:4" x14ac:dyDescent="0.25">
      <c r="A1553" t="s">
        <v>2471</v>
      </c>
      <c r="B1553" t="s">
        <v>2472</v>
      </c>
      <c r="C1553">
        <v>1</v>
      </c>
      <c r="D1553">
        <v>0</v>
      </c>
    </row>
    <row r="1554" spans="1:4" x14ac:dyDescent="0.25">
      <c r="A1554" t="s">
        <v>2471</v>
      </c>
      <c r="B1554" t="s">
        <v>2473</v>
      </c>
      <c r="C1554">
        <v>1</v>
      </c>
      <c r="D1554">
        <v>0</v>
      </c>
    </row>
    <row r="1555" spans="1:4" x14ac:dyDescent="0.25">
      <c r="A1555" t="s">
        <v>2474</v>
      </c>
      <c r="B1555" t="s">
        <v>2475</v>
      </c>
      <c r="C1555">
        <v>1</v>
      </c>
      <c r="D1555">
        <v>0</v>
      </c>
    </row>
    <row r="1556" spans="1:4" x14ac:dyDescent="0.25">
      <c r="A1556" t="s">
        <v>2476</v>
      </c>
      <c r="B1556" t="s">
        <v>2477</v>
      </c>
      <c r="C1556">
        <v>0</v>
      </c>
      <c r="D1556">
        <v>0</v>
      </c>
    </row>
    <row r="1557" spans="1:4" x14ac:dyDescent="0.25">
      <c r="A1557" t="s">
        <v>2476</v>
      </c>
      <c r="B1557" t="s">
        <v>2478</v>
      </c>
      <c r="C1557">
        <v>1</v>
      </c>
      <c r="D1557">
        <v>0</v>
      </c>
    </row>
    <row r="1558" spans="1:4" x14ac:dyDescent="0.25">
      <c r="A1558" t="s">
        <v>2479</v>
      </c>
      <c r="B1558" t="s">
        <v>2480</v>
      </c>
      <c r="C1558">
        <v>1</v>
      </c>
      <c r="D1558">
        <v>0</v>
      </c>
    </row>
    <row r="1559" spans="1:4" x14ac:dyDescent="0.25">
      <c r="A1559" t="s">
        <v>2479</v>
      </c>
      <c r="B1559" t="s">
        <v>2481</v>
      </c>
      <c r="C1559">
        <v>1</v>
      </c>
      <c r="D1559">
        <v>0</v>
      </c>
    </row>
    <row r="1560" spans="1:4" x14ac:dyDescent="0.25">
      <c r="A1560" t="s">
        <v>2482</v>
      </c>
      <c r="B1560" t="s">
        <v>2483</v>
      </c>
      <c r="C1560">
        <v>0</v>
      </c>
      <c r="D1560">
        <v>0</v>
      </c>
    </row>
    <row r="1561" spans="1:4" x14ac:dyDescent="0.25">
      <c r="A1561" t="s">
        <v>2482</v>
      </c>
      <c r="B1561" t="s">
        <v>2484</v>
      </c>
      <c r="C1561">
        <v>1</v>
      </c>
      <c r="D1561">
        <v>0</v>
      </c>
    </row>
    <row r="1562" spans="1:4" x14ac:dyDescent="0.25">
      <c r="A1562" t="s">
        <v>2482</v>
      </c>
      <c r="B1562" t="s">
        <v>2485</v>
      </c>
      <c r="C1562">
        <v>0</v>
      </c>
      <c r="D1562">
        <v>0</v>
      </c>
    </row>
    <row r="1563" spans="1:4" x14ac:dyDescent="0.25">
      <c r="A1563" t="s">
        <v>2486</v>
      </c>
      <c r="B1563" t="s">
        <v>2487</v>
      </c>
      <c r="C1563">
        <v>1</v>
      </c>
      <c r="D1563">
        <v>0</v>
      </c>
    </row>
    <row r="1564" spans="1:4" x14ac:dyDescent="0.25">
      <c r="A1564" t="s">
        <v>2486</v>
      </c>
      <c r="B1564" t="s">
        <v>2488</v>
      </c>
      <c r="C1564">
        <v>0</v>
      </c>
      <c r="D1564">
        <v>0</v>
      </c>
    </row>
    <row r="1565" spans="1:4" x14ac:dyDescent="0.25">
      <c r="A1565" t="s">
        <v>2489</v>
      </c>
      <c r="B1565" t="s">
        <v>2490</v>
      </c>
      <c r="C1565">
        <v>1</v>
      </c>
      <c r="D1565">
        <v>0</v>
      </c>
    </row>
    <row r="1566" spans="1:4" x14ac:dyDescent="0.25">
      <c r="A1566" t="s">
        <v>2491</v>
      </c>
      <c r="B1566" t="s">
        <v>2492</v>
      </c>
      <c r="C1566">
        <v>2</v>
      </c>
      <c r="D1566">
        <v>0</v>
      </c>
    </row>
    <row r="1567" spans="1:4" x14ac:dyDescent="0.25">
      <c r="A1567" t="s">
        <v>2491</v>
      </c>
      <c r="B1567" t="s">
        <v>2493</v>
      </c>
      <c r="C1567">
        <v>2</v>
      </c>
      <c r="D1567">
        <v>0</v>
      </c>
    </row>
    <row r="1568" spans="1:4" x14ac:dyDescent="0.25">
      <c r="A1568" t="s">
        <v>2491</v>
      </c>
      <c r="B1568" t="s">
        <v>2494</v>
      </c>
      <c r="C1568">
        <v>2</v>
      </c>
      <c r="D1568">
        <v>0</v>
      </c>
    </row>
    <row r="1569" spans="1:4" x14ac:dyDescent="0.25">
      <c r="A1569" t="s">
        <v>2495</v>
      </c>
      <c r="B1569" t="s">
        <v>2496</v>
      </c>
      <c r="C1569">
        <v>2</v>
      </c>
      <c r="D1569">
        <v>0</v>
      </c>
    </row>
    <row r="1570" spans="1:4" x14ac:dyDescent="0.25">
      <c r="A1570" t="s">
        <v>2495</v>
      </c>
      <c r="B1570" t="s">
        <v>2497</v>
      </c>
      <c r="C1570">
        <v>0</v>
      </c>
      <c r="D1570">
        <v>0</v>
      </c>
    </row>
    <row r="1571" spans="1:4" x14ac:dyDescent="0.25">
      <c r="A1571" t="s">
        <v>2498</v>
      </c>
      <c r="B1571" t="s">
        <v>2499</v>
      </c>
      <c r="C1571">
        <v>1</v>
      </c>
      <c r="D1571">
        <v>0</v>
      </c>
    </row>
    <row r="1572" spans="1:4" x14ac:dyDescent="0.25">
      <c r="A1572" t="s">
        <v>2500</v>
      </c>
      <c r="B1572" t="s">
        <v>2501</v>
      </c>
      <c r="C1572">
        <v>0</v>
      </c>
      <c r="D1572">
        <v>0</v>
      </c>
    </row>
    <row r="1573" spans="1:4" x14ac:dyDescent="0.25">
      <c r="A1573" t="s">
        <v>2500</v>
      </c>
      <c r="B1573" t="s">
        <v>2502</v>
      </c>
      <c r="C1573">
        <v>2</v>
      </c>
      <c r="D1573">
        <v>0</v>
      </c>
    </row>
    <row r="1574" spans="1:4" x14ac:dyDescent="0.25">
      <c r="A1574" t="s">
        <v>2503</v>
      </c>
      <c r="B1574" t="s">
        <v>1001</v>
      </c>
      <c r="C1574">
        <v>1</v>
      </c>
      <c r="D1574">
        <v>0</v>
      </c>
    </row>
    <row r="1575" spans="1:4" x14ac:dyDescent="0.25">
      <c r="A1575" t="s">
        <v>2504</v>
      </c>
      <c r="B1575" t="s">
        <v>2505</v>
      </c>
      <c r="C1575">
        <v>1</v>
      </c>
      <c r="D1575">
        <v>0</v>
      </c>
    </row>
    <row r="1576" spans="1:4" x14ac:dyDescent="0.25">
      <c r="A1576" t="s">
        <v>2506</v>
      </c>
      <c r="B1576" t="s">
        <v>2507</v>
      </c>
      <c r="C1576">
        <v>0</v>
      </c>
      <c r="D1576">
        <v>0</v>
      </c>
    </row>
    <row r="1577" spans="1:4" x14ac:dyDescent="0.25">
      <c r="A1577" t="s">
        <v>2506</v>
      </c>
      <c r="B1577" t="s">
        <v>2508</v>
      </c>
      <c r="C1577">
        <v>0</v>
      </c>
      <c r="D1577">
        <v>0</v>
      </c>
    </row>
    <row r="1578" spans="1:4" x14ac:dyDescent="0.25">
      <c r="A1578" t="s">
        <v>2509</v>
      </c>
      <c r="B1578" t="s">
        <v>852</v>
      </c>
      <c r="C1578">
        <v>0</v>
      </c>
      <c r="D1578">
        <v>0</v>
      </c>
    </row>
    <row r="1579" spans="1:4" x14ac:dyDescent="0.25">
      <c r="A1579" t="s">
        <v>2510</v>
      </c>
      <c r="B1579" t="s">
        <v>2511</v>
      </c>
      <c r="C1579">
        <v>2</v>
      </c>
      <c r="D1579">
        <v>0</v>
      </c>
    </row>
    <row r="1580" spans="1:4" x14ac:dyDescent="0.25">
      <c r="A1580" t="s">
        <v>2512</v>
      </c>
      <c r="B1580" t="s">
        <v>2513</v>
      </c>
      <c r="C1580">
        <v>1</v>
      </c>
      <c r="D1580">
        <v>0</v>
      </c>
    </row>
    <row r="1581" spans="1:4" x14ac:dyDescent="0.25">
      <c r="A1581" t="s">
        <v>2512</v>
      </c>
      <c r="B1581" t="s">
        <v>2514</v>
      </c>
      <c r="C1581">
        <v>2</v>
      </c>
      <c r="D1581">
        <v>0</v>
      </c>
    </row>
    <row r="1582" spans="1:4" x14ac:dyDescent="0.25">
      <c r="A1582" t="s">
        <v>2515</v>
      </c>
      <c r="B1582" t="s">
        <v>816</v>
      </c>
      <c r="C1582">
        <v>1</v>
      </c>
      <c r="D1582">
        <v>0</v>
      </c>
    </row>
    <row r="1583" spans="1:4" x14ac:dyDescent="0.25">
      <c r="A1583" t="s">
        <v>2516</v>
      </c>
      <c r="B1583" t="s">
        <v>2517</v>
      </c>
      <c r="C1583">
        <v>2</v>
      </c>
      <c r="D1583">
        <v>0</v>
      </c>
    </row>
    <row r="1584" spans="1:4" x14ac:dyDescent="0.25">
      <c r="A1584" t="s">
        <v>2516</v>
      </c>
      <c r="B1584" t="s">
        <v>2518</v>
      </c>
      <c r="C1584">
        <v>1</v>
      </c>
      <c r="D1584">
        <v>0</v>
      </c>
    </row>
    <row r="1585" spans="1:4" x14ac:dyDescent="0.25">
      <c r="A1585" t="s">
        <v>2519</v>
      </c>
      <c r="B1585" t="s">
        <v>1769</v>
      </c>
      <c r="C1585">
        <v>1</v>
      </c>
      <c r="D1585">
        <v>0</v>
      </c>
    </row>
    <row r="1586" spans="1:4" x14ac:dyDescent="0.25">
      <c r="A1586" t="s">
        <v>2520</v>
      </c>
      <c r="B1586" t="s">
        <v>2521</v>
      </c>
      <c r="C1586">
        <v>2</v>
      </c>
      <c r="D1586">
        <v>0</v>
      </c>
    </row>
    <row r="1587" spans="1:4" x14ac:dyDescent="0.25">
      <c r="A1587" t="s">
        <v>2520</v>
      </c>
      <c r="B1587" t="s">
        <v>2267</v>
      </c>
      <c r="C1587">
        <v>0</v>
      </c>
      <c r="D1587">
        <v>0</v>
      </c>
    </row>
    <row r="1588" spans="1:4" x14ac:dyDescent="0.25">
      <c r="A1588" t="s">
        <v>2520</v>
      </c>
      <c r="B1588" t="s">
        <v>1101</v>
      </c>
      <c r="C1588">
        <v>1</v>
      </c>
      <c r="D1588">
        <v>0</v>
      </c>
    </row>
    <row r="1589" spans="1:4" x14ac:dyDescent="0.25">
      <c r="A1589" t="s">
        <v>2522</v>
      </c>
      <c r="B1589" t="s">
        <v>2523</v>
      </c>
      <c r="C1589">
        <v>1</v>
      </c>
      <c r="D1589">
        <v>0</v>
      </c>
    </row>
    <row r="1590" spans="1:4" x14ac:dyDescent="0.25">
      <c r="A1590" t="s">
        <v>2522</v>
      </c>
      <c r="B1590" t="s">
        <v>2524</v>
      </c>
      <c r="C1590">
        <v>1</v>
      </c>
      <c r="D1590">
        <v>0</v>
      </c>
    </row>
    <row r="1591" spans="1:4" x14ac:dyDescent="0.25">
      <c r="A1591" t="s">
        <v>2525</v>
      </c>
      <c r="B1591" t="s">
        <v>2526</v>
      </c>
      <c r="C1591">
        <v>1</v>
      </c>
      <c r="D1591">
        <v>0</v>
      </c>
    </row>
    <row r="1592" spans="1:4" x14ac:dyDescent="0.25">
      <c r="A1592" t="s">
        <v>2525</v>
      </c>
      <c r="B1592" t="s">
        <v>1526</v>
      </c>
      <c r="C1592">
        <v>1</v>
      </c>
      <c r="D1592">
        <v>0</v>
      </c>
    </row>
    <row r="1593" spans="1:4" x14ac:dyDescent="0.25">
      <c r="A1593" t="s">
        <v>2527</v>
      </c>
      <c r="B1593" t="s">
        <v>2528</v>
      </c>
      <c r="C1593">
        <v>1</v>
      </c>
      <c r="D1593">
        <v>0</v>
      </c>
    </row>
    <row r="1594" spans="1:4" x14ac:dyDescent="0.25">
      <c r="A1594" t="s">
        <v>2527</v>
      </c>
      <c r="B1594" t="s">
        <v>2529</v>
      </c>
      <c r="C1594">
        <v>2</v>
      </c>
      <c r="D1594">
        <v>0</v>
      </c>
    </row>
    <row r="1595" spans="1:4" x14ac:dyDescent="0.25">
      <c r="A1595" t="s">
        <v>2527</v>
      </c>
      <c r="B1595" t="s">
        <v>2530</v>
      </c>
      <c r="C1595">
        <v>1</v>
      </c>
      <c r="D1595">
        <v>0</v>
      </c>
    </row>
    <row r="1596" spans="1:4" x14ac:dyDescent="0.25">
      <c r="A1596" t="s">
        <v>2531</v>
      </c>
      <c r="B1596" t="s">
        <v>2532</v>
      </c>
      <c r="C1596">
        <v>1</v>
      </c>
      <c r="D1596">
        <v>0</v>
      </c>
    </row>
    <row r="1597" spans="1:4" x14ac:dyDescent="0.25">
      <c r="A1597" t="s">
        <v>2533</v>
      </c>
      <c r="B1597" t="s">
        <v>2534</v>
      </c>
      <c r="C1597">
        <v>1</v>
      </c>
      <c r="D1597">
        <v>0</v>
      </c>
    </row>
    <row r="1598" spans="1:4" x14ac:dyDescent="0.25">
      <c r="A1598" t="s">
        <v>2533</v>
      </c>
      <c r="B1598" t="s">
        <v>2535</v>
      </c>
      <c r="C1598">
        <v>2</v>
      </c>
      <c r="D1598">
        <v>0</v>
      </c>
    </row>
    <row r="1599" spans="1:4" x14ac:dyDescent="0.25">
      <c r="A1599" t="s">
        <v>2536</v>
      </c>
      <c r="B1599" t="s">
        <v>2537</v>
      </c>
      <c r="C1599">
        <v>1</v>
      </c>
      <c r="D1599">
        <v>0</v>
      </c>
    </row>
    <row r="1600" spans="1:4" x14ac:dyDescent="0.25">
      <c r="A1600" t="s">
        <v>2538</v>
      </c>
      <c r="B1600" t="s">
        <v>2539</v>
      </c>
      <c r="C1600">
        <v>2</v>
      </c>
      <c r="D1600">
        <v>0</v>
      </c>
    </row>
    <row r="1601" spans="1:4" x14ac:dyDescent="0.25">
      <c r="A1601" t="s">
        <v>2538</v>
      </c>
      <c r="B1601" t="s">
        <v>2540</v>
      </c>
      <c r="C1601">
        <v>2</v>
      </c>
      <c r="D1601">
        <v>0</v>
      </c>
    </row>
    <row r="1602" spans="1:4" x14ac:dyDescent="0.25">
      <c r="A1602" t="s">
        <v>2541</v>
      </c>
      <c r="B1602" t="s">
        <v>2542</v>
      </c>
      <c r="C1602">
        <v>0</v>
      </c>
      <c r="D1602">
        <v>0</v>
      </c>
    </row>
    <row r="1603" spans="1:4" x14ac:dyDescent="0.25">
      <c r="A1603" t="s">
        <v>2541</v>
      </c>
      <c r="B1603" t="s">
        <v>2543</v>
      </c>
      <c r="C1603">
        <v>0</v>
      </c>
      <c r="D1603">
        <v>0</v>
      </c>
    </row>
    <row r="1604" spans="1:4" x14ac:dyDescent="0.25">
      <c r="A1604" t="s">
        <v>2544</v>
      </c>
      <c r="B1604" t="s">
        <v>2545</v>
      </c>
      <c r="C1604">
        <v>1</v>
      </c>
      <c r="D1604">
        <v>0</v>
      </c>
    </row>
    <row r="1605" spans="1:4" x14ac:dyDescent="0.25">
      <c r="A1605" t="s">
        <v>2546</v>
      </c>
      <c r="B1605" t="s">
        <v>2547</v>
      </c>
      <c r="C1605">
        <v>1</v>
      </c>
      <c r="D1605">
        <v>0</v>
      </c>
    </row>
    <row r="1606" spans="1:4" x14ac:dyDescent="0.25">
      <c r="A1606" t="s">
        <v>2546</v>
      </c>
      <c r="B1606" t="s">
        <v>2548</v>
      </c>
      <c r="C1606">
        <v>2</v>
      </c>
      <c r="D1606">
        <v>0</v>
      </c>
    </row>
    <row r="1607" spans="1:4" x14ac:dyDescent="0.25">
      <c r="A1607" t="s">
        <v>2549</v>
      </c>
      <c r="B1607" t="s">
        <v>2550</v>
      </c>
      <c r="C1607">
        <v>2</v>
      </c>
      <c r="D1607">
        <v>0</v>
      </c>
    </row>
    <row r="1608" spans="1:4" x14ac:dyDescent="0.25">
      <c r="A1608" t="s">
        <v>2549</v>
      </c>
      <c r="B1608" t="s">
        <v>2551</v>
      </c>
      <c r="C1608">
        <v>0</v>
      </c>
      <c r="D1608">
        <v>0</v>
      </c>
    </row>
    <row r="1609" spans="1:4" x14ac:dyDescent="0.25">
      <c r="A1609" t="s">
        <v>2552</v>
      </c>
      <c r="B1609" t="s">
        <v>2553</v>
      </c>
      <c r="C1609">
        <v>1</v>
      </c>
      <c r="D1609">
        <v>0</v>
      </c>
    </row>
    <row r="1610" spans="1:4" x14ac:dyDescent="0.25">
      <c r="A1610" t="s">
        <v>2552</v>
      </c>
      <c r="B1610" t="s">
        <v>2554</v>
      </c>
      <c r="C1610">
        <v>0</v>
      </c>
      <c r="D1610">
        <v>0</v>
      </c>
    </row>
    <row r="1611" spans="1:4" x14ac:dyDescent="0.25">
      <c r="A1611" t="s">
        <v>2555</v>
      </c>
      <c r="B1611" t="s">
        <v>2556</v>
      </c>
      <c r="C1611">
        <v>1</v>
      </c>
      <c r="D1611">
        <v>0</v>
      </c>
    </row>
    <row r="1612" spans="1:4" x14ac:dyDescent="0.25">
      <c r="A1612" t="s">
        <v>2557</v>
      </c>
      <c r="B1612" t="s">
        <v>2558</v>
      </c>
      <c r="C1612">
        <v>1</v>
      </c>
      <c r="D1612">
        <v>0</v>
      </c>
    </row>
    <row r="1613" spans="1:4" x14ac:dyDescent="0.25">
      <c r="A1613" t="s">
        <v>2559</v>
      </c>
      <c r="B1613" t="s">
        <v>2560</v>
      </c>
      <c r="C1613">
        <v>0</v>
      </c>
      <c r="D1613">
        <v>0</v>
      </c>
    </row>
    <row r="1614" spans="1:4" x14ac:dyDescent="0.25">
      <c r="A1614" t="s">
        <v>2559</v>
      </c>
      <c r="B1614" t="s">
        <v>2561</v>
      </c>
      <c r="C1614">
        <v>1</v>
      </c>
      <c r="D1614">
        <v>0</v>
      </c>
    </row>
    <row r="1615" spans="1:4" x14ac:dyDescent="0.25">
      <c r="A1615" t="s">
        <v>2559</v>
      </c>
      <c r="B1615" t="s">
        <v>2562</v>
      </c>
      <c r="C1615">
        <v>2</v>
      </c>
      <c r="D1615">
        <v>0</v>
      </c>
    </row>
    <row r="1616" spans="1:4" x14ac:dyDescent="0.25">
      <c r="A1616" t="s">
        <v>2563</v>
      </c>
      <c r="B1616" t="s">
        <v>843</v>
      </c>
      <c r="C1616">
        <v>1</v>
      </c>
      <c r="D1616">
        <v>0</v>
      </c>
    </row>
    <row r="1617" spans="1:4" x14ac:dyDescent="0.25">
      <c r="A1617" t="s">
        <v>2564</v>
      </c>
      <c r="B1617" t="s">
        <v>2267</v>
      </c>
      <c r="C1617">
        <v>0</v>
      </c>
      <c r="D1617">
        <v>0</v>
      </c>
    </row>
    <row r="1618" spans="1:4" x14ac:dyDescent="0.25">
      <c r="A1618" t="s">
        <v>2565</v>
      </c>
      <c r="B1618" t="s">
        <v>2566</v>
      </c>
      <c r="C1618">
        <v>1</v>
      </c>
      <c r="D1618">
        <v>0</v>
      </c>
    </row>
    <row r="1619" spans="1:4" x14ac:dyDescent="0.25">
      <c r="A1619" t="s">
        <v>2567</v>
      </c>
      <c r="B1619" t="s">
        <v>2568</v>
      </c>
      <c r="C1619">
        <v>1</v>
      </c>
      <c r="D1619">
        <v>0</v>
      </c>
    </row>
    <row r="1620" spans="1:4" x14ac:dyDescent="0.25">
      <c r="A1620" t="s">
        <v>2567</v>
      </c>
      <c r="B1620" t="s">
        <v>2569</v>
      </c>
      <c r="C1620">
        <v>2</v>
      </c>
      <c r="D1620">
        <v>0</v>
      </c>
    </row>
    <row r="1621" spans="1:4" x14ac:dyDescent="0.25">
      <c r="A1621" t="s">
        <v>2570</v>
      </c>
      <c r="B1621" t="s">
        <v>2571</v>
      </c>
      <c r="C1621">
        <v>0</v>
      </c>
      <c r="D1621">
        <v>0</v>
      </c>
    </row>
    <row r="1622" spans="1:4" x14ac:dyDescent="0.25">
      <c r="A1622" t="s">
        <v>2572</v>
      </c>
      <c r="B1622" t="s">
        <v>2267</v>
      </c>
      <c r="C1622">
        <v>0</v>
      </c>
      <c r="D1622">
        <v>0</v>
      </c>
    </row>
    <row r="1623" spans="1:4" x14ac:dyDescent="0.25">
      <c r="A1623" t="s">
        <v>2573</v>
      </c>
      <c r="B1623" t="s">
        <v>1001</v>
      </c>
      <c r="C1623">
        <v>1</v>
      </c>
      <c r="D1623">
        <v>0</v>
      </c>
    </row>
    <row r="1624" spans="1:4" x14ac:dyDescent="0.25">
      <c r="A1624" t="s">
        <v>2574</v>
      </c>
      <c r="B1624" t="s">
        <v>2575</v>
      </c>
      <c r="C1624">
        <v>2</v>
      </c>
      <c r="D1624">
        <v>0</v>
      </c>
    </row>
    <row r="1625" spans="1:4" x14ac:dyDescent="0.25">
      <c r="A1625" t="s">
        <v>2574</v>
      </c>
      <c r="B1625" t="s">
        <v>2576</v>
      </c>
      <c r="C1625">
        <v>2</v>
      </c>
      <c r="D1625">
        <v>0</v>
      </c>
    </row>
    <row r="1626" spans="1:4" x14ac:dyDescent="0.25">
      <c r="A1626" t="s">
        <v>2574</v>
      </c>
      <c r="B1626" t="s">
        <v>2577</v>
      </c>
      <c r="C1626">
        <v>0</v>
      </c>
      <c r="D1626">
        <v>0</v>
      </c>
    </row>
    <row r="1627" spans="1:4" x14ac:dyDescent="0.25">
      <c r="A1627" t="s">
        <v>2578</v>
      </c>
      <c r="B1627" t="s">
        <v>1499</v>
      </c>
      <c r="C1627">
        <v>1</v>
      </c>
      <c r="D1627">
        <v>0</v>
      </c>
    </row>
    <row r="1628" spans="1:4" x14ac:dyDescent="0.25">
      <c r="A1628" t="s">
        <v>2579</v>
      </c>
      <c r="B1628" t="s">
        <v>2580</v>
      </c>
      <c r="C1628">
        <v>1</v>
      </c>
      <c r="D1628">
        <v>0</v>
      </c>
    </row>
    <row r="1629" spans="1:4" x14ac:dyDescent="0.25">
      <c r="A1629" t="s">
        <v>2581</v>
      </c>
      <c r="B1629" t="s">
        <v>2582</v>
      </c>
      <c r="C1629">
        <v>1</v>
      </c>
      <c r="D1629">
        <v>0</v>
      </c>
    </row>
    <row r="1630" spans="1:4" x14ac:dyDescent="0.25">
      <c r="A1630" t="s">
        <v>2583</v>
      </c>
      <c r="B1630" t="s">
        <v>2584</v>
      </c>
      <c r="C1630">
        <v>2</v>
      </c>
      <c r="D1630">
        <v>0</v>
      </c>
    </row>
    <row r="1631" spans="1:4" x14ac:dyDescent="0.25">
      <c r="A1631" t="s">
        <v>2583</v>
      </c>
      <c r="B1631" t="s">
        <v>2585</v>
      </c>
      <c r="C1631">
        <v>1</v>
      </c>
      <c r="D1631">
        <v>0</v>
      </c>
    </row>
    <row r="1632" spans="1:4" x14ac:dyDescent="0.25">
      <c r="A1632" t="s">
        <v>2586</v>
      </c>
      <c r="B1632" t="s">
        <v>2587</v>
      </c>
      <c r="C1632">
        <v>2</v>
      </c>
      <c r="D1632">
        <v>0</v>
      </c>
    </row>
    <row r="1633" spans="1:4" x14ac:dyDescent="0.25">
      <c r="A1633" t="s">
        <v>2588</v>
      </c>
      <c r="B1633" t="s">
        <v>968</v>
      </c>
      <c r="C1633">
        <v>1</v>
      </c>
      <c r="D1633">
        <v>0</v>
      </c>
    </row>
    <row r="1634" spans="1:4" x14ac:dyDescent="0.25">
      <c r="A1634" t="s">
        <v>2588</v>
      </c>
      <c r="B1634" t="s">
        <v>2589</v>
      </c>
      <c r="C1634">
        <v>1</v>
      </c>
      <c r="D1634">
        <v>0</v>
      </c>
    </row>
    <row r="1635" spans="1:4" x14ac:dyDescent="0.25">
      <c r="A1635" t="s">
        <v>2588</v>
      </c>
      <c r="B1635" t="s">
        <v>2590</v>
      </c>
      <c r="C1635">
        <v>1</v>
      </c>
      <c r="D1635">
        <v>0</v>
      </c>
    </row>
    <row r="1636" spans="1:4" x14ac:dyDescent="0.25">
      <c r="A1636" t="s">
        <v>2591</v>
      </c>
      <c r="B1636" t="s">
        <v>2592</v>
      </c>
      <c r="C1636">
        <v>0</v>
      </c>
      <c r="D1636">
        <v>0</v>
      </c>
    </row>
    <row r="1637" spans="1:4" x14ac:dyDescent="0.25">
      <c r="A1637" t="s">
        <v>2591</v>
      </c>
      <c r="B1637" t="s">
        <v>2593</v>
      </c>
      <c r="C1637">
        <v>1</v>
      </c>
      <c r="D1637">
        <v>0</v>
      </c>
    </row>
    <row r="1638" spans="1:4" x14ac:dyDescent="0.25">
      <c r="A1638" t="s">
        <v>2591</v>
      </c>
      <c r="B1638" t="s">
        <v>2594</v>
      </c>
      <c r="C1638">
        <v>1</v>
      </c>
      <c r="D1638">
        <v>0</v>
      </c>
    </row>
    <row r="1639" spans="1:4" x14ac:dyDescent="0.25">
      <c r="A1639" t="s">
        <v>2595</v>
      </c>
      <c r="B1639" t="s">
        <v>2596</v>
      </c>
      <c r="C1639">
        <v>1</v>
      </c>
      <c r="D1639">
        <v>0</v>
      </c>
    </row>
    <row r="1640" spans="1:4" x14ac:dyDescent="0.25">
      <c r="A1640" t="s">
        <v>2595</v>
      </c>
      <c r="B1640" t="s">
        <v>2597</v>
      </c>
      <c r="C1640">
        <v>0</v>
      </c>
      <c r="D1640">
        <v>0</v>
      </c>
    </row>
    <row r="1641" spans="1:4" x14ac:dyDescent="0.25">
      <c r="A1641" t="s">
        <v>2598</v>
      </c>
      <c r="B1641" t="s">
        <v>2599</v>
      </c>
      <c r="C1641">
        <v>0</v>
      </c>
      <c r="D1641">
        <v>0</v>
      </c>
    </row>
    <row r="1642" spans="1:4" x14ac:dyDescent="0.25">
      <c r="A1642" t="s">
        <v>2598</v>
      </c>
      <c r="B1642" t="s">
        <v>2600</v>
      </c>
      <c r="C1642">
        <v>0</v>
      </c>
      <c r="D1642">
        <v>0</v>
      </c>
    </row>
    <row r="1643" spans="1:4" x14ac:dyDescent="0.25">
      <c r="A1643" t="s">
        <v>2601</v>
      </c>
      <c r="B1643" t="s">
        <v>2602</v>
      </c>
      <c r="C1643">
        <v>1</v>
      </c>
      <c r="D1643">
        <v>0</v>
      </c>
    </row>
    <row r="1644" spans="1:4" x14ac:dyDescent="0.25">
      <c r="A1644" t="s">
        <v>2601</v>
      </c>
      <c r="B1644" t="s">
        <v>2603</v>
      </c>
      <c r="C1644">
        <v>0</v>
      </c>
      <c r="D1644">
        <v>0</v>
      </c>
    </row>
    <row r="1645" spans="1:4" x14ac:dyDescent="0.25">
      <c r="A1645" t="s">
        <v>2604</v>
      </c>
      <c r="B1645" t="s">
        <v>2605</v>
      </c>
      <c r="C1645">
        <v>1</v>
      </c>
      <c r="D1645">
        <v>0</v>
      </c>
    </row>
    <row r="1646" spans="1:4" x14ac:dyDescent="0.25">
      <c r="A1646" t="s">
        <v>2604</v>
      </c>
      <c r="B1646" t="s">
        <v>2606</v>
      </c>
      <c r="C1646">
        <v>1</v>
      </c>
      <c r="D1646">
        <v>0</v>
      </c>
    </row>
    <row r="1647" spans="1:4" x14ac:dyDescent="0.25">
      <c r="A1647" t="s">
        <v>2604</v>
      </c>
      <c r="B1647" t="s">
        <v>2607</v>
      </c>
      <c r="C1647">
        <v>1</v>
      </c>
      <c r="D1647">
        <v>0</v>
      </c>
    </row>
    <row r="1648" spans="1:4" x14ac:dyDescent="0.25">
      <c r="A1648" t="s">
        <v>2608</v>
      </c>
      <c r="B1648" t="s">
        <v>2609</v>
      </c>
      <c r="C1648">
        <v>2</v>
      </c>
      <c r="D1648">
        <v>0</v>
      </c>
    </row>
    <row r="1649" spans="1:4" x14ac:dyDescent="0.25">
      <c r="A1649" t="s">
        <v>2608</v>
      </c>
      <c r="B1649" t="s">
        <v>2610</v>
      </c>
      <c r="C1649">
        <v>0</v>
      </c>
      <c r="D1649">
        <v>0</v>
      </c>
    </row>
    <row r="1650" spans="1:4" x14ac:dyDescent="0.25">
      <c r="A1650" t="s">
        <v>2608</v>
      </c>
      <c r="B1650" t="s">
        <v>2611</v>
      </c>
      <c r="C1650">
        <v>2</v>
      </c>
      <c r="D1650">
        <v>0</v>
      </c>
    </row>
    <row r="1651" spans="1:4" x14ac:dyDescent="0.25">
      <c r="A1651" t="s">
        <v>2612</v>
      </c>
      <c r="B1651" t="s">
        <v>2613</v>
      </c>
      <c r="C1651">
        <v>1</v>
      </c>
      <c r="D1651">
        <v>0</v>
      </c>
    </row>
    <row r="1652" spans="1:4" x14ac:dyDescent="0.25">
      <c r="A1652" t="s">
        <v>2612</v>
      </c>
      <c r="B1652" t="s">
        <v>2614</v>
      </c>
      <c r="C1652">
        <v>0</v>
      </c>
      <c r="D1652">
        <v>0</v>
      </c>
    </row>
    <row r="1653" spans="1:4" x14ac:dyDescent="0.25">
      <c r="A1653" t="s">
        <v>2615</v>
      </c>
      <c r="B1653" t="s">
        <v>2616</v>
      </c>
      <c r="C1653">
        <v>1</v>
      </c>
      <c r="D1653">
        <v>0</v>
      </c>
    </row>
    <row r="1654" spans="1:4" x14ac:dyDescent="0.25">
      <c r="A1654" t="s">
        <v>2617</v>
      </c>
      <c r="B1654" t="s">
        <v>2618</v>
      </c>
      <c r="C1654">
        <v>0</v>
      </c>
      <c r="D1654">
        <v>0</v>
      </c>
    </row>
    <row r="1655" spans="1:4" x14ac:dyDescent="0.25">
      <c r="A1655" t="s">
        <v>2619</v>
      </c>
      <c r="B1655" t="s">
        <v>2620</v>
      </c>
      <c r="C1655">
        <v>1</v>
      </c>
      <c r="D1655">
        <v>0</v>
      </c>
    </row>
    <row r="1656" spans="1:4" x14ac:dyDescent="0.25">
      <c r="A1656" t="s">
        <v>2621</v>
      </c>
      <c r="B1656" t="s">
        <v>2622</v>
      </c>
      <c r="C1656">
        <v>1</v>
      </c>
      <c r="D1656">
        <v>0</v>
      </c>
    </row>
    <row r="1657" spans="1:4" x14ac:dyDescent="0.25">
      <c r="A1657" t="s">
        <v>2621</v>
      </c>
      <c r="B1657" t="s">
        <v>2623</v>
      </c>
      <c r="C1657">
        <v>0</v>
      </c>
      <c r="D1657">
        <v>0</v>
      </c>
    </row>
    <row r="1658" spans="1:4" x14ac:dyDescent="0.25">
      <c r="A1658" t="s">
        <v>2624</v>
      </c>
      <c r="B1658" t="s">
        <v>2625</v>
      </c>
      <c r="C1658">
        <v>1</v>
      </c>
      <c r="D1658">
        <v>0</v>
      </c>
    </row>
    <row r="1659" spans="1:4" x14ac:dyDescent="0.25">
      <c r="A1659" t="s">
        <v>2626</v>
      </c>
      <c r="B1659" t="s">
        <v>2627</v>
      </c>
      <c r="C1659">
        <v>0</v>
      </c>
      <c r="D1659">
        <v>0</v>
      </c>
    </row>
    <row r="1660" spans="1:4" x14ac:dyDescent="0.25">
      <c r="A1660" t="s">
        <v>2628</v>
      </c>
      <c r="B1660" t="s">
        <v>2629</v>
      </c>
      <c r="C1660">
        <v>1</v>
      </c>
      <c r="D1660">
        <v>0</v>
      </c>
    </row>
    <row r="1661" spans="1:4" x14ac:dyDescent="0.25">
      <c r="A1661" t="s">
        <v>2630</v>
      </c>
      <c r="B1661" t="s">
        <v>2631</v>
      </c>
      <c r="C1661">
        <v>2</v>
      </c>
      <c r="D1661">
        <v>0</v>
      </c>
    </row>
    <row r="1662" spans="1:4" x14ac:dyDescent="0.25">
      <c r="A1662" t="s">
        <v>2630</v>
      </c>
      <c r="B1662" t="s">
        <v>2632</v>
      </c>
      <c r="C1662">
        <v>2</v>
      </c>
      <c r="D1662">
        <v>0</v>
      </c>
    </row>
    <row r="1663" spans="1:4" x14ac:dyDescent="0.25">
      <c r="A1663" t="s">
        <v>2630</v>
      </c>
      <c r="B1663" t="s">
        <v>2633</v>
      </c>
      <c r="C1663">
        <v>2</v>
      </c>
      <c r="D1663">
        <v>0</v>
      </c>
    </row>
    <row r="1664" spans="1:4" x14ac:dyDescent="0.25">
      <c r="A1664" t="s">
        <v>2634</v>
      </c>
      <c r="B1664" t="s">
        <v>2635</v>
      </c>
      <c r="C1664">
        <v>0</v>
      </c>
      <c r="D1664">
        <v>0</v>
      </c>
    </row>
    <row r="1665" spans="1:4" x14ac:dyDescent="0.25">
      <c r="A1665" t="s">
        <v>2634</v>
      </c>
      <c r="B1665" t="s">
        <v>2636</v>
      </c>
      <c r="C1665">
        <v>1</v>
      </c>
      <c r="D1665">
        <v>0</v>
      </c>
    </row>
    <row r="1666" spans="1:4" x14ac:dyDescent="0.25">
      <c r="A1666" t="s">
        <v>2637</v>
      </c>
      <c r="B1666" t="s">
        <v>2638</v>
      </c>
      <c r="C1666">
        <v>1</v>
      </c>
      <c r="D1666">
        <v>0</v>
      </c>
    </row>
    <row r="1667" spans="1:4" x14ac:dyDescent="0.25">
      <c r="A1667" t="s">
        <v>2639</v>
      </c>
      <c r="B1667" t="s">
        <v>2640</v>
      </c>
      <c r="C1667">
        <v>0</v>
      </c>
      <c r="D1667">
        <v>0</v>
      </c>
    </row>
    <row r="1668" spans="1:4" x14ac:dyDescent="0.25">
      <c r="A1668" t="s">
        <v>2639</v>
      </c>
      <c r="B1668" t="s">
        <v>2641</v>
      </c>
      <c r="C1668">
        <v>2</v>
      </c>
      <c r="D1668">
        <v>0</v>
      </c>
    </row>
    <row r="1669" spans="1:4" x14ac:dyDescent="0.25">
      <c r="A1669" t="s">
        <v>2639</v>
      </c>
      <c r="B1669" t="s">
        <v>2642</v>
      </c>
      <c r="C1669">
        <v>1</v>
      </c>
      <c r="D1669">
        <v>0</v>
      </c>
    </row>
    <row r="1670" spans="1:4" x14ac:dyDescent="0.25">
      <c r="A1670" t="s">
        <v>2643</v>
      </c>
      <c r="B1670" t="s">
        <v>2644</v>
      </c>
      <c r="C1670">
        <v>0</v>
      </c>
      <c r="D1670">
        <v>0</v>
      </c>
    </row>
    <row r="1671" spans="1:4" x14ac:dyDescent="0.25">
      <c r="A1671" t="s">
        <v>2643</v>
      </c>
      <c r="B1671" t="s">
        <v>2645</v>
      </c>
      <c r="C1671">
        <v>0</v>
      </c>
      <c r="D1671">
        <v>0</v>
      </c>
    </row>
    <row r="1672" spans="1:4" x14ac:dyDescent="0.25">
      <c r="A1672" t="s">
        <v>2643</v>
      </c>
      <c r="B1672" t="s">
        <v>2646</v>
      </c>
      <c r="C1672">
        <v>2</v>
      </c>
      <c r="D1672">
        <v>0</v>
      </c>
    </row>
    <row r="1673" spans="1:4" x14ac:dyDescent="0.25">
      <c r="A1673" t="s">
        <v>2647</v>
      </c>
      <c r="B1673" t="s">
        <v>2648</v>
      </c>
      <c r="C1673">
        <v>1</v>
      </c>
      <c r="D1673">
        <v>0</v>
      </c>
    </row>
    <row r="1674" spans="1:4" x14ac:dyDescent="0.25">
      <c r="A1674" t="s">
        <v>2647</v>
      </c>
      <c r="B1674" t="s">
        <v>2649</v>
      </c>
      <c r="C1674">
        <v>0</v>
      </c>
      <c r="D1674">
        <v>0</v>
      </c>
    </row>
    <row r="1675" spans="1:4" x14ac:dyDescent="0.25">
      <c r="A1675" t="s">
        <v>2650</v>
      </c>
      <c r="B1675" t="s">
        <v>2651</v>
      </c>
      <c r="C1675">
        <v>0</v>
      </c>
      <c r="D1675">
        <v>0</v>
      </c>
    </row>
    <row r="1676" spans="1:4" x14ac:dyDescent="0.25">
      <c r="A1676" t="s">
        <v>2652</v>
      </c>
      <c r="B1676" t="s">
        <v>2653</v>
      </c>
      <c r="C1676">
        <v>1</v>
      </c>
      <c r="D1676">
        <v>0</v>
      </c>
    </row>
    <row r="1677" spans="1:4" x14ac:dyDescent="0.25">
      <c r="A1677" t="s">
        <v>2652</v>
      </c>
      <c r="B1677" t="s">
        <v>2654</v>
      </c>
      <c r="C1677">
        <v>0</v>
      </c>
      <c r="D1677">
        <v>0</v>
      </c>
    </row>
    <row r="1678" spans="1:4" x14ac:dyDescent="0.25">
      <c r="A1678" t="s">
        <v>2655</v>
      </c>
      <c r="B1678" t="s">
        <v>2656</v>
      </c>
      <c r="C1678">
        <v>2</v>
      </c>
      <c r="D1678">
        <v>0</v>
      </c>
    </row>
    <row r="1679" spans="1:4" x14ac:dyDescent="0.25">
      <c r="A1679" t="s">
        <v>2655</v>
      </c>
      <c r="B1679" t="s">
        <v>2657</v>
      </c>
      <c r="C1679">
        <v>0</v>
      </c>
      <c r="D1679">
        <v>0</v>
      </c>
    </row>
    <row r="1680" spans="1:4" x14ac:dyDescent="0.25">
      <c r="A1680" t="s">
        <v>2658</v>
      </c>
      <c r="B1680" t="s">
        <v>2659</v>
      </c>
      <c r="C1680">
        <v>1</v>
      </c>
      <c r="D1680">
        <v>0</v>
      </c>
    </row>
    <row r="1681" spans="1:4" x14ac:dyDescent="0.25">
      <c r="A1681" t="s">
        <v>2658</v>
      </c>
      <c r="B1681" t="s">
        <v>2660</v>
      </c>
      <c r="C1681">
        <v>1</v>
      </c>
      <c r="D1681">
        <v>0</v>
      </c>
    </row>
    <row r="1682" spans="1:4" x14ac:dyDescent="0.25">
      <c r="A1682" t="s">
        <v>2658</v>
      </c>
      <c r="B1682" t="s">
        <v>2661</v>
      </c>
      <c r="C1682">
        <v>1</v>
      </c>
      <c r="D1682">
        <v>0</v>
      </c>
    </row>
    <row r="1683" spans="1:4" x14ac:dyDescent="0.25">
      <c r="A1683" t="s">
        <v>2662</v>
      </c>
      <c r="B1683" t="s">
        <v>2663</v>
      </c>
      <c r="C1683">
        <v>1</v>
      </c>
      <c r="D1683">
        <v>0</v>
      </c>
    </row>
    <row r="1684" spans="1:4" x14ac:dyDescent="0.25">
      <c r="A1684" t="s">
        <v>2662</v>
      </c>
      <c r="B1684" t="s">
        <v>2664</v>
      </c>
      <c r="C1684">
        <v>2</v>
      </c>
      <c r="D1684">
        <v>0</v>
      </c>
    </row>
    <row r="1685" spans="1:4" x14ac:dyDescent="0.25">
      <c r="A1685" t="s">
        <v>2662</v>
      </c>
      <c r="B1685" t="s">
        <v>2665</v>
      </c>
      <c r="C1685">
        <v>1</v>
      </c>
      <c r="D1685">
        <v>0</v>
      </c>
    </row>
    <row r="1686" spans="1:4" x14ac:dyDescent="0.25">
      <c r="A1686" t="s">
        <v>2666</v>
      </c>
      <c r="B1686" t="s">
        <v>2667</v>
      </c>
      <c r="C1686">
        <v>0</v>
      </c>
      <c r="D1686">
        <v>0</v>
      </c>
    </row>
    <row r="1687" spans="1:4" x14ac:dyDescent="0.25">
      <c r="A1687" t="s">
        <v>2668</v>
      </c>
      <c r="B1687" t="s">
        <v>2669</v>
      </c>
      <c r="C1687">
        <v>2</v>
      </c>
      <c r="D1687">
        <v>0</v>
      </c>
    </row>
    <row r="1688" spans="1:4" x14ac:dyDescent="0.25">
      <c r="A1688" t="s">
        <v>2670</v>
      </c>
      <c r="B1688" t="s">
        <v>2671</v>
      </c>
      <c r="C1688">
        <v>1</v>
      </c>
      <c r="D1688">
        <v>0</v>
      </c>
    </row>
    <row r="1689" spans="1:4" x14ac:dyDescent="0.25">
      <c r="A1689" t="s">
        <v>2670</v>
      </c>
      <c r="B1689" t="s">
        <v>2672</v>
      </c>
      <c r="C1689">
        <v>0</v>
      </c>
      <c r="D1689">
        <v>0</v>
      </c>
    </row>
    <row r="1690" spans="1:4" x14ac:dyDescent="0.25">
      <c r="A1690" t="s">
        <v>2673</v>
      </c>
      <c r="B1690" t="s">
        <v>2674</v>
      </c>
      <c r="C1690">
        <v>1</v>
      </c>
      <c r="D1690">
        <v>0</v>
      </c>
    </row>
    <row r="1691" spans="1:4" x14ac:dyDescent="0.25">
      <c r="A1691" t="s">
        <v>2675</v>
      </c>
      <c r="B1691" t="s">
        <v>2676</v>
      </c>
      <c r="C1691">
        <v>0</v>
      </c>
      <c r="D1691">
        <v>0</v>
      </c>
    </row>
    <row r="1692" spans="1:4" x14ac:dyDescent="0.25">
      <c r="A1692" t="s">
        <v>2677</v>
      </c>
      <c r="B1692" t="s">
        <v>2678</v>
      </c>
      <c r="C1692">
        <v>0</v>
      </c>
      <c r="D1692">
        <v>0</v>
      </c>
    </row>
    <row r="1693" spans="1:4" x14ac:dyDescent="0.25">
      <c r="A1693" t="s">
        <v>2677</v>
      </c>
      <c r="B1693" t="s">
        <v>2679</v>
      </c>
      <c r="C1693">
        <v>0</v>
      </c>
      <c r="D1693">
        <v>0</v>
      </c>
    </row>
    <row r="1694" spans="1:4" x14ac:dyDescent="0.25">
      <c r="A1694" t="s">
        <v>2680</v>
      </c>
      <c r="B1694" t="s">
        <v>2681</v>
      </c>
      <c r="C1694">
        <v>1</v>
      </c>
      <c r="D1694">
        <v>0</v>
      </c>
    </row>
    <row r="1695" spans="1:4" x14ac:dyDescent="0.25">
      <c r="A1695" t="s">
        <v>2680</v>
      </c>
      <c r="B1695" t="s">
        <v>2682</v>
      </c>
      <c r="C1695">
        <v>1</v>
      </c>
      <c r="D1695">
        <v>0</v>
      </c>
    </row>
    <row r="1696" spans="1:4" x14ac:dyDescent="0.25">
      <c r="A1696" t="s">
        <v>2683</v>
      </c>
      <c r="B1696" t="s">
        <v>2684</v>
      </c>
      <c r="C1696">
        <v>2</v>
      </c>
      <c r="D1696">
        <v>0</v>
      </c>
    </row>
    <row r="1697" spans="1:4" x14ac:dyDescent="0.25">
      <c r="A1697" t="s">
        <v>2683</v>
      </c>
      <c r="B1697" t="s">
        <v>2685</v>
      </c>
      <c r="C1697">
        <v>1</v>
      </c>
      <c r="D1697">
        <v>0</v>
      </c>
    </row>
    <row r="1698" spans="1:4" x14ac:dyDescent="0.25">
      <c r="A1698" t="s">
        <v>2683</v>
      </c>
      <c r="B1698" t="s">
        <v>2686</v>
      </c>
      <c r="C1698">
        <v>2</v>
      </c>
      <c r="D1698">
        <v>0</v>
      </c>
    </row>
    <row r="1699" spans="1:4" x14ac:dyDescent="0.25">
      <c r="A1699" t="s">
        <v>2687</v>
      </c>
      <c r="B1699" t="s">
        <v>2688</v>
      </c>
      <c r="C1699">
        <v>2</v>
      </c>
      <c r="D1699">
        <v>0</v>
      </c>
    </row>
    <row r="1700" spans="1:4" x14ac:dyDescent="0.25">
      <c r="A1700" t="s">
        <v>2687</v>
      </c>
      <c r="B1700" t="s">
        <v>2689</v>
      </c>
      <c r="C1700">
        <v>2</v>
      </c>
      <c r="D1700">
        <v>0</v>
      </c>
    </row>
    <row r="1701" spans="1:4" x14ac:dyDescent="0.25">
      <c r="A1701" t="s">
        <v>2687</v>
      </c>
      <c r="B1701" t="s">
        <v>2690</v>
      </c>
      <c r="C1701">
        <v>2</v>
      </c>
      <c r="D1701">
        <v>0</v>
      </c>
    </row>
    <row r="1702" spans="1:4" x14ac:dyDescent="0.25">
      <c r="A1702" t="s">
        <v>2691</v>
      </c>
      <c r="B1702" t="s">
        <v>2692</v>
      </c>
      <c r="C1702">
        <v>0</v>
      </c>
      <c r="D1702">
        <v>0</v>
      </c>
    </row>
    <row r="1703" spans="1:4" x14ac:dyDescent="0.25">
      <c r="A1703" t="s">
        <v>2691</v>
      </c>
      <c r="B1703" t="s">
        <v>2693</v>
      </c>
      <c r="C1703">
        <v>0</v>
      </c>
      <c r="D1703">
        <v>0</v>
      </c>
    </row>
    <row r="1704" spans="1:4" x14ac:dyDescent="0.25">
      <c r="A1704" t="s">
        <v>2691</v>
      </c>
      <c r="B1704" t="s">
        <v>2694</v>
      </c>
      <c r="C1704">
        <v>2</v>
      </c>
      <c r="D1704">
        <v>0</v>
      </c>
    </row>
    <row r="1705" spans="1:4" x14ac:dyDescent="0.25">
      <c r="A1705" t="s">
        <v>2695</v>
      </c>
      <c r="B1705" t="s">
        <v>2696</v>
      </c>
      <c r="C1705">
        <v>0</v>
      </c>
      <c r="D1705">
        <v>0</v>
      </c>
    </row>
    <row r="1706" spans="1:4" x14ac:dyDescent="0.25">
      <c r="A1706" t="s">
        <v>2695</v>
      </c>
      <c r="B1706" t="s">
        <v>2697</v>
      </c>
      <c r="C1706">
        <v>2</v>
      </c>
      <c r="D1706">
        <v>0</v>
      </c>
    </row>
    <row r="1707" spans="1:4" x14ac:dyDescent="0.25">
      <c r="A1707" t="s">
        <v>2695</v>
      </c>
      <c r="B1707" t="s">
        <v>2698</v>
      </c>
      <c r="C1707">
        <v>0</v>
      </c>
      <c r="D1707">
        <v>0</v>
      </c>
    </row>
    <row r="1708" spans="1:4" x14ac:dyDescent="0.25">
      <c r="A1708" t="s">
        <v>2699</v>
      </c>
      <c r="B1708" t="s">
        <v>2700</v>
      </c>
      <c r="C1708">
        <v>2</v>
      </c>
      <c r="D1708">
        <v>0</v>
      </c>
    </row>
    <row r="1709" spans="1:4" x14ac:dyDescent="0.25">
      <c r="A1709" t="s">
        <v>2699</v>
      </c>
      <c r="B1709" t="s">
        <v>2701</v>
      </c>
      <c r="C1709">
        <v>2</v>
      </c>
      <c r="D1709">
        <v>0</v>
      </c>
    </row>
    <row r="1710" spans="1:4" x14ac:dyDescent="0.25">
      <c r="A1710" t="s">
        <v>2699</v>
      </c>
      <c r="B1710" t="s">
        <v>2702</v>
      </c>
      <c r="C1710">
        <v>0</v>
      </c>
      <c r="D1710">
        <v>0</v>
      </c>
    </row>
    <row r="1711" spans="1:4" x14ac:dyDescent="0.25">
      <c r="A1711" t="s">
        <v>2703</v>
      </c>
      <c r="B1711" t="s">
        <v>2704</v>
      </c>
      <c r="C1711">
        <v>1</v>
      </c>
      <c r="D1711">
        <v>0</v>
      </c>
    </row>
    <row r="1712" spans="1:4" x14ac:dyDescent="0.25">
      <c r="A1712" t="s">
        <v>2705</v>
      </c>
      <c r="B1712" t="s">
        <v>2706</v>
      </c>
      <c r="C1712">
        <v>1</v>
      </c>
      <c r="D1712">
        <v>0</v>
      </c>
    </row>
    <row r="1713" spans="1:4" x14ac:dyDescent="0.25">
      <c r="A1713" t="s">
        <v>2705</v>
      </c>
      <c r="B1713" t="s">
        <v>2707</v>
      </c>
      <c r="C1713">
        <v>0</v>
      </c>
      <c r="D1713">
        <v>0</v>
      </c>
    </row>
    <row r="1714" spans="1:4" x14ac:dyDescent="0.25">
      <c r="A1714" t="s">
        <v>2705</v>
      </c>
      <c r="B1714" t="s">
        <v>2708</v>
      </c>
      <c r="C1714">
        <v>1</v>
      </c>
      <c r="D1714">
        <v>0</v>
      </c>
    </row>
    <row r="1715" spans="1:4" x14ac:dyDescent="0.25">
      <c r="A1715" t="s">
        <v>2709</v>
      </c>
      <c r="B1715" t="s">
        <v>2710</v>
      </c>
      <c r="C1715">
        <v>1</v>
      </c>
      <c r="D1715">
        <v>0</v>
      </c>
    </row>
    <row r="1716" spans="1:4" x14ac:dyDescent="0.25">
      <c r="A1716" t="s">
        <v>2711</v>
      </c>
      <c r="B1716" t="s">
        <v>2712</v>
      </c>
      <c r="C1716">
        <v>0</v>
      </c>
      <c r="D1716">
        <v>0</v>
      </c>
    </row>
    <row r="1717" spans="1:4" x14ac:dyDescent="0.25">
      <c r="A1717" t="s">
        <v>2713</v>
      </c>
      <c r="B1717" t="s">
        <v>1294</v>
      </c>
      <c r="C1717">
        <v>1</v>
      </c>
      <c r="D1717">
        <v>0</v>
      </c>
    </row>
    <row r="1718" spans="1:4" x14ac:dyDescent="0.25">
      <c r="A1718" t="s">
        <v>2714</v>
      </c>
      <c r="B1718" t="s">
        <v>2715</v>
      </c>
      <c r="C1718">
        <v>0</v>
      </c>
      <c r="D1718">
        <v>0</v>
      </c>
    </row>
    <row r="1719" spans="1:4" x14ac:dyDescent="0.25">
      <c r="A1719" t="s">
        <v>2716</v>
      </c>
      <c r="B1719" t="s">
        <v>398</v>
      </c>
      <c r="C1719">
        <v>0</v>
      </c>
      <c r="D1719">
        <v>0</v>
      </c>
    </row>
    <row r="1720" spans="1:4" x14ac:dyDescent="0.25">
      <c r="A1720" t="s">
        <v>2716</v>
      </c>
      <c r="B1720" t="s">
        <v>1769</v>
      </c>
      <c r="C1720">
        <v>1</v>
      </c>
      <c r="D1720">
        <v>0</v>
      </c>
    </row>
    <row r="1721" spans="1:4" x14ac:dyDescent="0.25">
      <c r="A1721" t="s">
        <v>2717</v>
      </c>
      <c r="B1721" t="s">
        <v>2718</v>
      </c>
      <c r="C1721">
        <v>0</v>
      </c>
      <c r="D1721">
        <v>0</v>
      </c>
    </row>
    <row r="1722" spans="1:4" x14ac:dyDescent="0.25">
      <c r="A1722" t="s">
        <v>2719</v>
      </c>
      <c r="B1722" t="s">
        <v>2720</v>
      </c>
      <c r="C1722">
        <v>0</v>
      </c>
      <c r="D1722">
        <v>0</v>
      </c>
    </row>
    <row r="1723" spans="1:4" x14ac:dyDescent="0.25">
      <c r="A1723" t="s">
        <v>2719</v>
      </c>
      <c r="B1723" t="s">
        <v>2721</v>
      </c>
      <c r="C1723">
        <v>2</v>
      </c>
      <c r="D1723">
        <v>0</v>
      </c>
    </row>
    <row r="1724" spans="1:4" x14ac:dyDescent="0.25">
      <c r="A1724" t="s">
        <v>2719</v>
      </c>
      <c r="B1724" t="s">
        <v>2722</v>
      </c>
      <c r="C1724">
        <v>0</v>
      </c>
      <c r="D1724">
        <v>0</v>
      </c>
    </row>
    <row r="1725" spans="1:4" x14ac:dyDescent="0.25">
      <c r="A1725" t="s">
        <v>2723</v>
      </c>
      <c r="B1725" t="s">
        <v>398</v>
      </c>
      <c r="C1725">
        <v>0</v>
      </c>
      <c r="D1725">
        <v>0</v>
      </c>
    </row>
    <row r="1726" spans="1:4" x14ac:dyDescent="0.25">
      <c r="A1726" t="s">
        <v>2724</v>
      </c>
      <c r="B1726" t="s">
        <v>2725</v>
      </c>
      <c r="C1726">
        <v>1</v>
      </c>
      <c r="D1726">
        <v>0</v>
      </c>
    </row>
    <row r="1727" spans="1:4" x14ac:dyDescent="0.25">
      <c r="A1727" t="s">
        <v>2726</v>
      </c>
      <c r="B1727" t="s">
        <v>2727</v>
      </c>
      <c r="C1727">
        <v>1</v>
      </c>
      <c r="D1727">
        <v>0</v>
      </c>
    </row>
    <row r="1728" spans="1:4" x14ac:dyDescent="0.25">
      <c r="A1728" t="s">
        <v>2728</v>
      </c>
      <c r="B1728" t="s">
        <v>2729</v>
      </c>
      <c r="C1728">
        <v>1</v>
      </c>
      <c r="D1728">
        <v>0</v>
      </c>
    </row>
    <row r="1729" spans="1:4" x14ac:dyDescent="0.25">
      <c r="A1729" t="s">
        <v>2728</v>
      </c>
      <c r="B1729" t="s">
        <v>2730</v>
      </c>
      <c r="C1729">
        <v>1</v>
      </c>
      <c r="D1729">
        <v>0</v>
      </c>
    </row>
    <row r="1730" spans="1:4" x14ac:dyDescent="0.25">
      <c r="A1730" t="s">
        <v>2731</v>
      </c>
      <c r="B1730" t="s">
        <v>2732</v>
      </c>
      <c r="C1730">
        <v>1</v>
      </c>
      <c r="D1730">
        <v>0</v>
      </c>
    </row>
    <row r="1731" spans="1:4" x14ac:dyDescent="0.25">
      <c r="A1731" t="s">
        <v>2731</v>
      </c>
      <c r="B1731" t="s">
        <v>2733</v>
      </c>
      <c r="C1731">
        <v>1</v>
      </c>
      <c r="D1731">
        <v>0</v>
      </c>
    </row>
    <row r="1732" spans="1:4" x14ac:dyDescent="0.25">
      <c r="A1732" t="s">
        <v>2734</v>
      </c>
      <c r="B1732" t="s">
        <v>2735</v>
      </c>
      <c r="C1732">
        <v>2</v>
      </c>
      <c r="D1732">
        <v>0</v>
      </c>
    </row>
    <row r="1733" spans="1:4" x14ac:dyDescent="0.25">
      <c r="A1733" t="s">
        <v>2734</v>
      </c>
      <c r="B1733" t="s">
        <v>2736</v>
      </c>
      <c r="C1733">
        <v>1</v>
      </c>
      <c r="D1733">
        <v>0</v>
      </c>
    </row>
    <row r="1734" spans="1:4" x14ac:dyDescent="0.25">
      <c r="A1734" t="s">
        <v>2734</v>
      </c>
      <c r="B1734" t="s">
        <v>2737</v>
      </c>
      <c r="C1734">
        <v>2</v>
      </c>
      <c r="D1734">
        <v>0</v>
      </c>
    </row>
    <row r="1735" spans="1:4" x14ac:dyDescent="0.25">
      <c r="A1735" t="s">
        <v>2738</v>
      </c>
      <c r="B1735" t="s">
        <v>2739</v>
      </c>
      <c r="C1735">
        <v>0</v>
      </c>
      <c r="D1735">
        <v>0</v>
      </c>
    </row>
    <row r="1736" spans="1:4" x14ac:dyDescent="0.25">
      <c r="A1736" t="s">
        <v>2740</v>
      </c>
      <c r="B1736" t="s">
        <v>2741</v>
      </c>
      <c r="C1736">
        <v>1</v>
      </c>
      <c r="D1736">
        <v>0</v>
      </c>
    </row>
    <row r="1737" spans="1:4" x14ac:dyDescent="0.25">
      <c r="A1737" t="s">
        <v>2740</v>
      </c>
      <c r="B1737" t="s">
        <v>2742</v>
      </c>
      <c r="C1737">
        <v>1</v>
      </c>
      <c r="D1737">
        <v>0</v>
      </c>
    </row>
    <row r="1738" spans="1:4" x14ac:dyDescent="0.25">
      <c r="A1738" t="s">
        <v>2743</v>
      </c>
      <c r="B1738" t="s">
        <v>2744</v>
      </c>
      <c r="C1738">
        <v>1</v>
      </c>
      <c r="D1738">
        <v>0</v>
      </c>
    </row>
    <row r="1739" spans="1:4" x14ac:dyDescent="0.25">
      <c r="A1739" t="s">
        <v>2745</v>
      </c>
      <c r="B1739" t="s">
        <v>2746</v>
      </c>
      <c r="C1739">
        <v>1</v>
      </c>
      <c r="D1739">
        <v>0</v>
      </c>
    </row>
    <row r="1740" spans="1:4" x14ac:dyDescent="0.25">
      <c r="A1740" t="s">
        <v>2747</v>
      </c>
      <c r="B1740" t="s">
        <v>2748</v>
      </c>
      <c r="C1740">
        <v>0</v>
      </c>
      <c r="D1740">
        <v>0</v>
      </c>
    </row>
    <row r="1741" spans="1:4" x14ac:dyDescent="0.25">
      <c r="A1741" t="s">
        <v>2749</v>
      </c>
      <c r="B1741" t="s">
        <v>2750</v>
      </c>
      <c r="C1741">
        <v>0</v>
      </c>
      <c r="D1741">
        <v>0</v>
      </c>
    </row>
    <row r="1742" spans="1:4" x14ac:dyDescent="0.25">
      <c r="A1742" t="s">
        <v>2751</v>
      </c>
      <c r="B1742" t="s">
        <v>2752</v>
      </c>
      <c r="C1742">
        <v>0</v>
      </c>
      <c r="D1742">
        <v>0</v>
      </c>
    </row>
    <row r="1743" spans="1:4" x14ac:dyDescent="0.25">
      <c r="A1743" t="s">
        <v>2751</v>
      </c>
      <c r="B1743" t="s">
        <v>2753</v>
      </c>
      <c r="C1743">
        <v>1</v>
      </c>
      <c r="D1743">
        <v>0</v>
      </c>
    </row>
    <row r="1744" spans="1:4" x14ac:dyDescent="0.25">
      <c r="A1744" t="s">
        <v>2751</v>
      </c>
      <c r="B1744" t="s">
        <v>843</v>
      </c>
      <c r="C1744">
        <v>1</v>
      </c>
      <c r="D1744">
        <v>0</v>
      </c>
    </row>
    <row r="1745" spans="1:4" x14ac:dyDescent="0.25">
      <c r="A1745" t="s">
        <v>2754</v>
      </c>
      <c r="B1745" t="s">
        <v>843</v>
      </c>
      <c r="C1745">
        <v>1</v>
      </c>
      <c r="D1745">
        <v>0</v>
      </c>
    </row>
    <row r="1746" spans="1:4" x14ac:dyDescent="0.25">
      <c r="A1746" t="s">
        <v>2755</v>
      </c>
      <c r="B1746" t="s">
        <v>1401</v>
      </c>
      <c r="C1746">
        <v>0</v>
      </c>
      <c r="D1746">
        <v>0</v>
      </c>
    </row>
    <row r="1747" spans="1:4" x14ac:dyDescent="0.25">
      <c r="A1747" t="s">
        <v>2755</v>
      </c>
      <c r="B1747" t="s">
        <v>1526</v>
      </c>
      <c r="C1747">
        <v>1</v>
      </c>
      <c r="D1747">
        <v>0</v>
      </c>
    </row>
    <row r="1748" spans="1:4" x14ac:dyDescent="0.25">
      <c r="A1748" t="s">
        <v>2756</v>
      </c>
      <c r="B1748" t="s">
        <v>2757</v>
      </c>
      <c r="C1748">
        <v>1</v>
      </c>
      <c r="D1748">
        <v>0</v>
      </c>
    </row>
    <row r="1749" spans="1:4" x14ac:dyDescent="0.25">
      <c r="A1749" t="s">
        <v>2758</v>
      </c>
      <c r="B1749" t="s">
        <v>2759</v>
      </c>
      <c r="C1749">
        <v>1</v>
      </c>
      <c r="D1749">
        <v>0</v>
      </c>
    </row>
    <row r="1750" spans="1:4" x14ac:dyDescent="0.25">
      <c r="A1750" t="s">
        <v>2758</v>
      </c>
      <c r="B1750" t="s">
        <v>2760</v>
      </c>
      <c r="C1750">
        <v>2</v>
      </c>
      <c r="D1750">
        <v>0</v>
      </c>
    </row>
    <row r="1751" spans="1:4" x14ac:dyDescent="0.25">
      <c r="A1751" t="s">
        <v>2758</v>
      </c>
      <c r="B1751" t="s">
        <v>2761</v>
      </c>
      <c r="C1751">
        <v>0</v>
      </c>
      <c r="D1751">
        <v>0</v>
      </c>
    </row>
    <row r="1752" spans="1:4" x14ac:dyDescent="0.25">
      <c r="A1752" t="s">
        <v>2762</v>
      </c>
      <c r="B1752" t="s">
        <v>2763</v>
      </c>
      <c r="C1752">
        <v>1</v>
      </c>
      <c r="D1752">
        <v>0</v>
      </c>
    </row>
    <row r="1753" spans="1:4" x14ac:dyDescent="0.25">
      <c r="A1753" t="s">
        <v>2764</v>
      </c>
      <c r="B1753" t="s">
        <v>2765</v>
      </c>
      <c r="C1753">
        <v>1</v>
      </c>
      <c r="D1753">
        <v>0</v>
      </c>
    </row>
    <row r="1754" spans="1:4" x14ac:dyDescent="0.25">
      <c r="A1754" t="s">
        <v>2764</v>
      </c>
      <c r="B1754" t="s">
        <v>2766</v>
      </c>
      <c r="C1754">
        <v>2</v>
      </c>
      <c r="D1754">
        <v>0</v>
      </c>
    </row>
    <row r="1755" spans="1:4" x14ac:dyDescent="0.25">
      <c r="A1755" t="s">
        <v>2767</v>
      </c>
      <c r="B1755" t="s">
        <v>2768</v>
      </c>
      <c r="C1755">
        <v>1</v>
      </c>
      <c r="D1755">
        <v>0</v>
      </c>
    </row>
    <row r="1756" spans="1:4" x14ac:dyDescent="0.25">
      <c r="A1756" t="s">
        <v>2769</v>
      </c>
      <c r="B1756" t="s">
        <v>2770</v>
      </c>
      <c r="C1756">
        <v>1</v>
      </c>
      <c r="D1756">
        <v>0</v>
      </c>
    </row>
    <row r="1757" spans="1:4" x14ac:dyDescent="0.25">
      <c r="A1757" t="s">
        <v>2769</v>
      </c>
      <c r="B1757" t="s">
        <v>2771</v>
      </c>
      <c r="C1757">
        <v>1</v>
      </c>
      <c r="D1757">
        <v>0</v>
      </c>
    </row>
    <row r="1758" spans="1:4" x14ac:dyDescent="0.25">
      <c r="A1758" t="s">
        <v>2772</v>
      </c>
      <c r="B1758" t="s">
        <v>2773</v>
      </c>
      <c r="C1758">
        <v>0</v>
      </c>
      <c r="D1758">
        <v>0</v>
      </c>
    </row>
    <row r="1759" spans="1:4" x14ac:dyDescent="0.25">
      <c r="A1759" t="s">
        <v>2772</v>
      </c>
      <c r="B1759" t="s">
        <v>2774</v>
      </c>
      <c r="C1759">
        <v>1</v>
      </c>
      <c r="D1759">
        <v>0</v>
      </c>
    </row>
    <row r="1760" spans="1:4" x14ac:dyDescent="0.25">
      <c r="A1760" t="s">
        <v>2775</v>
      </c>
      <c r="B1760" t="s">
        <v>2776</v>
      </c>
      <c r="C1760">
        <v>0</v>
      </c>
      <c r="D1760">
        <v>0</v>
      </c>
    </row>
    <row r="1761" spans="1:4" x14ac:dyDescent="0.25">
      <c r="A1761" t="s">
        <v>2777</v>
      </c>
      <c r="B1761" t="s">
        <v>1246</v>
      </c>
      <c r="C1761">
        <v>0</v>
      </c>
      <c r="D1761">
        <v>0</v>
      </c>
    </row>
    <row r="1762" spans="1:4" x14ac:dyDescent="0.25">
      <c r="A1762" t="s">
        <v>2778</v>
      </c>
      <c r="B1762" t="s">
        <v>2779</v>
      </c>
      <c r="C1762">
        <v>0</v>
      </c>
      <c r="D1762">
        <v>0</v>
      </c>
    </row>
    <row r="1763" spans="1:4" x14ac:dyDescent="0.25">
      <c r="A1763" t="s">
        <v>2780</v>
      </c>
      <c r="B1763" t="s">
        <v>2781</v>
      </c>
      <c r="C1763">
        <v>1</v>
      </c>
      <c r="D1763">
        <v>0</v>
      </c>
    </row>
    <row r="1764" spans="1:4" x14ac:dyDescent="0.25">
      <c r="A1764" t="s">
        <v>2782</v>
      </c>
      <c r="B1764" t="s">
        <v>2783</v>
      </c>
      <c r="C1764">
        <v>2</v>
      </c>
      <c r="D1764">
        <v>0</v>
      </c>
    </row>
    <row r="1765" spans="1:4" x14ac:dyDescent="0.25">
      <c r="A1765" t="s">
        <v>2782</v>
      </c>
      <c r="B1765" t="s">
        <v>2784</v>
      </c>
      <c r="C1765">
        <v>2</v>
      </c>
      <c r="D1765">
        <v>0</v>
      </c>
    </row>
    <row r="1766" spans="1:4" x14ac:dyDescent="0.25">
      <c r="A1766" t="s">
        <v>2785</v>
      </c>
      <c r="B1766" t="s">
        <v>2786</v>
      </c>
      <c r="C1766">
        <v>2</v>
      </c>
      <c r="D1766">
        <v>0</v>
      </c>
    </row>
    <row r="1767" spans="1:4" x14ac:dyDescent="0.25">
      <c r="A1767" t="s">
        <v>2785</v>
      </c>
      <c r="B1767" t="s">
        <v>2787</v>
      </c>
      <c r="C1767">
        <v>0</v>
      </c>
      <c r="D1767">
        <v>0</v>
      </c>
    </row>
    <row r="1768" spans="1:4" x14ac:dyDescent="0.25">
      <c r="A1768" t="s">
        <v>2785</v>
      </c>
      <c r="B1768" t="s">
        <v>2788</v>
      </c>
      <c r="C1768">
        <v>1</v>
      </c>
      <c r="D1768">
        <v>0</v>
      </c>
    </row>
    <row r="1769" spans="1:4" x14ac:dyDescent="0.25">
      <c r="A1769" t="s">
        <v>2789</v>
      </c>
      <c r="B1769" t="s">
        <v>2790</v>
      </c>
      <c r="C1769">
        <v>2</v>
      </c>
      <c r="D1769">
        <v>0</v>
      </c>
    </row>
    <row r="1770" spans="1:4" x14ac:dyDescent="0.25">
      <c r="A1770" t="s">
        <v>2789</v>
      </c>
      <c r="B1770" t="s">
        <v>2791</v>
      </c>
      <c r="C1770">
        <v>0</v>
      </c>
      <c r="D1770">
        <v>0</v>
      </c>
    </row>
    <row r="1771" spans="1:4" x14ac:dyDescent="0.25">
      <c r="A1771" t="s">
        <v>2792</v>
      </c>
      <c r="B1771" t="s">
        <v>2793</v>
      </c>
      <c r="C1771">
        <v>1</v>
      </c>
      <c r="D1771">
        <v>0</v>
      </c>
    </row>
    <row r="1772" spans="1:4" x14ac:dyDescent="0.25">
      <c r="A1772" t="s">
        <v>2792</v>
      </c>
      <c r="B1772" t="s">
        <v>2794</v>
      </c>
      <c r="C1772">
        <v>2</v>
      </c>
      <c r="D1772">
        <v>0</v>
      </c>
    </row>
    <row r="1773" spans="1:4" x14ac:dyDescent="0.25">
      <c r="A1773" t="s">
        <v>2795</v>
      </c>
      <c r="B1773" t="s">
        <v>2796</v>
      </c>
      <c r="C1773">
        <v>1</v>
      </c>
      <c r="D1773">
        <v>0</v>
      </c>
    </row>
    <row r="1774" spans="1:4" x14ac:dyDescent="0.25">
      <c r="A1774" t="s">
        <v>2797</v>
      </c>
      <c r="B1774" t="s">
        <v>2798</v>
      </c>
      <c r="C1774">
        <v>2</v>
      </c>
      <c r="D1774">
        <v>0</v>
      </c>
    </row>
    <row r="1775" spans="1:4" x14ac:dyDescent="0.25">
      <c r="A1775" t="s">
        <v>2797</v>
      </c>
      <c r="B1775" t="s">
        <v>2799</v>
      </c>
      <c r="C1775">
        <v>2</v>
      </c>
      <c r="D1775">
        <v>0</v>
      </c>
    </row>
    <row r="1776" spans="1:4" x14ac:dyDescent="0.25">
      <c r="A1776" t="s">
        <v>2800</v>
      </c>
      <c r="B1776" t="s">
        <v>2801</v>
      </c>
      <c r="C1776">
        <v>0</v>
      </c>
      <c r="D1776">
        <v>0</v>
      </c>
    </row>
    <row r="1777" spans="1:4" x14ac:dyDescent="0.25">
      <c r="A1777" t="s">
        <v>2800</v>
      </c>
      <c r="B1777" t="s">
        <v>2802</v>
      </c>
      <c r="C1777">
        <v>0</v>
      </c>
      <c r="D1777">
        <v>0</v>
      </c>
    </row>
    <row r="1778" spans="1:4" x14ac:dyDescent="0.25">
      <c r="A1778" t="s">
        <v>2800</v>
      </c>
      <c r="B1778" t="s">
        <v>2803</v>
      </c>
      <c r="C1778">
        <v>0</v>
      </c>
      <c r="D1778">
        <v>0</v>
      </c>
    </row>
    <row r="1779" spans="1:4" x14ac:dyDescent="0.25">
      <c r="A1779" t="s">
        <v>2804</v>
      </c>
      <c r="B1779" t="s">
        <v>2805</v>
      </c>
      <c r="C1779">
        <v>0</v>
      </c>
      <c r="D1779">
        <v>0</v>
      </c>
    </row>
    <row r="1780" spans="1:4" x14ac:dyDescent="0.25">
      <c r="A1780" t="s">
        <v>2806</v>
      </c>
      <c r="B1780" t="s">
        <v>2807</v>
      </c>
      <c r="C1780">
        <v>0</v>
      </c>
      <c r="D1780">
        <v>0</v>
      </c>
    </row>
    <row r="1781" spans="1:4" x14ac:dyDescent="0.25">
      <c r="A1781" t="s">
        <v>2806</v>
      </c>
      <c r="B1781" t="s">
        <v>2808</v>
      </c>
      <c r="C1781">
        <v>0</v>
      </c>
      <c r="D1781">
        <v>0</v>
      </c>
    </row>
    <row r="1782" spans="1:4" x14ac:dyDescent="0.25">
      <c r="A1782" t="s">
        <v>2809</v>
      </c>
      <c r="B1782" t="s">
        <v>2810</v>
      </c>
      <c r="C1782">
        <v>1</v>
      </c>
      <c r="D1782">
        <v>0</v>
      </c>
    </row>
    <row r="1783" spans="1:4" x14ac:dyDescent="0.25">
      <c r="A1783" t="s">
        <v>2811</v>
      </c>
      <c r="B1783" t="s">
        <v>2812</v>
      </c>
      <c r="C1783">
        <v>0</v>
      </c>
      <c r="D1783">
        <v>0</v>
      </c>
    </row>
    <row r="1784" spans="1:4" x14ac:dyDescent="0.25">
      <c r="A1784" t="s">
        <v>2811</v>
      </c>
      <c r="B1784" t="s">
        <v>2813</v>
      </c>
      <c r="C1784">
        <v>0</v>
      </c>
      <c r="D1784">
        <v>0</v>
      </c>
    </row>
    <row r="1785" spans="1:4" x14ac:dyDescent="0.25">
      <c r="A1785" t="s">
        <v>2814</v>
      </c>
      <c r="B1785" t="s">
        <v>1001</v>
      </c>
      <c r="C1785">
        <v>1</v>
      </c>
      <c r="D1785">
        <v>0</v>
      </c>
    </row>
    <row r="1786" spans="1:4" x14ac:dyDescent="0.25">
      <c r="A1786" t="s">
        <v>2815</v>
      </c>
      <c r="B1786" t="s">
        <v>2816</v>
      </c>
      <c r="C1786">
        <v>2</v>
      </c>
      <c r="D1786">
        <v>0</v>
      </c>
    </row>
    <row r="1787" spans="1:4" x14ac:dyDescent="0.25">
      <c r="A1787" t="s">
        <v>2815</v>
      </c>
      <c r="B1787" t="s">
        <v>2817</v>
      </c>
      <c r="C1787">
        <v>1</v>
      </c>
      <c r="D1787">
        <v>0</v>
      </c>
    </row>
    <row r="1788" spans="1:4" x14ac:dyDescent="0.25">
      <c r="A1788" t="s">
        <v>2818</v>
      </c>
      <c r="B1788" t="s">
        <v>2819</v>
      </c>
      <c r="C1788">
        <v>2</v>
      </c>
      <c r="D1788">
        <v>0</v>
      </c>
    </row>
    <row r="1789" spans="1:4" x14ac:dyDescent="0.25">
      <c r="A1789" t="s">
        <v>2820</v>
      </c>
      <c r="B1789" t="s">
        <v>2821</v>
      </c>
      <c r="C1789">
        <v>0</v>
      </c>
      <c r="D1789">
        <v>0</v>
      </c>
    </row>
    <row r="1790" spans="1:4" x14ac:dyDescent="0.25">
      <c r="A1790" t="s">
        <v>2822</v>
      </c>
      <c r="B1790" t="s">
        <v>2823</v>
      </c>
      <c r="C1790">
        <v>1</v>
      </c>
      <c r="D1790">
        <v>0</v>
      </c>
    </row>
    <row r="1791" spans="1:4" x14ac:dyDescent="0.25">
      <c r="A1791" t="s">
        <v>2824</v>
      </c>
      <c r="B1791" t="s">
        <v>2825</v>
      </c>
      <c r="C1791">
        <v>0</v>
      </c>
      <c r="D1791">
        <v>0</v>
      </c>
    </row>
    <row r="1792" spans="1:4" x14ac:dyDescent="0.25">
      <c r="A1792" t="s">
        <v>2826</v>
      </c>
      <c r="B1792" t="s">
        <v>2061</v>
      </c>
      <c r="C1792">
        <v>0</v>
      </c>
      <c r="D1792">
        <v>0</v>
      </c>
    </row>
    <row r="1793" spans="1:4" x14ac:dyDescent="0.25">
      <c r="A1793" t="s">
        <v>2827</v>
      </c>
      <c r="B1793" t="s">
        <v>2828</v>
      </c>
      <c r="C1793">
        <v>0</v>
      </c>
      <c r="D1793">
        <v>0</v>
      </c>
    </row>
    <row r="1794" spans="1:4" x14ac:dyDescent="0.25">
      <c r="A1794" t="s">
        <v>2829</v>
      </c>
      <c r="B1794" t="s">
        <v>2830</v>
      </c>
      <c r="C1794">
        <v>2</v>
      </c>
      <c r="D1794">
        <v>0</v>
      </c>
    </row>
    <row r="1795" spans="1:4" x14ac:dyDescent="0.25">
      <c r="A1795" t="s">
        <v>2831</v>
      </c>
      <c r="B1795" t="s">
        <v>2832</v>
      </c>
      <c r="C1795">
        <v>2</v>
      </c>
      <c r="D1795">
        <v>0</v>
      </c>
    </row>
    <row r="1796" spans="1:4" x14ac:dyDescent="0.25">
      <c r="A1796" t="s">
        <v>2833</v>
      </c>
      <c r="B1796" t="s">
        <v>2834</v>
      </c>
      <c r="C1796">
        <v>0</v>
      </c>
      <c r="D1796">
        <v>0</v>
      </c>
    </row>
    <row r="1797" spans="1:4" x14ac:dyDescent="0.25">
      <c r="A1797" t="s">
        <v>2835</v>
      </c>
      <c r="B1797" t="s">
        <v>2836</v>
      </c>
      <c r="C1797">
        <v>1</v>
      </c>
      <c r="D1797">
        <v>0</v>
      </c>
    </row>
    <row r="1798" spans="1:4" x14ac:dyDescent="0.25">
      <c r="A1798" t="s">
        <v>2837</v>
      </c>
      <c r="B1798" t="s">
        <v>2838</v>
      </c>
      <c r="C1798">
        <v>0</v>
      </c>
      <c r="D1798">
        <v>0</v>
      </c>
    </row>
    <row r="1799" spans="1:4" x14ac:dyDescent="0.25">
      <c r="A1799" t="s">
        <v>2837</v>
      </c>
      <c r="B1799" t="s">
        <v>2839</v>
      </c>
      <c r="C1799">
        <v>1</v>
      </c>
      <c r="D1799">
        <v>0</v>
      </c>
    </row>
    <row r="1800" spans="1:4" x14ac:dyDescent="0.25">
      <c r="A1800" t="s">
        <v>2840</v>
      </c>
      <c r="B1800" t="s">
        <v>2841</v>
      </c>
      <c r="C1800">
        <v>0</v>
      </c>
      <c r="D1800">
        <v>0</v>
      </c>
    </row>
    <row r="1801" spans="1:4" x14ac:dyDescent="0.25">
      <c r="A1801" t="s">
        <v>2842</v>
      </c>
      <c r="B1801" t="s">
        <v>2843</v>
      </c>
      <c r="C1801">
        <v>1</v>
      </c>
      <c r="D1801">
        <v>0</v>
      </c>
    </row>
    <row r="1802" spans="1:4" x14ac:dyDescent="0.25">
      <c r="A1802" t="s">
        <v>2844</v>
      </c>
      <c r="B1802" t="s">
        <v>2845</v>
      </c>
      <c r="C1802">
        <v>0</v>
      </c>
      <c r="D1802">
        <v>0</v>
      </c>
    </row>
    <row r="1803" spans="1:4" x14ac:dyDescent="0.25">
      <c r="A1803" t="s">
        <v>2844</v>
      </c>
      <c r="B1803" t="s">
        <v>2846</v>
      </c>
      <c r="C1803">
        <v>2</v>
      </c>
      <c r="D1803">
        <v>0</v>
      </c>
    </row>
    <row r="1804" spans="1:4" x14ac:dyDescent="0.25">
      <c r="A1804" t="s">
        <v>2844</v>
      </c>
      <c r="B1804" t="s">
        <v>2847</v>
      </c>
      <c r="C1804">
        <v>1</v>
      </c>
      <c r="D1804">
        <v>0</v>
      </c>
    </row>
    <row r="1805" spans="1:4" x14ac:dyDescent="0.25">
      <c r="A1805" t="s">
        <v>2848</v>
      </c>
      <c r="B1805" t="s">
        <v>1499</v>
      </c>
      <c r="C1805">
        <v>1</v>
      </c>
      <c r="D1805">
        <v>0</v>
      </c>
    </row>
    <row r="1806" spans="1:4" x14ac:dyDescent="0.25">
      <c r="A1806" t="s">
        <v>2848</v>
      </c>
      <c r="B1806" t="s">
        <v>2849</v>
      </c>
      <c r="C1806">
        <v>1</v>
      </c>
      <c r="D1806">
        <v>0</v>
      </c>
    </row>
    <row r="1807" spans="1:4" x14ac:dyDescent="0.25">
      <c r="A1807" t="s">
        <v>2850</v>
      </c>
      <c r="B1807" t="s">
        <v>2851</v>
      </c>
      <c r="C1807">
        <v>2</v>
      </c>
      <c r="D1807">
        <v>0</v>
      </c>
    </row>
    <row r="1808" spans="1:4" x14ac:dyDescent="0.25">
      <c r="A1808" t="s">
        <v>2850</v>
      </c>
      <c r="B1808" t="s">
        <v>2852</v>
      </c>
      <c r="C1808">
        <v>0</v>
      </c>
      <c r="D1808">
        <v>0</v>
      </c>
    </row>
    <row r="1809" spans="1:4" x14ac:dyDescent="0.25">
      <c r="A1809" t="s">
        <v>2853</v>
      </c>
      <c r="B1809" t="s">
        <v>2854</v>
      </c>
      <c r="C1809">
        <v>2</v>
      </c>
      <c r="D1809">
        <v>0</v>
      </c>
    </row>
    <row r="1810" spans="1:4" x14ac:dyDescent="0.25">
      <c r="A1810" t="s">
        <v>2853</v>
      </c>
      <c r="B1810" t="s">
        <v>2855</v>
      </c>
      <c r="C1810">
        <v>0</v>
      </c>
      <c r="D1810">
        <v>0</v>
      </c>
    </row>
    <row r="1811" spans="1:4" x14ac:dyDescent="0.25">
      <c r="A1811" t="s">
        <v>2853</v>
      </c>
      <c r="B1811" t="s">
        <v>2856</v>
      </c>
      <c r="C1811">
        <v>0</v>
      </c>
      <c r="D1811">
        <v>0</v>
      </c>
    </row>
    <row r="1812" spans="1:4" x14ac:dyDescent="0.25">
      <c r="A1812" t="s">
        <v>2857</v>
      </c>
      <c r="B1812" t="s">
        <v>1938</v>
      </c>
      <c r="C1812">
        <v>0</v>
      </c>
      <c r="D1812">
        <v>0</v>
      </c>
    </row>
    <row r="1813" spans="1:4" x14ac:dyDescent="0.25">
      <c r="A1813" t="s">
        <v>2858</v>
      </c>
      <c r="B1813" t="s">
        <v>2859</v>
      </c>
      <c r="C1813">
        <v>1</v>
      </c>
      <c r="D1813">
        <v>0</v>
      </c>
    </row>
    <row r="1814" spans="1:4" x14ac:dyDescent="0.25">
      <c r="A1814" t="s">
        <v>2858</v>
      </c>
      <c r="B1814" t="s">
        <v>2860</v>
      </c>
      <c r="C1814">
        <v>1</v>
      </c>
      <c r="D1814">
        <v>0</v>
      </c>
    </row>
    <row r="1815" spans="1:4" x14ac:dyDescent="0.25">
      <c r="A1815" t="s">
        <v>2861</v>
      </c>
      <c r="B1815" t="s">
        <v>2862</v>
      </c>
      <c r="C1815">
        <v>1</v>
      </c>
      <c r="D1815">
        <v>0</v>
      </c>
    </row>
    <row r="1816" spans="1:4" x14ac:dyDescent="0.25">
      <c r="A1816" t="s">
        <v>2861</v>
      </c>
      <c r="B1816" t="s">
        <v>2863</v>
      </c>
      <c r="C1816">
        <v>1</v>
      </c>
      <c r="D1816">
        <v>0</v>
      </c>
    </row>
    <row r="1817" spans="1:4" x14ac:dyDescent="0.25">
      <c r="A1817" t="s">
        <v>2864</v>
      </c>
      <c r="B1817" t="s">
        <v>2865</v>
      </c>
      <c r="C1817">
        <v>0</v>
      </c>
      <c r="D1817">
        <v>0</v>
      </c>
    </row>
    <row r="1818" spans="1:4" x14ac:dyDescent="0.25">
      <c r="A1818" t="s">
        <v>2866</v>
      </c>
      <c r="B1818" t="s">
        <v>2867</v>
      </c>
      <c r="C1818">
        <v>1</v>
      </c>
      <c r="D1818">
        <v>0</v>
      </c>
    </row>
    <row r="1819" spans="1:4" x14ac:dyDescent="0.25">
      <c r="A1819" t="s">
        <v>2868</v>
      </c>
      <c r="B1819" t="s">
        <v>2869</v>
      </c>
      <c r="C1819">
        <v>1</v>
      </c>
      <c r="D1819">
        <v>0</v>
      </c>
    </row>
    <row r="1820" spans="1:4" x14ac:dyDescent="0.25">
      <c r="A1820" t="s">
        <v>2868</v>
      </c>
      <c r="B1820" t="s">
        <v>2870</v>
      </c>
      <c r="C1820">
        <v>2</v>
      </c>
      <c r="D1820">
        <v>0</v>
      </c>
    </row>
    <row r="1821" spans="1:4" x14ac:dyDescent="0.25">
      <c r="A1821" t="s">
        <v>2868</v>
      </c>
      <c r="B1821" t="s">
        <v>2871</v>
      </c>
      <c r="C1821">
        <v>1</v>
      </c>
      <c r="D1821">
        <v>0</v>
      </c>
    </row>
    <row r="1822" spans="1:4" x14ac:dyDescent="0.25">
      <c r="A1822" t="s">
        <v>2872</v>
      </c>
      <c r="B1822" t="s">
        <v>2873</v>
      </c>
      <c r="C1822">
        <v>1</v>
      </c>
      <c r="D1822">
        <v>0</v>
      </c>
    </row>
    <row r="1823" spans="1:4" x14ac:dyDescent="0.25">
      <c r="A1823" t="s">
        <v>2872</v>
      </c>
      <c r="B1823" t="s">
        <v>2874</v>
      </c>
      <c r="C1823">
        <v>2</v>
      </c>
      <c r="D1823">
        <v>0</v>
      </c>
    </row>
    <row r="1824" spans="1:4" x14ac:dyDescent="0.25">
      <c r="A1824" t="s">
        <v>2875</v>
      </c>
      <c r="B1824" t="s">
        <v>2876</v>
      </c>
      <c r="C1824">
        <v>1</v>
      </c>
      <c r="D1824">
        <v>0</v>
      </c>
    </row>
    <row r="1825" spans="1:4" x14ac:dyDescent="0.25">
      <c r="A1825" t="s">
        <v>2877</v>
      </c>
      <c r="B1825" t="s">
        <v>2878</v>
      </c>
      <c r="C1825">
        <v>1</v>
      </c>
      <c r="D1825">
        <v>0</v>
      </c>
    </row>
    <row r="1826" spans="1:4" x14ac:dyDescent="0.25">
      <c r="A1826" t="s">
        <v>2879</v>
      </c>
      <c r="B1826" t="s">
        <v>2880</v>
      </c>
      <c r="C1826">
        <v>1</v>
      </c>
      <c r="D1826">
        <v>0</v>
      </c>
    </row>
    <row r="1827" spans="1:4" x14ac:dyDescent="0.25">
      <c r="A1827" t="s">
        <v>2879</v>
      </c>
      <c r="B1827" t="s">
        <v>2881</v>
      </c>
      <c r="C1827">
        <v>1</v>
      </c>
      <c r="D1827">
        <v>0</v>
      </c>
    </row>
    <row r="1828" spans="1:4" x14ac:dyDescent="0.25">
      <c r="A1828" t="s">
        <v>2879</v>
      </c>
      <c r="B1828" t="s">
        <v>2882</v>
      </c>
      <c r="C1828">
        <v>1</v>
      </c>
      <c r="D1828">
        <v>0</v>
      </c>
    </row>
    <row r="1829" spans="1:4" x14ac:dyDescent="0.25">
      <c r="A1829" t="s">
        <v>2883</v>
      </c>
      <c r="B1829" t="s">
        <v>2884</v>
      </c>
      <c r="C1829">
        <v>1</v>
      </c>
      <c r="D1829">
        <v>0</v>
      </c>
    </row>
    <row r="1830" spans="1:4" x14ac:dyDescent="0.25">
      <c r="A1830" t="s">
        <v>2883</v>
      </c>
      <c r="B1830" t="s">
        <v>2885</v>
      </c>
      <c r="C1830">
        <v>0</v>
      </c>
      <c r="D1830">
        <v>0</v>
      </c>
    </row>
    <row r="1831" spans="1:4" x14ac:dyDescent="0.25">
      <c r="A1831" t="s">
        <v>2883</v>
      </c>
      <c r="B1831" t="s">
        <v>2886</v>
      </c>
      <c r="C1831">
        <v>0</v>
      </c>
      <c r="D1831">
        <v>0</v>
      </c>
    </row>
    <row r="1832" spans="1:4" x14ac:dyDescent="0.25">
      <c r="A1832" t="s">
        <v>2887</v>
      </c>
      <c r="B1832" t="s">
        <v>2888</v>
      </c>
      <c r="C1832">
        <v>0</v>
      </c>
      <c r="D1832">
        <v>0</v>
      </c>
    </row>
    <row r="1833" spans="1:4" x14ac:dyDescent="0.25">
      <c r="A1833" t="s">
        <v>2887</v>
      </c>
      <c r="B1833" t="s">
        <v>2889</v>
      </c>
      <c r="C1833">
        <v>1</v>
      </c>
      <c r="D1833">
        <v>0</v>
      </c>
    </row>
    <row r="1834" spans="1:4" x14ac:dyDescent="0.25">
      <c r="A1834" t="s">
        <v>2890</v>
      </c>
      <c r="B1834" t="s">
        <v>2891</v>
      </c>
      <c r="C1834">
        <v>0</v>
      </c>
      <c r="D1834">
        <v>0</v>
      </c>
    </row>
    <row r="1835" spans="1:4" x14ac:dyDescent="0.25">
      <c r="A1835" t="s">
        <v>2890</v>
      </c>
      <c r="B1835" t="s">
        <v>2892</v>
      </c>
      <c r="C1835">
        <v>0</v>
      </c>
      <c r="D1835">
        <v>0</v>
      </c>
    </row>
    <row r="1836" spans="1:4" x14ac:dyDescent="0.25">
      <c r="A1836" t="s">
        <v>2890</v>
      </c>
      <c r="B1836" t="s">
        <v>2893</v>
      </c>
      <c r="C1836">
        <v>0</v>
      </c>
      <c r="D1836">
        <v>0</v>
      </c>
    </row>
    <row r="1837" spans="1:4" x14ac:dyDescent="0.25">
      <c r="A1837" t="s">
        <v>2894</v>
      </c>
      <c r="B1837" t="s">
        <v>2895</v>
      </c>
      <c r="C1837">
        <v>0</v>
      </c>
      <c r="D1837">
        <v>0</v>
      </c>
    </row>
    <row r="1838" spans="1:4" x14ac:dyDescent="0.25">
      <c r="A1838" t="s">
        <v>2894</v>
      </c>
      <c r="B1838" t="s">
        <v>398</v>
      </c>
      <c r="C1838">
        <v>0</v>
      </c>
      <c r="D1838">
        <v>0</v>
      </c>
    </row>
    <row r="1839" spans="1:4" x14ac:dyDescent="0.25">
      <c r="A1839" t="s">
        <v>2896</v>
      </c>
      <c r="B1839" t="s">
        <v>2897</v>
      </c>
      <c r="C1839">
        <v>1</v>
      </c>
      <c r="D1839">
        <v>0</v>
      </c>
    </row>
    <row r="1840" spans="1:4" x14ac:dyDescent="0.25">
      <c r="A1840" t="s">
        <v>2898</v>
      </c>
      <c r="B1840" t="s">
        <v>2899</v>
      </c>
      <c r="C1840">
        <v>0</v>
      </c>
      <c r="D1840">
        <v>0</v>
      </c>
    </row>
    <row r="1841" spans="1:4" x14ac:dyDescent="0.25">
      <c r="A1841" t="s">
        <v>2898</v>
      </c>
      <c r="B1841" t="s">
        <v>2900</v>
      </c>
      <c r="C1841">
        <v>0</v>
      </c>
      <c r="D1841">
        <v>0</v>
      </c>
    </row>
    <row r="1842" spans="1:4" x14ac:dyDescent="0.25">
      <c r="A1842" t="s">
        <v>2901</v>
      </c>
      <c r="B1842" t="s">
        <v>2902</v>
      </c>
      <c r="C1842">
        <v>2</v>
      </c>
      <c r="D1842">
        <v>0</v>
      </c>
    </row>
    <row r="1843" spans="1:4" x14ac:dyDescent="0.25">
      <c r="A1843" t="s">
        <v>2901</v>
      </c>
      <c r="B1843" t="s">
        <v>2903</v>
      </c>
      <c r="C1843">
        <v>0</v>
      </c>
      <c r="D1843">
        <v>0</v>
      </c>
    </row>
    <row r="1844" spans="1:4" x14ac:dyDescent="0.25">
      <c r="A1844" t="s">
        <v>2904</v>
      </c>
      <c r="B1844" t="s">
        <v>2905</v>
      </c>
      <c r="C1844">
        <v>2</v>
      </c>
      <c r="D1844">
        <v>0</v>
      </c>
    </row>
    <row r="1845" spans="1:4" x14ac:dyDescent="0.25">
      <c r="A1845" t="s">
        <v>2906</v>
      </c>
      <c r="B1845" t="s">
        <v>2907</v>
      </c>
      <c r="C1845">
        <v>1</v>
      </c>
      <c r="D1845">
        <v>0</v>
      </c>
    </row>
    <row r="1846" spans="1:4" x14ac:dyDescent="0.25">
      <c r="A1846" t="s">
        <v>2906</v>
      </c>
      <c r="B1846" t="s">
        <v>2908</v>
      </c>
      <c r="C1846">
        <v>1</v>
      </c>
      <c r="D1846">
        <v>0</v>
      </c>
    </row>
    <row r="1847" spans="1:4" x14ac:dyDescent="0.25">
      <c r="A1847" t="s">
        <v>2906</v>
      </c>
      <c r="B1847" t="s">
        <v>2909</v>
      </c>
      <c r="C1847">
        <v>1</v>
      </c>
      <c r="D1847">
        <v>0</v>
      </c>
    </row>
    <row r="1848" spans="1:4" x14ac:dyDescent="0.25">
      <c r="A1848" t="s">
        <v>2910</v>
      </c>
      <c r="B1848" t="s">
        <v>2911</v>
      </c>
      <c r="C1848">
        <v>1</v>
      </c>
      <c r="D1848">
        <v>0</v>
      </c>
    </row>
    <row r="1849" spans="1:4" x14ac:dyDescent="0.25">
      <c r="A1849" t="s">
        <v>2912</v>
      </c>
      <c r="B1849" t="s">
        <v>2913</v>
      </c>
      <c r="C1849">
        <v>2</v>
      </c>
      <c r="D1849">
        <v>0</v>
      </c>
    </row>
    <row r="1850" spans="1:4" x14ac:dyDescent="0.25">
      <c r="A1850" t="s">
        <v>2912</v>
      </c>
      <c r="B1850" t="s">
        <v>2914</v>
      </c>
      <c r="C1850">
        <v>2</v>
      </c>
      <c r="D1850">
        <v>0</v>
      </c>
    </row>
    <row r="1851" spans="1:4" x14ac:dyDescent="0.25">
      <c r="A1851" t="s">
        <v>2912</v>
      </c>
      <c r="B1851" t="s">
        <v>2915</v>
      </c>
      <c r="C1851">
        <v>1</v>
      </c>
      <c r="D1851">
        <v>0</v>
      </c>
    </row>
    <row r="1852" spans="1:4" x14ac:dyDescent="0.25">
      <c r="A1852" t="s">
        <v>2916</v>
      </c>
      <c r="B1852" t="s">
        <v>2917</v>
      </c>
      <c r="C1852">
        <v>2</v>
      </c>
      <c r="D1852">
        <v>0</v>
      </c>
    </row>
    <row r="1853" spans="1:4" x14ac:dyDescent="0.25">
      <c r="A1853" t="s">
        <v>2916</v>
      </c>
      <c r="B1853" t="s">
        <v>2918</v>
      </c>
      <c r="C1853">
        <v>2</v>
      </c>
      <c r="D1853">
        <v>0</v>
      </c>
    </row>
    <row r="1854" spans="1:4" x14ac:dyDescent="0.25">
      <c r="A1854" t="s">
        <v>2919</v>
      </c>
      <c r="B1854" t="s">
        <v>2920</v>
      </c>
      <c r="C1854">
        <v>1</v>
      </c>
      <c r="D1854">
        <v>0</v>
      </c>
    </row>
    <row r="1855" spans="1:4" x14ac:dyDescent="0.25">
      <c r="A1855" t="s">
        <v>2919</v>
      </c>
      <c r="B1855" t="s">
        <v>2921</v>
      </c>
      <c r="C1855">
        <v>0</v>
      </c>
      <c r="D1855">
        <v>0</v>
      </c>
    </row>
    <row r="1856" spans="1:4" x14ac:dyDescent="0.25">
      <c r="A1856" t="s">
        <v>2919</v>
      </c>
      <c r="B1856" t="s">
        <v>2922</v>
      </c>
      <c r="C1856">
        <v>2</v>
      </c>
      <c r="D1856">
        <v>0</v>
      </c>
    </row>
    <row r="1857" spans="1:4" x14ac:dyDescent="0.25">
      <c r="A1857" t="s">
        <v>2923</v>
      </c>
      <c r="B1857" t="s">
        <v>2924</v>
      </c>
      <c r="C1857">
        <v>1</v>
      </c>
      <c r="D1857">
        <v>0</v>
      </c>
    </row>
    <row r="1858" spans="1:4" x14ac:dyDescent="0.25">
      <c r="A1858" t="s">
        <v>2923</v>
      </c>
      <c r="B1858" t="s">
        <v>2925</v>
      </c>
      <c r="C1858">
        <v>1</v>
      </c>
      <c r="D1858">
        <v>0</v>
      </c>
    </row>
    <row r="1859" spans="1:4" x14ac:dyDescent="0.25">
      <c r="A1859" t="s">
        <v>2926</v>
      </c>
      <c r="B1859" t="s">
        <v>2927</v>
      </c>
      <c r="C1859">
        <v>1</v>
      </c>
      <c r="D1859">
        <v>0</v>
      </c>
    </row>
    <row r="1860" spans="1:4" x14ac:dyDescent="0.25">
      <c r="A1860" t="s">
        <v>2928</v>
      </c>
      <c r="B1860" t="s">
        <v>1294</v>
      </c>
      <c r="C1860">
        <v>1</v>
      </c>
      <c r="D1860">
        <v>0</v>
      </c>
    </row>
    <row r="1861" spans="1:4" x14ac:dyDescent="0.25">
      <c r="A1861" t="s">
        <v>2928</v>
      </c>
      <c r="B1861" t="s">
        <v>2929</v>
      </c>
      <c r="C1861">
        <v>0</v>
      </c>
      <c r="D1861">
        <v>0</v>
      </c>
    </row>
    <row r="1862" spans="1:4" x14ac:dyDescent="0.25">
      <c r="A1862" t="s">
        <v>2930</v>
      </c>
      <c r="B1862" t="s">
        <v>2931</v>
      </c>
      <c r="C1862">
        <v>1</v>
      </c>
      <c r="D1862">
        <v>0</v>
      </c>
    </row>
    <row r="1863" spans="1:4" x14ac:dyDescent="0.25">
      <c r="A1863" t="s">
        <v>2932</v>
      </c>
      <c r="B1863" t="s">
        <v>2933</v>
      </c>
      <c r="C1863">
        <v>1</v>
      </c>
      <c r="D1863">
        <v>0</v>
      </c>
    </row>
    <row r="1864" spans="1:4" x14ac:dyDescent="0.25">
      <c r="A1864" t="s">
        <v>2932</v>
      </c>
      <c r="B1864" t="s">
        <v>2934</v>
      </c>
      <c r="C1864">
        <v>2</v>
      </c>
      <c r="D1864">
        <v>0</v>
      </c>
    </row>
    <row r="1865" spans="1:4" x14ac:dyDescent="0.25">
      <c r="A1865" t="s">
        <v>2935</v>
      </c>
      <c r="B1865" t="s">
        <v>2936</v>
      </c>
      <c r="C1865">
        <v>1</v>
      </c>
      <c r="D1865">
        <v>0</v>
      </c>
    </row>
    <row r="1866" spans="1:4" x14ac:dyDescent="0.25">
      <c r="A1866" t="s">
        <v>2937</v>
      </c>
      <c r="B1866" t="s">
        <v>2938</v>
      </c>
      <c r="C1866">
        <v>2</v>
      </c>
      <c r="D1866">
        <v>0</v>
      </c>
    </row>
    <row r="1867" spans="1:4" x14ac:dyDescent="0.25">
      <c r="A1867" t="s">
        <v>2937</v>
      </c>
      <c r="B1867" t="s">
        <v>2939</v>
      </c>
      <c r="C1867">
        <v>0</v>
      </c>
      <c r="D1867">
        <v>0</v>
      </c>
    </row>
    <row r="1868" spans="1:4" x14ac:dyDescent="0.25">
      <c r="A1868" t="s">
        <v>2940</v>
      </c>
      <c r="B1868" t="s">
        <v>2941</v>
      </c>
      <c r="C1868">
        <v>2</v>
      </c>
      <c r="D1868">
        <v>0</v>
      </c>
    </row>
    <row r="1869" spans="1:4" x14ac:dyDescent="0.25">
      <c r="A1869" t="s">
        <v>2942</v>
      </c>
      <c r="B1869" t="s">
        <v>2943</v>
      </c>
      <c r="C1869">
        <v>0</v>
      </c>
      <c r="D1869">
        <v>0</v>
      </c>
    </row>
    <row r="1870" spans="1:4" x14ac:dyDescent="0.25">
      <c r="A1870" t="s">
        <v>2944</v>
      </c>
      <c r="B1870" t="s">
        <v>2945</v>
      </c>
      <c r="C1870">
        <v>1</v>
      </c>
      <c r="D1870">
        <v>0</v>
      </c>
    </row>
    <row r="1871" spans="1:4" x14ac:dyDescent="0.25">
      <c r="A1871" t="s">
        <v>2946</v>
      </c>
      <c r="B1871" t="s">
        <v>2947</v>
      </c>
      <c r="C1871">
        <v>0</v>
      </c>
      <c r="D1871">
        <v>0</v>
      </c>
    </row>
    <row r="1872" spans="1:4" x14ac:dyDescent="0.25">
      <c r="A1872" t="s">
        <v>2946</v>
      </c>
      <c r="B1872" t="s">
        <v>2948</v>
      </c>
      <c r="C1872">
        <v>0</v>
      </c>
      <c r="D1872">
        <v>0</v>
      </c>
    </row>
    <row r="1873" spans="1:4" x14ac:dyDescent="0.25">
      <c r="A1873" t="s">
        <v>2949</v>
      </c>
      <c r="B1873" t="s">
        <v>2943</v>
      </c>
      <c r="C1873">
        <v>0</v>
      </c>
      <c r="D1873">
        <v>0</v>
      </c>
    </row>
    <row r="1874" spans="1:4" x14ac:dyDescent="0.25">
      <c r="A1874" t="s">
        <v>2950</v>
      </c>
      <c r="B1874" t="s">
        <v>2951</v>
      </c>
      <c r="C1874">
        <v>2</v>
      </c>
      <c r="D1874">
        <v>0</v>
      </c>
    </row>
    <row r="1875" spans="1:4" x14ac:dyDescent="0.25">
      <c r="A1875" t="s">
        <v>2952</v>
      </c>
      <c r="B1875" t="s">
        <v>2953</v>
      </c>
      <c r="C1875">
        <v>0</v>
      </c>
      <c r="D1875">
        <v>0</v>
      </c>
    </row>
    <row r="1876" spans="1:4" x14ac:dyDescent="0.25">
      <c r="A1876" t="s">
        <v>2952</v>
      </c>
      <c r="B1876" t="s">
        <v>2954</v>
      </c>
      <c r="C1876">
        <v>1</v>
      </c>
      <c r="D1876">
        <v>0</v>
      </c>
    </row>
    <row r="1877" spans="1:4" x14ac:dyDescent="0.25">
      <c r="A1877" t="s">
        <v>2955</v>
      </c>
      <c r="B1877" t="s">
        <v>2956</v>
      </c>
      <c r="C1877">
        <v>2</v>
      </c>
      <c r="D1877">
        <v>0</v>
      </c>
    </row>
    <row r="1878" spans="1:4" x14ac:dyDescent="0.25">
      <c r="A1878" t="s">
        <v>2955</v>
      </c>
      <c r="B1878" t="s">
        <v>2957</v>
      </c>
      <c r="C1878">
        <v>0</v>
      </c>
      <c r="D1878">
        <v>0</v>
      </c>
    </row>
    <row r="1879" spans="1:4" x14ac:dyDescent="0.25">
      <c r="A1879" t="s">
        <v>2958</v>
      </c>
      <c r="B1879" t="s">
        <v>2959</v>
      </c>
      <c r="C1879">
        <v>0</v>
      </c>
      <c r="D1879">
        <v>0</v>
      </c>
    </row>
    <row r="1880" spans="1:4" x14ac:dyDescent="0.25">
      <c r="A1880" t="s">
        <v>2960</v>
      </c>
      <c r="B1880" t="s">
        <v>2961</v>
      </c>
      <c r="C1880">
        <v>2</v>
      </c>
      <c r="D1880">
        <v>0</v>
      </c>
    </row>
    <row r="1881" spans="1:4" x14ac:dyDescent="0.25">
      <c r="A1881" t="s">
        <v>2960</v>
      </c>
      <c r="B1881" t="s">
        <v>2962</v>
      </c>
      <c r="C1881">
        <v>2</v>
      </c>
      <c r="D1881">
        <v>0</v>
      </c>
    </row>
    <row r="1882" spans="1:4" x14ac:dyDescent="0.25">
      <c r="A1882" t="s">
        <v>2960</v>
      </c>
      <c r="B1882" t="s">
        <v>2963</v>
      </c>
      <c r="C1882">
        <v>2</v>
      </c>
      <c r="D1882">
        <v>0</v>
      </c>
    </row>
    <row r="1883" spans="1:4" x14ac:dyDescent="0.25">
      <c r="A1883" t="s">
        <v>2964</v>
      </c>
      <c r="B1883" t="s">
        <v>852</v>
      </c>
      <c r="C1883">
        <v>0</v>
      </c>
      <c r="D1883">
        <v>0</v>
      </c>
    </row>
    <row r="1884" spans="1:4" x14ac:dyDescent="0.25">
      <c r="A1884" t="s">
        <v>2965</v>
      </c>
      <c r="B1884" t="s">
        <v>2966</v>
      </c>
      <c r="C1884">
        <v>1</v>
      </c>
      <c r="D1884">
        <v>0</v>
      </c>
    </row>
    <row r="1885" spans="1:4" x14ac:dyDescent="0.25">
      <c r="A1885" t="s">
        <v>2965</v>
      </c>
      <c r="B1885" t="s">
        <v>2967</v>
      </c>
      <c r="C1885">
        <v>1</v>
      </c>
      <c r="D1885">
        <v>0</v>
      </c>
    </row>
    <row r="1886" spans="1:4" x14ac:dyDescent="0.25">
      <c r="A1886" t="s">
        <v>2965</v>
      </c>
      <c r="B1886" t="s">
        <v>2968</v>
      </c>
      <c r="C1886">
        <v>2</v>
      </c>
      <c r="D1886">
        <v>0</v>
      </c>
    </row>
    <row r="1887" spans="1:4" x14ac:dyDescent="0.25">
      <c r="A1887" t="s">
        <v>2969</v>
      </c>
      <c r="B1887" t="s">
        <v>2970</v>
      </c>
      <c r="C1887">
        <v>0</v>
      </c>
      <c r="D1887">
        <v>0</v>
      </c>
    </row>
    <row r="1888" spans="1:4" x14ac:dyDescent="0.25">
      <c r="A1888" t="s">
        <v>2971</v>
      </c>
      <c r="B1888" t="s">
        <v>968</v>
      </c>
      <c r="C1888">
        <v>0</v>
      </c>
      <c r="D1888">
        <v>0</v>
      </c>
    </row>
    <row r="1889" spans="1:4" x14ac:dyDescent="0.25">
      <c r="A1889" t="s">
        <v>2971</v>
      </c>
      <c r="B1889" t="s">
        <v>2972</v>
      </c>
      <c r="C1889">
        <v>1</v>
      </c>
      <c r="D1889">
        <v>0</v>
      </c>
    </row>
    <row r="1890" spans="1:4" x14ac:dyDescent="0.25">
      <c r="A1890" t="s">
        <v>2973</v>
      </c>
      <c r="B1890" t="s">
        <v>2974</v>
      </c>
      <c r="C1890">
        <v>1</v>
      </c>
      <c r="D1890">
        <v>0</v>
      </c>
    </row>
    <row r="1891" spans="1:4" x14ac:dyDescent="0.25">
      <c r="A1891" t="s">
        <v>2973</v>
      </c>
      <c r="B1891" t="s">
        <v>2975</v>
      </c>
      <c r="C1891">
        <v>2</v>
      </c>
      <c r="D1891">
        <v>0</v>
      </c>
    </row>
    <row r="1892" spans="1:4" x14ac:dyDescent="0.25">
      <c r="A1892" t="s">
        <v>2976</v>
      </c>
      <c r="B1892" t="s">
        <v>2977</v>
      </c>
      <c r="C1892">
        <v>2</v>
      </c>
      <c r="D1892">
        <v>0</v>
      </c>
    </row>
    <row r="1893" spans="1:4" x14ac:dyDescent="0.25">
      <c r="A1893" t="s">
        <v>2976</v>
      </c>
      <c r="B1893" t="s">
        <v>2978</v>
      </c>
      <c r="C1893">
        <v>2</v>
      </c>
      <c r="D1893">
        <v>0</v>
      </c>
    </row>
    <row r="1894" spans="1:4" x14ac:dyDescent="0.25">
      <c r="A1894" t="s">
        <v>2976</v>
      </c>
      <c r="B1894" t="s">
        <v>2979</v>
      </c>
      <c r="C1894">
        <v>1</v>
      </c>
      <c r="D1894">
        <v>0</v>
      </c>
    </row>
    <row r="1895" spans="1:4" x14ac:dyDescent="0.25">
      <c r="A1895" t="s">
        <v>2980</v>
      </c>
      <c r="B1895" t="s">
        <v>2981</v>
      </c>
      <c r="C1895">
        <v>0</v>
      </c>
      <c r="D1895">
        <v>0</v>
      </c>
    </row>
    <row r="1896" spans="1:4" x14ac:dyDescent="0.25">
      <c r="A1896" t="s">
        <v>2982</v>
      </c>
      <c r="B1896" t="s">
        <v>2983</v>
      </c>
      <c r="C1896">
        <v>1</v>
      </c>
      <c r="D1896">
        <v>0</v>
      </c>
    </row>
    <row r="1897" spans="1:4" x14ac:dyDescent="0.25">
      <c r="A1897" t="s">
        <v>2984</v>
      </c>
      <c r="B1897" t="s">
        <v>2985</v>
      </c>
      <c r="C1897">
        <v>2</v>
      </c>
      <c r="D1897">
        <v>0</v>
      </c>
    </row>
    <row r="1898" spans="1:4" x14ac:dyDescent="0.25">
      <c r="A1898" t="s">
        <v>2984</v>
      </c>
      <c r="B1898" t="s">
        <v>2986</v>
      </c>
      <c r="C1898">
        <v>1</v>
      </c>
      <c r="D1898">
        <v>0</v>
      </c>
    </row>
    <row r="1899" spans="1:4" x14ac:dyDescent="0.25">
      <c r="A1899" t="s">
        <v>2987</v>
      </c>
      <c r="B1899" t="s">
        <v>2988</v>
      </c>
      <c r="C1899">
        <v>0</v>
      </c>
      <c r="D1899">
        <v>0</v>
      </c>
    </row>
    <row r="1900" spans="1:4" x14ac:dyDescent="0.25">
      <c r="A1900" t="s">
        <v>2987</v>
      </c>
      <c r="B1900" t="s">
        <v>2989</v>
      </c>
      <c r="C1900">
        <v>1</v>
      </c>
      <c r="D1900">
        <v>0</v>
      </c>
    </row>
    <row r="1901" spans="1:4" x14ac:dyDescent="0.25">
      <c r="A1901" t="s">
        <v>2990</v>
      </c>
      <c r="B1901" t="s">
        <v>2991</v>
      </c>
      <c r="C1901">
        <v>0</v>
      </c>
      <c r="D1901">
        <v>0</v>
      </c>
    </row>
    <row r="1902" spans="1:4" x14ac:dyDescent="0.25">
      <c r="A1902" t="s">
        <v>2992</v>
      </c>
      <c r="B1902" t="s">
        <v>2993</v>
      </c>
      <c r="C1902">
        <v>0</v>
      </c>
      <c r="D1902">
        <v>0</v>
      </c>
    </row>
    <row r="1903" spans="1:4" x14ac:dyDescent="0.25">
      <c r="A1903" t="s">
        <v>2992</v>
      </c>
      <c r="B1903" t="s">
        <v>2994</v>
      </c>
      <c r="C1903">
        <v>0</v>
      </c>
      <c r="D1903">
        <v>0</v>
      </c>
    </row>
    <row r="1904" spans="1:4" x14ac:dyDescent="0.25">
      <c r="A1904" t="s">
        <v>2992</v>
      </c>
      <c r="B1904" t="s">
        <v>2995</v>
      </c>
      <c r="C1904">
        <v>0</v>
      </c>
      <c r="D1904">
        <v>0</v>
      </c>
    </row>
    <row r="1905" spans="1:4" x14ac:dyDescent="0.25">
      <c r="A1905" t="s">
        <v>2996</v>
      </c>
      <c r="B1905" t="s">
        <v>2997</v>
      </c>
      <c r="C1905">
        <v>0</v>
      </c>
      <c r="D1905">
        <v>0</v>
      </c>
    </row>
    <row r="1906" spans="1:4" x14ac:dyDescent="0.25">
      <c r="A1906" t="s">
        <v>2996</v>
      </c>
      <c r="B1906" t="s">
        <v>2998</v>
      </c>
      <c r="C1906">
        <v>0</v>
      </c>
      <c r="D1906">
        <v>0</v>
      </c>
    </row>
    <row r="1907" spans="1:4" x14ac:dyDescent="0.25">
      <c r="A1907" t="s">
        <v>2999</v>
      </c>
      <c r="B1907" t="s">
        <v>3000</v>
      </c>
      <c r="C1907">
        <v>0</v>
      </c>
      <c r="D1907">
        <v>0</v>
      </c>
    </row>
    <row r="1908" spans="1:4" x14ac:dyDescent="0.25">
      <c r="A1908" t="s">
        <v>3001</v>
      </c>
      <c r="B1908" t="s">
        <v>816</v>
      </c>
      <c r="C1908">
        <v>1</v>
      </c>
      <c r="D1908">
        <v>0</v>
      </c>
    </row>
    <row r="1909" spans="1:4" x14ac:dyDescent="0.25">
      <c r="A1909" t="s">
        <v>3002</v>
      </c>
      <c r="B1909" t="s">
        <v>3003</v>
      </c>
      <c r="C1909">
        <v>2</v>
      </c>
      <c r="D1909">
        <v>0</v>
      </c>
    </row>
    <row r="1910" spans="1:4" x14ac:dyDescent="0.25">
      <c r="A1910" t="s">
        <v>3004</v>
      </c>
      <c r="B1910" t="s">
        <v>3005</v>
      </c>
      <c r="C1910">
        <v>0</v>
      </c>
      <c r="D1910">
        <v>0</v>
      </c>
    </row>
    <row r="1911" spans="1:4" x14ac:dyDescent="0.25">
      <c r="A1911" t="s">
        <v>3006</v>
      </c>
      <c r="B1911" t="s">
        <v>3007</v>
      </c>
      <c r="C1911">
        <v>0</v>
      </c>
      <c r="D1911">
        <v>0</v>
      </c>
    </row>
    <row r="1912" spans="1:4" x14ac:dyDescent="0.25">
      <c r="A1912" t="s">
        <v>3008</v>
      </c>
      <c r="B1912" t="s">
        <v>3009</v>
      </c>
      <c r="C1912">
        <v>1</v>
      </c>
      <c r="D1912">
        <v>0</v>
      </c>
    </row>
    <row r="1913" spans="1:4" x14ac:dyDescent="0.25">
      <c r="A1913" t="s">
        <v>3008</v>
      </c>
      <c r="B1913" t="s">
        <v>3010</v>
      </c>
      <c r="C1913">
        <v>0</v>
      </c>
      <c r="D1913">
        <v>0</v>
      </c>
    </row>
    <row r="1914" spans="1:4" x14ac:dyDescent="0.25">
      <c r="A1914" t="s">
        <v>3011</v>
      </c>
      <c r="B1914" t="s">
        <v>3012</v>
      </c>
      <c r="C1914">
        <v>1</v>
      </c>
      <c r="D1914">
        <v>0</v>
      </c>
    </row>
    <row r="1915" spans="1:4" x14ac:dyDescent="0.25">
      <c r="A1915" t="s">
        <v>3011</v>
      </c>
      <c r="B1915" t="s">
        <v>3013</v>
      </c>
      <c r="C1915">
        <v>0</v>
      </c>
      <c r="D1915">
        <v>0</v>
      </c>
    </row>
    <row r="1916" spans="1:4" x14ac:dyDescent="0.25">
      <c r="A1916" t="s">
        <v>3011</v>
      </c>
      <c r="B1916" t="s">
        <v>3014</v>
      </c>
      <c r="C1916">
        <v>2</v>
      </c>
      <c r="D1916">
        <v>0</v>
      </c>
    </row>
    <row r="1917" spans="1:4" x14ac:dyDescent="0.25">
      <c r="A1917" t="s">
        <v>3015</v>
      </c>
      <c r="B1917" t="s">
        <v>3016</v>
      </c>
      <c r="C1917">
        <v>2</v>
      </c>
      <c r="D1917">
        <v>0</v>
      </c>
    </row>
    <row r="1918" spans="1:4" x14ac:dyDescent="0.25">
      <c r="A1918" t="s">
        <v>3015</v>
      </c>
      <c r="B1918" t="s">
        <v>3017</v>
      </c>
      <c r="C1918">
        <v>2</v>
      </c>
      <c r="D1918">
        <v>0</v>
      </c>
    </row>
    <row r="1919" spans="1:4" x14ac:dyDescent="0.25">
      <c r="A1919" t="s">
        <v>3015</v>
      </c>
      <c r="B1919" t="s">
        <v>3018</v>
      </c>
      <c r="C1919">
        <v>2</v>
      </c>
      <c r="D1919">
        <v>0</v>
      </c>
    </row>
    <row r="1920" spans="1:4" x14ac:dyDescent="0.25">
      <c r="A1920" t="s">
        <v>3019</v>
      </c>
      <c r="B1920" t="s">
        <v>3020</v>
      </c>
      <c r="C1920">
        <v>1</v>
      </c>
      <c r="D1920">
        <v>0</v>
      </c>
    </row>
    <row r="1921" spans="1:4" x14ac:dyDescent="0.25">
      <c r="A1921" t="s">
        <v>3019</v>
      </c>
      <c r="B1921" t="s">
        <v>3021</v>
      </c>
      <c r="C1921">
        <v>1</v>
      </c>
      <c r="D1921">
        <v>0</v>
      </c>
    </row>
    <row r="1922" spans="1:4" x14ac:dyDescent="0.25">
      <c r="A1922" t="s">
        <v>3022</v>
      </c>
      <c r="B1922" t="s">
        <v>3023</v>
      </c>
      <c r="C1922">
        <v>1</v>
      </c>
      <c r="D1922">
        <v>0</v>
      </c>
    </row>
    <row r="1923" spans="1:4" x14ac:dyDescent="0.25">
      <c r="A1923" t="s">
        <v>3022</v>
      </c>
      <c r="B1923" t="s">
        <v>3024</v>
      </c>
      <c r="C1923">
        <v>1</v>
      </c>
      <c r="D1923">
        <v>0</v>
      </c>
    </row>
    <row r="1924" spans="1:4" x14ac:dyDescent="0.25">
      <c r="A1924" t="s">
        <v>3022</v>
      </c>
      <c r="B1924" t="s">
        <v>3025</v>
      </c>
      <c r="C1924">
        <v>1</v>
      </c>
      <c r="D1924">
        <v>0</v>
      </c>
    </row>
    <row r="1925" spans="1:4" x14ac:dyDescent="0.25">
      <c r="A1925" t="s">
        <v>3026</v>
      </c>
      <c r="B1925" t="s">
        <v>816</v>
      </c>
      <c r="C1925">
        <v>1</v>
      </c>
      <c r="D1925">
        <v>0</v>
      </c>
    </row>
    <row r="1926" spans="1:4" x14ac:dyDescent="0.25">
      <c r="A1926" t="s">
        <v>3027</v>
      </c>
      <c r="B1926" t="s">
        <v>3028</v>
      </c>
      <c r="C1926">
        <v>1</v>
      </c>
      <c r="D1926">
        <v>0</v>
      </c>
    </row>
    <row r="1927" spans="1:4" x14ac:dyDescent="0.25">
      <c r="A1927" t="s">
        <v>3027</v>
      </c>
      <c r="B1927" t="s">
        <v>3029</v>
      </c>
      <c r="C1927">
        <v>1</v>
      </c>
      <c r="D1927">
        <v>0</v>
      </c>
    </row>
    <row r="1928" spans="1:4" x14ac:dyDescent="0.25">
      <c r="A1928" t="s">
        <v>3027</v>
      </c>
      <c r="B1928" t="s">
        <v>3030</v>
      </c>
      <c r="C1928">
        <v>1</v>
      </c>
      <c r="D1928">
        <v>0</v>
      </c>
    </row>
    <row r="1929" spans="1:4" x14ac:dyDescent="0.25">
      <c r="A1929" t="s">
        <v>3031</v>
      </c>
      <c r="B1929" t="s">
        <v>3032</v>
      </c>
      <c r="C1929">
        <v>2</v>
      </c>
      <c r="D1929">
        <v>0</v>
      </c>
    </row>
    <row r="1930" spans="1:4" x14ac:dyDescent="0.25">
      <c r="A1930" t="s">
        <v>3033</v>
      </c>
      <c r="B1930" t="s">
        <v>1567</v>
      </c>
      <c r="C1930">
        <v>0</v>
      </c>
      <c r="D1930">
        <v>0</v>
      </c>
    </row>
    <row r="1931" spans="1:4" x14ac:dyDescent="0.25">
      <c r="A1931" t="s">
        <v>3034</v>
      </c>
      <c r="B1931" t="s">
        <v>398</v>
      </c>
      <c r="C1931">
        <v>0</v>
      </c>
      <c r="D1931">
        <v>0</v>
      </c>
    </row>
    <row r="1932" spans="1:4" x14ac:dyDescent="0.25">
      <c r="A1932" t="s">
        <v>3034</v>
      </c>
      <c r="B1932" t="s">
        <v>3035</v>
      </c>
      <c r="C1932">
        <v>1</v>
      </c>
      <c r="D1932">
        <v>0</v>
      </c>
    </row>
    <row r="1933" spans="1:4" x14ac:dyDescent="0.25">
      <c r="A1933" t="s">
        <v>3036</v>
      </c>
      <c r="B1933" t="s">
        <v>3037</v>
      </c>
      <c r="C1933">
        <v>2</v>
      </c>
      <c r="D1933">
        <v>0</v>
      </c>
    </row>
    <row r="1934" spans="1:4" x14ac:dyDescent="0.25">
      <c r="A1934" t="s">
        <v>3036</v>
      </c>
      <c r="B1934" t="s">
        <v>3038</v>
      </c>
      <c r="C1934">
        <v>0</v>
      </c>
      <c r="D1934">
        <v>0</v>
      </c>
    </row>
    <row r="1935" spans="1:4" x14ac:dyDescent="0.25">
      <c r="A1935" t="s">
        <v>3039</v>
      </c>
      <c r="B1935" t="s">
        <v>3040</v>
      </c>
      <c r="C1935">
        <v>0</v>
      </c>
      <c r="D1935">
        <v>0</v>
      </c>
    </row>
    <row r="1936" spans="1:4" x14ac:dyDescent="0.25">
      <c r="A1936" t="s">
        <v>3041</v>
      </c>
      <c r="B1936" t="s">
        <v>3042</v>
      </c>
      <c r="C1936">
        <v>1</v>
      </c>
      <c r="D1936">
        <v>0</v>
      </c>
    </row>
    <row r="1937" spans="1:4" x14ac:dyDescent="0.25">
      <c r="A1937" t="s">
        <v>3043</v>
      </c>
      <c r="B1937" t="s">
        <v>3044</v>
      </c>
      <c r="C1937">
        <v>2</v>
      </c>
      <c r="D1937">
        <v>0</v>
      </c>
    </row>
    <row r="1938" spans="1:4" x14ac:dyDescent="0.25">
      <c r="A1938" t="s">
        <v>3045</v>
      </c>
      <c r="B1938" t="s">
        <v>3046</v>
      </c>
      <c r="C1938">
        <v>2</v>
      </c>
      <c r="D1938">
        <v>0</v>
      </c>
    </row>
    <row r="1939" spans="1:4" x14ac:dyDescent="0.25">
      <c r="A1939" t="s">
        <v>3047</v>
      </c>
      <c r="B1939" t="s">
        <v>3048</v>
      </c>
      <c r="C1939">
        <v>0</v>
      </c>
      <c r="D1939">
        <v>0</v>
      </c>
    </row>
    <row r="1940" spans="1:4" x14ac:dyDescent="0.25">
      <c r="A1940" t="s">
        <v>3047</v>
      </c>
      <c r="B1940" t="s">
        <v>3049</v>
      </c>
      <c r="C1940">
        <v>1</v>
      </c>
      <c r="D1940">
        <v>0</v>
      </c>
    </row>
    <row r="1941" spans="1:4" x14ac:dyDescent="0.25">
      <c r="A1941" t="s">
        <v>3050</v>
      </c>
      <c r="B1941" t="s">
        <v>3051</v>
      </c>
      <c r="C1941">
        <v>1</v>
      </c>
      <c r="D1941">
        <v>0</v>
      </c>
    </row>
    <row r="1942" spans="1:4" x14ac:dyDescent="0.25">
      <c r="A1942" t="s">
        <v>3050</v>
      </c>
      <c r="B1942" t="s">
        <v>3052</v>
      </c>
      <c r="C1942">
        <v>1</v>
      </c>
      <c r="D1942">
        <v>0</v>
      </c>
    </row>
    <row r="1943" spans="1:4" x14ac:dyDescent="0.25">
      <c r="A1943" t="s">
        <v>3050</v>
      </c>
      <c r="B1943" t="s">
        <v>3053</v>
      </c>
      <c r="C1943">
        <v>0</v>
      </c>
      <c r="D1943">
        <v>0</v>
      </c>
    </row>
    <row r="1944" spans="1:4" x14ac:dyDescent="0.25">
      <c r="A1944" t="s">
        <v>3054</v>
      </c>
      <c r="B1944" t="s">
        <v>3055</v>
      </c>
      <c r="C1944">
        <v>0</v>
      </c>
      <c r="D1944">
        <v>0</v>
      </c>
    </row>
    <row r="1945" spans="1:4" x14ac:dyDescent="0.25">
      <c r="A1945" t="s">
        <v>3054</v>
      </c>
      <c r="B1945" t="s">
        <v>3056</v>
      </c>
      <c r="C1945">
        <v>0</v>
      </c>
      <c r="D1945">
        <v>0</v>
      </c>
    </row>
    <row r="1946" spans="1:4" x14ac:dyDescent="0.25">
      <c r="A1946" t="s">
        <v>3057</v>
      </c>
      <c r="B1946" t="s">
        <v>3058</v>
      </c>
      <c r="C1946">
        <v>1</v>
      </c>
      <c r="D1946">
        <v>0</v>
      </c>
    </row>
    <row r="1947" spans="1:4" x14ac:dyDescent="0.25">
      <c r="A1947" t="s">
        <v>3057</v>
      </c>
      <c r="B1947" t="s">
        <v>3059</v>
      </c>
      <c r="C1947">
        <v>0</v>
      </c>
      <c r="D1947">
        <v>0</v>
      </c>
    </row>
    <row r="1948" spans="1:4" x14ac:dyDescent="0.25">
      <c r="A1948" t="s">
        <v>3060</v>
      </c>
      <c r="B1948" t="s">
        <v>3061</v>
      </c>
      <c r="C1948">
        <v>1</v>
      </c>
      <c r="D1948">
        <v>0</v>
      </c>
    </row>
    <row r="1949" spans="1:4" x14ac:dyDescent="0.25">
      <c r="A1949" t="s">
        <v>3062</v>
      </c>
      <c r="B1949" t="s">
        <v>3063</v>
      </c>
      <c r="C1949">
        <v>0</v>
      </c>
      <c r="D1949">
        <v>0</v>
      </c>
    </row>
    <row r="1950" spans="1:4" x14ac:dyDescent="0.25">
      <c r="A1950" t="s">
        <v>3064</v>
      </c>
      <c r="B1950" t="s">
        <v>398</v>
      </c>
      <c r="C1950">
        <v>0</v>
      </c>
      <c r="D1950">
        <v>0</v>
      </c>
    </row>
    <row r="1951" spans="1:4" x14ac:dyDescent="0.25">
      <c r="A1951" t="s">
        <v>3065</v>
      </c>
      <c r="B1951" t="s">
        <v>3066</v>
      </c>
      <c r="C1951">
        <v>1</v>
      </c>
      <c r="D1951">
        <v>0</v>
      </c>
    </row>
    <row r="1952" spans="1:4" x14ac:dyDescent="0.25">
      <c r="A1952" t="s">
        <v>3067</v>
      </c>
      <c r="B1952" t="s">
        <v>3068</v>
      </c>
      <c r="C1952">
        <v>1</v>
      </c>
      <c r="D1952">
        <v>0</v>
      </c>
    </row>
    <row r="1953" spans="1:4" x14ac:dyDescent="0.25">
      <c r="A1953" t="s">
        <v>3069</v>
      </c>
      <c r="B1953" t="s">
        <v>3070</v>
      </c>
      <c r="C1953">
        <v>0</v>
      </c>
      <c r="D1953">
        <v>0</v>
      </c>
    </row>
    <row r="1954" spans="1:4" x14ac:dyDescent="0.25">
      <c r="A1954" t="s">
        <v>3071</v>
      </c>
      <c r="B1954" t="s">
        <v>1499</v>
      </c>
      <c r="C1954">
        <v>1</v>
      </c>
      <c r="D1954">
        <v>0</v>
      </c>
    </row>
    <row r="1955" spans="1:4" x14ac:dyDescent="0.25">
      <c r="A1955" t="s">
        <v>3072</v>
      </c>
      <c r="B1955" t="s">
        <v>3073</v>
      </c>
      <c r="C1955">
        <v>0</v>
      </c>
      <c r="D1955">
        <v>0</v>
      </c>
    </row>
    <row r="1956" spans="1:4" x14ac:dyDescent="0.25">
      <c r="A1956" t="s">
        <v>3074</v>
      </c>
      <c r="B1956" t="s">
        <v>3075</v>
      </c>
      <c r="C1956">
        <v>0</v>
      </c>
      <c r="D1956">
        <v>0</v>
      </c>
    </row>
    <row r="1957" spans="1:4" x14ac:dyDescent="0.25">
      <c r="A1957" t="s">
        <v>3074</v>
      </c>
      <c r="B1957" t="s">
        <v>3076</v>
      </c>
      <c r="C1957">
        <v>0</v>
      </c>
      <c r="D1957">
        <v>0</v>
      </c>
    </row>
    <row r="1958" spans="1:4" x14ac:dyDescent="0.25">
      <c r="A1958" t="s">
        <v>3077</v>
      </c>
      <c r="B1958" t="s">
        <v>3078</v>
      </c>
      <c r="C1958">
        <v>1</v>
      </c>
      <c r="D1958">
        <v>0</v>
      </c>
    </row>
    <row r="1959" spans="1:4" x14ac:dyDescent="0.25">
      <c r="A1959" t="s">
        <v>3079</v>
      </c>
      <c r="B1959" t="s">
        <v>3080</v>
      </c>
      <c r="C1959">
        <v>0</v>
      </c>
      <c r="D1959">
        <v>0</v>
      </c>
    </row>
    <row r="1960" spans="1:4" x14ac:dyDescent="0.25">
      <c r="A1960" t="s">
        <v>3079</v>
      </c>
      <c r="B1960" t="s">
        <v>3081</v>
      </c>
      <c r="C1960">
        <v>2</v>
      </c>
      <c r="D1960">
        <v>0</v>
      </c>
    </row>
    <row r="1961" spans="1:4" x14ac:dyDescent="0.25">
      <c r="A1961" t="s">
        <v>3082</v>
      </c>
      <c r="B1961" t="s">
        <v>3083</v>
      </c>
      <c r="C1961">
        <v>1</v>
      </c>
      <c r="D1961">
        <v>0</v>
      </c>
    </row>
    <row r="1962" spans="1:4" x14ac:dyDescent="0.25">
      <c r="A1962" t="s">
        <v>3084</v>
      </c>
      <c r="B1962" t="s">
        <v>1001</v>
      </c>
      <c r="C1962">
        <v>1</v>
      </c>
      <c r="D1962">
        <v>0</v>
      </c>
    </row>
    <row r="1963" spans="1:4" x14ac:dyDescent="0.25">
      <c r="A1963" t="s">
        <v>3084</v>
      </c>
      <c r="B1963" t="s">
        <v>3085</v>
      </c>
      <c r="C1963">
        <v>0</v>
      </c>
      <c r="D1963">
        <v>0</v>
      </c>
    </row>
    <row r="1964" spans="1:4" x14ac:dyDescent="0.25">
      <c r="A1964" t="s">
        <v>3086</v>
      </c>
      <c r="B1964" t="s">
        <v>3087</v>
      </c>
      <c r="C1964">
        <v>2</v>
      </c>
      <c r="D1964">
        <v>0</v>
      </c>
    </row>
    <row r="1965" spans="1:4" x14ac:dyDescent="0.25">
      <c r="A1965" t="s">
        <v>3086</v>
      </c>
      <c r="B1965" t="s">
        <v>3088</v>
      </c>
      <c r="C1965">
        <v>1</v>
      </c>
      <c r="D1965">
        <v>0</v>
      </c>
    </row>
    <row r="1966" spans="1:4" x14ac:dyDescent="0.25">
      <c r="A1966" t="s">
        <v>3086</v>
      </c>
      <c r="B1966" t="s">
        <v>3089</v>
      </c>
      <c r="C1966">
        <v>1</v>
      </c>
      <c r="D1966">
        <v>0</v>
      </c>
    </row>
    <row r="1967" spans="1:4" x14ac:dyDescent="0.25">
      <c r="A1967" t="s">
        <v>3090</v>
      </c>
      <c r="B1967" t="s">
        <v>3091</v>
      </c>
      <c r="C1967">
        <v>1</v>
      </c>
      <c r="D1967">
        <v>0</v>
      </c>
    </row>
    <row r="1968" spans="1:4" x14ac:dyDescent="0.25">
      <c r="A1968" t="s">
        <v>3092</v>
      </c>
      <c r="B1968" t="s">
        <v>843</v>
      </c>
      <c r="C1968">
        <v>1</v>
      </c>
      <c r="D1968">
        <v>0</v>
      </c>
    </row>
    <row r="1969" spans="1:4" x14ac:dyDescent="0.25">
      <c r="A1969" t="s">
        <v>3093</v>
      </c>
      <c r="B1969" t="s">
        <v>3094</v>
      </c>
      <c r="C1969">
        <v>1</v>
      </c>
      <c r="D1969">
        <v>0</v>
      </c>
    </row>
    <row r="1970" spans="1:4" x14ac:dyDescent="0.25">
      <c r="A1970" t="s">
        <v>3095</v>
      </c>
      <c r="B1970" t="s">
        <v>3096</v>
      </c>
      <c r="C1970">
        <v>1</v>
      </c>
      <c r="D1970">
        <v>0</v>
      </c>
    </row>
    <row r="1971" spans="1:4" x14ac:dyDescent="0.25">
      <c r="A1971" t="s">
        <v>3097</v>
      </c>
      <c r="B1971" t="s">
        <v>3098</v>
      </c>
      <c r="C1971">
        <v>2</v>
      </c>
      <c r="D1971">
        <v>0</v>
      </c>
    </row>
    <row r="1972" spans="1:4" x14ac:dyDescent="0.25">
      <c r="A1972" t="s">
        <v>3097</v>
      </c>
      <c r="B1972" t="s">
        <v>3099</v>
      </c>
      <c r="C1972">
        <v>0</v>
      </c>
      <c r="D1972">
        <v>0</v>
      </c>
    </row>
    <row r="1973" spans="1:4" x14ac:dyDescent="0.25">
      <c r="A1973" t="s">
        <v>3097</v>
      </c>
      <c r="B1973" t="s">
        <v>3100</v>
      </c>
      <c r="C1973">
        <v>1</v>
      </c>
      <c r="D1973">
        <v>0</v>
      </c>
    </row>
    <row r="1974" spans="1:4" x14ac:dyDescent="0.25">
      <c r="A1974" t="s">
        <v>3101</v>
      </c>
      <c r="B1974" t="s">
        <v>3102</v>
      </c>
      <c r="C1974">
        <v>1</v>
      </c>
      <c r="D1974">
        <v>0</v>
      </c>
    </row>
    <row r="1975" spans="1:4" x14ac:dyDescent="0.25">
      <c r="A1975" t="s">
        <v>3101</v>
      </c>
      <c r="B1975" t="s">
        <v>3103</v>
      </c>
      <c r="C1975">
        <v>1</v>
      </c>
      <c r="D1975">
        <v>0</v>
      </c>
    </row>
    <row r="1976" spans="1:4" x14ac:dyDescent="0.25">
      <c r="A1976" t="s">
        <v>3104</v>
      </c>
      <c r="B1976" t="s">
        <v>969</v>
      </c>
      <c r="C1976">
        <v>0</v>
      </c>
      <c r="D1976">
        <v>0</v>
      </c>
    </row>
    <row r="1977" spans="1:4" x14ac:dyDescent="0.25">
      <c r="A1977" t="s">
        <v>3105</v>
      </c>
      <c r="B1977" t="s">
        <v>1001</v>
      </c>
      <c r="C1977">
        <v>1</v>
      </c>
      <c r="D1977">
        <v>0</v>
      </c>
    </row>
    <row r="1978" spans="1:4" x14ac:dyDescent="0.25">
      <c r="A1978" t="s">
        <v>3106</v>
      </c>
      <c r="B1978" t="s">
        <v>1401</v>
      </c>
      <c r="C1978">
        <v>0</v>
      </c>
      <c r="D1978">
        <v>0</v>
      </c>
    </row>
    <row r="1979" spans="1:4" x14ac:dyDescent="0.25">
      <c r="A1979" t="s">
        <v>3107</v>
      </c>
      <c r="B1979" t="s">
        <v>3108</v>
      </c>
      <c r="C1979">
        <v>1</v>
      </c>
      <c r="D1979">
        <v>0</v>
      </c>
    </row>
    <row r="1980" spans="1:4" x14ac:dyDescent="0.25">
      <c r="A1980" t="s">
        <v>3109</v>
      </c>
      <c r="B1980" t="s">
        <v>843</v>
      </c>
      <c r="C1980">
        <v>1</v>
      </c>
      <c r="D1980">
        <v>0</v>
      </c>
    </row>
    <row r="1981" spans="1:4" x14ac:dyDescent="0.25">
      <c r="A1981" t="s">
        <v>3109</v>
      </c>
      <c r="B1981" t="s">
        <v>3110</v>
      </c>
      <c r="C1981">
        <v>0</v>
      </c>
      <c r="D1981">
        <v>0</v>
      </c>
    </row>
    <row r="1982" spans="1:4" x14ac:dyDescent="0.25">
      <c r="A1982" t="s">
        <v>3111</v>
      </c>
      <c r="B1982" t="s">
        <v>843</v>
      </c>
      <c r="C1982">
        <v>1</v>
      </c>
      <c r="D1982">
        <v>0</v>
      </c>
    </row>
    <row r="1983" spans="1:4" x14ac:dyDescent="0.25">
      <c r="A1983" t="s">
        <v>3112</v>
      </c>
      <c r="B1983" t="s">
        <v>1499</v>
      </c>
      <c r="C1983">
        <v>1</v>
      </c>
      <c r="D1983">
        <v>0</v>
      </c>
    </row>
    <row r="1984" spans="1:4" x14ac:dyDescent="0.25">
      <c r="A1984" t="s">
        <v>3113</v>
      </c>
      <c r="B1984" t="s">
        <v>3114</v>
      </c>
      <c r="C1984">
        <v>1</v>
      </c>
      <c r="D1984">
        <v>0</v>
      </c>
    </row>
    <row r="1985" spans="1:4" x14ac:dyDescent="0.25">
      <c r="A1985" t="s">
        <v>3113</v>
      </c>
      <c r="B1985" t="s">
        <v>3115</v>
      </c>
      <c r="C1985">
        <v>0</v>
      </c>
      <c r="D1985">
        <v>0</v>
      </c>
    </row>
    <row r="1986" spans="1:4" x14ac:dyDescent="0.25">
      <c r="A1986" t="s">
        <v>3113</v>
      </c>
      <c r="B1986" t="s">
        <v>3116</v>
      </c>
      <c r="C1986">
        <v>2</v>
      </c>
      <c r="D1986">
        <v>0</v>
      </c>
    </row>
    <row r="1987" spans="1:4" x14ac:dyDescent="0.25">
      <c r="A1987" t="s">
        <v>3117</v>
      </c>
      <c r="B1987" t="s">
        <v>3118</v>
      </c>
      <c r="C1987">
        <v>1</v>
      </c>
      <c r="D1987">
        <v>0</v>
      </c>
    </row>
    <row r="1988" spans="1:4" x14ac:dyDescent="0.25">
      <c r="A1988" t="s">
        <v>3117</v>
      </c>
      <c r="B1988" t="s">
        <v>3119</v>
      </c>
      <c r="C1988">
        <v>1</v>
      </c>
      <c r="D1988">
        <v>0</v>
      </c>
    </row>
    <row r="1989" spans="1:4" x14ac:dyDescent="0.25">
      <c r="A1989" t="s">
        <v>3117</v>
      </c>
      <c r="B1989" t="s">
        <v>3120</v>
      </c>
      <c r="C1989">
        <v>1</v>
      </c>
      <c r="D1989">
        <v>0</v>
      </c>
    </row>
    <row r="1990" spans="1:4" x14ac:dyDescent="0.25">
      <c r="A1990" t="s">
        <v>3121</v>
      </c>
      <c r="B1990" t="s">
        <v>3122</v>
      </c>
      <c r="C1990">
        <v>0</v>
      </c>
      <c r="D1990">
        <v>0</v>
      </c>
    </row>
    <row r="1991" spans="1:4" x14ac:dyDescent="0.25">
      <c r="A1991" t="s">
        <v>3121</v>
      </c>
      <c r="B1991" t="s">
        <v>3123</v>
      </c>
      <c r="C1991">
        <v>0</v>
      </c>
      <c r="D1991">
        <v>0</v>
      </c>
    </row>
    <row r="1992" spans="1:4" x14ac:dyDescent="0.25">
      <c r="A1992" t="s">
        <v>3121</v>
      </c>
      <c r="B1992" t="s">
        <v>3124</v>
      </c>
      <c r="C1992">
        <v>1</v>
      </c>
      <c r="D1992">
        <v>0</v>
      </c>
    </row>
    <row r="1993" spans="1:4" x14ac:dyDescent="0.25">
      <c r="A1993" t="s">
        <v>3125</v>
      </c>
      <c r="B1993" t="s">
        <v>3126</v>
      </c>
      <c r="C1993">
        <v>0</v>
      </c>
      <c r="D1993">
        <v>0</v>
      </c>
    </row>
    <row r="1994" spans="1:4" x14ac:dyDescent="0.25">
      <c r="A1994" t="s">
        <v>3125</v>
      </c>
      <c r="B1994" t="s">
        <v>3127</v>
      </c>
      <c r="C1994">
        <v>1</v>
      </c>
      <c r="D1994">
        <v>0</v>
      </c>
    </row>
    <row r="1995" spans="1:4" x14ac:dyDescent="0.25">
      <c r="A1995" t="s">
        <v>3128</v>
      </c>
      <c r="B1995" t="s">
        <v>3129</v>
      </c>
      <c r="C1995">
        <v>0</v>
      </c>
      <c r="D1995">
        <v>0</v>
      </c>
    </row>
    <row r="1996" spans="1:4" x14ac:dyDescent="0.25">
      <c r="A1996" t="s">
        <v>3130</v>
      </c>
      <c r="B1996" t="s">
        <v>3131</v>
      </c>
      <c r="C1996">
        <v>1</v>
      </c>
      <c r="D1996">
        <v>0</v>
      </c>
    </row>
    <row r="1997" spans="1:4" x14ac:dyDescent="0.25">
      <c r="A1997" t="s">
        <v>3130</v>
      </c>
      <c r="B1997" t="s">
        <v>3132</v>
      </c>
      <c r="C1997">
        <v>2</v>
      </c>
      <c r="D1997">
        <v>0</v>
      </c>
    </row>
    <row r="1998" spans="1:4" x14ac:dyDescent="0.25">
      <c r="A1998" t="s">
        <v>3133</v>
      </c>
      <c r="B1998" t="s">
        <v>3134</v>
      </c>
      <c r="C1998">
        <v>1</v>
      </c>
      <c r="D1998">
        <v>0</v>
      </c>
    </row>
    <row r="1999" spans="1:4" x14ac:dyDescent="0.25">
      <c r="A1999" t="s">
        <v>3135</v>
      </c>
      <c r="B1999" t="s">
        <v>2061</v>
      </c>
      <c r="C1999">
        <v>0</v>
      </c>
      <c r="D1999">
        <v>0</v>
      </c>
    </row>
    <row r="2000" spans="1:4" x14ac:dyDescent="0.25">
      <c r="A2000" t="s">
        <v>3136</v>
      </c>
      <c r="B2000" t="s">
        <v>3137</v>
      </c>
      <c r="C2000">
        <v>2</v>
      </c>
      <c r="D2000">
        <v>0</v>
      </c>
    </row>
    <row r="2001" spans="1:4" x14ac:dyDescent="0.25">
      <c r="A2001" t="s">
        <v>3136</v>
      </c>
      <c r="B2001" t="s">
        <v>3138</v>
      </c>
      <c r="C2001">
        <v>1</v>
      </c>
      <c r="D2001">
        <v>0</v>
      </c>
    </row>
    <row r="2002" spans="1:4" x14ac:dyDescent="0.25">
      <c r="A2002" t="s">
        <v>3139</v>
      </c>
      <c r="B2002" t="s">
        <v>3140</v>
      </c>
      <c r="C2002">
        <v>1</v>
      </c>
      <c r="D2002">
        <v>0</v>
      </c>
    </row>
    <row r="2003" spans="1:4" x14ac:dyDescent="0.25">
      <c r="A2003" t="s">
        <v>3139</v>
      </c>
      <c r="B2003" t="s">
        <v>3141</v>
      </c>
      <c r="C2003">
        <v>2</v>
      </c>
      <c r="D2003">
        <v>0</v>
      </c>
    </row>
    <row r="2004" spans="1:4" x14ac:dyDescent="0.25">
      <c r="A2004" t="s">
        <v>3139</v>
      </c>
      <c r="B2004" t="s">
        <v>3142</v>
      </c>
      <c r="C2004">
        <v>1</v>
      </c>
      <c r="D2004">
        <v>0</v>
      </c>
    </row>
    <row r="2005" spans="1:4" x14ac:dyDescent="0.25">
      <c r="A2005" t="s">
        <v>3143</v>
      </c>
      <c r="B2005" t="s">
        <v>3144</v>
      </c>
      <c r="C2005">
        <v>0</v>
      </c>
      <c r="D2005">
        <v>0</v>
      </c>
    </row>
    <row r="2006" spans="1:4" x14ac:dyDescent="0.25">
      <c r="A2006" t="s">
        <v>3145</v>
      </c>
      <c r="B2006" t="s">
        <v>3146</v>
      </c>
      <c r="C2006">
        <v>0</v>
      </c>
      <c r="D2006">
        <v>0</v>
      </c>
    </row>
    <row r="2007" spans="1:4" x14ac:dyDescent="0.25">
      <c r="A2007" t="s">
        <v>3147</v>
      </c>
      <c r="B2007" t="s">
        <v>3148</v>
      </c>
      <c r="C2007">
        <v>1</v>
      </c>
      <c r="D2007">
        <v>0</v>
      </c>
    </row>
    <row r="2008" spans="1:4" x14ac:dyDescent="0.25">
      <c r="A2008" t="s">
        <v>3147</v>
      </c>
      <c r="B2008" t="s">
        <v>3149</v>
      </c>
      <c r="C2008">
        <v>1</v>
      </c>
      <c r="D2008">
        <v>0</v>
      </c>
    </row>
    <row r="2009" spans="1:4" x14ac:dyDescent="0.25">
      <c r="A2009" t="s">
        <v>3150</v>
      </c>
      <c r="B2009" t="s">
        <v>3151</v>
      </c>
      <c r="C2009">
        <v>2</v>
      </c>
      <c r="D2009">
        <v>0</v>
      </c>
    </row>
    <row r="2010" spans="1:4" x14ac:dyDescent="0.25">
      <c r="A2010" t="s">
        <v>3152</v>
      </c>
      <c r="B2010" t="s">
        <v>3153</v>
      </c>
      <c r="C2010">
        <v>2</v>
      </c>
      <c r="D2010">
        <v>0</v>
      </c>
    </row>
    <row r="2011" spans="1:4" x14ac:dyDescent="0.25">
      <c r="A2011" t="s">
        <v>3152</v>
      </c>
      <c r="B2011" t="s">
        <v>3154</v>
      </c>
      <c r="C2011">
        <v>2</v>
      </c>
      <c r="D2011">
        <v>0</v>
      </c>
    </row>
    <row r="2012" spans="1:4" x14ac:dyDescent="0.25">
      <c r="A2012" t="s">
        <v>3152</v>
      </c>
      <c r="B2012" t="s">
        <v>3155</v>
      </c>
      <c r="C2012">
        <v>0</v>
      </c>
      <c r="D2012">
        <v>0</v>
      </c>
    </row>
    <row r="2013" spans="1:4" x14ac:dyDescent="0.25">
      <c r="A2013" t="s">
        <v>3156</v>
      </c>
      <c r="B2013" t="s">
        <v>3157</v>
      </c>
      <c r="C2013">
        <v>0</v>
      </c>
      <c r="D2013">
        <v>0</v>
      </c>
    </row>
    <row r="2014" spans="1:4" x14ac:dyDescent="0.25">
      <c r="A2014" t="s">
        <v>3156</v>
      </c>
      <c r="B2014" t="s">
        <v>3158</v>
      </c>
      <c r="C2014">
        <v>1</v>
      </c>
      <c r="D2014">
        <v>0</v>
      </c>
    </row>
    <row r="2015" spans="1:4" x14ac:dyDescent="0.25">
      <c r="A2015" t="s">
        <v>3159</v>
      </c>
      <c r="B2015" t="s">
        <v>3160</v>
      </c>
      <c r="C2015">
        <v>1</v>
      </c>
      <c r="D2015">
        <v>0</v>
      </c>
    </row>
    <row r="2016" spans="1:4" x14ac:dyDescent="0.25">
      <c r="A2016" t="s">
        <v>3161</v>
      </c>
      <c r="B2016" t="s">
        <v>3162</v>
      </c>
      <c r="C2016">
        <v>2</v>
      </c>
      <c r="D2016">
        <v>0</v>
      </c>
    </row>
    <row r="2017" spans="1:4" x14ac:dyDescent="0.25">
      <c r="A2017" t="s">
        <v>3161</v>
      </c>
      <c r="B2017" t="s">
        <v>3163</v>
      </c>
      <c r="C2017">
        <v>0</v>
      </c>
      <c r="D2017">
        <v>0</v>
      </c>
    </row>
    <row r="2018" spans="1:4" x14ac:dyDescent="0.25">
      <c r="A2018" t="s">
        <v>3161</v>
      </c>
      <c r="B2018" t="s">
        <v>3164</v>
      </c>
      <c r="C2018">
        <v>0</v>
      </c>
      <c r="D2018">
        <v>0</v>
      </c>
    </row>
    <row r="2019" spans="1:4" x14ac:dyDescent="0.25">
      <c r="A2019" t="s">
        <v>3165</v>
      </c>
      <c r="B2019" t="s">
        <v>3166</v>
      </c>
      <c r="C2019">
        <v>0</v>
      </c>
      <c r="D2019">
        <v>0</v>
      </c>
    </row>
    <row r="2020" spans="1:4" x14ac:dyDescent="0.25">
      <c r="A2020" t="s">
        <v>3165</v>
      </c>
      <c r="B2020" t="s">
        <v>3167</v>
      </c>
      <c r="C2020">
        <v>1</v>
      </c>
      <c r="D2020">
        <v>0</v>
      </c>
    </row>
    <row r="2021" spans="1:4" x14ac:dyDescent="0.25">
      <c r="A2021" t="s">
        <v>3168</v>
      </c>
      <c r="B2021" t="s">
        <v>3169</v>
      </c>
      <c r="C2021">
        <v>0</v>
      </c>
      <c r="D2021">
        <v>0</v>
      </c>
    </row>
    <row r="2022" spans="1:4" x14ac:dyDescent="0.25">
      <c r="A2022" t="s">
        <v>3168</v>
      </c>
      <c r="B2022" t="s">
        <v>3170</v>
      </c>
      <c r="C2022">
        <v>1</v>
      </c>
      <c r="D2022">
        <v>0</v>
      </c>
    </row>
    <row r="2023" spans="1:4" x14ac:dyDescent="0.25">
      <c r="A2023" t="s">
        <v>3171</v>
      </c>
      <c r="B2023" t="s">
        <v>3172</v>
      </c>
      <c r="C2023">
        <v>1</v>
      </c>
      <c r="D2023">
        <v>0</v>
      </c>
    </row>
    <row r="2024" spans="1:4" x14ac:dyDescent="0.25">
      <c r="A2024" t="s">
        <v>3171</v>
      </c>
      <c r="B2024" t="s">
        <v>3173</v>
      </c>
      <c r="C2024">
        <v>1</v>
      </c>
      <c r="D2024">
        <v>0</v>
      </c>
    </row>
    <row r="2025" spans="1:4" x14ac:dyDescent="0.25">
      <c r="A2025" t="s">
        <v>3174</v>
      </c>
      <c r="B2025" t="s">
        <v>1101</v>
      </c>
      <c r="C2025">
        <v>1</v>
      </c>
      <c r="D2025">
        <v>0</v>
      </c>
    </row>
    <row r="2026" spans="1:4" x14ac:dyDescent="0.25">
      <c r="A2026" t="s">
        <v>3175</v>
      </c>
      <c r="B2026" t="s">
        <v>3176</v>
      </c>
      <c r="C2026">
        <v>0</v>
      </c>
      <c r="D2026">
        <v>0</v>
      </c>
    </row>
    <row r="2027" spans="1:4" x14ac:dyDescent="0.25">
      <c r="A2027" t="s">
        <v>3177</v>
      </c>
      <c r="B2027" t="s">
        <v>3178</v>
      </c>
      <c r="C2027">
        <v>0</v>
      </c>
      <c r="D2027">
        <v>0</v>
      </c>
    </row>
    <row r="2028" spans="1:4" x14ac:dyDescent="0.25">
      <c r="A2028" t="s">
        <v>3179</v>
      </c>
      <c r="B2028" t="s">
        <v>2061</v>
      </c>
      <c r="C2028">
        <v>0</v>
      </c>
      <c r="D2028">
        <v>0</v>
      </c>
    </row>
    <row r="2029" spans="1:4" x14ac:dyDescent="0.25">
      <c r="A2029" t="s">
        <v>3180</v>
      </c>
      <c r="B2029" t="s">
        <v>1499</v>
      </c>
      <c r="C2029">
        <v>1</v>
      </c>
      <c r="D2029">
        <v>0</v>
      </c>
    </row>
    <row r="2030" spans="1:4" x14ac:dyDescent="0.25">
      <c r="A2030" t="s">
        <v>3181</v>
      </c>
      <c r="B2030" t="s">
        <v>3182</v>
      </c>
      <c r="C2030">
        <v>1</v>
      </c>
      <c r="D2030">
        <v>0</v>
      </c>
    </row>
    <row r="2031" spans="1:4" x14ac:dyDescent="0.25">
      <c r="A2031" t="s">
        <v>3181</v>
      </c>
      <c r="B2031" t="s">
        <v>3183</v>
      </c>
      <c r="C2031">
        <v>1</v>
      </c>
      <c r="D2031">
        <v>0</v>
      </c>
    </row>
    <row r="2032" spans="1:4" x14ac:dyDescent="0.25">
      <c r="A2032" t="s">
        <v>3181</v>
      </c>
      <c r="B2032" t="s">
        <v>3184</v>
      </c>
      <c r="C2032">
        <v>2</v>
      </c>
      <c r="D2032">
        <v>0</v>
      </c>
    </row>
    <row r="2033" spans="1:4" x14ac:dyDescent="0.25">
      <c r="A2033" t="s">
        <v>3185</v>
      </c>
      <c r="B2033" t="s">
        <v>3186</v>
      </c>
      <c r="C2033">
        <v>2</v>
      </c>
      <c r="D2033">
        <v>0</v>
      </c>
    </row>
    <row r="2034" spans="1:4" x14ac:dyDescent="0.25">
      <c r="A2034" t="s">
        <v>3185</v>
      </c>
      <c r="B2034" t="s">
        <v>3187</v>
      </c>
      <c r="C2034">
        <v>0</v>
      </c>
      <c r="D2034">
        <v>0</v>
      </c>
    </row>
    <row r="2035" spans="1:4" x14ac:dyDescent="0.25">
      <c r="A2035" t="s">
        <v>3185</v>
      </c>
      <c r="B2035" t="s">
        <v>3188</v>
      </c>
      <c r="C2035">
        <v>1</v>
      </c>
      <c r="D2035">
        <v>0</v>
      </c>
    </row>
    <row r="2036" spans="1:4" x14ac:dyDescent="0.25">
      <c r="A2036" t="s">
        <v>3189</v>
      </c>
      <c r="B2036" t="s">
        <v>3190</v>
      </c>
      <c r="C2036">
        <v>0</v>
      </c>
      <c r="D2036">
        <v>0</v>
      </c>
    </row>
    <row r="2037" spans="1:4" x14ac:dyDescent="0.25">
      <c r="A2037" t="s">
        <v>3191</v>
      </c>
      <c r="B2037" t="s">
        <v>3192</v>
      </c>
      <c r="C2037">
        <v>0</v>
      </c>
      <c r="D2037">
        <v>0</v>
      </c>
    </row>
    <row r="2038" spans="1:4" x14ac:dyDescent="0.25">
      <c r="A2038" t="s">
        <v>3193</v>
      </c>
      <c r="B2038" t="s">
        <v>1763</v>
      </c>
      <c r="C2038">
        <v>1</v>
      </c>
      <c r="D2038">
        <v>0</v>
      </c>
    </row>
    <row r="2039" spans="1:4" x14ac:dyDescent="0.25">
      <c r="A2039" t="s">
        <v>3194</v>
      </c>
      <c r="B2039" t="s">
        <v>3195</v>
      </c>
      <c r="C2039">
        <v>1</v>
      </c>
      <c r="D2039">
        <v>0</v>
      </c>
    </row>
    <row r="2040" spans="1:4" x14ac:dyDescent="0.25">
      <c r="A2040" t="s">
        <v>3194</v>
      </c>
      <c r="B2040" t="s">
        <v>3196</v>
      </c>
      <c r="C2040">
        <v>0</v>
      </c>
      <c r="D2040">
        <v>0</v>
      </c>
    </row>
    <row r="2041" spans="1:4" x14ac:dyDescent="0.25">
      <c r="A2041" t="s">
        <v>3194</v>
      </c>
      <c r="B2041" t="s">
        <v>3197</v>
      </c>
      <c r="C2041">
        <v>1</v>
      </c>
      <c r="D2041">
        <v>0</v>
      </c>
    </row>
    <row r="2042" spans="1:4" x14ac:dyDescent="0.25">
      <c r="A2042" t="s">
        <v>3198</v>
      </c>
      <c r="B2042" t="s">
        <v>3199</v>
      </c>
      <c r="C2042">
        <v>0</v>
      </c>
      <c r="D2042">
        <v>0</v>
      </c>
    </row>
    <row r="2043" spans="1:4" x14ac:dyDescent="0.25">
      <c r="A2043" t="s">
        <v>3200</v>
      </c>
      <c r="B2043" t="s">
        <v>3201</v>
      </c>
      <c r="C2043">
        <v>1</v>
      </c>
      <c r="D2043">
        <v>0</v>
      </c>
    </row>
    <row r="2044" spans="1:4" x14ac:dyDescent="0.25">
      <c r="A2044" t="s">
        <v>3200</v>
      </c>
      <c r="B2044" t="s">
        <v>2061</v>
      </c>
      <c r="C2044">
        <v>0</v>
      </c>
      <c r="D2044">
        <v>0</v>
      </c>
    </row>
    <row r="2045" spans="1:4" x14ac:dyDescent="0.25">
      <c r="A2045" t="s">
        <v>3202</v>
      </c>
      <c r="B2045" t="s">
        <v>3203</v>
      </c>
      <c r="C2045">
        <v>1</v>
      </c>
      <c r="D2045">
        <v>0</v>
      </c>
    </row>
    <row r="2046" spans="1:4" x14ac:dyDescent="0.25">
      <c r="A2046" t="s">
        <v>3202</v>
      </c>
      <c r="B2046" t="s">
        <v>3204</v>
      </c>
      <c r="C2046">
        <v>1</v>
      </c>
      <c r="D2046">
        <v>0</v>
      </c>
    </row>
    <row r="2047" spans="1:4" x14ac:dyDescent="0.25">
      <c r="A2047" t="s">
        <v>3205</v>
      </c>
      <c r="B2047" t="s">
        <v>3206</v>
      </c>
      <c r="C2047">
        <v>0</v>
      </c>
      <c r="D2047">
        <v>0</v>
      </c>
    </row>
    <row r="2048" spans="1:4" x14ac:dyDescent="0.25">
      <c r="A2048" t="s">
        <v>3205</v>
      </c>
      <c r="B2048" t="s">
        <v>3207</v>
      </c>
      <c r="C2048">
        <v>0</v>
      </c>
      <c r="D2048">
        <v>0</v>
      </c>
    </row>
    <row r="2049" spans="1:4" x14ac:dyDescent="0.25">
      <c r="A2049" t="s">
        <v>3205</v>
      </c>
      <c r="B2049" t="s">
        <v>3208</v>
      </c>
      <c r="C2049">
        <v>1</v>
      </c>
      <c r="D2049">
        <v>0</v>
      </c>
    </row>
    <row r="2050" spans="1:4" x14ac:dyDescent="0.25">
      <c r="A2050" t="s">
        <v>3209</v>
      </c>
      <c r="B2050" t="s">
        <v>3210</v>
      </c>
      <c r="C2050">
        <v>2</v>
      </c>
      <c r="D2050">
        <v>0</v>
      </c>
    </row>
    <row r="2051" spans="1:4" x14ac:dyDescent="0.25">
      <c r="A2051" t="s">
        <v>3211</v>
      </c>
      <c r="B2051" t="s">
        <v>3212</v>
      </c>
      <c r="C2051">
        <v>1</v>
      </c>
      <c r="D2051">
        <v>0</v>
      </c>
    </row>
    <row r="2052" spans="1:4" x14ac:dyDescent="0.25">
      <c r="A2052" t="s">
        <v>3211</v>
      </c>
      <c r="B2052" t="s">
        <v>3213</v>
      </c>
      <c r="C2052">
        <v>2</v>
      </c>
      <c r="D2052">
        <v>0</v>
      </c>
    </row>
    <row r="2053" spans="1:4" x14ac:dyDescent="0.25">
      <c r="A2053" t="s">
        <v>3214</v>
      </c>
      <c r="B2053" t="s">
        <v>3215</v>
      </c>
      <c r="C2053">
        <v>2</v>
      </c>
      <c r="D2053">
        <v>0</v>
      </c>
    </row>
    <row r="2054" spans="1:4" x14ac:dyDescent="0.25">
      <c r="A2054" t="s">
        <v>3216</v>
      </c>
      <c r="B2054" t="s">
        <v>3217</v>
      </c>
      <c r="C2054">
        <v>2</v>
      </c>
      <c r="D2054">
        <v>0</v>
      </c>
    </row>
    <row r="2055" spans="1:4" x14ac:dyDescent="0.25">
      <c r="A2055" t="s">
        <v>3216</v>
      </c>
      <c r="B2055" t="s">
        <v>3218</v>
      </c>
      <c r="C2055">
        <v>1</v>
      </c>
      <c r="D2055">
        <v>0</v>
      </c>
    </row>
    <row r="2056" spans="1:4" x14ac:dyDescent="0.25">
      <c r="A2056" t="s">
        <v>3216</v>
      </c>
      <c r="B2056" t="s">
        <v>3219</v>
      </c>
      <c r="C2056">
        <v>2</v>
      </c>
      <c r="D2056">
        <v>0</v>
      </c>
    </row>
    <row r="2057" spans="1:4" x14ac:dyDescent="0.25">
      <c r="A2057" t="s">
        <v>3220</v>
      </c>
      <c r="B2057" t="s">
        <v>3221</v>
      </c>
      <c r="C2057">
        <v>0</v>
      </c>
      <c r="D2057">
        <v>0</v>
      </c>
    </row>
    <row r="2058" spans="1:4" x14ac:dyDescent="0.25">
      <c r="A2058" t="s">
        <v>3220</v>
      </c>
      <c r="B2058" t="s">
        <v>3222</v>
      </c>
      <c r="C2058">
        <v>1</v>
      </c>
      <c r="D2058">
        <v>0</v>
      </c>
    </row>
    <row r="2059" spans="1:4" x14ac:dyDescent="0.25">
      <c r="A2059" t="s">
        <v>3220</v>
      </c>
      <c r="B2059" t="s">
        <v>3223</v>
      </c>
      <c r="C2059">
        <v>1</v>
      </c>
      <c r="D2059">
        <v>0</v>
      </c>
    </row>
    <row r="2060" spans="1:4" x14ac:dyDescent="0.25">
      <c r="A2060" t="s">
        <v>3224</v>
      </c>
      <c r="B2060" t="s">
        <v>2050</v>
      </c>
      <c r="C2060">
        <v>1</v>
      </c>
      <c r="D2060">
        <v>0</v>
      </c>
    </row>
    <row r="2061" spans="1:4" x14ac:dyDescent="0.25">
      <c r="A2061" t="s">
        <v>3225</v>
      </c>
      <c r="B2061" t="s">
        <v>3226</v>
      </c>
      <c r="C2061">
        <v>2</v>
      </c>
      <c r="D2061">
        <v>0</v>
      </c>
    </row>
    <row r="2062" spans="1:4" x14ac:dyDescent="0.25">
      <c r="A2062" t="s">
        <v>3227</v>
      </c>
      <c r="B2062" t="s">
        <v>969</v>
      </c>
      <c r="C2062">
        <v>0</v>
      </c>
      <c r="D2062">
        <v>0</v>
      </c>
    </row>
    <row r="2063" spans="1:4" x14ac:dyDescent="0.25">
      <c r="A2063" t="s">
        <v>3227</v>
      </c>
      <c r="B2063" t="s">
        <v>1001</v>
      </c>
      <c r="C2063">
        <v>1</v>
      </c>
      <c r="D2063">
        <v>0</v>
      </c>
    </row>
    <row r="2064" spans="1:4" x14ac:dyDescent="0.25">
      <c r="A2064" t="s">
        <v>3228</v>
      </c>
      <c r="B2064" t="s">
        <v>3229</v>
      </c>
      <c r="C2064">
        <v>1</v>
      </c>
      <c r="D2064">
        <v>0</v>
      </c>
    </row>
    <row r="2065" spans="1:4" x14ac:dyDescent="0.25">
      <c r="A2065" t="s">
        <v>3228</v>
      </c>
      <c r="B2065" t="s">
        <v>3230</v>
      </c>
      <c r="C2065">
        <v>0</v>
      </c>
      <c r="D2065">
        <v>0</v>
      </c>
    </row>
    <row r="2066" spans="1:4" x14ac:dyDescent="0.25">
      <c r="A2066" t="s">
        <v>3231</v>
      </c>
      <c r="B2066" t="s">
        <v>3232</v>
      </c>
      <c r="C2066">
        <v>1</v>
      </c>
      <c r="D2066">
        <v>0</v>
      </c>
    </row>
    <row r="2067" spans="1:4" x14ac:dyDescent="0.25">
      <c r="A2067" t="s">
        <v>3231</v>
      </c>
      <c r="B2067" t="s">
        <v>3233</v>
      </c>
      <c r="C2067">
        <v>0</v>
      </c>
      <c r="D2067">
        <v>0</v>
      </c>
    </row>
    <row r="2068" spans="1:4" x14ac:dyDescent="0.25">
      <c r="A2068" t="s">
        <v>3231</v>
      </c>
      <c r="B2068" t="s">
        <v>3234</v>
      </c>
      <c r="C2068">
        <v>2</v>
      </c>
      <c r="D2068">
        <v>0</v>
      </c>
    </row>
    <row r="2069" spans="1:4" x14ac:dyDescent="0.25">
      <c r="A2069" t="s">
        <v>3235</v>
      </c>
      <c r="B2069" t="s">
        <v>3236</v>
      </c>
      <c r="C2069">
        <v>0</v>
      </c>
      <c r="D2069">
        <v>0</v>
      </c>
    </row>
    <row r="2070" spans="1:4" x14ac:dyDescent="0.25">
      <c r="A2070" t="s">
        <v>3237</v>
      </c>
      <c r="B2070" t="s">
        <v>3238</v>
      </c>
      <c r="C2070">
        <v>2</v>
      </c>
      <c r="D2070">
        <v>0</v>
      </c>
    </row>
    <row r="2071" spans="1:4" x14ac:dyDescent="0.25">
      <c r="A2071" t="s">
        <v>3239</v>
      </c>
      <c r="B2071" t="s">
        <v>3240</v>
      </c>
      <c r="C2071">
        <v>1</v>
      </c>
      <c r="D2071">
        <v>0</v>
      </c>
    </row>
    <row r="2072" spans="1:4" x14ac:dyDescent="0.25">
      <c r="A2072" t="s">
        <v>3241</v>
      </c>
      <c r="B2072" t="s">
        <v>3242</v>
      </c>
      <c r="C2072">
        <v>0</v>
      </c>
      <c r="D2072">
        <v>0</v>
      </c>
    </row>
    <row r="2073" spans="1:4" x14ac:dyDescent="0.25">
      <c r="A2073" t="s">
        <v>3243</v>
      </c>
      <c r="B2073" t="s">
        <v>3244</v>
      </c>
      <c r="C2073">
        <v>0</v>
      </c>
      <c r="D2073">
        <v>0</v>
      </c>
    </row>
    <row r="2074" spans="1:4" x14ac:dyDescent="0.25">
      <c r="A2074" t="s">
        <v>3245</v>
      </c>
      <c r="B2074" t="s">
        <v>3246</v>
      </c>
      <c r="C2074">
        <v>1</v>
      </c>
      <c r="D2074">
        <v>0</v>
      </c>
    </row>
    <row r="2075" spans="1:4" x14ac:dyDescent="0.25">
      <c r="A2075" t="s">
        <v>3245</v>
      </c>
      <c r="B2075" t="s">
        <v>1526</v>
      </c>
      <c r="C2075">
        <v>1</v>
      </c>
      <c r="D2075">
        <v>0</v>
      </c>
    </row>
    <row r="2076" spans="1:4" x14ac:dyDescent="0.25">
      <c r="A2076" t="s">
        <v>3247</v>
      </c>
      <c r="B2076" t="s">
        <v>3248</v>
      </c>
      <c r="C2076">
        <v>1</v>
      </c>
      <c r="D2076">
        <v>0</v>
      </c>
    </row>
    <row r="2077" spans="1:4" x14ac:dyDescent="0.25">
      <c r="A2077" t="s">
        <v>3249</v>
      </c>
      <c r="B2077" t="s">
        <v>3250</v>
      </c>
      <c r="C2077">
        <v>2</v>
      </c>
      <c r="D2077">
        <v>0</v>
      </c>
    </row>
    <row r="2078" spans="1:4" x14ac:dyDescent="0.25">
      <c r="A2078" t="s">
        <v>3249</v>
      </c>
      <c r="B2078" t="s">
        <v>3251</v>
      </c>
      <c r="C2078">
        <v>2</v>
      </c>
      <c r="D2078">
        <v>0</v>
      </c>
    </row>
    <row r="2079" spans="1:4" x14ac:dyDescent="0.25">
      <c r="A2079" t="s">
        <v>3249</v>
      </c>
      <c r="B2079" t="s">
        <v>3252</v>
      </c>
      <c r="C2079">
        <v>2</v>
      </c>
      <c r="D2079">
        <v>0</v>
      </c>
    </row>
    <row r="2080" spans="1:4" x14ac:dyDescent="0.25">
      <c r="A2080" t="s">
        <v>3253</v>
      </c>
      <c r="B2080" t="s">
        <v>3254</v>
      </c>
      <c r="C2080">
        <v>1</v>
      </c>
      <c r="D2080">
        <v>0</v>
      </c>
    </row>
    <row r="2081" spans="1:4" x14ac:dyDescent="0.25">
      <c r="A2081" t="s">
        <v>3253</v>
      </c>
      <c r="B2081" t="s">
        <v>3255</v>
      </c>
      <c r="C2081">
        <v>2</v>
      </c>
      <c r="D2081">
        <v>0</v>
      </c>
    </row>
    <row r="2082" spans="1:4" x14ac:dyDescent="0.25">
      <c r="A2082" t="s">
        <v>3256</v>
      </c>
      <c r="B2082" t="s">
        <v>1170</v>
      </c>
      <c r="C2082">
        <v>0</v>
      </c>
      <c r="D2082">
        <v>0</v>
      </c>
    </row>
    <row r="2083" spans="1:4" x14ac:dyDescent="0.25">
      <c r="A2083" t="s">
        <v>3257</v>
      </c>
      <c r="B2083" t="s">
        <v>1401</v>
      </c>
      <c r="C2083">
        <v>0</v>
      </c>
      <c r="D2083">
        <v>0</v>
      </c>
    </row>
    <row r="2084" spans="1:4" x14ac:dyDescent="0.25">
      <c r="A2084" t="s">
        <v>3257</v>
      </c>
      <c r="B2084" t="s">
        <v>3258</v>
      </c>
      <c r="C2084">
        <v>1</v>
      </c>
      <c r="D2084">
        <v>0</v>
      </c>
    </row>
    <row r="2085" spans="1:4" x14ac:dyDescent="0.25">
      <c r="A2085" t="s">
        <v>3259</v>
      </c>
      <c r="B2085" t="s">
        <v>3260</v>
      </c>
      <c r="C2085">
        <v>2</v>
      </c>
      <c r="D2085">
        <v>0</v>
      </c>
    </row>
    <row r="2086" spans="1:4" x14ac:dyDescent="0.25">
      <c r="A2086" t="s">
        <v>3259</v>
      </c>
      <c r="B2086" t="s">
        <v>3261</v>
      </c>
      <c r="C2086">
        <v>0</v>
      </c>
      <c r="D2086">
        <v>0</v>
      </c>
    </row>
    <row r="2087" spans="1:4" x14ac:dyDescent="0.25">
      <c r="A2087" t="s">
        <v>3262</v>
      </c>
      <c r="B2087" t="s">
        <v>1387</v>
      </c>
      <c r="C2087">
        <v>1</v>
      </c>
      <c r="D2087">
        <v>0</v>
      </c>
    </row>
    <row r="2088" spans="1:4" x14ac:dyDescent="0.25">
      <c r="A2088" t="s">
        <v>3263</v>
      </c>
      <c r="B2088" t="s">
        <v>3264</v>
      </c>
      <c r="C2088">
        <v>1</v>
      </c>
      <c r="D2088">
        <v>0</v>
      </c>
    </row>
    <row r="2089" spans="1:4" x14ac:dyDescent="0.25">
      <c r="A2089" t="s">
        <v>3265</v>
      </c>
      <c r="B2089" t="s">
        <v>3266</v>
      </c>
      <c r="C2089">
        <v>1</v>
      </c>
      <c r="D2089">
        <v>0</v>
      </c>
    </row>
    <row r="2090" spans="1:4" x14ac:dyDescent="0.25">
      <c r="A2090" t="s">
        <v>3265</v>
      </c>
      <c r="B2090" t="s">
        <v>3267</v>
      </c>
      <c r="C2090">
        <v>0</v>
      </c>
      <c r="D2090">
        <v>0</v>
      </c>
    </row>
    <row r="2091" spans="1:4" x14ac:dyDescent="0.25">
      <c r="A2091" t="s">
        <v>3268</v>
      </c>
      <c r="B2091" t="s">
        <v>3269</v>
      </c>
      <c r="C2091">
        <v>0</v>
      </c>
      <c r="D2091">
        <v>0</v>
      </c>
    </row>
    <row r="2092" spans="1:4" x14ac:dyDescent="0.25">
      <c r="A2092" t="s">
        <v>3270</v>
      </c>
      <c r="B2092" t="s">
        <v>3271</v>
      </c>
      <c r="C2092">
        <v>1</v>
      </c>
      <c r="D2092">
        <v>0</v>
      </c>
    </row>
    <row r="2093" spans="1:4" x14ac:dyDescent="0.25">
      <c r="A2093" t="s">
        <v>3270</v>
      </c>
      <c r="B2093" t="s">
        <v>3272</v>
      </c>
      <c r="C2093">
        <v>1</v>
      </c>
      <c r="D2093">
        <v>0</v>
      </c>
    </row>
    <row r="2094" spans="1:4" x14ac:dyDescent="0.25">
      <c r="A2094" t="s">
        <v>3273</v>
      </c>
      <c r="B2094" t="s">
        <v>3274</v>
      </c>
      <c r="C2094">
        <v>0</v>
      </c>
      <c r="D2094">
        <v>0</v>
      </c>
    </row>
    <row r="2095" spans="1:4" x14ac:dyDescent="0.25">
      <c r="A2095" t="s">
        <v>3275</v>
      </c>
      <c r="B2095" t="s">
        <v>3276</v>
      </c>
      <c r="C2095">
        <v>1</v>
      </c>
      <c r="D2095">
        <v>0</v>
      </c>
    </row>
    <row r="2096" spans="1:4" x14ac:dyDescent="0.25">
      <c r="A2096" t="s">
        <v>3277</v>
      </c>
      <c r="B2096" t="s">
        <v>3278</v>
      </c>
      <c r="C2096">
        <v>1</v>
      </c>
      <c r="D2096">
        <v>0</v>
      </c>
    </row>
    <row r="2097" spans="1:4" x14ac:dyDescent="0.25">
      <c r="A2097" t="s">
        <v>3277</v>
      </c>
      <c r="B2097" t="s">
        <v>398</v>
      </c>
      <c r="C2097">
        <v>0</v>
      </c>
      <c r="D2097">
        <v>0</v>
      </c>
    </row>
    <row r="2098" spans="1:4" x14ac:dyDescent="0.25">
      <c r="A2098" t="s">
        <v>3279</v>
      </c>
      <c r="B2098" t="s">
        <v>3280</v>
      </c>
      <c r="C2098">
        <v>0</v>
      </c>
      <c r="D2098">
        <v>0</v>
      </c>
    </row>
    <row r="2099" spans="1:4" x14ac:dyDescent="0.25">
      <c r="A2099" t="s">
        <v>3281</v>
      </c>
      <c r="B2099" t="s">
        <v>3282</v>
      </c>
      <c r="C2099">
        <v>1</v>
      </c>
      <c r="D2099">
        <v>0</v>
      </c>
    </row>
    <row r="2100" spans="1:4" x14ac:dyDescent="0.25">
      <c r="A2100" t="s">
        <v>3281</v>
      </c>
      <c r="B2100" t="s">
        <v>3283</v>
      </c>
      <c r="C2100">
        <v>0</v>
      </c>
      <c r="D2100">
        <v>0</v>
      </c>
    </row>
    <row r="2101" spans="1:4" x14ac:dyDescent="0.25">
      <c r="A2101" t="s">
        <v>3284</v>
      </c>
      <c r="B2101" t="s">
        <v>3285</v>
      </c>
      <c r="C2101">
        <v>0</v>
      </c>
      <c r="D2101">
        <v>0</v>
      </c>
    </row>
    <row r="2102" spans="1:4" x14ac:dyDescent="0.25">
      <c r="A2102" t="s">
        <v>3286</v>
      </c>
      <c r="B2102" t="s">
        <v>3287</v>
      </c>
      <c r="C2102">
        <v>1</v>
      </c>
      <c r="D2102">
        <v>0</v>
      </c>
    </row>
    <row r="2103" spans="1:4" x14ac:dyDescent="0.25">
      <c r="A2103" t="s">
        <v>3286</v>
      </c>
      <c r="B2103" t="s">
        <v>3288</v>
      </c>
      <c r="C2103">
        <v>2</v>
      </c>
      <c r="D2103">
        <v>0</v>
      </c>
    </row>
    <row r="2104" spans="1:4" x14ac:dyDescent="0.25">
      <c r="A2104" t="s">
        <v>3289</v>
      </c>
      <c r="B2104" t="s">
        <v>3290</v>
      </c>
      <c r="C2104">
        <v>1</v>
      </c>
      <c r="D2104">
        <v>0</v>
      </c>
    </row>
    <row r="2105" spans="1:4" x14ac:dyDescent="0.25">
      <c r="A2105" t="s">
        <v>3291</v>
      </c>
      <c r="B2105" t="s">
        <v>3292</v>
      </c>
      <c r="C2105">
        <v>0</v>
      </c>
      <c r="D2105">
        <v>0</v>
      </c>
    </row>
    <row r="2106" spans="1:4" x14ac:dyDescent="0.25">
      <c r="A2106" t="s">
        <v>3293</v>
      </c>
      <c r="B2106" t="s">
        <v>3294</v>
      </c>
      <c r="C2106">
        <v>0</v>
      </c>
      <c r="D2106">
        <v>0</v>
      </c>
    </row>
    <row r="2107" spans="1:4" x14ac:dyDescent="0.25">
      <c r="A2107" t="s">
        <v>3293</v>
      </c>
      <c r="B2107" t="s">
        <v>3295</v>
      </c>
      <c r="C2107">
        <v>1</v>
      </c>
      <c r="D2107">
        <v>0</v>
      </c>
    </row>
    <row r="2108" spans="1:4" x14ac:dyDescent="0.25">
      <c r="A2108" t="s">
        <v>3296</v>
      </c>
      <c r="B2108" t="s">
        <v>3297</v>
      </c>
      <c r="C2108">
        <v>1</v>
      </c>
      <c r="D2108">
        <v>0</v>
      </c>
    </row>
    <row r="2109" spans="1:4" x14ac:dyDescent="0.25">
      <c r="A2109" t="s">
        <v>3296</v>
      </c>
      <c r="B2109" t="s">
        <v>3298</v>
      </c>
      <c r="C2109">
        <v>0</v>
      </c>
      <c r="D2109">
        <v>0</v>
      </c>
    </row>
    <row r="2110" spans="1:4" x14ac:dyDescent="0.25">
      <c r="A2110" t="s">
        <v>3299</v>
      </c>
      <c r="B2110" t="s">
        <v>3300</v>
      </c>
      <c r="C2110">
        <v>1</v>
      </c>
      <c r="D2110">
        <v>0</v>
      </c>
    </row>
    <row r="2111" spans="1:4" x14ac:dyDescent="0.25">
      <c r="A2111" t="s">
        <v>3299</v>
      </c>
      <c r="B2111" t="s">
        <v>3301</v>
      </c>
      <c r="C2111">
        <v>0</v>
      </c>
      <c r="D2111">
        <v>0</v>
      </c>
    </row>
    <row r="2112" spans="1:4" x14ac:dyDescent="0.25">
      <c r="A2112" t="s">
        <v>3302</v>
      </c>
      <c r="B2112" t="s">
        <v>3236</v>
      </c>
      <c r="C2112">
        <v>0</v>
      </c>
      <c r="D2112">
        <v>0</v>
      </c>
    </row>
    <row r="2113" spans="1:4" x14ac:dyDescent="0.25">
      <c r="A2113" t="s">
        <v>3302</v>
      </c>
      <c r="B2113" t="s">
        <v>3303</v>
      </c>
      <c r="C2113">
        <v>0</v>
      </c>
      <c r="D2113">
        <v>0</v>
      </c>
    </row>
    <row r="2114" spans="1:4" x14ac:dyDescent="0.25">
      <c r="A2114" t="s">
        <v>3302</v>
      </c>
      <c r="B2114" t="s">
        <v>3304</v>
      </c>
      <c r="C2114">
        <v>1</v>
      </c>
      <c r="D2114">
        <v>0</v>
      </c>
    </row>
    <row r="2115" spans="1:4" x14ac:dyDescent="0.25">
      <c r="A2115" t="s">
        <v>3305</v>
      </c>
      <c r="B2115" t="s">
        <v>3306</v>
      </c>
      <c r="C2115">
        <v>1</v>
      </c>
      <c r="D2115">
        <v>0</v>
      </c>
    </row>
    <row r="2116" spans="1:4" x14ac:dyDescent="0.25">
      <c r="A2116" t="s">
        <v>3307</v>
      </c>
      <c r="B2116" t="s">
        <v>3308</v>
      </c>
      <c r="C2116">
        <v>1</v>
      </c>
      <c r="D2116">
        <v>0</v>
      </c>
    </row>
    <row r="2117" spans="1:4" x14ac:dyDescent="0.25">
      <c r="A2117" t="s">
        <v>3307</v>
      </c>
      <c r="B2117" t="s">
        <v>3309</v>
      </c>
      <c r="C2117">
        <v>1</v>
      </c>
      <c r="D2117">
        <v>0</v>
      </c>
    </row>
    <row r="2118" spans="1:4" x14ac:dyDescent="0.25">
      <c r="A2118" t="s">
        <v>3310</v>
      </c>
      <c r="B2118" t="s">
        <v>1101</v>
      </c>
      <c r="C2118">
        <v>1</v>
      </c>
      <c r="D2118">
        <v>0</v>
      </c>
    </row>
    <row r="2119" spans="1:4" x14ac:dyDescent="0.25">
      <c r="A2119" t="s">
        <v>3311</v>
      </c>
      <c r="B2119" t="s">
        <v>3312</v>
      </c>
      <c r="C2119">
        <v>0</v>
      </c>
      <c r="D2119">
        <v>0</v>
      </c>
    </row>
    <row r="2120" spans="1:4" x14ac:dyDescent="0.25">
      <c r="A2120" t="s">
        <v>3311</v>
      </c>
      <c r="B2120" t="s">
        <v>3313</v>
      </c>
      <c r="C2120">
        <v>1</v>
      </c>
      <c r="D2120">
        <v>0</v>
      </c>
    </row>
    <row r="2121" spans="1:4" x14ac:dyDescent="0.25">
      <c r="A2121" t="s">
        <v>3314</v>
      </c>
      <c r="B2121" t="s">
        <v>3315</v>
      </c>
      <c r="C2121">
        <v>0</v>
      </c>
      <c r="D2121">
        <v>0</v>
      </c>
    </row>
    <row r="2122" spans="1:4" x14ac:dyDescent="0.25">
      <c r="A2122" t="s">
        <v>3316</v>
      </c>
      <c r="B2122" t="s">
        <v>3317</v>
      </c>
      <c r="C2122">
        <v>0</v>
      </c>
      <c r="D2122">
        <v>0</v>
      </c>
    </row>
    <row r="2123" spans="1:4" x14ac:dyDescent="0.25">
      <c r="A2123" t="s">
        <v>3318</v>
      </c>
      <c r="B2123" t="s">
        <v>3319</v>
      </c>
      <c r="C2123">
        <v>1</v>
      </c>
      <c r="D2123">
        <v>0</v>
      </c>
    </row>
    <row r="2124" spans="1:4" x14ac:dyDescent="0.25">
      <c r="A2124" t="s">
        <v>3320</v>
      </c>
      <c r="B2124" t="s">
        <v>1526</v>
      </c>
      <c r="C2124">
        <v>1</v>
      </c>
      <c r="D2124">
        <v>0</v>
      </c>
    </row>
    <row r="2125" spans="1:4" x14ac:dyDescent="0.25">
      <c r="A2125" t="s">
        <v>3320</v>
      </c>
      <c r="B2125" t="s">
        <v>3321</v>
      </c>
      <c r="C2125">
        <v>0</v>
      </c>
      <c r="D2125">
        <v>0</v>
      </c>
    </row>
    <row r="2126" spans="1:4" x14ac:dyDescent="0.25">
      <c r="A2126" t="s">
        <v>3322</v>
      </c>
      <c r="B2126" t="s">
        <v>3323</v>
      </c>
      <c r="C2126">
        <v>1</v>
      </c>
      <c r="D2126">
        <v>0</v>
      </c>
    </row>
    <row r="2127" spans="1:4" x14ac:dyDescent="0.25">
      <c r="A2127" t="s">
        <v>3322</v>
      </c>
      <c r="B2127" t="s">
        <v>3324</v>
      </c>
      <c r="C2127">
        <v>0</v>
      </c>
      <c r="D2127">
        <v>0</v>
      </c>
    </row>
    <row r="2128" spans="1:4" x14ac:dyDescent="0.25">
      <c r="A2128" t="s">
        <v>3322</v>
      </c>
      <c r="B2128" t="s">
        <v>3325</v>
      </c>
      <c r="C2128">
        <v>0</v>
      </c>
      <c r="D2128">
        <v>0</v>
      </c>
    </row>
    <row r="2129" spans="1:4" x14ac:dyDescent="0.25">
      <c r="A2129" t="s">
        <v>3326</v>
      </c>
      <c r="B2129" t="s">
        <v>3327</v>
      </c>
      <c r="C2129">
        <v>1</v>
      </c>
      <c r="D2129">
        <v>0</v>
      </c>
    </row>
    <row r="2130" spans="1:4" x14ac:dyDescent="0.25">
      <c r="A2130" t="s">
        <v>3326</v>
      </c>
      <c r="B2130" t="s">
        <v>3328</v>
      </c>
      <c r="C2130">
        <v>1</v>
      </c>
      <c r="D2130">
        <v>0</v>
      </c>
    </row>
    <row r="2131" spans="1:4" x14ac:dyDescent="0.25">
      <c r="A2131" t="s">
        <v>3326</v>
      </c>
      <c r="B2131" t="s">
        <v>3329</v>
      </c>
      <c r="C2131">
        <v>2</v>
      </c>
      <c r="D2131">
        <v>0</v>
      </c>
    </row>
    <row r="2132" spans="1:4" x14ac:dyDescent="0.25">
      <c r="A2132" t="s">
        <v>3330</v>
      </c>
      <c r="B2132" t="s">
        <v>3331</v>
      </c>
      <c r="C2132">
        <v>2</v>
      </c>
      <c r="D2132">
        <v>0</v>
      </c>
    </row>
    <row r="2133" spans="1:4" x14ac:dyDescent="0.25">
      <c r="A2133" t="s">
        <v>3330</v>
      </c>
      <c r="B2133" t="s">
        <v>3332</v>
      </c>
      <c r="C2133">
        <v>0</v>
      </c>
      <c r="D2133">
        <v>0</v>
      </c>
    </row>
    <row r="2134" spans="1:4" x14ac:dyDescent="0.25">
      <c r="A2134" t="s">
        <v>3333</v>
      </c>
      <c r="B2134" t="s">
        <v>3334</v>
      </c>
      <c r="C2134">
        <v>0</v>
      </c>
      <c r="D2134">
        <v>0</v>
      </c>
    </row>
    <row r="2135" spans="1:4" x14ac:dyDescent="0.25">
      <c r="A2135" t="s">
        <v>3333</v>
      </c>
      <c r="B2135" t="s">
        <v>3335</v>
      </c>
      <c r="C2135">
        <v>0</v>
      </c>
      <c r="D2135">
        <v>0</v>
      </c>
    </row>
    <row r="2136" spans="1:4" x14ac:dyDescent="0.25">
      <c r="A2136" t="s">
        <v>3333</v>
      </c>
      <c r="B2136" t="s">
        <v>3336</v>
      </c>
      <c r="C2136">
        <v>0</v>
      </c>
      <c r="D2136">
        <v>0</v>
      </c>
    </row>
    <row r="2137" spans="1:4" x14ac:dyDescent="0.25">
      <c r="A2137" t="s">
        <v>3337</v>
      </c>
      <c r="B2137" t="s">
        <v>398</v>
      </c>
      <c r="C2137">
        <v>0</v>
      </c>
      <c r="D2137">
        <v>0</v>
      </c>
    </row>
    <row r="2138" spans="1:4" x14ac:dyDescent="0.25">
      <c r="A2138" t="s">
        <v>3338</v>
      </c>
      <c r="B2138" t="s">
        <v>3339</v>
      </c>
      <c r="C2138">
        <v>1</v>
      </c>
      <c r="D2138">
        <v>0</v>
      </c>
    </row>
    <row r="2139" spans="1:4" x14ac:dyDescent="0.25">
      <c r="A2139" t="s">
        <v>3340</v>
      </c>
      <c r="B2139" t="s">
        <v>843</v>
      </c>
      <c r="C2139">
        <v>1</v>
      </c>
      <c r="D2139">
        <v>0</v>
      </c>
    </row>
    <row r="2140" spans="1:4" x14ac:dyDescent="0.25">
      <c r="A2140" t="s">
        <v>3341</v>
      </c>
      <c r="B2140" t="s">
        <v>1499</v>
      </c>
      <c r="C2140">
        <v>1</v>
      </c>
      <c r="D2140">
        <v>0</v>
      </c>
    </row>
    <row r="2141" spans="1:4" x14ac:dyDescent="0.25">
      <c r="A2141" t="s">
        <v>3342</v>
      </c>
      <c r="B2141" t="s">
        <v>3343</v>
      </c>
      <c r="C2141">
        <v>1</v>
      </c>
      <c r="D2141">
        <v>0</v>
      </c>
    </row>
    <row r="2142" spans="1:4" x14ac:dyDescent="0.25">
      <c r="A2142" t="s">
        <v>3344</v>
      </c>
      <c r="B2142" t="s">
        <v>3345</v>
      </c>
      <c r="C2142">
        <v>1</v>
      </c>
      <c r="D2142">
        <v>0</v>
      </c>
    </row>
    <row r="2143" spans="1:4" x14ac:dyDescent="0.25">
      <c r="A2143" t="s">
        <v>3346</v>
      </c>
      <c r="B2143" t="s">
        <v>3347</v>
      </c>
      <c r="C2143">
        <v>0</v>
      </c>
      <c r="D2143">
        <v>0</v>
      </c>
    </row>
    <row r="2144" spans="1:4" x14ac:dyDescent="0.25">
      <c r="A2144" t="s">
        <v>3348</v>
      </c>
      <c r="B2144" t="s">
        <v>3349</v>
      </c>
      <c r="C2144">
        <v>0</v>
      </c>
      <c r="D2144">
        <v>0</v>
      </c>
    </row>
    <row r="2145" spans="1:4" x14ac:dyDescent="0.25">
      <c r="A2145" t="s">
        <v>3350</v>
      </c>
      <c r="B2145" t="s">
        <v>3351</v>
      </c>
      <c r="C2145">
        <v>1</v>
      </c>
      <c r="D2145">
        <v>0</v>
      </c>
    </row>
    <row r="2146" spans="1:4" x14ac:dyDescent="0.25">
      <c r="A2146" t="s">
        <v>3350</v>
      </c>
      <c r="B2146" t="s">
        <v>3352</v>
      </c>
      <c r="C2146">
        <v>1</v>
      </c>
      <c r="D2146">
        <v>0</v>
      </c>
    </row>
    <row r="2147" spans="1:4" x14ac:dyDescent="0.25">
      <c r="A2147" t="s">
        <v>3353</v>
      </c>
      <c r="B2147" t="s">
        <v>3354</v>
      </c>
      <c r="C2147">
        <v>2</v>
      </c>
      <c r="D2147">
        <v>0</v>
      </c>
    </row>
    <row r="2148" spans="1:4" x14ac:dyDescent="0.25">
      <c r="A2148" t="s">
        <v>3355</v>
      </c>
      <c r="B2148" t="s">
        <v>3356</v>
      </c>
      <c r="C2148">
        <v>2</v>
      </c>
      <c r="D2148">
        <v>0</v>
      </c>
    </row>
    <row r="2149" spans="1:4" x14ac:dyDescent="0.25">
      <c r="A2149" t="s">
        <v>3355</v>
      </c>
      <c r="B2149" t="s">
        <v>3357</v>
      </c>
      <c r="C2149">
        <v>0</v>
      </c>
      <c r="D2149">
        <v>0</v>
      </c>
    </row>
    <row r="2150" spans="1:4" x14ac:dyDescent="0.25">
      <c r="A2150" t="s">
        <v>3355</v>
      </c>
      <c r="B2150" t="s">
        <v>3358</v>
      </c>
      <c r="C2150">
        <v>1</v>
      </c>
      <c r="D2150">
        <v>0</v>
      </c>
    </row>
    <row r="2151" spans="1:4" x14ac:dyDescent="0.25">
      <c r="A2151" t="s">
        <v>3359</v>
      </c>
      <c r="B2151" t="s">
        <v>3360</v>
      </c>
      <c r="C2151">
        <v>1</v>
      </c>
      <c r="D2151">
        <v>0</v>
      </c>
    </row>
    <row r="2152" spans="1:4" x14ac:dyDescent="0.25">
      <c r="A2152" t="s">
        <v>3359</v>
      </c>
      <c r="B2152" t="s">
        <v>3361</v>
      </c>
      <c r="C2152">
        <v>1</v>
      </c>
      <c r="D2152">
        <v>0</v>
      </c>
    </row>
    <row r="2153" spans="1:4" x14ac:dyDescent="0.25">
      <c r="A2153" t="s">
        <v>3362</v>
      </c>
      <c r="B2153" t="s">
        <v>969</v>
      </c>
      <c r="C2153">
        <v>0</v>
      </c>
      <c r="D2153">
        <v>0</v>
      </c>
    </row>
    <row r="2154" spans="1:4" x14ac:dyDescent="0.25">
      <c r="A2154" t="s">
        <v>3362</v>
      </c>
      <c r="B2154" t="s">
        <v>1001</v>
      </c>
      <c r="C2154">
        <v>1</v>
      </c>
      <c r="D2154">
        <v>0</v>
      </c>
    </row>
    <row r="2155" spans="1:4" x14ac:dyDescent="0.25">
      <c r="A2155" t="s">
        <v>3363</v>
      </c>
      <c r="B2155" t="s">
        <v>3364</v>
      </c>
      <c r="C2155">
        <v>0</v>
      </c>
      <c r="D2155">
        <v>0</v>
      </c>
    </row>
    <row r="2156" spans="1:4" x14ac:dyDescent="0.25">
      <c r="A2156" t="s">
        <v>3363</v>
      </c>
      <c r="B2156" t="s">
        <v>3365</v>
      </c>
      <c r="C2156">
        <v>1</v>
      </c>
      <c r="D2156">
        <v>0</v>
      </c>
    </row>
    <row r="2157" spans="1:4" x14ac:dyDescent="0.25">
      <c r="A2157" t="s">
        <v>3363</v>
      </c>
      <c r="B2157" t="s">
        <v>3366</v>
      </c>
      <c r="C2157">
        <v>1</v>
      </c>
      <c r="D2157">
        <v>0</v>
      </c>
    </row>
    <row r="2158" spans="1:4" x14ac:dyDescent="0.25">
      <c r="A2158" t="s">
        <v>3367</v>
      </c>
      <c r="B2158" t="s">
        <v>3368</v>
      </c>
      <c r="C2158">
        <v>1</v>
      </c>
      <c r="D2158">
        <v>0</v>
      </c>
    </row>
    <row r="2159" spans="1:4" x14ac:dyDescent="0.25">
      <c r="A2159" t="s">
        <v>3367</v>
      </c>
      <c r="B2159" t="s">
        <v>3369</v>
      </c>
      <c r="C2159">
        <v>2</v>
      </c>
      <c r="D2159">
        <v>0</v>
      </c>
    </row>
    <row r="2160" spans="1:4" x14ac:dyDescent="0.25">
      <c r="A2160" t="s">
        <v>3367</v>
      </c>
      <c r="B2160" t="s">
        <v>3370</v>
      </c>
      <c r="C2160">
        <v>2</v>
      </c>
      <c r="D2160">
        <v>0</v>
      </c>
    </row>
    <row r="2161" spans="1:4" x14ac:dyDescent="0.25">
      <c r="A2161" t="s">
        <v>3371</v>
      </c>
      <c r="B2161" t="s">
        <v>3372</v>
      </c>
      <c r="C2161">
        <v>1</v>
      </c>
      <c r="D2161">
        <v>0</v>
      </c>
    </row>
    <row r="2162" spans="1:4" x14ac:dyDescent="0.25">
      <c r="A2162" t="s">
        <v>3373</v>
      </c>
      <c r="B2162" t="s">
        <v>3170</v>
      </c>
      <c r="C2162">
        <v>1</v>
      </c>
      <c r="D2162">
        <v>0</v>
      </c>
    </row>
    <row r="2163" spans="1:4" x14ac:dyDescent="0.25">
      <c r="A2163" t="s">
        <v>3373</v>
      </c>
      <c r="B2163" t="s">
        <v>3374</v>
      </c>
      <c r="C2163">
        <v>0</v>
      </c>
      <c r="D2163">
        <v>0</v>
      </c>
    </row>
    <row r="2164" spans="1:4" x14ac:dyDescent="0.25">
      <c r="A2164" t="s">
        <v>3375</v>
      </c>
      <c r="B2164" t="s">
        <v>968</v>
      </c>
      <c r="C2164">
        <v>1</v>
      </c>
      <c r="D2164">
        <v>0</v>
      </c>
    </row>
    <row r="2165" spans="1:4" x14ac:dyDescent="0.25">
      <c r="A2165" t="s">
        <v>3376</v>
      </c>
      <c r="B2165" t="s">
        <v>3377</v>
      </c>
      <c r="C2165">
        <v>1</v>
      </c>
      <c r="D2165">
        <v>0</v>
      </c>
    </row>
    <row r="2166" spans="1:4" x14ac:dyDescent="0.25">
      <c r="A2166" t="s">
        <v>3376</v>
      </c>
      <c r="B2166" t="s">
        <v>3378</v>
      </c>
      <c r="C2166">
        <v>0</v>
      </c>
      <c r="D2166">
        <v>0</v>
      </c>
    </row>
    <row r="2167" spans="1:4" x14ac:dyDescent="0.25">
      <c r="A2167" t="s">
        <v>3379</v>
      </c>
      <c r="B2167" t="s">
        <v>3380</v>
      </c>
      <c r="C2167">
        <v>1</v>
      </c>
      <c r="D2167">
        <v>0</v>
      </c>
    </row>
    <row r="2168" spans="1:4" x14ac:dyDescent="0.25">
      <c r="A2168" t="s">
        <v>3381</v>
      </c>
      <c r="B2168" t="s">
        <v>1001</v>
      </c>
      <c r="C2168">
        <v>1</v>
      </c>
      <c r="D2168">
        <v>0</v>
      </c>
    </row>
    <row r="2169" spans="1:4" x14ac:dyDescent="0.25">
      <c r="A2169" t="s">
        <v>3382</v>
      </c>
      <c r="B2169" t="s">
        <v>3383</v>
      </c>
      <c r="C2169">
        <v>1</v>
      </c>
      <c r="D2169">
        <v>0</v>
      </c>
    </row>
    <row r="2170" spans="1:4" x14ac:dyDescent="0.25">
      <c r="A2170" t="s">
        <v>3384</v>
      </c>
      <c r="B2170" t="s">
        <v>3385</v>
      </c>
      <c r="C2170">
        <v>1</v>
      </c>
      <c r="D2170">
        <v>0</v>
      </c>
    </row>
    <row r="2171" spans="1:4" x14ac:dyDescent="0.25">
      <c r="A2171" t="s">
        <v>3384</v>
      </c>
      <c r="B2171" t="s">
        <v>3386</v>
      </c>
      <c r="C2171">
        <v>1</v>
      </c>
      <c r="D2171">
        <v>0</v>
      </c>
    </row>
    <row r="2172" spans="1:4" x14ac:dyDescent="0.25">
      <c r="A2172" t="s">
        <v>3384</v>
      </c>
      <c r="B2172" t="s">
        <v>3387</v>
      </c>
      <c r="C2172">
        <v>0</v>
      </c>
      <c r="D2172">
        <v>0</v>
      </c>
    </row>
    <row r="2173" spans="1:4" x14ac:dyDescent="0.25">
      <c r="A2173" t="s">
        <v>3388</v>
      </c>
      <c r="B2173" t="s">
        <v>3389</v>
      </c>
      <c r="C2173">
        <v>1</v>
      </c>
      <c r="D2173">
        <v>0</v>
      </c>
    </row>
    <row r="2174" spans="1:4" x14ac:dyDescent="0.25">
      <c r="A2174" t="s">
        <v>3388</v>
      </c>
      <c r="B2174" t="s">
        <v>3390</v>
      </c>
      <c r="C2174">
        <v>0</v>
      </c>
      <c r="D2174">
        <v>0</v>
      </c>
    </row>
    <row r="2175" spans="1:4" x14ac:dyDescent="0.25">
      <c r="A2175" t="s">
        <v>3391</v>
      </c>
      <c r="B2175" t="s">
        <v>3392</v>
      </c>
      <c r="C2175">
        <v>0</v>
      </c>
      <c r="D2175">
        <v>0</v>
      </c>
    </row>
    <row r="2176" spans="1:4" x14ac:dyDescent="0.25">
      <c r="A2176" t="s">
        <v>3391</v>
      </c>
      <c r="B2176" t="s">
        <v>3393</v>
      </c>
      <c r="C2176">
        <v>2</v>
      </c>
      <c r="D2176">
        <v>0</v>
      </c>
    </row>
    <row r="2177" spans="1:4" x14ac:dyDescent="0.25">
      <c r="A2177" t="s">
        <v>3394</v>
      </c>
      <c r="B2177" t="s">
        <v>3395</v>
      </c>
      <c r="C2177">
        <v>0</v>
      </c>
      <c r="D2177">
        <v>0</v>
      </c>
    </row>
    <row r="2178" spans="1:4" x14ac:dyDescent="0.25">
      <c r="A2178" t="s">
        <v>3396</v>
      </c>
      <c r="B2178" t="s">
        <v>888</v>
      </c>
      <c r="C2178">
        <v>1</v>
      </c>
      <c r="D2178">
        <v>0</v>
      </c>
    </row>
    <row r="2179" spans="1:4" x14ac:dyDescent="0.25">
      <c r="A2179" t="s">
        <v>3397</v>
      </c>
      <c r="B2179" t="s">
        <v>3398</v>
      </c>
      <c r="C2179">
        <v>2</v>
      </c>
      <c r="D2179">
        <v>0</v>
      </c>
    </row>
    <row r="2180" spans="1:4" x14ac:dyDescent="0.25">
      <c r="A2180" t="s">
        <v>3397</v>
      </c>
      <c r="B2180" t="s">
        <v>3399</v>
      </c>
      <c r="C2180">
        <v>2</v>
      </c>
      <c r="D2180">
        <v>0</v>
      </c>
    </row>
    <row r="2181" spans="1:4" x14ac:dyDescent="0.25">
      <c r="A2181" t="s">
        <v>3400</v>
      </c>
      <c r="B2181" t="s">
        <v>3401</v>
      </c>
      <c r="C2181">
        <v>0</v>
      </c>
      <c r="D2181">
        <v>0</v>
      </c>
    </row>
    <row r="2182" spans="1:4" x14ac:dyDescent="0.25">
      <c r="A2182" t="s">
        <v>3400</v>
      </c>
      <c r="B2182" t="s">
        <v>3402</v>
      </c>
      <c r="C2182">
        <v>0</v>
      </c>
      <c r="D2182">
        <v>0</v>
      </c>
    </row>
    <row r="2183" spans="1:4" x14ac:dyDescent="0.25">
      <c r="A2183" t="s">
        <v>3400</v>
      </c>
      <c r="B2183" t="s">
        <v>3403</v>
      </c>
      <c r="C2183">
        <v>0</v>
      </c>
      <c r="D2183">
        <v>0</v>
      </c>
    </row>
    <row r="2184" spans="1:4" x14ac:dyDescent="0.25">
      <c r="A2184" t="s">
        <v>3404</v>
      </c>
      <c r="B2184" t="s">
        <v>3405</v>
      </c>
      <c r="C2184">
        <v>0</v>
      </c>
      <c r="D2184">
        <v>0</v>
      </c>
    </row>
    <row r="2185" spans="1:4" x14ac:dyDescent="0.25">
      <c r="A2185" t="s">
        <v>3404</v>
      </c>
      <c r="B2185" t="s">
        <v>3406</v>
      </c>
      <c r="C2185">
        <v>0</v>
      </c>
      <c r="D2185">
        <v>0</v>
      </c>
    </row>
    <row r="2186" spans="1:4" x14ac:dyDescent="0.25">
      <c r="A2186" t="s">
        <v>3407</v>
      </c>
      <c r="B2186" t="s">
        <v>3408</v>
      </c>
      <c r="C2186">
        <v>0</v>
      </c>
      <c r="D2186">
        <v>0</v>
      </c>
    </row>
    <row r="2187" spans="1:4" x14ac:dyDescent="0.25">
      <c r="A2187" t="s">
        <v>3409</v>
      </c>
      <c r="B2187" t="s">
        <v>3410</v>
      </c>
      <c r="C2187">
        <v>1</v>
      </c>
      <c r="D2187">
        <v>0</v>
      </c>
    </row>
    <row r="2188" spans="1:4" x14ac:dyDescent="0.25">
      <c r="A2188" t="s">
        <v>3411</v>
      </c>
      <c r="B2188" t="s">
        <v>3412</v>
      </c>
      <c r="C2188">
        <v>2</v>
      </c>
      <c r="D2188">
        <v>0</v>
      </c>
    </row>
    <row r="2189" spans="1:4" x14ac:dyDescent="0.25">
      <c r="A2189" t="s">
        <v>3411</v>
      </c>
      <c r="B2189" t="s">
        <v>3413</v>
      </c>
      <c r="C2189">
        <v>1</v>
      </c>
      <c r="D2189">
        <v>0</v>
      </c>
    </row>
    <row r="2190" spans="1:4" x14ac:dyDescent="0.25">
      <c r="A2190" t="s">
        <v>3411</v>
      </c>
      <c r="B2190" t="s">
        <v>3414</v>
      </c>
      <c r="C2190">
        <v>0</v>
      </c>
      <c r="D2190">
        <v>0</v>
      </c>
    </row>
    <row r="2191" spans="1:4" x14ac:dyDescent="0.25">
      <c r="A2191" t="s">
        <v>3415</v>
      </c>
      <c r="B2191" t="s">
        <v>3416</v>
      </c>
      <c r="C2191">
        <v>0</v>
      </c>
      <c r="D2191">
        <v>0</v>
      </c>
    </row>
    <row r="2192" spans="1:4" x14ac:dyDescent="0.25">
      <c r="A2192" t="s">
        <v>3415</v>
      </c>
      <c r="B2192" t="s">
        <v>3417</v>
      </c>
      <c r="C2192">
        <v>0</v>
      </c>
      <c r="D2192">
        <v>0</v>
      </c>
    </row>
    <row r="2193" spans="1:4" x14ac:dyDescent="0.25">
      <c r="A2193" t="s">
        <v>3418</v>
      </c>
      <c r="B2193" t="s">
        <v>3419</v>
      </c>
      <c r="C2193">
        <v>2</v>
      </c>
      <c r="D2193">
        <v>0</v>
      </c>
    </row>
    <row r="2194" spans="1:4" x14ac:dyDescent="0.25">
      <c r="A2194" t="s">
        <v>3420</v>
      </c>
      <c r="B2194" t="s">
        <v>2267</v>
      </c>
      <c r="C2194">
        <v>0</v>
      </c>
      <c r="D2194">
        <v>0</v>
      </c>
    </row>
    <row r="2195" spans="1:4" x14ac:dyDescent="0.25">
      <c r="A2195" t="s">
        <v>3421</v>
      </c>
      <c r="B2195" t="s">
        <v>3422</v>
      </c>
      <c r="C2195">
        <v>1</v>
      </c>
      <c r="D2195">
        <v>0</v>
      </c>
    </row>
    <row r="2196" spans="1:4" x14ac:dyDescent="0.25">
      <c r="A2196" t="s">
        <v>3421</v>
      </c>
      <c r="B2196" t="s">
        <v>3423</v>
      </c>
      <c r="C2196">
        <v>1</v>
      </c>
      <c r="D2196">
        <v>0</v>
      </c>
    </row>
    <row r="2197" spans="1:4" x14ac:dyDescent="0.25">
      <c r="A2197" t="s">
        <v>3421</v>
      </c>
      <c r="B2197" t="s">
        <v>3424</v>
      </c>
      <c r="C2197">
        <v>1</v>
      </c>
      <c r="D2197">
        <v>0</v>
      </c>
    </row>
    <row r="2198" spans="1:4" x14ac:dyDescent="0.25">
      <c r="A2198" t="s">
        <v>3425</v>
      </c>
      <c r="B2198" t="s">
        <v>3426</v>
      </c>
      <c r="C2198">
        <v>0</v>
      </c>
      <c r="D2198">
        <v>0</v>
      </c>
    </row>
    <row r="2199" spans="1:4" x14ac:dyDescent="0.25">
      <c r="A2199" t="s">
        <v>3425</v>
      </c>
      <c r="B2199" t="s">
        <v>3427</v>
      </c>
      <c r="C2199">
        <v>0</v>
      </c>
      <c r="D2199">
        <v>0</v>
      </c>
    </row>
    <row r="2200" spans="1:4" x14ac:dyDescent="0.25">
      <c r="A2200" t="s">
        <v>3425</v>
      </c>
      <c r="B2200" t="s">
        <v>3428</v>
      </c>
      <c r="C2200">
        <v>0</v>
      </c>
      <c r="D2200">
        <v>0</v>
      </c>
    </row>
    <row r="2201" spans="1:4" x14ac:dyDescent="0.25">
      <c r="A2201" t="s">
        <v>3429</v>
      </c>
      <c r="B2201" t="s">
        <v>3430</v>
      </c>
      <c r="C2201">
        <v>2</v>
      </c>
      <c r="D2201">
        <v>0</v>
      </c>
    </row>
    <row r="2202" spans="1:4" x14ac:dyDescent="0.25">
      <c r="A2202" t="s">
        <v>3431</v>
      </c>
      <c r="B2202" t="s">
        <v>3432</v>
      </c>
      <c r="C2202">
        <v>0</v>
      </c>
      <c r="D2202">
        <v>0</v>
      </c>
    </row>
    <row r="2203" spans="1:4" x14ac:dyDescent="0.25">
      <c r="A2203" t="s">
        <v>3431</v>
      </c>
      <c r="B2203" t="s">
        <v>3433</v>
      </c>
      <c r="C2203">
        <v>0</v>
      </c>
      <c r="D2203">
        <v>0</v>
      </c>
    </row>
    <row r="2204" spans="1:4" x14ac:dyDescent="0.25">
      <c r="A2204" t="s">
        <v>3434</v>
      </c>
      <c r="B2204" t="s">
        <v>1387</v>
      </c>
      <c r="C2204">
        <v>1</v>
      </c>
      <c r="D2204">
        <v>0</v>
      </c>
    </row>
    <row r="2205" spans="1:4" x14ac:dyDescent="0.25">
      <c r="A2205" t="s">
        <v>3435</v>
      </c>
      <c r="B2205" t="s">
        <v>3436</v>
      </c>
      <c r="C2205">
        <v>2</v>
      </c>
      <c r="D2205">
        <v>0</v>
      </c>
    </row>
    <row r="2206" spans="1:4" x14ac:dyDescent="0.25">
      <c r="A2206" t="s">
        <v>3435</v>
      </c>
      <c r="B2206" t="s">
        <v>3437</v>
      </c>
      <c r="C2206">
        <v>1</v>
      </c>
      <c r="D2206">
        <v>0</v>
      </c>
    </row>
    <row r="2207" spans="1:4" x14ac:dyDescent="0.25">
      <c r="A2207" t="s">
        <v>3435</v>
      </c>
      <c r="B2207" t="s">
        <v>3438</v>
      </c>
      <c r="C2207">
        <v>0</v>
      </c>
      <c r="D2207">
        <v>0</v>
      </c>
    </row>
    <row r="2208" spans="1:4" x14ac:dyDescent="0.25">
      <c r="A2208" t="s">
        <v>3439</v>
      </c>
      <c r="B2208" t="s">
        <v>2836</v>
      </c>
      <c r="C2208">
        <v>0</v>
      </c>
      <c r="D2208">
        <v>0</v>
      </c>
    </row>
    <row r="2209" spans="1:4" x14ac:dyDescent="0.25">
      <c r="A2209" t="s">
        <v>3439</v>
      </c>
      <c r="B2209" t="s">
        <v>3440</v>
      </c>
      <c r="C2209">
        <v>1</v>
      </c>
      <c r="D2209">
        <v>0</v>
      </c>
    </row>
    <row r="2210" spans="1:4" x14ac:dyDescent="0.25">
      <c r="A2210" t="s">
        <v>3441</v>
      </c>
      <c r="B2210" t="s">
        <v>3442</v>
      </c>
      <c r="C2210">
        <v>0</v>
      </c>
      <c r="D2210">
        <v>0</v>
      </c>
    </row>
    <row r="2211" spans="1:4" x14ac:dyDescent="0.25">
      <c r="A2211" t="s">
        <v>3443</v>
      </c>
      <c r="B2211" t="s">
        <v>3444</v>
      </c>
      <c r="C2211">
        <v>1</v>
      </c>
      <c r="D2211">
        <v>0</v>
      </c>
    </row>
    <row r="2212" spans="1:4" x14ac:dyDescent="0.25">
      <c r="A2212" t="s">
        <v>3445</v>
      </c>
      <c r="B2212" t="s">
        <v>3446</v>
      </c>
      <c r="C2212">
        <v>0</v>
      </c>
      <c r="D2212">
        <v>0</v>
      </c>
    </row>
    <row r="2213" spans="1:4" x14ac:dyDescent="0.25">
      <c r="A2213" t="s">
        <v>3447</v>
      </c>
      <c r="B2213" t="s">
        <v>3448</v>
      </c>
      <c r="C2213">
        <v>1</v>
      </c>
      <c r="D2213">
        <v>0</v>
      </c>
    </row>
    <row r="2214" spans="1:4" x14ac:dyDescent="0.25">
      <c r="A2214" t="s">
        <v>3447</v>
      </c>
      <c r="B2214" t="s">
        <v>3449</v>
      </c>
      <c r="C2214">
        <v>2</v>
      </c>
      <c r="D2214">
        <v>0</v>
      </c>
    </row>
    <row r="2215" spans="1:4" x14ac:dyDescent="0.25">
      <c r="A2215" t="s">
        <v>3447</v>
      </c>
      <c r="B2215" t="s">
        <v>3450</v>
      </c>
      <c r="C2215">
        <v>1</v>
      </c>
      <c r="D2215">
        <v>0</v>
      </c>
    </row>
    <row r="2216" spans="1:4" x14ac:dyDescent="0.25">
      <c r="A2216" t="s">
        <v>3451</v>
      </c>
      <c r="B2216" t="s">
        <v>3452</v>
      </c>
      <c r="C2216">
        <v>0</v>
      </c>
      <c r="D2216">
        <v>0</v>
      </c>
    </row>
    <row r="2217" spans="1:4" x14ac:dyDescent="0.25">
      <c r="A2217" t="s">
        <v>3453</v>
      </c>
      <c r="B2217" t="s">
        <v>3454</v>
      </c>
      <c r="C2217">
        <v>0</v>
      </c>
      <c r="D2217">
        <v>0</v>
      </c>
    </row>
    <row r="2218" spans="1:4" x14ac:dyDescent="0.25">
      <c r="A2218" t="s">
        <v>3455</v>
      </c>
      <c r="B2218" t="s">
        <v>3456</v>
      </c>
      <c r="C2218">
        <v>2</v>
      </c>
      <c r="D2218">
        <v>0</v>
      </c>
    </row>
    <row r="2219" spans="1:4" x14ac:dyDescent="0.25">
      <c r="A2219" t="s">
        <v>3457</v>
      </c>
      <c r="B2219" t="s">
        <v>3458</v>
      </c>
      <c r="C2219">
        <v>0</v>
      </c>
      <c r="D2219">
        <v>0</v>
      </c>
    </row>
    <row r="2220" spans="1:4" x14ac:dyDescent="0.25">
      <c r="A2220" t="s">
        <v>3459</v>
      </c>
      <c r="B2220" t="s">
        <v>3460</v>
      </c>
      <c r="C2220">
        <v>2</v>
      </c>
      <c r="D2220">
        <v>0</v>
      </c>
    </row>
    <row r="2221" spans="1:4" x14ac:dyDescent="0.25">
      <c r="A2221" t="s">
        <v>3461</v>
      </c>
      <c r="B2221" t="s">
        <v>3462</v>
      </c>
      <c r="C2221">
        <v>0</v>
      </c>
      <c r="D2221">
        <v>0</v>
      </c>
    </row>
    <row r="2222" spans="1:4" x14ac:dyDescent="0.25">
      <c r="A2222" t="s">
        <v>3461</v>
      </c>
      <c r="B2222" t="s">
        <v>3463</v>
      </c>
      <c r="C2222">
        <v>1</v>
      </c>
      <c r="D2222">
        <v>0</v>
      </c>
    </row>
    <row r="2223" spans="1:4" x14ac:dyDescent="0.25">
      <c r="A2223" t="s">
        <v>3461</v>
      </c>
      <c r="B2223" t="s">
        <v>3464</v>
      </c>
      <c r="C2223">
        <v>2</v>
      </c>
      <c r="D2223">
        <v>0</v>
      </c>
    </row>
    <row r="2224" spans="1:4" x14ac:dyDescent="0.25">
      <c r="A2224" t="s">
        <v>3465</v>
      </c>
      <c r="B2224" t="s">
        <v>3466</v>
      </c>
      <c r="C2224">
        <v>1</v>
      </c>
      <c r="D2224">
        <v>0</v>
      </c>
    </row>
    <row r="2225" spans="1:4" x14ac:dyDescent="0.25">
      <c r="A2225" t="s">
        <v>3467</v>
      </c>
      <c r="B2225" t="s">
        <v>923</v>
      </c>
      <c r="C2225">
        <v>0</v>
      </c>
      <c r="D2225">
        <v>0</v>
      </c>
    </row>
    <row r="2226" spans="1:4" x14ac:dyDescent="0.25">
      <c r="A2226" t="s">
        <v>3468</v>
      </c>
      <c r="B2226" t="s">
        <v>1001</v>
      </c>
      <c r="C2226">
        <v>1</v>
      </c>
      <c r="D2226">
        <v>0</v>
      </c>
    </row>
    <row r="2227" spans="1:4" x14ac:dyDescent="0.25">
      <c r="A2227" t="s">
        <v>3469</v>
      </c>
      <c r="B2227" t="s">
        <v>3470</v>
      </c>
      <c r="C2227">
        <v>1</v>
      </c>
      <c r="D2227">
        <v>0</v>
      </c>
    </row>
    <row r="2228" spans="1:4" x14ac:dyDescent="0.25">
      <c r="A2228" t="s">
        <v>3469</v>
      </c>
      <c r="B2228" t="s">
        <v>3471</v>
      </c>
      <c r="C2228">
        <v>1</v>
      </c>
      <c r="D2228">
        <v>0</v>
      </c>
    </row>
    <row r="2229" spans="1:4" x14ac:dyDescent="0.25">
      <c r="A2229" t="s">
        <v>3472</v>
      </c>
      <c r="B2229" t="s">
        <v>1101</v>
      </c>
      <c r="C2229">
        <v>1</v>
      </c>
      <c r="D2229">
        <v>0</v>
      </c>
    </row>
    <row r="2230" spans="1:4" x14ac:dyDescent="0.25">
      <c r="A2230" t="s">
        <v>3473</v>
      </c>
      <c r="B2230" t="s">
        <v>3474</v>
      </c>
      <c r="C2230">
        <v>1</v>
      </c>
      <c r="D2230">
        <v>0</v>
      </c>
    </row>
    <row r="2231" spans="1:4" x14ac:dyDescent="0.25">
      <c r="A2231" t="s">
        <v>3475</v>
      </c>
      <c r="B2231" t="s">
        <v>3476</v>
      </c>
      <c r="C2231">
        <v>1</v>
      </c>
      <c r="D2231">
        <v>0</v>
      </c>
    </row>
    <row r="2232" spans="1:4" x14ac:dyDescent="0.25">
      <c r="A2232" t="s">
        <v>3477</v>
      </c>
      <c r="B2232" t="s">
        <v>3478</v>
      </c>
      <c r="C2232">
        <v>1</v>
      </c>
      <c r="D2232">
        <v>0</v>
      </c>
    </row>
    <row r="2233" spans="1:4" x14ac:dyDescent="0.25">
      <c r="A2233" t="s">
        <v>3477</v>
      </c>
      <c r="B2233" t="s">
        <v>3479</v>
      </c>
      <c r="C2233">
        <v>1</v>
      </c>
      <c r="D2233">
        <v>0</v>
      </c>
    </row>
    <row r="2234" spans="1:4" x14ac:dyDescent="0.25">
      <c r="A2234" t="s">
        <v>3477</v>
      </c>
      <c r="B2234" t="s">
        <v>3480</v>
      </c>
      <c r="C2234">
        <v>1</v>
      </c>
      <c r="D2234">
        <v>0</v>
      </c>
    </row>
    <row r="2235" spans="1:4" x14ac:dyDescent="0.25">
      <c r="A2235" t="s">
        <v>3481</v>
      </c>
      <c r="B2235" t="s">
        <v>3482</v>
      </c>
      <c r="C2235">
        <v>1</v>
      </c>
      <c r="D2235">
        <v>0</v>
      </c>
    </row>
    <row r="2236" spans="1:4" x14ac:dyDescent="0.25">
      <c r="A2236" t="s">
        <v>3483</v>
      </c>
      <c r="B2236" t="s">
        <v>3484</v>
      </c>
      <c r="C2236">
        <v>0</v>
      </c>
      <c r="D2236">
        <v>0</v>
      </c>
    </row>
    <row r="2237" spans="1:4" x14ac:dyDescent="0.25">
      <c r="A2237" t="s">
        <v>3483</v>
      </c>
      <c r="B2237" t="s">
        <v>1012</v>
      </c>
      <c r="C2237">
        <v>0</v>
      </c>
      <c r="D2237">
        <v>0</v>
      </c>
    </row>
    <row r="2238" spans="1:4" x14ac:dyDescent="0.25">
      <c r="A2238" t="s">
        <v>3485</v>
      </c>
      <c r="B2238" t="s">
        <v>3486</v>
      </c>
      <c r="C2238">
        <v>1</v>
      </c>
      <c r="D2238">
        <v>0</v>
      </c>
    </row>
    <row r="2239" spans="1:4" x14ac:dyDescent="0.25">
      <c r="A2239" t="s">
        <v>3487</v>
      </c>
      <c r="B2239" t="s">
        <v>3488</v>
      </c>
      <c r="C2239">
        <v>1</v>
      </c>
      <c r="D2239">
        <v>0</v>
      </c>
    </row>
    <row r="2240" spans="1:4" x14ac:dyDescent="0.25">
      <c r="A2240" t="s">
        <v>3487</v>
      </c>
      <c r="B2240" t="s">
        <v>3489</v>
      </c>
      <c r="C2240">
        <v>2</v>
      </c>
      <c r="D2240">
        <v>0</v>
      </c>
    </row>
    <row r="2241" spans="1:4" x14ac:dyDescent="0.25">
      <c r="A2241" t="s">
        <v>3490</v>
      </c>
      <c r="B2241" t="s">
        <v>1499</v>
      </c>
      <c r="C2241">
        <v>1</v>
      </c>
      <c r="D2241">
        <v>0</v>
      </c>
    </row>
    <row r="2242" spans="1:4" x14ac:dyDescent="0.25">
      <c r="A2242" t="s">
        <v>3490</v>
      </c>
      <c r="B2242" t="s">
        <v>3491</v>
      </c>
      <c r="C2242">
        <v>0</v>
      </c>
      <c r="D2242">
        <v>0</v>
      </c>
    </row>
    <row r="2243" spans="1:4" x14ac:dyDescent="0.25">
      <c r="A2243" t="s">
        <v>3492</v>
      </c>
      <c r="B2243" t="s">
        <v>3493</v>
      </c>
      <c r="C2243">
        <v>1</v>
      </c>
      <c r="D2243">
        <v>0</v>
      </c>
    </row>
    <row r="2244" spans="1:4" x14ac:dyDescent="0.25">
      <c r="A2244" t="s">
        <v>3492</v>
      </c>
      <c r="B2244" t="s">
        <v>3494</v>
      </c>
      <c r="C2244">
        <v>2</v>
      </c>
      <c r="D2244">
        <v>0</v>
      </c>
    </row>
    <row r="2245" spans="1:4" x14ac:dyDescent="0.25">
      <c r="A2245" t="s">
        <v>3492</v>
      </c>
      <c r="B2245" t="s">
        <v>3495</v>
      </c>
      <c r="C2245">
        <v>0</v>
      </c>
      <c r="D2245">
        <v>0</v>
      </c>
    </row>
    <row r="2246" spans="1:4" x14ac:dyDescent="0.25">
      <c r="A2246" t="s">
        <v>3496</v>
      </c>
      <c r="B2246" t="s">
        <v>3497</v>
      </c>
      <c r="C2246">
        <v>1</v>
      </c>
      <c r="D2246">
        <v>0</v>
      </c>
    </row>
    <row r="2247" spans="1:4" x14ac:dyDescent="0.25">
      <c r="A2247" t="s">
        <v>3498</v>
      </c>
      <c r="B2247" t="s">
        <v>3499</v>
      </c>
      <c r="C2247">
        <v>1</v>
      </c>
      <c r="D2247">
        <v>0</v>
      </c>
    </row>
    <row r="2248" spans="1:4" x14ac:dyDescent="0.25">
      <c r="A2248" t="s">
        <v>3500</v>
      </c>
      <c r="B2248" t="s">
        <v>3501</v>
      </c>
      <c r="C2248">
        <v>2</v>
      </c>
      <c r="D2248">
        <v>0</v>
      </c>
    </row>
    <row r="2249" spans="1:4" x14ac:dyDescent="0.25">
      <c r="A2249" t="s">
        <v>3502</v>
      </c>
      <c r="B2249" t="s">
        <v>3503</v>
      </c>
      <c r="C2249">
        <v>0</v>
      </c>
      <c r="D2249">
        <v>0</v>
      </c>
    </row>
    <row r="2250" spans="1:4" x14ac:dyDescent="0.25">
      <c r="A2250" t="s">
        <v>3504</v>
      </c>
      <c r="B2250" t="s">
        <v>3505</v>
      </c>
      <c r="C2250">
        <v>1</v>
      </c>
      <c r="D2250">
        <v>0</v>
      </c>
    </row>
    <row r="2251" spans="1:4" x14ac:dyDescent="0.25">
      <c r="A2251" t="s">
        <v>3504</v>
      </c>
      <c r="B2251" t="s">
        <v>3506</v>
      </c>
      <c r="C2251">
        <v>2</v>
      </c>
      <c r="D2251">
        <v>0</v>
      </c>
    </row>
    <row r="2252" spans="1:4" x14ac:dyDescent="0.25">
      <c r="A2252" t="s">
        <v>3507</v>
      </c>
      <c r="B2252" t="s">
        <v>3508</v>
      </c>
      <c r="C2252">
        <v>0</v>
      </c>
      <c r="D2252">
        <v>0</v>
      </c>
    </row>
    <row r="2253" spans="1:4" x14ac:dyDescent="0.25">
      <c r="A2253" t="s">
        <v>3509</v>
      </c>
      <c r="B2253" t="s">
        <v>3347</v>
      </c>
      <c r="C2253">
        <v>0</v>
      </c>
      <c r="D2253">
        <v>0</v>
      </c>
    </row>
    <row r="2254" spans="1:4" x14ac:dyDescent="0.25">
      <c r="A2254" t="s">
        <v>3509</v>
      </c>
      <c r="B2254" t="s">
        <v>3510</v>
      </c>
      <c r="C2254">
        <v>1</v>
      </c>
      <c r="D2254">
        <v>0</v>
      </c>
    </row>
    <row r="2255" spans="1:4" x14ac:dyDescent="0.25">
      <c r="A2255" t="s">
        <v>3511</v>
      </c>
      <c r="B2255" t="s">
        <v>3512</v>
      </c>
      <c r="C2255">
        <v>1</v>
      </c>
      <c r="D2255">
        <v>0</v>
      </c>
    </row>
    <row r="2256" spans="1:4" x14ac:dyDescent="0.25">
      <c r="A2256" t="s">
        <v>3513</v>
      </c>
      <c r="B2256" t="s">
        <v>3514</v>
      </c>
      <c r="C2256">
        <v>0</v>
      </c>
      <c r="D2256">
        <v>0</v>
      </c>
    </row>
    <row r="2257" spans="1:4" x14ac:dyDescent="0.25">
      <c r="A2257" t="s">
        <v>3515</v>
      </c>
      <c r="B2257" t="s">
        <v>3516</v>
      </c>
      <c r="C2257">
        <v>0</v>
      </c>
      <c r="D2257">
        <v>0</v>
      </c>
    </row>
    <row r="2258" spans="1:4" x14ac:dyDescent="0.25">
      <c r="A2258" t="s">
        <v>3515</v>
      </c>
      <c r="B2258" t="s">
        <v>2061</v>
      </c>
      <c r="C2258">
        <v>0</v>
      </c>
      <c r="D2258">
        <v>0</v>
      </c>
    </row>
    <row r="2259" spans="1:4" x14ac:dyDescent="0.25">
      <c r="A2259" t="s">
        <v>3517</v>
      </c>
      <c r="B2259" t="s">
        <v>3518</v>
      </c>
      <c r="C2259">
        <v>0</v>
      </c>
      <c r="D2259">
        <v>0</v>
      </c>
    </row>
    <row r="2260" spans="1:4" x14ac:dyDescent="0.25">
      <c r="A2260" t="s">
        <v>3519</v>
      </c>
      <c r="B2260" t="s">
        <v>3520</v>
      </c>
      <c r="C2260">
        <v>0</v>
      </c>
      <c r="D2260">
        <v>0</v>
      </c>
    </row>
    <row r="2261" spans="1:4" x14ac:dyDescent="0.25">
      <c r="A2261" t="s">
        <v>3521</v>
      </c>
      <c r="B2261" t="s">
        <v>3522</v>
      </c>
      <c r="C2261">
        <v>2</v>
      </c>
      <c r="D2261">
        <v>0</v>
      </c>
    </row>
    <row r="2262" spans="1:4" x14ac:dyDescent="0.25">
      <c r="A2262" t="s">
        <v>3523</v>
      </c>
      <c r="B2262" t="s">
        <v>3524</v>
      </c>
      <c r="C2262">
        <v>1</v>
      </c>
      <c r="D2262">
        <v>0</v>
      </c>
    </row>
    <row r="2263" spans="1:4" x14ac:dyDescent="0.25">
      <c r="A2263" t="s">
        <v>3525</v>
      </c>
      <c r="B2263" t="s">
        <v>3526</v>
      </c>
      <c r="C2263">
        <v>1</v>
      </c>
      <c r="D2263">
        <v>0</v>
      </c>
    </row>
    <row r="2264" spans="1:4" x14ac:dyDescent="0.25">
      <c r="A2264" t="s">
        <v>3525</v>
      </c>
      <c r="B2264" t="s">
        <v>3527</v>
      </c>
      <c r="C2264">
        <v>1</v>
      </c>
      <c r="D2264">
        <v>0</v>
      </c>
    </row>
    <row r="2265" spans="1:4" x14ac:dyDescent="0.25">
      <c r="A2265" t="s">
        <v>3525</v>
      </c>
      <c r="B2265" t="s">
        <v>3528</v>
      </c>
      <c r="C2265">
        <v>1</v>
      </c>
      <c r="D2265">
        <v>0</v>
      </c>
    </row>
    <row r="2266" spans="1:4" x14ac:dyDescent="0.25">
      <c r="A2266" t="s">
        <v>3529</v>
      </c>
      <c r="B2266" t="s">
        <v>3530</v>
      </c>
      <c r="C2266">
        <v>2</v>
      </c>
      <c r="D2266">
        <v>0</v>
      </c>
    </row>
    <row r="2267" spans="1:4" x14ac:dyDescent="0.25">
      <c r="A2267" t="s">
        <v>3531</v>
      </c>
      <c r="B2267" t="s">
        <v>3532</v>
      </c>
      <c r="C2267">
        <v>0</v>
      </c>
      <c r="D2267">
        <v>0</v>
      </c>
    </row>
    <row r="2268" spans="1:4" x14ac:dyDescent="0.25">
      <c r="A2268" t="s">
        <v>3533</v>
      </c>
      <c r="B2268" t="s">
        <v>3534</v>
      </c>
      <c r="C2268">
        <v>0</v>
      </c>
      <c r="D2268">
        <v>0</v>
      </c>
    </row>
    <row r="2269" spans="1:4" x14ac:dyDescent="0.25">
      <c r="A2269" t="s">
        <v>3533</v>
      </c>
      <c r="B2269" t="s">
        <v>3535</v>
      </c>
      <c r="C2269">
        <v>1</v>
      </c>
      <c r="D2269">
        <v>0</v>
      </c>
    </row>
    <row r="2270" spans="1:4" x14ac:dyDescent="0.25">
      <c r="A2270" t="s">
        <v>3536</v>
      </c>
      <c r="B2270" t="s">
        <v>3537</v>
      </c>
      <c r="C2270">
        <v>2</v>
      </c>
      <c r="D2270">
        <v>0</v>
      </c>
    </row>
    <row r="2271" spans="1:4" x14ac:dyDescent="0.25">
      <c r="A2271" t="s">
        <v>3536</v>
      </c>
      <c r="B2271" t="s">
        <v>969</v>
      </c>
      <c r="C2271">
        <v>0</v>
      </c>
      <c r="D2271">
        <v>0</v>
      </c>
    </row>
    <row r="2272" spans="1:4" x14ac:dyDescent="0.25">
      <c r="A2272" t="s">
        <v>3538</v>
      </c>
      <c r="B2272" t="s">
        <v>3539</v>
      </c>
      <c r="C2272">
        <v>0</v>
      </c>
      <c r="D2272">
        <v>0</v>
      </c>
    </row>
    <row r="2273" spans="1:4" x14ac:dyDescent="0.25">
      <c r="A2273" t="s">
        <v>3538</v>
      </c>
      <c r="B2273" t="s">
        <v>3540</v>
      </c>
      <c r="C2273">
        <v>0</v>
      </c>
      <c r="D2273">
        <v>0</v>
      </c>
    </row>
    <row r="2274" spans="1:4" x14ac:dyDescent="0.25">
      <c r="A2274" t="s">
        <v>3538</v>
      </c>
      <c r="B2274" t="s">
        <v>3541</v>
      </c>
      <c r="C2274">
        <v>2</v>
      </c>
      <c r="D2274">
        <v>0</v>
      </c>
    </row>
    <row r="2275" spans="1:4" x14ac:dyDescent="0.25">
      <c r="A2275" t="s">
        <v>3542</v>
      </c>
      <c r="B2275" t="s">
        <v>3543</v>
      </c>
      <c r="C2275">
        <v>2</v>
      </c>
      <c r="D2275">
        <v>0</v>
      </c>
    </row>
    <row r="2276" spans="1:4" x14ac:dyDescent="0.25">
      <c r="A2276" t="s">
        <v>3544</v>
      </c>
      <c r="B2276" t="s">
        <v>3545</v>
      </c>
      <c r="C2276">
        <v>0</v>
      </c>
      <c r="D2276">
        <v>0</v>
      </c>
    </row>
    <row r="2277" spans="1:4" x14ac:dyDescent="0.25">
      <c r="A2277" t="s">
        <v>3546</v>
      </c>
      <c r="B2277" t="s">
        <v>3547</v>
      </c>
      <c r="C2277">
        <v>0</v>
      </c>
      <c r="D2277">
        <v>0</v>
      </c>
    </row>
    <row r="2278" spans="1:4" x14ac:dyDescent="0.25">
      <c r="A2278" t="s">
        <v>3546</v>
      </c>
      <c r="B2278" t="s">
        <v>3548</v>
      </c>
      <c r="C2278">
        <v>1</v>
      </c>
      <c r="D2278">
        <v>0</v>
      </c>
    </row>
    <row r="2279" spans="1:4" x14ac:dyDescent="0.25">
      <c r="A2279" t="s">
        <v>3546</v>
      </c>
      <c r="B2279" t="s">
        <v>3549</v>
      </c>
      <c r="C2279">
        <v>1</v>
      </c>
      <c r="D2279">
        <v>0</v>
      </c>
    </row>
    <row r="2280" spans="1:4" x14ac:dyDescent="0.25">
      <c r="A2280" t="s">
        <v>3550</v>
      </c>
      <c r="B2280" t="s">
        <v>3551</v>
      </c>
      <c r="C2280">
        <v>0</v>
      </c>
      <c r="D2280">
        <v>0</v>
      </c>
    </row>
    <row r="2281" spans="1:4" x14ac:dyDescent="0.25">
      <c r="A2281" t="s">
        <v>3550</v>
      </c>
      <c r="B2281" t="s">
        <v>3552</v>
      </c>
      <c r="C2281">
        <v>0</v>
      </c>
      <c r="D2281">
        <v>0</v>
      </c>
    </row>
    <row r="2282" spans="1:4" x14ac:dyDescent="0.25">
      <c r="A2282" t="s">
        <v>3550</v>
      </c>
      <c r="B2282" t="s">
        <v>3553</v>
      </c>
      <c r="C2282">
        <v>0</v>
      </c>
      <c r="D2282">
        <v>0</v>
      </c>
    </row>
    <row r="2283" spans="1:4" x14ac:dyDescent="0.25">
      <c r="A2283" t="s">
        <v>3554</v>
      </c>
      <c r="B2283" t="s">
        <v>3555</v>
      </c>
      <c r="C2283">
        <v>1</v>
      </c>
      <c r="D2283">
        <v>0</v>
      </c>
    </row>
    <row r="2284" spans="1:4" x14ac:dyDescent="0.25">
      <c r="A2284" t="s">
        <v>3554</v>
      </c>
      <c r="B2284" t="s">
        <v>3556</v>
      </c>
      <c r="C2284">
        <v>1</v>
      </c>
      <c r="D2284">
        <v>0</v>
      </c>
    </row>
    <row r="2285" spans="1:4" x14ac:dyDescent="0.25">
      <c r="A2285" t="s">
        <v>3554</v>
      </c>
      <c r="B2285" t="s">
        <v>3557</v>
      </c>
      <c r="C2285">
        <v>1</v>
      </c>
      <c r="D2285">
        <v>0</v>
      </c>
    </row>
    <row r="2286" spans="1:4" x14ac:dyDescent="0.25">
      <c r="A2286" t="s">
        <v>3558</v>
      </c>
      <c r="B2286" t="s">
        <v>3559</v>
      </c>
      <c r="C2286">
        <v>2</v>
      </c>
      <c r="D2286">
        <v>0</v>
      </c>
    </row>
    <row r="2287" spans="1:4" x14ac:dyDescent="0.25">
      <c r="A2287" t="s">
        <v>3560</v>
      </c>
      <c r="B2287" t="s">
        <v>1938</v>
      </c>
      <c r="C2287">
        <v>0</v>
      </c>
      <c r="D2287">
        <v>0</v>
      </c>
    </row>
    <row r="2288" spans="1:4" x14ac:dyDescent="0.25">
      <c r="A2288" t="s">
        <v>3561</v>
      </c>
      <c r="B2288" t="s">
        <v>3562</v>
      </c>
      <c r="C2288">
        <v>1</v>
      </c>
      <c r="D2288">
        <v>0</v>
      </c>
    </row>
    <row r="2289" spans="1:4" x14ac:dyDescent="0.25">
      <c r="A2289" t="s">
        <v>3561</v>
      </c>
      <c r="B2289" t="s">
        <v>1401</v>
      </c>
      <c r="C2289">
        <v>0</v>
      </c>
      <c r="D2289">
        <v>0</v>
      </c>
    </row>
    <row r="2290" spans="1:4" x14ac:dyDescent="0.25">
      <c r="A2290" t="s">
        <v>3561</v>
      </c>
      <c r="B2290" t="s">
        <v>3563</v>
      </c>
      <c r="C2290">
        <v>1</v>
      </c>
      <c r="D2290">
        <v>0</v>
      </c>
    </row>
    <row r="2291" spans="1:4" x14ac:dyDescent="0.25">
      <c r="A2291" t="s">
        <v>3564</v>
      </c>
      <c r="B2291" t="s">
        <v>3565</v>
      </c>
      <c r="C2291">
        <v>0</v>
      </c>
      <c r="D2291">
        <v>0</v>
      </c>
    </row>
    <row r="2292" spans="1:4" x14ac:dyDescent="0.25">
      <c r="A2292" t="s">
        <v>3566</v>
      </c>
      <c r="B2292" t="s">
        <v>3567</v>
      </c>
      <c r="C2292">
        <v>0</v>
      </c>
      <c r="D2292">
        <v>0</v>
      </c>
    </row>
    <row r="2293" spans="1:4" x14ac:dyDescent="0.25">
      <c r="A2293" t="s">
        <v>3568</v>
      </c>
      <c r="B2293" t="s">
        <v>3569</v>
      </c>
      <c r="C2293">
        <v>1</v>
      </c>
      <c r="D2293">
        <v>0</v>
      </c>
    </row>
    <row r="2294" spans="1:4" x14ac:dyDescent="0.25">
      <c r="A2294" t="s">
        <v>3570</v>
      </c>
      <c r="B2294" t="s">
        <v>3571</v>
      </c>
      <c r="C2294">
        <v>2</v>
      </c>
      <c r="D2294">
        <v>0</v>
      </c>
    </row>
    <row r="2295" spans="1:4" x14ac:dyDescent="0.25">
      <c r="A2295" t="s">
        <v>3570</v>
      </c>
      <c r="B2295" t="s">
        <v>3572</v>
      </c>
      <c r="C2295">
        <v>2</v>
      </c>
      <c r="D2295">
        <v>0</v>
      </c>
    </row>
    <row r="2296" spans="1:4" x14ac:dyDescent="0.25">
      <c r="A2296" t="s">
        <v>3573</v>
      </c>
      <c r="B2296" t="s">
        <v>3574</v>
      </c>
      <c r="C2296">
        <v>1</v>
      </c>
      <c r="D2296">
        <v>0</v>
      </c>
    </row>
    <row r="2297" spans="1:4" x14ac:dyDescent="0.25">
      <c r="A2297" t="s">
        <v>3575</v>
      </c>
      <c r="B2297" t="s">
        <v>3576</v>
      </c>
      <c r="C2297">
        <v>1</v>
      </c>
      <c r="D2297">
        <v>0</v>
      </c>
    </row>
    <row r="2298" spans="1:4" x14ac:dyDescent="0.25">
      <c r="A2298" t="s">
        <v>3577</v>
      </c>
      <c r="B2298" t="s">
        <v>3578</v>
      </c>
      <c r="C2298">
        <v>1</v>
      </c>
      <c r="D2298">
        <v>0</v>
      </c>
    </row>
    <row r="2299" spans="1:4" x14ac:dyDescent="0.25">
      <c r="A2299" t="s">
        <v>3579</v>
      </c>
      <c r="B2299" t="s">
        <v>3580</v>
      </c>
      <c r="C2299">
        <v>1</v>
      </c>
      <c r="D2299">
        <v>0</v>
      </c>
    </row>
    <row r="2300" spans="1:4" x14ac:dyDescent="0.25">
      <c r="A2300" t="s">
        <v>3579</v>
      </c>
      <c r="B2300" t="s">
        <v>3581</v>
      </c>
      <c r="C2300">
        <v>1</v>
      </c>
      <c r="D2300">
        <v>0</v>
      </c>
    </row>
    <row r="2301" spans="1:4" x14ac:dyDescent="0.25">
      <c r="A2301" t="s">
        <v>3582</v>
      </c>
      <c r="B2301" t="s">
        <v>3583</v>
      </c>
      <c r="C2301">
        <v>0</v>
      </c>
      <c r="D2301">
        <v>0</v>
      </c>
    </row>
    <row r="2302" spans="1:4" x14ac:dyDescent="0.25">
      <c r="A2302" t="s">
        <v>3582</v>
      </c>
      <c r="B2302" t="s">
        <v>3584</v>
      </c>
      <c r="C2302">
        <v>1</v>
      </c>
      <c r="D2302">
        <v>0</v>
      </c>
    </row>
    <row r="2303" spans="1:4" x14ac:dyDescent="0.25">
      <c r="A2303" t="s">
        <v>3582</v>
      </c>
      <c r="B2303" t="s">
        <v>3585</v>
      </c>
      <c r="C2303">
        <v>1</v>
      </c>
      <c r="D2303">
        <v>0</v>
      </c>
    </row>
    <row r="2304" spans="1:4" x14ac:dyDescent="0.25">
      <c r="A2304" t="s">
        <v>3586</v>
      </c>
      <c r="B2304" t="s">
        <v>3587</v>
      </c>
      <c r="C2304">
        <v>2</v>
      </c>
      <c r="D2304">
        <v>0</v>
      </c>
    </row>
    <row r="2305" spans="1:4" x14ac:dyDescent="0.25">
      <c r="A2305" t="s">
        <v>3586</v>
      </c>
      <c r="B2305" t="s">
        <v>3588</v>
      </c>
      <c r="C2305">
        <v>0</v>
      </c>
      <c r="D2305">
        <v>0</v>
      </c>
    </row>
    <row r="2306" spans="1:4" x14ac:dyDescent="0.25">
      <c r="A2306" t="s">
        <v>3586</v>
      </c>
      <c r="B2306" t="s">
        <v>3589</v>
      </c>
      <c r="C2306">
        <v>1</v>
      </c>
      <c r="D2306">
        <v>0</v>
      </c>
    </row>
    <row r="2307" spans="1:4" x14ac:dyDescent="0.25">
      <c r="A2307" t="s">
        <v>3590</v>
      </c>
      <c r="B2307" t="s">
        <v>3591</v>
      </c>
      <c r="C2307">
        <v>1</v>
      </c>
      <c r="D2307">
        <v>0</v>
      </c>
    </row>
    <row r="2308" spans="1:4" x14ac:dyDescent="0.25">
      <c r="A2308" t="s">
        <v>3590</v>
      </c>
      <c r="B2308" t="s">
        <v>3592</v>
      </c>
      <c r="C2308">
        <v>0</v>
      </c>
      <c r="D2308">
        <v>0</v>
      </c>
    </row>
    <row r="2309" spans="1:4" x14ac:dyDescent="0.25">
      <c r="A2309" t="s">
        <v>3593</v>
      </c>
      <c r="B2309" t="s">
        <v>3594</v>
      </c>
      <c r="C2309">
        <v>0</v>
      </c>
      <c r="D2309">
        <v>0</v>
      </c>
    </row>
    <row r="2310" spans="1:4" x14ac:dyDescent="0.25">
      <c r="A2310" t="s">
        <v>3593</v>
      </c>
      <c r="B2310" t="s">
        <v>3595</v>
      </c>
      <c r="C2310">
        <v>1</v>
      </c>
      <c r="D2310">
        <v>0</v>
      </c>
    </row>
    <row r="2311" spans="1:4" x14ac:dyDescent="0.25">
      <c r="A2311" t="s">
        <v>3596</v>
      </c>
      <c r="B2311" t="s">
        <v>3597</v>
      </c>
      <c r="C2311">
        <v>1</v>
      </c>
      <c r="D2311">
        <v>0</v>
      </c>
    </row>
    <row r="2312" spans="1:4" x14ac:dyDescent="0.25">
      <c r="A2312" t="s">
        <v>3598</v>
      </c>
      <c r="B2312" t="s">
        <v>1008</v>
      </c>
      <c r="C2312">
        <v>1</v>
      </c>
      <c r="D2312">
        <v>0</v>
      </c>
    </row>
    <row r="2313" spans="1:4" x14ac:dyDescent="0.25">
      <c r="A2313" t="s">
        <v>3599</v>
      </c>
      <c r="B2313" t="s">
        <v>968</v>
      </c>
      <c r="C2313">
        <v>1</v>
      </c>
      <c r="D2313">
        <v>0</v>
      </c>
    </row>
    <row r="2314" spans="1:4" x14ac:dyDescent="0.25">
      <c r="A2314" t="s">
        <v>3600</v>
      </c>
      <c r="B2314" t="s">
        <v>3601</v>
      </c>
      <c r="C2314">
        <v>1</v>
      </c>
      <c r="D2314">
        <v>0</v>
      </c>
    </row>
    <row r="2315" spans="1:4" x14ac:dyDescent="0.25">
      <c r="A2315" t="s">
        <v>3600</v>
      </c>
      <c r="B2315" t="s">
        <v>3602</v>
      </c>
      <c r="C2315">
        <v>1</v>
      </c>
      <c r="D2315">
        <v>0</v>
      </c>
    </row>
    <row r="2316" spans="1:4" x14ac:dyDescent="0.25">
      <c r="A2316" t="s">
        <v>3603</v>
      </c>
      <c r="B2316" t="s">
        <v>3604</v>
      </c>
      <c r="C2316">
        <v>0</v>
      </c>
      <c r="D2316">
        <v>0</v>
      </c>
    </row>
    <row r="2317" spans="1:4" x14ac:dyDescent="0.25">
      <c r="A2317" t="s">
        <v>3605</v>
      </c>
      <c r="B2317" t="s">
        <v>3606</v>
      </c>
      <c r="C2317">
        <v>1</v>
      </c>
      <c r="D2317">
        <v>0</v>
      </c>
    </row>
    <row r="2318" spans="1:4" x14ac:dyDescent="0.25">
      <c r="A2318" t="s">
        <v>3607</v>
      </c>
      <c r="B2318" t="s">
        <v>3608</v>
      </c>
      <c r="C2318">
        <v>1</v>
      </c>
      <c r="D2318">
        <v>0</v>
      </c>
    </row>
    <row r="2319" spans="1:4" x14ac:dyDescent="0.25">
      <c r="A2319" t="s">
        <v>3607</v>
      </c>
      <c r="B2319" t="s">
        <v>3609</v>
      </c>
      <c r="C2319">
        <v>1</v>
      </c>
      <c r="D2319">
        <v>0</v>
      </c>
    </row>
    <row r="2320" spans="1:4" x14ac:dyDescent="0.25">
      <c r="A2320" t="s">
        <v>3610</v>
      </c>
      <c r="B2320" t="s">
        <v>3611</v>
      </c>
      <c r="C2320">
        <v>1</v>
      </c>
      <c r="D2320">
        <v>0</v>
      </c>
    </row>
    <row r="2321" spans="1:4" x14ac:dyDescent="0.25">
      <c r="A2321" t="s">
        <v>3610</v>
      </c>
      <c r="B2321" t="s">
        <v>3612</v>
      </c>
      <c r="C2321">
        <v>0</v>
      </c>
      <c r="D2321">
        <v>0</v>
      </c>
    </row>
    <row r="2322" spans="1:4" x14ac:dyDescent="0.25">
      <c r="A2322" t="s">
        <v>3613</v>
      </c>
      <c r="B2322" t="s">
        <v>3614</v>
      </c>
      <c r="C2322">
        <v>1</v>
      </c>
      <c r="D2322">
        <v>0</v>
      </c>
    </row>
    <row r="2323" spans="1:4" x14ac:dyDescent="0.25">
      <c r="A2323" t="s">
        <v>3613</v>
      </c>
      <c r="B2323" t="s">
        <v>1101</v>
      </c>
      <c r="C2323">
        <v>1</v>
      </c>
      <c r="D2323">
        <v>0</v>
      </c>
    </row>
    <row r="2324" spans="1:4" x14ac:dyDescent="0.25">
      <c r="A2324" t="s">
        <v>3615</v>
      </c>
      <c r="B2324" t="s">
        <v>3616</v>
      </c>
      <c r="C2324">
        <v>0</v>
      </c>
      <c r="D2324">
        <v>0</v>
      </c>
    </row>
    <row r="2325" spans="1:4" x14ac:dyDescent="0.25">
      <c r="A2325" t="s">
        <v>3615</v>
      </c>
      <c r="B2325" t="s">
        <v>3617</v>
      </c>
      <c r="C2325">
        <v>0</v>
      </c>
      <c r="D2325">
        <v>0</v>
      </c>
    </row>
    <row r="2326" spans="1:4" x14ac:dyDescent="0.25">
      <c r="A2326" t="s">
        <v>3618</v>
      </c>
      <c r="B2326" t="s">
        <v>3619</v>
      </c>
      <c r="C2326">
        <v>2</v>
      </c>
      <c r="D2326">
        <v>0</v>
      </c>
    </row>
    <row r="2327" spans="1:4" x14ac:dyDescent="0.25">
      <c r="A2327" t="s">
        <v>3620</v>
      </c>
      <c r="B2327" t="s">
        <v>3621</v>
      </c>
      <c r="C2327">
        <v>0</v>
      </c>
      <c r="D2327">
        <v>0</v>
      </c>
    </row>
    <row r="2328" spans="1:4" x14ac:dyDescent="0.25">
      <c r="A2328" t="s">
        <v>3622</v>
      </c>
      <c r="B2328" t="s">
        <v>3623</v>
      </c>
      <c r="C2328">
        <v>0</v>
      </c>
      <c r="D2328">
        <v>0</v>
      </c>
    </row>
    <row r="2329" spans="1:4" x14ac:dyDescent="0.25">
      <c r="A2329" t="s">
        <v>3622</v>
      </c>
      <c r="B2329" t="s">
        <v>3624</v>
      </c>
      <c r="C2329">
        <v>0</v>
      </c>
      <c r="D2329">
        <v>0</v>
      </c>
    </row>
    <row r="2330" spans="1:4" x14ac:dyDescent="0.25">
      <c r="A2330" t="s">
        <v>3625</v>
      </c>
      <c r="B2330" t="s">
        <v>3626</v>
      </c>
      <c r="C2330">
        <v>2</v>
      </c>
      <c r="D2330">
        <v>0</v>
      </c>
    </row>
    <row r="2331" spans="1:4" x14ac:dyDescent="0.25">
      <c r="A2331" t="s">
        <v>3625</v>
      </c>
      <c r="B2331" t="s">
        <v>3627</v>
      </c>
      <c r="C2331">
        <v>0</v>
      </c>
      <c r="D2331">
        <v>0</v>
      </c>
    </row>
    <row r="2332" spans="1:4" x14ac:dyDescent="0.25">
      <c r="A2332" t="s">
        <v>3625</v>
      </c>
      <c r="B2332" t="s">
        <v>3628</v>
      </c>
      <c r="C2332">
        <v>0</v>
      </c>
      <c r="D2332">
        <v>0</v>
      </c>
    </row>
    <row r="2333" spans="1:4" x14ac:dyDescent="0.25">
      <c r="A2333" t="s">
        <v>3629</v>
      </c>
      <c r="B2333" t="s">
        <v>3630</v>
      </c>
      <c r="C2333">
        <v>2</v>
      </c>
      <c r="D2333">
        <v>0</v>
      </c>
    </row>
    <row r="2334" spans="1:4" x14ac:dyDescent="0.25">
      <c r="A2334" t="s">
        <v>3631</v>
      </c>
      <c r="B2334" t="s">
        <v>3632</v>
      </c>
      <c r="C2334">
        <v>0</v>
      </c>
      <c r="D2334">
        <v>0</v>
      </c>
    </row>
    <row r="2335" spans="1:4" x14ac:dyDescent="0.25">
      <c r="A2335" t="s">
        <v>3631</v>
      </c>
      <c r="B2335" t="s">
        <v>3633</v>
      </c>
      <c r="C2335">
        <v>1</v>
      </c>
      <c r="D2335">
        <v>0</v>
      </c>
    </row>
    <row r="2336" spans="1:4" x14ac:dyDescent="0.25">
      <c r="A2336" t="s">
        <v>3631</v>
      </c>
      <c r="B2336" t="s">
        <v>3634</v>
      </c>
      <c r="C2336">
        <v>2</v>
      </c>
      <c r="D2336">
        <v>0</v>
      </c>
    </row>
    <row r="2337" spans="1:4" x14ac:dyDescent="0.25">
      <c r="A2337" t="s">
        <v>3635</v>
      </c>
      <c r="B2337" t="s">
        <v>3636</v>
      </c>
      <c r="C2337">
        <v>0</v>
      </c>
      <c r="D2337">
        <v>0</v>
      </c>
    </row>
    <row r="2338" spans="1:4" x14ac:dyDescent="0.25">
      <c r="A2338" t="s">
        <v>3637</v>
      </c>
      <c r="B2338" t="s">
        <v>3638</v>
      </c>
      <c r="C2338">
        <v>1</v>
      </c>
      <c r="D2338">
        <v>0</v>
      </c>
    </row>
    <row r="2339" spans="1:4" x14ac:dyDescent="0.25">
      <c r="A2339" t="s">
        <v>3639</v>
      </c>
      <c r="B2339" t="s">
        <v>3640</v>
      </c>
      <c r="C2339">
        <v>1</v>
      </c>
      <c r="D2339">
        <v>0</v>
      </c>
    </row>
    <row r="2340" spans="1:4" x14ac:dyDescent="0.25">
      <c r="A2340" t="s">
        <v>3639</v>
      </c>
      <c r="B2340" t="s">
        <v>3641</v>
      </c>
      <c r="C2340">
        <v>1</v>
      </c>
      <c r="D2340">
        <v>0</v>
      </c>
    </row>
    <row r="2341" spans="1:4" x14ac:dyDescent="0.25">
      <c r="A2341" t="s">
        <v>3642</v>
      </c>
      <c r="B2341" t="s">
        <v>3643</v>
      </c>
      <c r="C2341">
        <v>1</v>
      </c>
      <c r="D2341">
        <v>0</v>
      </c>
    </row>
    <row r="2342" spans="1:4" x14ac:dyDescent="0.25">
      <c r="A2342" t="s">
        <v>3644</v>
      </c>
      <c r="B2342" t="s">
        <v>3645</v>
      </c>
      <c r="C2342">
        <v>0</v>
      </c>
      <c r="D2342">
        <v>0</v>
      </c>
    </row>
    <row r="2343" spans="1:4" x14ac:dyDescent="0.25">
      <c r="A2343" t="s">
        <v>3646</v>
      </c>
      <c r="B2343" t="s">
        <v>3647</v>
      </c>
      <c r="C2343">
        <v>2</v>
      </c>
      <c r="D2343">
        <v>0</v>
      </c>
    </row>
    <row r="2344" spans="1:4" x14ac:dyDescent="0.25">
      <c r="A2344" t="s">
        <v>3646</v>
      </c>
      <c r="B2344" t="s">
        <v>3648</v>
      </c>
      <c r="C2344">
        <v>2</v>
      </c>
      <c r="D2344">
        <v>0</v>
      </c>
    </row>
    <row r="2345" spans="1:4" x14ac:dyDescent="0.25">
      <c r="A2345" t="s">
        <v>3649</v>
      </c>
      <c r="B2345" t="s">
        <v>3650</v>
      </c>
      <c r="C2345">
        <v>1</v>
      </c>
      <c r="D2345">
        <v>0</v>
      </c>
    </row>
    <row r="2346" spans="1:4" x14ac:dyDescent="0.25">
      <c r="A2346" t="s">
        <v>3649</v>
      </c>
      <c r="B2346" t="s">
        <v>3651</v>
      </c>
      <c r="C2346">
        <v>1</v>
      </c>
      <c r="D2346">
        <v>0</v>
      </c>
    </row>
    <row r="2347" spans="1:4" x14ac:dyDescent="0.25">
      <c r="A2347" t="s">
        <v>3649</v>
      </c>
      <c r="B2347" t="s">
        <v>3652</v>
      </c>
      <c r="C2347">
        <v>1</v>
      </c>
      <c r="D2347">
        <v>0</v>
      </c>
    </row>
    <row r="2348" spans="1:4" x14ac:dyDescent="0.25">
      <c r="A2348" t="s">
        <v>3653</v>
      </c>
      <c r="B2348" t="s">
        <v>3654</v>
      </c>
      <c r="C2348">
        <v>1</v>
      </c>
      <c r="D2348">
        <v>0</v>
      </c>
    </row>
    <row r="2349" spans="1:4" x14ac:dyDescent="0.25">
      <c r="A2349" t="s">
        <v>3655</v>
      </c>
      <c r="B2349" t="s">
        <v>3656</v>
      </c>
      <c r="C2349">
        <v>1</v>
      </c>
      <c r="D2349">
        <v>0</v>
      </c>
    </row>
    <row r="2350" spans="1:4" x14ac:dyDescent="0.25">
      <c r="A2350" t="s">
        <v>3657</v>
      </c>
      <c r="B2350" t="s">
        <v>3658</v>
      </c>
      <c r="C2350">
        <v>2</v>
      </c>
      <c r="D2350">
        <v>0</v>
      </c>
    </row>
    <row r="2351" spans="1:4" x14ac:dyDescent="0.25">
      <c r="A2351" t="s">
        <v>3657</v>
      </c>
      <c r="B2351" t="s">
        <v>3659</v>
      </c>
      <c r="C2351">
        <v>2</v>
      </c>
      <c r="D2351">
        <v>0</v>
      </c>
    </row>
    <row r="2352" spans="1:4" x14ac:dyDescent="0.25">
      <c r="A2352" t="s">
        <v>3660</v>
      </c>
      <c r="B2352" t="s">
        <v>3661</v>
      </c>
      <c r="C2352">
        <v>2</v>
      </c>
      <c r="D2352">
        <v>0</v>
      </c>
    </row>
    <row r="2353" spans="1:4" x14ac:dyDescent="0.25">
      <c r="A2353" t="s">
        <v>3660</v>
      </c>
      <c r="B2353" t="s">
        <v>3662</v>
      </c>
      <c r="C2353">
        <v>0</v>
      </c>
      <c r="D2353">
        <v>0</v>
      </c>
    </row>
    <row r="2354" spans="1:4" x14ac:dyDescent="0.25">
      <c r="A2354" t="s">
        <v>3660</v>
      </c>
      <c r="B2354" t="s">
        <v>3663</v>
      </c>
      <c r="C2354">
        <v>1</v>
      </c>
      <c r="D2354">
        <v>0</v>
      </c>
    </row>
    <row r="2355" spans="1:4" x14ac:dyDescent="0.25">
      <c r="A2355" t="s">
        <v>3664</v>
      </c>
      <c r="B2355" t="s">
        <v>398</v>
      </c>
      <c r="C2355">
        <v>0</v>
      </c>
      <c r="D2355">
        <v>0</v>
      </c>
    </row>
    <row r="2356" spans="1:4" x14ac:dyDescent="0.25">
      <c r="A2356" t="s">
        <v>3665</v>
      </c>
      <c r="B2356" t="s">
        <v>968</v>
      </c>
      <c r="C2356">
        <v>1</v>
      </c>
      <c r="D2356">
        <v>0</v>
      </c>
    </row>
    <row r="2357" spans="1:4" x14ac:dyDescent="0.25">
      <c r="A2357" t="s">
        <v>3666</v>
      </c>
      <c r="B2357" t="s">
        <v>3667</v>
      </c>
      <c r="C2357">
        <v>0</v>
      </c>
      <c r="D2357">
        <v>0</v>
      </c>
    </row>
    <row r="2358" spans="1:4" x14ac:dyDescent="0.25">
      <c r="A2358" t="s">
        <v>3668</v>
      </c>
      <c r="B2358" t="s">
        <v>3669</v>
      </c>
      <c r="C2358">
        <v>1</v>
      </c>
      <c r="D2358">
        <v>0</v>
      </c>
    </row>
    <row r="2359" spans="1:4" x14ac:dyDescent="0.25">
      <c r="A2359" t="s">
        <v>3668</v>
      </c>
      <c r="B2359" t="s">
        <v>3670</v>
      </c>
      <c r="C2359">
        <v>0</v>
      </c>
      <c r="D2359">
        <v>0</v>
      </c>
    </row>
    <row r="2360" spans="1:4" x14ac:dyDescent="0.25">
      <c r="A2360" t="s">
        <v>3668</v>
      </c>
      <c r="B2360" t="s">
        <v>3671</v>
      </c>
      <c r="C2360">
        <v>0</v>
      </c>
      <c r="D2360">
        <v>0</v>
      </c>
    </row>
    <row r="2361" spans="1:4" x14ac:dyDescent="0.25">
      <c r="A2361" t="s">
        <v>3672</v>
      </c>
      <c r="B2361" t="s">
        <v>3673</v>
      </c>
      <c r="C2361">
        <v>2</v>
      </c>
      <c r="D2361">
        <v>0</v>
      </c>
    </row>
    <row r="2362" spans="1:4" x14ac:dyDescent="0.25">
      <c r="A2362" t="s">
        <v>3672</v>
      </c>
      <c r="B2362" t="s">
        <v>1938</v>
      </c>
      <c r="C2362">
        <v>0</v>
      </c>
      <c r="D2362">
        <v>0</v>
      </c>
    </row>
    <row r="2363" spans="1:4" x14ac:dyDescent="0.25">
      <c r="A2363" t="s">
        <v>3674</v>
      </c>
      <c r="B2363" t="s">
        <v>3675</v>
      </c>
      <c r="C2363">
        <v>1</v>
      </c>
      <c r="D2363">
        <v>0</v>
      </c>
    </row>
    <row r="2364" spans="1:4" x14ac:dyDescent="0.25">
      <c r="A2364" t="s">
        <v>3674</v>
      </c>
      <c r="B2364" t="s">
        <v>3676</v>
      </c>
      <c r="C2364">
        <v>0</v>
      </c>
      <c r="D2364">
        <v>0</v>
      </c>
    </row>
    <row r="2365" spans="1:4" x14ac:dyDescent="0.25">
      <c r="A2365" t="s">
        <v>3677</v>
      </c>
      <c r="B2365" t="s">
        <v>3678</v>
      </c>
      <c r="C2365">
        <v>2</v>
      </c>
      <c r="D2365">
        <v>0</v>
      </c>
    </row>
    <row r="2366" spans="1:4" x14ac:dyDescent="0.25">
      <c r="A2366" t="s">
        <v>3679</v>
      </c>
      <c r="B2366" t="s">
        <v>3680</v>
      </c>
      <c r="C2366">
        <v>2</v>
      </c>
      <c r="D2366">
        <v>0</v>
      </c>
    </row>
    <row r="2367" spans="1:4" x14ac:dyDescent="0.25">
      <c r="A2367" t="s">
        <v>3681</v>
      </c>
      <c r="B2367" t="s">
        <v>3682</v>
      </c>
      <c r="C2367">
        <v>1</v>
      </c>
      <c r="D2367">
        <v>0</v>
      </c>
    </row>
    <row r="2368" spans="1:4" x14ac:dyDescent="0.25">
      <c r="A2368" t="s">
        <v>3681</v>
      </c>
      <c r="B2368" t="s">
        <v>3683</v>
      </c>
      <c r="C2368">
        <v>1</v>
      </c>
      <c r="D2368">
        <v>0</v>
      </c>
    </row>
    <row r="2369" spans="1:4" x14ac:dyDescent="0.25">
      <c r="A2369" t="s">
        <v>3684</v>
      </c>
      <c r="B2369" t="s">
        <v>3685</v>
      </c>
      <c r="C2369">
        <v>0</v>
      </c>
      <c r="D2369">
        <v>0</v>
      </c>
    </row>
    <row r="2370" spans="1:4" x14ac:dyDescent="0.25">
      <c r="A2370" t="s">
        <v>3684</v>
      </c>
      <c r="B2370" t="s">
        <v>3686</v>
      </c>
      <c r="C2370">
        <v>2</v>
      </c>
      <c r="D2370">
        <v>0</v>
      </c>
    </row>
    <row r="2371" spans="1:4" x14ac:dyDescent="0.25">
      <c r="A2371" t="s">
        <v>3684</v>
      </c>
      <c r="B2371" t="s">
        <v>3687</v>
      </c>
      <c r="C2371">
        <v>2</v>
      </c>
      <c r="D2371">
        <v>0</v>
      </c>
    </row>
    <row r="2372" spans="1:4" x14ac:dyDescent="0.25">
      <c r="A2372" t="s">
        <v>3688</v>
      </c>
      <c r="B2372" t="s">
        <v>1101</v>
      </c>
      <c r="C2372">
        <v>1</v>
      </c>
      <c r="D2372">
        <v>0</v>
      </c>
    </row>
    <row r="2373" spans="1:4" x14ac:dyDescent="0.25">
      <c r="A2373" t="s">
        <v>3689</v>
      </c>
      <c r="B2373" t="s">
        <v>3690</v>
      </c>
      <c r="C2373">
        <v>0</v>
      </c>
      <c r="D2373">
        <v>0</v>
      </c>
    </row>
    <row r="2374" spans="1:4" x14ac:dyDescent="0.25">
      <c r="A2374" t="s">
        <v>3691</v>
      </c>
      <c r="B2374" t="s">
        <v>3692</v>
      </c>
      <c r="C2374">
        <v>1</v>
      </c>
      <c r="D2374">
        <v>0</v>
      </c>
    </row>
    <row r="2375" spans="1:4" x14ac:dyDescent="0.25">
      <c r="A2375" t="s">
        <v>3691</v>
      </c>
      <c r="B2375" t="s">
        <v>3693</v>
      </c>
      <c r="C2375">
        <v>1</v>
      </c>
      <c r="D2375">
        <v>0</v>
      </c>
    </row>
    <row r="2376" spans="1:4" x14ac:dyDescent="0.25">
      <c r="A2376" t="s">
        <v>3691</v>
      </c>
      <c r="B2376" t="s">
        <v>3694</v>
      </c>
      <c r="C2376">
        <v>2</v>
      </c>
      <c r="D2376">
        <v>0</v>
      </c>
    </row>
    <row r="2377" spans="1:4" x14ac:dyDescent="0.25">
      <c r="A2377" t="s">
        <v>3695</v>
      </c>
      <c r="B2377" t="s">
        <v>3696</v>
      </c>
      <c r="C2377">
        <v>1</v>
      </c>
      <c r="D2377">
        <v>0</v>
      </c>
    </row>
    <row r="2378" spans="1:4" x14ac:dyDescent="0.25">
      <c r="A2378" t="s">
        <v>3695</v>
      </c>
      <c r="B2378" t="s">
        <v>3697</v>
      </c>
      <c r="C2378">
        <v>0</v>
      </c>
      <c r="D2378">
        <v>0</v>
      </c>
    </row>
    <row r="2379" spans="1:4" x14ac:dyDescent="0.25">
      <c r="A2379" t="s">
        <v>3695</v>
      </c>
      <c r="B2379" t="s">
        <v>3698</v>
      </c>
      <c r="C2379">
        <v>2</v>
      </c>
      <c r="D2379">
        <v>0</v>
      </c>
    </row>
    <row r="2380" spans="1:4" x14ac:dyDescent="0.25">
      <c r="A2380" t="s">
        <v>3699</v>
      </c>
      <c r="B2380" t="s">
        <v>3700</v>
      </c>
      <c r="C2380">
        <v>1</v>
      </c>
      <c r="D2380">
        <v>0</v>
      </c>
    </row>
    <row r="2381" spans="1:4" x14ac:dyDescent="0.25">
      <c r="A2381" t="s">
        <v>3699</v>
      </c>
      <c r="B2381" t="s">
        <v>3701</v>
      </c>
      <c r="C2381">
        <v>0</v>
      </c>
      <c r="D2381">
        <v>0</v>
      </c>
    </row>
    <row r="2382" spans="1:4" x14ac:dyDescent="0.25">
      <c r="A2382" t="s">
        <v>3702</v>
      </c>
      <c r="B2382" t="s">
        <v>3703</v>
      </c>
      <c r="C2382">
        <v>1</v>
      </c>
      <c r="D2382">
        <v>0</v>
      </c>
    </row>
    <row r="2383" spans="1:4" x14ac:dyDescent="0.25">
      <c r="A2383" t="s">
        <v>3702</v>
      </c>
      <c r="B2383" t="s">
        <v>3704</v>
      </c>
      <c r="C2383">
        <v>1</v>
      </c>
      <c r="D2383">
        <v>0</v>
      </c>
    </row>
    <row r="2384" spans="1:4" x14ac:dyDescent="0.25">
      <c r="A2384" t="s">
        <v>3702</v>
      </c>
      <c r="B2384" t="s">
        <v>3705</v>
      </c>
      <c r="C2384">
        <v>2</v>
      </c>
      <c r="D2384">
        <v>0</v>
      </c>
    </row>
    <row r="2385" spans="1:4" x14ac:dyDescent="0.25">
      <c r="A2385" t="s">
        <v>3706</v>
      </c>
      <c r="B2385" t="s">
        <v>3707</v>
      </c>
      <c r="C2385">
        <v>0</v>
      </c>
      <c r="D2385">
        <v>0</v>
      </c>
    </row>
    <row r="2386" spans="1:4" x14ac:dyDescent="0.25">
      <c r="A2386" t="s">
        <v>3706</v>
      </c>
      <c r="B2386" t="s">
        <v>3708</v>
      </c>
      <c r="C2386">
        <v>1</v>
      </c>
      <c r="D2386">
        <v>0</v>
      </c>
    </row>
    <row r="2387" spans="1:4" x14ac:dyDescent="0.25">
      <c r="A2387" t="s">
        <v>3709</v>
      </c>
      <c r="B2387" t="s">
        <v>3710</v>
      </c>
      <c r="C2387">
        <v>2</v>
      </c>
      <c r="D2387">
        <v>0</v>
      </c>
    </row>
    <row r="2388" spans="1:4" x14ac:dyDescent="0.25">
      <c r="A2388" t="s">
        <v>3711</v>
      </c>
      <c r="B2388" t="s">
        <v>3712</v>
      </c>
      <c r="C2388">
        <v>1</v>
      </c>
      <c r="D2388">
        <v>0</v>
      </c>
    </row>
    <row r="2389" spans="1:4" x14ac:dyDescent="0.25">
      <c r="A2389" t="s">
        <v>3713</v>
      </c>
      <c r="B2389" t="s">
        <v>3714</v>
      </c>
      <c r="C2389">
        <v>2</v>
      </c>
      <c r="D2389">
        <v>0</v>
      </c>
    </row>
    <row r="2390" spans="1:4" x14ac:dyDescent="0.25">
      <c r="A2390" t="s">
        <v>3713</v>
      </c>
      <c r="B2390" t="s">
        <v>3715</v>
      </c>
      <c r="C2390">
        <v>1</v>
      </c>
      <c r="D2390">
        <v>0</v>
      </c>
    </row>
    <row r="2391" spans="1:4" x14ac:dyDescent="0.25">
      <c r="A2391" t="s">
        <v>3713</v>
      </c>
      <c r="B2391" t="s">
        <v>3716</v>
      </c>
      <c r="C2391">
        <v>1</v>
      </c>
      <c r="D2391">
        <v>0</v>
      </c>
    </row>
    <row r="2392" spans="1:4" x14ac:dyDescent="0.25">
      <c r="A2392" t="s">
        <v>3717</v>
      </c>
      <c r="B2392" t="s">
        <v>3718</v>
      </c>
      <c r="C2392">
        <v>1</v>
      </c>
      <c r="D2392">
        <v>0</v>
      </c>
    </row>
    <row r="2393" spans="1:4" x14ac:dyDescent="0.25">
      <c r="A2393" t="s">
        <v>3719</v>
      </c>
      <c r="B2393" t="s">
        <v>3720</v>
      </c>
      <c r="C2393">
        <v>1</v>
      </c>
      <c r="D2393">
        <v>0</v>
      </c>
    </row>
    <row r="2394" spans="1:4" x14ac:dyDescent="0.25">
      <c r="A2394" t="s">
        <v>3721</v>
      </c>
      <c r="B2394" t="s">
        <v>3722</v>
      </c>
      <c r="C2394">
        <v>1</v>
      </c>
      <c r="D2394">
        <v>0</v>
      </c>
    </row>
    <row r="2395" spans="1:4" x14ac:dyDescent="0.25">
      <c r="A2395" t="s">
        <v>3721</v>
      </c>
      <c r="B2395" t="s">
        <v>3723</v>
      </c>
      <c r="C2395">
        <v>0</v>
      </c>
      <c r="D2395">
        <v>0</v>
      </c>
    </row>
    <row r="2396" spans="1:4" x14ac:dyDescent="0.25">
      <c r="A2396" t="s">
        <v>3724</v>
      </c>
      <c r="B2396" t="s">
        <v>398</v>
      </c>
      <c r="C2396">
        <v>0</v>
      </c>
      <c r="D2396">
        <v>0</v>
      </c>
    </row>
    <row r="2397" spans="1:4" x14ac:dyDescent="0.25">
      <c r="A2397" t="s">
        <v>3725</v>
      </c>
      <c r="B2397" t="s">
        <v>3726</v>
      </c>
      <c r="C2397">
        <v>2</v>
      </c>
      <c r="D2397">
        <v>0</v>
      </c>
    </row>
    <row r="2398" spans="1:4" x14ac:dyDescent="0.25">
      <c r="A2398" t="s">
        <v>3727</v>
      </c>
      <c r="B2398" t="s">
        <v>3728</v>
      </c>
      <c r="C2398">
        <v>2</v>
      </c>
      <c r="D2398">
        <v>0</v>
      </c>
    </row>
    <row r="2399" spans="1:4" x14ac:dyDescent="0.25">
      <c r="A2399" t="s">
        <v>3729</v>
      </c>
      <c r="B2399" t="s">
        <v>816</v>
      </c>
      <c r="C2399">
        <v>1</v>
      </c>
      <c r="D2399">
        <v>0</v>
      </c>
    </row>
    <row r="2400" spans="1:4" x14ac:dyDescent="0.25">
      <c r="A2400" t="s">
        <v>3730</v>
      </c>
      <c r="B2400" t="s">
        <v>3731</v>
      </c>
      <c r="C2400">
        <v>1</v>
      </c>
      <c r="D2400">
        <v>0</v>
      </c>
    </row>
    <row r="2401" spans="1:4" x14ac:dyDescent="0.25">
      <c r="A2401" t="s">
        <v>3730</v>
      </c>
      <c r="B2401" t="s">
        <v>3732</v>
      </c>
      <c r="C2401">
        <v>1</v>
      </c>
      <c r="D2401">
        <v>0</v>
      </c>
    </row>
    <row r="2402" spans="1:4" x14ac:dyDescent="0.25">
      <c r="A2402" t="s">
        <v>3730</v>
      </c>
      <c r="B2402" t="s">
        <v>3733</v>
      </c>
      <c r="C2402">
        <v>0</v>
      </c>
      <c r="D2402">
        <v>0</v>
      </c>
    </row>
    <row r="2403" spans="1:4" x14ac:dyDescent="0.25">
      <c r="A2403" t="s">
        <v>3734</v>
      </c>
      <c r="B2403" t="s">
        <v>3735</v>
      </c>
      <c r="C2403">
        <v>1</v>
      </c>
      <c r="D2403">
        <v>0</v>
      </c>
    </row>
    <row r="2404" spans="1:4" x14ac:dyDescent="0.25">
      <c r="A2404" t="s">
        <v>3736</v>
      </c>
      <c r="B2404" t="s">
        <v>3737</v>
      </c>
      <c r="C2404">
        <v>1</v>
      </c>
      <c r="D2404">
        <v>0</v>
      </c>
    </row>
    <row r="2405" spans="1:4" x14ac:dyDescent="0.25">
      <c r="A2405" t="s">
        <v>3736</v>
      </c>
      <c r="B2405" t="s">
        <v>3738</v>
      </c>
      <c r="C2405">
        <v>0</v>
      </c>
      <c r="D2405">
        <v>0</v>
      </c>
    </row>
    <row r="2406" spans="1:4" x14ac:dyDescent="0.25">
      <c r="A2406" t="s">
        <v>3736</v>
      </c>
      <c r="B2406" t="s">
        <v>3739</v>
      </c>
      <c r="C2406">
        <v>2</v>
      </c>
      <c r="D2406">
        <v>0</v>
      </c>
    </row>
    <row r="2407" spans="1:4" x14ac:dyDescent="0.25">
      <c r="A2407" t="s">
        <v>3740</v>
      </c>
      <c r="B2407" t="s">
        <v>3741</v>
      </c>
      <c r="C2407">
        <v>0</v>
      </c>
      <c r="D2407">
        <v>0</v>
      </c>
    </row>
    <row r="2408" spans="1:4" x14ac:dyDescent="0.25">
      <c r="A2408" t="s">
        <v>3742</v>
      </c>
      <c r="B2408" t="s">
        <v>3743</v>
      </c>
      <c r="C2408">
        <v>1</v>
      </c>
      <c r="D2408">
        <v>0</v>
      </c>
    </row>
    <row r="2409" spans="1:4" x14ac:dyDescent="0.25">
      <c r="A2409" t="s">
        <v>3744</v>
      </c>
      <c r="B2409" t="s">
        <v>3745</v>
      </c>
      <c r="C2409">
        <v>2</v>
      </c>
      <c r="D2409">
        <v>0</v>
      </c>
    </row>
    <row r="2410" spans="1:4" x14ac:dyDescent="0.25">
      <c r="A2410" t="s">
        <v>3744</v>
      </c>
      <c r="B2410" t="s">
        <v>3746</v>
      </c>
      <c r="C2410">
        <v>0</v>
      </c>
      <c r="D2410">
        <v>0</v>
      </c>
    </row>
    <row r="2411" spans="1:4" x14ac:dyDescent="0.25">
      <c r="A2411" t="s">
        <v>3747</v>
      </c>
      <c r="B2411" t="s">
        <v>3748</v>
      </c>
      <c r="C2411">
        <v>1</v>
      </c>
      <c r="D2411">
        <v>0</v>
      </c>
    </row>
    <row r="2412" spans="1:4" x14ac:dyDescent="0.25">
      <c r="A2412" t="s">
        <v>3747</v>
      </c>
      <c r="B2412" t="s">
        <v>3749</v>
      </c>
      <c r="C2412">
        <v>1</v>
      </c>
      <c r="D2412">
        <v>0</v>
      </c>
    </row>
    <row r="2413" spans="1:4" x14ac:dyDescent="0.25">
      <c r="A2413" t="s">
        <v>3747</v>
      </c>
      <c r="B2413" t="s">
        <v>3750</v>
      </c>
      <c r="C2413">
        <v>2</v>
      </c>
      <c r="D2413">
        <v>0</v>
      </c>
    </row>
    <row r="2414" spans="1:4" x14ac:dyDescent="0.25">
      <c r="A2414" t="s">
        <v>3751</v>
      </c>
      <c r="B2414" t="s">
        <v>3752</v>
      </c>
      <c r="C2414">
        <v>2</v>
      </c>
      <c r="D2414">
        <v>0</v>
      </c>
    </row>
    <row r="2415" spans="1:4" x14ac:dyDescent="0.25">
      <c r="A2415" t="s">
        <v>3751</v>
      </c>
      <c r="B2415" t="s">
        <v>3753</v>
      </c>
      <c r="C2415">
        <v>1</v>
      </c>
      <c r="D2415">
        <v>0</v>
      </c>
    </row>
    <row r="2416" spans="1:4" x14ac:dyDescent="0.25">
      <c r="A2416" t="s">
        <v>3751</v>
      </c>
      <c r="B2416" t="s">
        <v>3754</v>
      </c>
      <c r="C2416">
        <v>1</v>
      </c>
      <c r="D2416">
        <v>0</v>
      </c>
    </row>
    <row r="2417" spans="1:4" x14ac:dyDescent="0.25">
      <c r="A2417" t="s">
        <v>3755</v>
      </c>
      <c r="B2417" t="s">
        <v>3756</v>
      </c>
      <c r="C2417">
        <v>1</v>
      </c>
      <c r="D2417">
        <v>0</v>
      </c>
    </row>
    <row r="2418" spans="1:4" x14ac:dyDescent="0.25">
      <c r="A2418" t="s">
        <v>3757</v>
      </c>
      <c r="B2418" t="s">
        <v>3758</v>
      </c>
      <c r="C2418">
        <v>1</v>
      </c>
      <c r="D2418">
        <v>0</v>
      </c>
    </row>
    <row r="2419" spans="1:4" x14ac:dyDescent="0.25">
      <c r="A2419" t="s">
        <v>3757</v>
      </c>
      <c r="B2419" t="s">
        <v>3759</v>
      </c>
      <c r="C2419">
        <v>0</v>
      </c>
      <c r="D2419">
        <v>0</v>
      </c>
    </row>
    <row r="2420" spans="1:4" x14ac:dyDescent="0.25">
      <c r="A2420" t="s">
        <v>3760</v>
      </c>
      <c r="B2420" t="s">
        <v>3761</v>
      </c>
      <c r="C2420">
        <v>1</v>
      </c>
      <c r="D2420">
        <v>0</v>
      </c>
    </row>
    <row r="2421" spans="1:4" x14ac:dyDescent="0.25">
      <c r="A2421" t="s">
        <v>3760</v>
      </c>
      <c r="B2421" t="s">
        <v>3762</v>
      </c>
      <c r="C2421">
        <v>0</v>
      </c>
      <c r="D2421">
        <v>0</v>
      </c>
    </row>
    <row r="2422" spans="1:4" x14ac:dyDescent="0.25">
      <c r="A2422" t="s">
        <v>3760</v>
      </c>
      <c r="B2422" t="s">
        <v>3763</v>
      </c>
      <c r="C2422">
        <v>0</v>
      </c>
      <c r="D2422">
        <v>0</v>
      </c>
    </row>
    <row r="2423" spans="1:4" x14ac:dyDescent="0.25">
      <c r="A2423" t="s">
        <v>3764</v>
      </c>
      <c r="B2423" t="s">
        <v>3765</v>
      </c>
      <c r="C2423">
        <v>0</v>
      </c>
      <c r="D2423">
        <v>0</v>
      </c>
    </row>
    <row r="2424" spans="1:4" x14ac:dyDescent="0.25">
      <c r="A2424" t="s">
        <v>3766</v>
      </c>
      <c r="B2424" t="s">
        <v>3767</v>
      </c>
      <c r="C2424">
        <v>0</v>
      </c>
      <c r="D2424">
        <v>0</v>
      </c>
    </row>
    <row r="2425" spans="1:4" x14ac:dyDescent="0.25">
      <c r="A2425" t="s">
        <v>3766</v>
      </c>
      <c r="B2425" t="s">
        <v>3768</v>
      </c>
      <c r="C2425">
        <v>1</v>
      </c>
      <c r="D2425">
        <v>0</v>
      </c>
    </row>
    <row r="2426" spans="1:4" x14ac:dyDescent="0.25">
      <c r="A2426" t="s">
        <v>3769</v>
      </c>
      <c r="B2426" t="s">
        <v>3770</v>
      </c>
      <c r="C2426">
        <v>1</v>
      </c>
      <c r="D2426">
        <v>0</v>
      </c>
    </row>
    <row r="2427" spans="1:4" x14ac:dyDescent="0.25">
      <c r="A2427" t="s">
        <v>3769</v>
      </c>
      <c r="B2427" t="s">
        <v>3771</v>
      </c>
      <c r="C2427">
        <v>2</v>
      </c>
      <c r="D2427">
        <v>0</v>
      </c>
    </row>
    <row r="2428" spans="1:4" x14ac:dyDescent="0.25">
      <c r="A2428" t="s">
        <v>3772</v>
      </c>
      <c r="B2428" t="s">
        <v>3773</v>
      </c>
      <c r="C2428">
        <v>0</v>
      </c>
      <c r="D2428">
        <v>0</v>
      </c>
    </row>
    <row r="2429" spans="1:4" x14ac:dyDescent="0.25">
      <c r="A2429" t="s">
        <v>3772</v>
      </c>
      <c r="B2429" t="s">
        <v>3774</v>
      </c>
      <c r="C2429">
        <v>0</v>
      </c>
      <c r="D2429">
        <v>0</v>
      </c>
    </row>
    <row r="2430" spans="1:4" x14ac:dyDescent="0.25">
      <c r="A2430" t="s">
        <v>3772</v>
      </c>
      <c r="B2430" t="s">
        <v>3775</v>
      </c>
      <c r="C2430">
        <v>0</v>
      </c>
      <c r="D2430">
        <v>0</v>
      </c>
    </row>
    <row r="2431" spans="1:4" x14ac:dyDescent="0.25">
      <c r="A2431" t="s">
        <v>3776</v>
      </c>
      <c r="B2431" t="s">
        <v>3777</v>
      </c>
      <c r="C2431">
        <v>1</v>
      </c>
      <c r="D2431">
        <v>0</v>
      </c>
    </row>
    <row r="2432" spans="1:4" x14ac:dyDescent="0.25">
      <c r="A2432" t="s">
        <v>3778</v>
      </c>
      <c r="B2432" t="s">
        <v>843</v>
      </c>
      <c r="C2432">
        <v>1</v>
      </c>
      <c r="D2432">
        <v>0</v>
      </c>
    </row>
    <row r="2433" spans="1:4" x14ac:dyDescent="0.25">
      <c r="A2433" t="s">
        <v>3779</v>
      </c>
      <c r="B2433" t="s">
        <v>3780</v>
      </c>
      <c r="C2433">
        <v>0</v>
      </c>
      <c r="D2433">
        <v>0</v>
      </c>
    </row>
    <row r="2434" spans="1:4" x14ac:dyDescent="0.25">
      <c r="A2434" t="s">
        <v>3781</v>
      </c>
      <c r="B2434" t="s">
        <v>3782</v>
      </c>
      <c r="C2434">
        <v>1</v>
      </c>
      <c r="D2434">
        <v>0</v>
      </c>
    </row>
    <row r="2435" spans="1:4" x14ac:dyDescent="0.25">
      <c r="A2435" t="s">
        <v>3781</v>
      </c>
      <c r="B2435" t="s">
        <v>3783</v>
      </c>
      <c r="C2435">
        <v>0</v>
      </c>
      <c r="D2435">
        <v>0</v>
      </c>
    </row>
    <row r="2436" spans="1:4" x14ac:dyDescent="0.25">
      <c r="A2436" t="s">
        <v>3784</v>
      </c>
      <c r="B2436" t="s">
        <v>3785</v>
      </c>
      <c r="C2436">
        <v>1</v>
      </c>
      <c r="D2436">
        <v>0</v>
      </c>
    </row>
    <row r="2437" spans="1:4" x14ac:dyDescent="0.25">
      <c r="A2437" t="s">
        <v>3784</v>
      </c>
      <c r="B2437" t="s">
        <v>3786</v>
      </c>
      <c r="C2437">
        <v>1</v>
      </c>
      <c r="D2437">
        <v>0</v>
      </c>
    </row>
    <row r="2438" spans="1:4" x14ac:dyDescent="0.25">
      <c r="A2438" t="s">
        <v>3787</v>
      </c>
      <c r="B2438" t="s">
        <v>3788</v>
      </c>
      <c r="C2438">
        <v>0</v>
      </c>
      <c r="D2438">
        <v>0</v>
      </c>
    </row>
    <row r="2439" spans="1:4" x14ac:dyDescent="0.25">
      <c r="A2439" t="s">
        <v>3789</v>
      </c>
      <c r="B2439" t="s">
        <v>398</v>
      </c>
      <c r="C2439">
        <v>0</v>
      </c>
      <c r="D2439">
        <v>0</v>
      </c>
    </row>
    <row r="2440" spans="1:4" x14ac:dyDescent="0.25">
      <c r="A2440" t="s">
        <v>3790</v>
      </c>
      <c r="B2440" t="s">
        <v>3791</v>
      </c>
      <c r="C2440">
        <v>1</v>
      </c>
      <c r="D2440">
        <v>0</v>
      </c>
    </row>
    <row r="2441" spans="1:4" x14ac:dyDescent="0.25">
      <c r="A2441" t="s">
        <v>3792</v>
      </c>
      <c r="B2441" t="s">
        <v>3793</v>
      </c>
      <c r="C2441">
        <v>2</v>
      </c>
      <c r="D2441">
        <v>0</v>
      </c>
    </row>
    <row r="2442" spans="1:4" x14ac:dyDescent="0.25">
      <c r="A2442" t="s">
        <v>3792</v>
      </c>
      <c r="B2442" t="s">
        <v>3794</v>
      </c>
      <c r="C2442">
        <v>1</v>
      </c>
      <c r="D2442">
        <v>0</v>
      </c>
    </row>
    <row r="2443" spans="1:4" x14ac:dyDescent="0.25">
      <c r="A2443" t="s">
        <v>3795</v>
      </c>
      <c r="B2443" t="s">
        <v>3796</v>
      </c>
      <c r="C2443">
        <v>2</v>
      </c>
      <c r="D2443">
        <v>0</v>
      </c>
    </row>
    <row r="2444" spans="1:4" x14ac:dyDescent="0.25">
      <c r="A2444" t="s">
        <v>3797</v>
      </c>
      <c r="B2444" t="s">
        <v>3798</v>
      </c>
      <c r="C2444">
        <v>2</v>
      </c>
      <c r="D2444">
        <v>0</v>
      </c>
    </row>
    <row r="2445" spans="1:4" x14ac:dyDescent="0.25">
      <c r="A2445" t="s">
        <v>3799</v>
      </c>
      <c r="B2445" t="s">
        <v>3800</v>
      </c>
      <c r="C2445">
        <v>2</v>
      </c>
      <c r="D2445">
        <v>0</v>
      </c>
    </row>
    <row r="2446" spans="1:4" x14ac:dyDescent="0.25">
      <c r="A2446" t="s">
        <v>3801</v>
      </c>
      <c r="B2446" t="s">
        <v>3802</v>
      </c>
      <c r="C2446">
        <v>1</v>
      </c>
      <c r="D2446">
        <v>0</v>
      </c>
    </row>
    <row r="2447" spans="1:4" x14ac:dyDescent="0.25">
      <c r="A2447" t="s">
        <v>3801</v>
      </c>
      <c r="B2447" t="s">
        <v>3803</v>
      </c>
      <c r="C2447">
        <v>1</v>
      </c>
      <c r="D2447">
        <v>0</v>
      </c>
    </row>
    <row r="2448" spans="1:4" x14ac:dyDescent="0.25">
      <c r="A2448" t="s">
        <v>3801</v>
      </c>
      <c r="B2448" t="s">
        <v>3804</v>
      </c>
      <c r="C2448">
        <v>0</v>
      </c>
      <c r="D2448">
        <v>0</v>
      </c>
    </row>
    <row r="2449" spans="1:4" x14ac:dyDescent="0.25">
      <c r="A2449" t="s">
        <v>3805</v>
      </c>
      <c r="B2449" t="s">
        <v>1294</v>
      </c>
      <c r="C2449">
        <v>1</v>
      </c>
      <c r="D2449">
        <v>0</v>
      </c>
    </row>
    <row r="2450" spans="1:4" x14ac:dyDescent="0.25">
      <c r="A2450" t="s">
        <v>3806</v>
      </c>
      <c r="B2450" t="s">
        <v>3807</v>
      </c>
      <c r="C2450">
        <v>0</v>
      </c>
      <c r="D2450">
        <v>0</v>
      </c>
    </row>
    <row r="2451" spans="1:4" x14ac:dyDescent="0.25">
      <c r="A2451" t="s">
        <v>3808</v>
      </c>
      <c r="B2451" t="s">
        <v>3809</v>
      </c>
      <c r="C2451">
        <v>2</v>
      </c>
      <c r="D2451">
        <v>0</v>
      </c>
    </row>
    <row r="2452" spans="1:4" x14ac:dyDescent="0.25">
      <c r="A2452" t="s">
        <v>3808</v>
      </c>
      <c r="B2452" t="s">
        <v>3810</v>
      </c>
      <c r="C2452">
        <v>1</v>
      </c>
      <c r="D2452">
        <v>0</v>
      </c>
    </row>
    <row r="2453" spans="1:4" x14ac:dyDescent="0.25">
      <c r="A2453" t="s">
        <v>3811</v>
      </c>
      <c r="B2453" t="s">
        <v>3812</v>
      </c>
      <c r="C2453">
        <v>0</v>
      </c>
      <c r="D2453">
        <v>0</v>
      </c>
    </row>
    <row r="2454" spans="1:4" x14ac:dyDescent="0.25">
      <c r="A2454" t="s">
        <v>3811</v>
      </c>
      <c r="B2454" t="s">
        <v>3813</v>
      </c>
      <c r="C2454">
        <v>0</v>
      </c>
      <c r="D2454">
        <v>0</v>
      </c>
    </row>
    <row r="2455" spans="1:4" x14ac:dyDescent="0.25">
      <c r="A2455" t="s">
        <v>3814</v>
      </c>
      <c r="B2455" t="s">
        <v>3815</v>
      </c>
      <c r="C2455">
        <v>0</v>
      </c>
      <c r="D2455">
        <v>0</v>
      </c>
    </row>
    <row r="2456" spans="1:4" x14ac:dyDescent="0.25">
      <c r="A2456" t="s">
        <v>3816</v>
      </c>
      <c r="B2456" t="s">
        <v>3817</v>
      </c>
      <c r="C2456">
        <v>0</v>
      </c>
      <c r="D2456">
        <v>0</v>
      </c>
    </row>
    <row r="2457" spans="1:4" x14ac:dyDescent="0.25">
      <c r="A2457" t="s">
        <v>3816</v>
      </c>
      <c r="B2457" t="s">
        <v>3818</v>
      </c>
      <c r="C2457">
        <v>2</v>
      </c>
      <c r="D2457">
        <v>0</v>
      </c>
    </row>
    <row r="2458" spans="1:4" x14ac:dyDescent="0.25">
      <c r="A2458" t="s">
        <v>3819</v>
      </c>
      <c r="B2458" t="s">
        <v>951</v>
      </c>
      <c r="C2458">
        <v>1</v>
      </c>
      <c r="D2458">
        <v>0</v>
      </c>
    </row>
    <row r="2459" spans="1:4" x14ac:dyDescent="0.25">
      <c r="A2459" t="s">
        <v>3820</v>
      </c>
      <c r="B2459" t="s">
        <v>3821</v>
      </c>
      <c r="C2459">
        <v>0</v>
      </c>
      <c r="D2459">
        <v>0</v>
      </c>
    </row>
    <row r="2460" spans="1:4" x14ac:dyDescent="0.25">
      <c r="A2460" t="s">
        <v>3822</v>
      </c>
      <c r="B2460" t="s">
        <v>3823</v>
      </c>
      <c r="C2460">
        <v>1</v>
      </c>
      <c r="D2460">
        <v>0</v>
      </c>
    </row>
    <row r="2461" spans="1:4" x14ac:dyDescent="0.25">
      <c r="A2461" t="s">
        <v>3824</v>
      </c>
      <c r="B2461" t="s">
        <v>3825</v>
      </c>
      <c r="C2461">
        <v>2</v>
      </c>
      <c r="D2461">
        <v>0</v>
      </c>
    </row>
    <row r="2462" spans="1:4" x14ac:dyDescent="0.25">
      <c r="A2462" t="s">
        <v>3826</v>
      </c>
      <c r="B2462" t="s">
        <v>3827</v>
      </c>
      <c r="C2462">
        <v>2</v>
      </c>
      <c r="D2462">
        <v>0</v>
      </c>
    </row>
    <row r="2463" spans="1:4" x14ac:dyDescent="0.25">
      <c r="A2463" t="s">
        <v>3828</v>
      </c>
      <c r="B2463" t="s">
        <v>3829</v>
      </c>
      <c r="C2463">
        <v>0</v>
      </c>
      <c r="D2463">
        <v>0</v>
      </c>
    </row>
    <row r="2464" spans="1:4" x14ac:dyDescent="0.25">
      <c r="A2464" t="s">
        <v>3830</v>
      </c>
      <c r="B2464" t="s">
        <v>3831</v>
      </c>
      <c r="C2464">
        <v>1</v>
      </c>
      <c r="D2464">
        <v>0</v>
      </c>
    </row>
    <row r="2465" spans="1:4" x14ac:dyDescent="0.25">
      <c r="A2465" t="s">
        <v>3830</v>
      </c>
      <c r="B2465" t="s">
        <v>3832</v>
      </c>
      <c r="C2465">
        <v>0</v>
      </c>
      <c r="D2465">
        <v>0</v>
      </c>
    </row>
    <row r="2466" spans="1:4" x14ac:dyDescent="0.25">
      <c r="A2466" t="s">
        <v>3833</v>
      </c>
      <c r="B2466" t="s">
        <v>3834</v>
      </c>
      <c r="C2466">
        <v>0</v>
      </c>
      <c r="D2466">
        <v>0</v>
      </c>
    </row>
    <row r="2467" spans="1:4" x14ac:dyDescent="0.25">
      <c r="A2467" t="s">
        <v>3833</v>
      </c>
      <c r="B2467" t="s">
        <v>3835</v>
      </c>
      <c r="C2467">
        <v>0</v>
      </c>
      <c r="D2467">
        <v>0</v>
      </c>
    </row>
    <row r="2468" spans="1:4" x14ac:dyDescent="0.25">
      <c r="A2468" t="s">
        <v>3836</v>
      </c>
      <c r="B2468" t="s">
        <v>3837</v>
      </c>
      <c r="C2468">
        <v>1</v>
      </c>
      <c r="D2468">
        <v>0</v>
      </c>
    </row>
    <row r="2469" spans="1:4" x14ac:dyDescent="0.25">
      <c r="A2469" t="s">
        <v>3838</v>
      </c>
      <c r="B2469" t="s">
        <v>3839</v>
      </c>
      <c r="C2469">
        <v>1</v>
      </c>
      <c r="D2469">
        <v>0</v>
      </c>
    </row>
    <row r="2470" spans="1:4" x14ac:dyDescent="0.25">
      <c r="A2470" t="s">
        <v>3840</v>
      </c>
      <c r="B2470" t="s">
        <v>2061</v>
      </c>
      <c r="C2470">
        <v>0</v>
      </c>
      <c r="D2470">
        <v>0</v>
      </c>
    </row>
    <row r="2471" spans="1:4" x14ac:dyDescent="0.25">
      <c r="A2471" t="s">
        <v>3841</v>
      </c>
      <c r="B2471" t="s">
        <v>3842</v>
      </c>
      <c r="C2471">
        <v>0</v>
      </c>
      <c r="D2471">
        <v>0</v>
      </c>
    </row>
    <row r="2472" spans="1:4" x14ac:dyDescent="0.25">
      <c r="A2472" t="s">
        <v>3841</v>
      </c>
      <c r="B2472" t="s">
        <v>3843</v>
      </c>
      <c r="C2472">
        <v>0</v>
      </c>
      <c r="D2472">
        <v>0</v>
      </c>
    </row>
    <row r="2473" spans="1:4" x14ac:dyDescent="0.25">
      <c r="A2473" t="s">
        <v>3844</v>
      </c>
      <c r="B2473" t="s">
        <v>3845</v>
      </c>
      <c r="C2473">
        <v>0</v>
      </c>
      <c r="D2473">
        <v>0</v>
      </c>
    </row>
    <row r="2474" spans="1:4" x14ac:dyDescent="0.25">
      <c r="A2474" t="s">
        <v>3844</v>
      </c>
      <c r="B2474" t="s">
        <v>3846</v>
      </c>
      <c r="C2474">
        <v>1</v>
      </c>
      <c r="D2474">
        <v>0</v>
      </c>
    </row>
    <row r="2475" spans="1:4" x14ac:dyDescent="0.25">
      <c r="A2475" t="s">
        <v>3847</v>
      </c>
      <c r="B2475" t="s">
        <v>3848</v>
      </c>
      <c r="C2475">
        <v>1</v>
      </c>
      <c r="D2475">
        <v>0</v>
      </c>
    </row>
    <row r="2476" spans="1:4" x14ac:dyDescent="0.25">
      <c r="A2476" t="s">
        <v>3849</v>
      </c>
      <c r="B2476" t="s">
        <v>3850</v>
      </c>
      <c r="C2476">
        <v>0</v>
      </c>
      <c r="D2476">
        <v>0</v>
      </c>
    </row>
    <row r="2477" spans="1:4" x14ac:dyDescent="0.25">
      <c r="A2477" t="s">
        <v>3849</v>
      </c>
      <c r="B2477" t="s">
        <v>3851</v>
      </c>
      <c r="C2477">
        <v>0</v>
      </c>
      <c r="D2477">
        <v>0</v>
      </c>
    </row>
    <row r="2478" spans="1:4" x14ac:dyDescent="0.25">
      <c r="A2478" t="s">
        <v>3852</v>
      </c>
      <c r="B2478" t="s">
        <v>3853</v>
      </c>
      <c r="C2478">
        <v>0</v>
      </c>
      <c r="D2478">
        <v>0</v>
      </c>
    </row>
    <row r="2479" spans="1:4" x14ac:dyDescent="0.25">
      <c r="A2479" t="s">
        <v>3854</v>
      </c>
      <c r="B2479" t="s">
        <v>1001</v>
      </c>
      <c r="C2479">
        <v>1</v>
      </c>
      <c r="D2479">
        <v>0</v>
      </c>
    </row>
    <row r="2480" spans="1:4" x14ac:dyDescent="0.25">
      <c r="A2480" t="s">
        <v>3855</v>
      </c>
      <c r="B2480" t="s">
        <v>3856</v>
      </c>
      <c r="C2480">
        <v>1</v>
      </c>
      <c r="D2480">
        <v>0</v>
      </c>
    </row>
    <row r="2481" spans="1:4" x14ac:dyDescent="0.25">
      <c r="A2481" t="s">
        <v>3857</v>
      </c>
      <c r="B2481" t="s">
        <v>3858</v>
      </c>
      <c r="C2481">
        <v>1</v>
      </c>
      <c r="D2481">
        <v>0</v>
      </c>
    </row>
    <row r="2482" spans="1:4" x14ac:dyDescent="0.25">
      <c r="A2482" t="s">
        <v>3857</v>
      </c>
      <c r="B2482" t="s">
        <v>3859</v>
      </c>
      <c r="C2482">
        <v>2</v>
      </c>
      <c r="D2482">
        <v>0</v>
      </c>
    </row>
    <row r="2483" spans="1:4" x14ac:dyDescent="0.25">
      <c r="A2483" t="s">
        <v>3860</v>
      </c>
      <c r="B2483" t="s">
        <v>3861</v>
      </c>
      <c r="C2483">
        <v>0</v>
      </c>
      <c r="D2483">
        <v>0</v>
      </c>
    </row>
    <row r="2484" spans="1:4" x14ac:dyDescent="0.25">
      <c r="A2484" t="s">
        <v>3862</v>
      </c>
      <c r="B2484" t="s">
        <v>3863</v>
      </c>
      <c r="C2484">
        <v>1</v>
      </c>
      <c r="D2484">
        <v>0</v>
      </c>
    </row>
    <row r="2485" spans="1:4" x14ac:dyDescent="0.25">
      <c r="A2485" t="s">
        <v>3862</v>
      </c>
      <c r="B2485" t="s">
        <v>3864</v>
      </c>
      <c r="C2485">
        <v>1</v>
      </c>
      <c r="D2485">
        <v>0</v>
      </c>
    </row>
    <row r="2486" spans="1:4" x14ac:dyDescent="0.25">
      <c r="A2486" t="s">
        <v>3865</v>
      </c>
      <c r="B2486" t="s">
        <v>3866</v>
      </c>
      <c r="C2486">
        <v>1</v>
      </c>
      <c r="D2486">
        <v>0</v>
      </c>
    </row>
    <row r="2487" spans="1:4" x14ac:dyDescent="0.25">
      <c r="A2487" t="s">
        <v>3867</v>
      </c>
      <c r="B2487" t="s">
        <v>398</v>
      </c>
      <c r="C2487">
        <v>0</v>
      </c>
      <c r="D2487">
        <v>0</v>
      </c>
    </row>
    <row r="2488" spans="1:4" x14ac:dyDescent="0.25">
      <c r="A2488" t="s">
        <v>3868</v>
      </c>
      <c r="B2488" t="s">
        <v>3869</v>
      </c>
      <c r="C2488">
        <v>2</v>
      </c>
      <c r="D2488">
        <v>0</v>
      </c>
    </row>
    <row r="2489" spans="1:4" x14ac:dyDescent="0.25">
      <c r="A2489" t="s">
        <v>3870</v>
      </c>
      <c r="B2489" t="s">
        <v>3871</v>
      </c>
      <c r="C2489">
        <v>2</v>
      </c>
      <c r="D2489">
        <v>0</v>
      </c>
    </row>
    <row r="2490" spans="1:4" x14ac:dyDescent="0.25">
      <c r="A2490" t="s">
        <v>3870</v>
      </c>
      <c r="B2490" t="s">
        <v>3872</v>
      </c>
      <c r="C2490">
        <v>1</v>
      </c>
      <c r="D2490">
        <v>0</v>
      </c>
    </row>
    <row r="2491" spans="1:4" x14ac:dyDescent="0.25">
      <c r="A2491" t="s">
        <v>3873</v>
      </c>
      <c r="B2491" t="s">
        <v>3874</v>
      </c>
      <c r="C2491">
        <v>2</v>
      </c>
      <c r="D2491">
        <v>0</v>
      </c>
    </row>
    <row r="2492" spans="1:4" x14ac:dyDescent="0.25">
      <c r="A2492" t="s">
        <v>3873</v>
      </c>
      <c r="B2492" t="s">
        <v>3875</v>
      </c>
      <c r="C2492">
        <v>1</v>
      </c>
      <c r="D2492">
        <v>0</v>
      </c>
    </row>
    <row r="2493" spans="1:4" x14ac:dyDescent="0.25">
      <c r="A2493" t="s">
        <v>3873</v>
      </c>
      <c r="B2493" t="s">
        <v>3876</v>
      </c>
      <c r="C2493">
        <v>0</v>
      </c>
      <c r="D2493">
        <v>0</v>
      </c>
    </row>
    <row r="2494" spans="1:4" x14ac:dyDescent="0.25">
      <c r="A2494" t="s">
        <v>3877</v>
      </c>
      <c r="B2494" t="s">
        <v>1499</v>
      </c>
      <c r="C2494">
        <v>1</v>
      </c>
      <c r="D2494">
        <v>0</v>
      </c>
    </row>
    <row r="2495" spans="1:4" x14ac:dyDescent="0.25">
      <c r="A2495" t="s">
        <v>3878</v>
      </c>
      <c r="B2495" t="s">
        <v>3879</v>
      </c>
      <c r="C2495">
        <v>0</v>
      </c>
      <c r="D2495">
        <v>0</v>
      </c>
    </row>
    <row r="2496" spans="1:4" x14ac:dyDescent="0.25">
      <c r="A2496" t="s">
        <v>3880</v>
      </c>
      <c r="B2496" t="s">
        <v>3881</v>
      </c>
      <c r="C2496">
        <v>0</v>
      </c>
      <c r="D2496">
        <v>0</v>
      </c>
    </row>
    <row r="2497" spans="1:4" x14ac:dyDescent="0.25">
      <c r="A2497" t="s">
        <v>3880</v>
      </c>
      <c r="B2497" t="s">
        <v>3882</v>
      </c>
      <c r="C2497">
        <v>0</v>
      </c>
      <c r="D2497">
        <v>0</v>
      </c>
    </row>
    <row r="2498" spans="1:4" x14ac:dyDescent="0.25">
      <c r="A2498" t="s">
        <v>3883</v>
      </c>
      <c r="B2498" t="s">
        <v>3884</v>
      </c>
      <c r="C2498">
        <v>1</v>
      </c>
      <c r="D2498">
        <v>0</v>
      </c>
    </row>
    <row r="2499" spans="1:4" x14ac:dyDescent="0.25">
      <c r="A2499" t="s">
        <v>3883</v>
      </c>
      <c r="B2499" t="s">
        <v>3885</v>
      </c>
      <c r="C2499">
        <v>1</v>
      </c>
      <c r="D2499">
        <v>0</v>
      </c>
    </row>
    <row r="2500" spans="1:4" x14ac:dyDescent="0.25">
      <c r="A2500" t="s">
        <v>3886</v>
      </c>
      <c r="B2500" t="s">
        <v>3887</v>
      </c>
      <c r="C2500">
        <v>0</v>
      </c>
      <c r="D2500">
        <v>0</v>
      </c>
    </row>
    <row r="2501" spans="1:4" x14ac:dyDescent="0.25">
      <c r="A2501" t="s">
        <v>3888</v>
      </c>
      <c r="B2501" t="s">
        <v>3889</v>
      </c>
      <c r="C2501">
        <v>1</v>
      </c>
      <c r="D2501">
        <v>0</v>
      </c>
    </row>
    <row r="2502" spans="1:4" x14ac:dyDescent="0.25">
      <c r="A2502" t="s">
        <v>3888</v>
      </c>
      <c r="B2502" t="s">
        <v>3890</v>
      </c>
      <c r="C2502">
        <v>1</v>
      </c>
      <c r="D2502">
        <v>0</v>
      </c>
    </row>
    <row r="2503" spans="1:4" x14ac:dyDescent="0.25">
      <c r="A2503" t="s">
        <v>3888</v>
      </c>
      <c r="B2503" t="s">
        <v>3891</v>
      </c>
      <c r="C2503">
        <v>1</v>
      </c>
      <c r="D2503">
        <v>0</v>
      </c>
    </row>
    <row r="2504" spans="1:4" x14ac:dyDescent="0.25">
      <c r="A2504" t="s">
        <v>3892</v>
      </c>
      <c r="B2504" t="s">
        <v>3893</v>
      </c>
      <c r="C2504">
        <v>1</v>
      </c>
      <c r="D2504">
        <v>0</v>
      </c>
    </row>
    <row r="2505" spans="1:4" x14ac:dyDescent="0.25">
      <c r="A2505" t="s">
        <v>3894</v>
      </c>
      <c r="B2505" t="s">
        <v>852</v>
      </c>
      <c r="C2505">
        <v>0</v>
      </c>
      <c r="D2505">
        <v>0</v>
      </c>
    </row>
    <row r="2506" spans="1:4" x14ac:dyDescent="0.25">
      <c r="A2506" t="s">
        <v>3895</v>
      </c>
      <c r="B2506" t="s">
        <v>3896</v>
      </c>
      <c r="C2506">
        <v>2</v>
      </c>
      <c r="D2506">
        <v>0</v>
      </c>
    </row>
    <row r="2507" spans="1:4" x14ac:dyDescent="0.25">
      <c r="A2507" t="s">
        <v>3895</v>
      </c>
      <c r="B2507" t="s">
        <v>3897</v>
      </c>
      <c r="C2507">
        <v>2</v>
      </c>
      <c r="D2507">
        <v>0</v>
      </c>
    </row>
    <row r="2508" spans="1:4" x14ac:dyDescent="0.25">
      <c r="A2508" t="s">
        <v>3895</v>
      </c>
      <c r="B2508" t="s">
        <v>3898</v>
      </c>
      <c r="C2508">
        <v>1</v>
      </c>
      <c r="D2508">
        <v>0</v>
      </c>
    </row>
    <row r="2509" spans="1:4" x14ac:dyDescent="0.25">
      <c r="A2509" t="s">
        <v>3899</v>
      </c>
      <c r="B2509" t="s">
        <v>852</v>
      </c>
      <c r="C2509">
        <v>0</v>
      </c>
      <c r="D2509">
        <v>0</v>
      </c>
    </row>
    <row r="2510" spans="1:4" x14ac:dyDescent="0.25">
      <c r="A2510" t="s">
        <v>3900</v>
      </c>
      <c r="B2510" t="s">
        <v>3901</v>
      </c>
      <c r="C2510">
        <v>0</v>
      </c>
      <c r="D2510">
        <v>0</v>
      </c>
    </row>
    <row r="2511" spans="1:4" x14ac:dyDescent="0.25">
      <c r="A2511" t="s">
        <v>3900</v>
      </c>
      <c r="B2511" t="s">
        <v>3902</v>
      </c>
      <c r="C2511">
        <v>2</v>
      </c>
      <c r="D2511">
        <v>0</v>
      </c>
    </row>
    <row r="2512" spans="1:4" x14ac:dyDescent="0.25">
      <c r="A2512" t="s">
        <v>3900</v>
      </c>
      <c r="B2512" t="s">
        <v>3903</v>
      </c>
      <c r="C2512">
        <v>2</v>
      </c>
      <c r="D2512">
        <v>0</v>
      </c>
    </row>
    <row r="2513" spans="1:4" x14ac:dyDescent="0.25">
      <c r="A2513" t="s">
        <v>3904</v>
      </c>
      <c r="B2513" t="s">
        <v>3905</v>
      </c>
      <c r="C2513">
        <v>0</v>
      </c>
      <c r="D2513">
        <v>0</v>
      </c>
    </row>
    <row r="2514" spans="1:4" x14ac:dyDescent="0.25">
      <c r="A2514" t="s">
        <v>3906</v>
      </c>
      <c r="B2514" t="s">
        <v>3907</v>
      </c>
      <c r="C2514">
        <v>0</v>
      </c>
      <c r="D2514">
        <v>0</v>
      </c>
    </row>
    <row r="2515" spans="1:4" x14ac:dyDescent="0.25">
      <c r="A2515" t="s">
        <v>3906</v>
      </c>
      <c r="B2515" t="s">
        <v>3908</v>
      </c>
      <c r="C2515">
        <v>1</v>
      </c>
      <c r="D2515">
        <v>0</v>
      </c>
    </row>
    <row r="2516" spans="1:4" x14ac:dyDescent="0.25">
      <c r="A2516" t="s">
        <v>3906</v>
      </c>
      <c r="B2516" t="s">
        <v>3909</v>
      </c>
      <c r="C2516">
        <v>0</v>
      </c>
      <c r="D2516">
        <v>0</v>
      </c>
    </row>
    <row r="2517" spans="1:4" x14ac:dyDescent="0.25">
      <c r="A2517" t="s">
        <v>3910</v>
      </c>
      <c r="B2517" t="s">
        <v>3911</v>
      </c>
      <c r="C2517">
        <v>1</v>
      </c>
      <c r="D2517">
        <v>0</v>
      </c>
    </row>
    <row r="2518" spans="1:4" x14ac:dyDescent="0.25">
      <c r="A2518" t="s">
        <v>3912</v>
      </c>
      <c r="B2518" t="s">
        <v>3913</v>
      </c>
      <c r="C2518">
        <v>1</v>
      </c>
      <c r="D2518">
        <v>0</v>
      </c>
    </row>
    <row r="2519" spans="1:4" x14ac:dyDescent="0.25">
      <c r="A2519" t="s">
        <v>3914</v>
      </c>
      <c r="B2519" t="s">
        <v>969</v>
      </c>
      <c r="C2519">
        <v>0</v>
      </c>
      <c r="D2519">
        <v>0</v>
      </c>
    </row>
    <row r="2520" spans="1:4" x14ac:dyDescent="0.25">
      <c r="A2520" t="s">
        <v>3914</v>
      </c>
      <c r="B2520" t="s">
        <v>3915</v>
      </c>
      <c r="C2520">
        <v>1</v>
      </c>
      <c r="D2520">
        <v>0</v>
      </c>
    </row>
    <row r="2521" spans="1:4" x14ac:dyDescent="0.25">
      <c r="A2521" t="s">
        <v>3916</v>
      </c>
      <c r="B2521" t="s">
        <v>3917</v>
      </c>
      <c r="C2521">
        <v>1</v>
      </c>
      <c r="D2521">
        <v>0</v>
      </c>
    </row>
    <row r="2522" spans="1:4" x14ac:dyDescent="0.25">
      <c r="A2522" t="s">
        <v>3918</v>
      </c>
      <c r="B2522" t="s">
        <v>3919</v>
      </c>
      <c r="C2522">
        <v>0</v>
      </c>
      <c r="D2522">
        <v>0</v>
      </c>
    </row>
    <row r="2523" spans="1:4" x14ac:dyDescent="0.25">
      <c r="A2523" t="s">
        <v>3918</v>
      </c>
      <c r="B2523" t="s">
        <v>3920</v>
      </c>
      <c r="C2523">
        <v>2</v>
      </c>
      <c r="D2523">
        <v>0</v>
      </c>
    </row>
    <row r="2524" spans="1:4" x14ac:dyDescent="0.25">
      <c r="A2524" t="s">
        <v>3921</v>
      </c>
      <c r="B2524" t="s">
        <v>3922</v>
      </c>
      <c r="C2524">
        <v>2</v>
      </c>
      <c r="D2524">
        <v>0</v>
      </c>
    </row>
    <row r="2525" spans="1:4" x14ac:dyDescent="0.25">
      <c r="A2525" t="s">
        <v>3921</v>
      </c>
      <c r="B2525" t="s">
        <v>3923</v>
      </c>
      <c r="C2525">
        <v>0</v>
      </c>
      <c r="D2525">
        <v>0</v>
      </c>
    </row>
    <row r="2526" spans="1:4" x14ac:dyDescent="0.25">
      <c r="A2526" t="s">
        <v>3921</v>
      </c>
      <c r="B2526" t="s">
        <v>3924</v>
      </c>
      <c r="C2526">
        <v>0</v>
      </c>
      <c r="D2526">
        <v>0</v>
      </c>
    </row>
    <row r="2527" spans="1:4" x14ac:dyDescent="0.25">
      <c r="A2527" t="s">
        <v>3925</v>
      </c>
      <c r="B2527" t="s">
        <v>3926</v>
      </c>
      <c r="C2527">
        <v>1</v>
      </c>
      <c r="D2527">
        <v>0</v>
      </c>
    </row>
    <row r="2528" spans="1:4" x14ac:dyDescent="0.25">
      <c r="A2528" t="s">
        <v>3927</v>
      </c>
      <c r="B2528" t="s">
        <v>3928</v>
      </c>
      <c r="C2528">
        <v>1</v>
      </c>
      <c r="D2528">
        <v>0</v>
      </c>
    </row>
    <row r="2529" spans="1:4" x14ac:dyDescent="0.25">
      <c r="A2529" t="s">
        <v>3927</v>
      </c>
      <c r="B2529" t="s">
        <v>3929</v>
      </c>
      <c r="C2529">
        <v>0</v>
      </c>
      <c r="D2529">
        <v>0</v>
      </c>
    </row>
    <row r="2530" spans="1:4" x14ac:dyDescent="0.25">
      <c r="A2530" t="s">
        <v>3930</v>
      </c>
      <c r="B2530" t="s">
        <v>3931</v>
      </c>
      <c r="C2530">
        <v>1</v>
      </c>
      <c r="D2530">
        <v>0</v>
      </c>
    </row>
    <row r="2531" spans="1:4" x14ac:dyDescent="0.25">
      <c r="A2531" t="s">
        <v>3930</v>
      </c>
      <c r="B2531" t="s">
        <v>3932</v>
      </c>
      <c r="C2531">
        <v>1</v>
      </c>
      <c r="D2531">
        <v>0</v>
      </c>
    </row>
    <row r="2532" spans="1:4" x14ac:dyDescent="0.25">
      <c r="A2532" t="s">
        <v>3933</v>
      </c>
      <c r="B2532" t="s">
        <v>3934</v>
      </c>
      <c r="C2532">
        <v>1</v>
      </c>
      <c r="D2532">
        <v>0</v>
      </c>
    </row>
    <row r="2533" spans="1:4" x14ac:dyDescent="0.25">
      <c r="A2533" t="s">
        <v>3935</v>
      </c>
      <c r="B2533" t="s">
        <v>398</v>
      </c>
      <c r="C2533">
        <v>0</v>
      </c>
      <c r="D2533">
        <v>0</v>
      </c>
    </row>
    <row r="2534" spans="1:4" x14ac:dyDescent="0.25">
      <c r="A2534" t="s">
        <v>3936</v>
      </c>
      <c r="B2534" t="s">
        <v>3937</v>
      </c>
      <c r="C2534">
        <v>0</v>
      </c>
      <c r="D2534">
        <v>0</v>
      </c>
    </row>
    <row r="2535" spans="1:4" x14ac:dyDescent="0.25">
      <c r="A2535" t="s">
        <v>3938</v>
      </c>
      <c r="B2535" t="s">
        <v>3939</v>
      </c>
      <c r="C2535">
        <v>1</v>
      </c>
      <c r="D2535">
        <v>0</v>
      </c>
    </row>
    <row r="2536" spans="1:4" x14ac:dyDescent="0.25">
      <c r="A2536" t="s">
        <v>3938</v>
      </c>
      <c r="B2536" t="s">
        <v>3940</v>
      </c>
      <c r="C2536">
        <v>1</v>
      </c>
      <c r="D2536">
        <v>0</v>
      </c>
    </row>
    <row r="2537" spans="1:4" x14ac:dyDescent="0.25">
      <c r="A2537" t="s">
        <v>3941</v>
      </c>
      <c r="B2537" t="s">
        <v>843</v>
      </c>
      <c r="C2537">
        <v>1</v>
      </c>
      <c r="D2537">
        <v>0</v>
      </c>
    </row>
    <row r="2538" spans="1:4" x14ac:dyDescent="0.25">
      <c r="A2538" t="s">
        <v>3941</v>
      </c>
      <c r="B2538" t="s">
        <v>398</v>
      </c>
      <c r="C2538">
        <v>0</v>
      </c>
      <c r="D2538">
        <v>0</v>
      </c>
    </row>
    <row r="2539" spans="1:4" x14ac:dyDescent="0.25">
      <c r="A2539" t="s">
        <v>3942</v>
      </c>
      <c r="B2539" t="s">
        <v>3943</v>
      </c>
      <c r="C2539">
        <v>1</v>
      </c>
      <c r="D2539">
        <v>0</v>
      </c>
    </row>
    <row r="2540" spans="1:4" x14ac:dyDescent="0.25">
      <c r="A2540" t="s">
        <v>3944</v>
      </c>
      <c r="B2540" t="s">
        <v>3410</v>
      </c>
      <c r="C2540">
        <v>1</v>
      </c>
      <c r="D2540">
        <v>0</v>
      </c>
    </row>
    <row r="2541" spans="1:4" x14ac:dyDescent="0.25">
      <c r="A2541" t="s">
        <v>3945</v>
      </c>
      <c r="B2541" t="s">
        <v>1499</v>
      </c>
      <c r="C2541">
        <v>1</v>
      </c>
      <c r="D2541">
        <v>0</v>
      </c>
    </row>
    <row r="2542" spans="1:4" x14ac:dyDescent="0.25">
      <c r="A2542" t="s">
        <v>3945</v>
      </c>
      <c r="B2542" t="s">
        <v>852</v>
      </c>
      <c r="C2542">
        <v>0</v>
      </c>
      <c r="D2542">
        <v>0</v>
      </c>
    </row>
    <row r="2543" spans="1:4" x14ac:dyDescent="0.25">
      <c r="A2543" t="s">
        <v>3946</v>
      </c>
      <c r="B2543" t="s">
        <v>3947</v>
      </c>
      <c r="C2543">
        <v>0</v>
      </c>
      <c r="D2543">
        <v>0</v>
      </c>
    </row>
    <row r="2544" spans="1:4" x14ac:dyDescent="0.25">
      <c r="A2544" t="s">
        <v>3948</v>
      </c>
      <c r="B2544" t="s">
        <v>3949</v>
      </c>
      <c r="C2544">
        <v>1</v>
      </c>
      <c r="D2544">
        <v>0</v>
      </c>
    </row>
    <row r="2545" spans="1:4" x14ac:dyDescent="0.25">
      <c r="A2545" t="s">
        <v>3950</v>
      </c>
      <c r="B2545" t="s">
        <v>3951</v>
      </c>
      <c r="C2545">
        <v>0</v>
      </c>
      <c r="D2545">
        <v>0</v>
      </c>
    </row>
    <row r="2546" spans="1:4" x14ac:dyDescent="0.25">
      <c r="A2546" t="s">
        <v>3950</v>
      </c>
      <c r="B2546" t="s">
        <v>3952</v>
      </c>
      <c r="C2546">
        <v>1</v>
      </c>
      <c r="D2546">
        <v>0</v>
      </c>
    </row>
    <row r="2547" spans="1:4" x14ac:dyDescent="0.25">
      <c r="A2547" t="s">
        <v>3953</v>
      </c>
      <c r="B2547" t="s">
        <v>3954</v>
      </c>
      <c r="C2547">
        <v>2</v>
      </c>
      <c r="D2547">
        <v>0</v>
      </c>
    </row>
    <row r="2548" spans="1:4" x14ac:dyDescent="0.25">
      <c r="A2548" t="s">
        <v>3955</v>
      </c>
      <c r="B2548" t="s">
        <v>3956</v>
      </c>
      <c r="C2548">
        <v>0</v>
      </c>
      <c r="D2548">
        <v>0</v>
      </c>
    </row>
    <row r="2549" spans="1:4" x14ac:dyDescent="0.25">
      <c r="A2549" t="s">
        <v>3957</v>
      </c>
      <c r="B2549" t="s">
        <v>3958</v>
      </c>
      <c r="C2549">
        <v>0</v>
      </c>
      <c r="D2549">
        <v>0</v>
      </c>
    </row>
    <row r="2550" spans="1:4" x14ac:dyDescent="0.25">
      <c r="A2550" t="s">
        <v>3959</v>
      </c>
      <c r="B2550" t="s">
        <v>1151</v>
      </c>
      <c r="C2550">
        <v>1</v>
      </c>
      <c r="D2550">
        <v>0</v>
      </c>
    </row>
    <row r="2551" spans="1:4" x14ac:dyDescent="0.25">
      <c r="A2551" t="s">
        <v>3960</v>
      </c>
      <c r="B2551" t="s">
        <v>3961</v>
      </c>
      <c r="C2551">
        <v>0</v>
      </c>
      <c r="D2551">
        <v>0</v>
      </c>
    </row>
    <row r="2552" spans="1:4" x14ac:dyDescent="0.25">
      <c r="A2552" t="s">
        <v>3960</v>
      </c>
      <c r="B2552" t="s">
        <v>3962</v>
      </c>
      <c r="C2552">
        <v>2</v>
      </c>
      <c r="D2552">
        <v>0</v>
      </c>
    </row>
    <row r="2553" spans="1:4" x14ac:dyDescent="0.25">
      <c r="A2553" t="s">
        <v>3963</v>
      </c>
      <c r="B2553" t="s">
        <v>3964</v>
      </c>
      <c r="C2553">
        <v>1</v>
      </c>
      <c r="D2553">
        <v>0</v>
      </c>
    </row>
    <row r="2554" spans="1:4" x14ac:dyDescent="0.25">
      <c r="A2554" t="s">
        <v>3963</v>
      </c>
      <c r="B2554" t="s">
        <v>3965</v>
      </c>
      <c r="C2554">
        <v>1</v>
      </c>
      <c r="D2554">
        <v>0</v>
      </c>
    </row>
    <row r="2555" spans="1:4" x14ac:dyDescent="0.25">
      <c r="A2555" t="s">
        <v>3963</v>
      </c>
      <c r="B2555" t="s">
        <v>3966</v>
      </c>
      <c r="C2555">
        <v>1</v>
      </c>
      <c r="D2555">
        <v>0</v>
      </c>
    </row>
    <row r="2556" spans="1:4" x14ac:dyDescent="0.25">
      <c r="A2556" t="s">
        <v>3967</v>
      </c>
      <c r="B2556" t="s">
        <v>3968</v>
      </c>
      <c r="C2556">
        <v>1</v>
      </c>
      <c r="D2556">
        <v>0</v>
      </c>
    </row>
    <row r="2557" spans="1:4" x14ac:dyDescent="0.25">
      <c r="A2557" t="s">
        <v>3969</v>
      </c>
      <c r="B2557" t="s">
        <v>3970</v>
      </c>
      <c r="C2557">
        <v>1</v>
      </c>
      <c r="D2557">
        <v>0</v>
      </c>
    </row>
    <row r="2558" spans="1:4" x14ac:dyDescent="0.25">
      <c r="A2558" t="s">
        <v>3969</v>
      </c>
      <c r="B2558" t="s">
        <v>3971</v>
      </c>
      <c r="C2558">
        <v>0</v>
      </c>
      <c r="D2558">
        <v>0</v>
      </c>
    </row>
    <row r="2559" spans="1:4" x14ac:dyDescent="0.25">
      <c r="A2559" t="s">
        <v>3972</v>
      </c>
      <c r="B2559" t="s">
        <v>3973</v>
      </c>
      <c r="C2559">
        <v>2</v>
      </c>
      <c r="D2559">
        <v>0</v>
      </c>
    </row>
    <row r="2560" spans="1:4" x14ac:dyDescent="0.25">
      <c r="A2560" t="s">
        <v>3974</v>
      </c>
      <c r="B2560" t="s">
        <v>3975</v>
      </c>
      <c r="C2560">
        <v>1</v>
      </c>
      <c r="D2560">
        <v>0</v>
      </c>
    </row>
    <row r="2561" spans="1:4" x14ac:dyDescent="0.25">
      <c r="A2561" t="s">
        <v>3974</v>
      </c>
      <c r="B2561" t="s">
        <v>3976</v>
      </c>
      <c r="C2561">
        <v>1</v>
      </c>
      <c r="D2561">
        <v>0</v>
      </c>
    </row>
    <row r="2562" spans="1:4" x14ac:dyDescent="0.25">
      <c r="A2562" t="s">
        <v>3977</v>
      </c>
      <c r="B2562" t="s">
        <v>3978</v>
      </c>
      <c r="C2562">
        <v>2</v>
      </c>
      <c r="D2562">
        <v>0</v>
      </c>
    </row>
    <row r="2563" spans="1:4" x14ac:dyDescent="0.25">
      <c r="A2563" t="s">
        <v>3977</v>
      </c>
      <c r="B2563" t="s">
        <v>3979</v>
      </c>
      <c r="C2563">
        <v>1</v>
      </c>
      <c r="D2563">
        <v>0</v>
      </c>
    </row>
    <row r="2564" spans="1:4" x14ac:dyDescent="0.25">
      <c r="A2564" t="s">
        <v>3977</v>
      </c>
      <c r="B2564" t="s">
        <v>3980</v>
      </c>
      <c r="C2564">
        <v>2</v>
      </c>
      <c r="D2564">
        <v>0</v>
      </c>
    </row>
    <row r="2565" spans="1:4" x14ac:dyDescent="0.25">
      <c r="A2565" t="s">
        <v>3981</v>
      </c>
      <c r="B2565" t="s">
        <v>3982</v>
      </c>
      <c r="C2565">
        <v>2</v>
      </c>
      <c r="D2565">
        <v>0</v>
      </c>
    </row>
    <row r="2566" spans="1:4" x14ac:dyDescent="0.25">
      <c r="A2566" t="s">
        <v>3981</v>
      </c>
      <c r="B2566" t="s">
        <v>3983</v>
      </c>
      <c r="C2566">
        <v>2</v>
      </c>
      <c r="D2566">
        <v>0</v>
      </c>
    </row>
    <row r="2567" spans="1:4" x14ac:dyDescent="0.25">
      <c r="A2567" t="s">
        <v>3984</v>
      </c>
      <c r="B2567" t="s">
        <v>3985</v>
      </c>
      <c r="C2567">
        <v>0</v>
      </c>
      <c r="D2567">
        <v>0</v>
      </c>
    </row>
    <row r="2568" spans="1:4" x14ac:dyDescent="0.25">
      <c r="A2568" t="s">
        <v>3984</v>
      </c>
      <c r="B2568" t="s">
        <v>3986</v>
      </c>
      <c r="C2568">
        <v>1</v>
      </c>
      <c r="D2568">
        <v>0</v>
      </c>
    </row>
    <row r="2569" spans="1:4" x14ac:dyDescent="0.25">
      <c r="A2569" t="s">
        <v>3987</v>
      </c>
      <c r="B2569" t="s">
        <v>3988</v>
      </c>
      <c r="C2569">
        <v>0</v>
      </c>
      <c r="D2569">
        <v>0</v>
      </c>
    </row>
    <row r="2570" spans="1:4" x14ac:dyDescent="0.25">
      <c r="A2570" t="s">
        <v>3987</v>
      </c>
      <c r="B2570" t="s">
        <v>3989</v>
      </c>
      <c r="C2570">
        <v>1</v>
      </c>
      <c r="D2570">
        <v>0</v>
      </c>
    </row>
    <row r="2571" spans="1:4" x14ac:dyDescent="0.25">
      <c r="A2571" t="s">
        <v>3990</v>
      </c>
      <c r="B2571" t="s">
        <v>3991</v>
      </c>
      <c r="C2571">
        <v>1</v>
      </c>
      <c r="D2571">
        <v>0</v>
      </c>
    </row>
    <row r="2572" spans="1:4" x14ac:dyDescent="0.25">
      <c r="A2572" t="s">
        <v>3992</v>
      </c>
      <c r="B2572" t="s">
        <v>3993</v>
      </c>
      <c r="C2572">
        <v>1</v>
      </c>
      <c r="D2572">
        <v>0</v>
      </c>
    </row>
    <row r="2573" spans="1:4" x14ac:dyDescent="0.25">
      <c r="A2573" t="s">
        <v>3994</v>
      </c>
      <c r="B2573" t="s">
        <v>3995</v>
      </c>
      <c r="C2573">
        <v>0</v>
      </c>
      <c r="D2573">
        <v>0</v>
      </c>
    </row>
    <row r="2574" spans="1:4" x14ac:dyDescent="0.25">
      <c r="A2574" t="s">
        <v>3996</v>
      </c>
      <c r="B2574" t="s">
        <v>3997</v>
      </c>
      <c r="C2574">
        <v>1</v>
      </c>
      <c r="D2574">
        <v>0</v>
      </c>
    </row>
    <row r="2575" spans="1:4" x14ac:dyDescent="0.25">
      <c r="A2575" t="s">
        <v>3998</v>
      </c>
      <c r="B2575" t="s">
        <v>3999</v>
      </c>
      <c r="C2575">
        <v>2</v>
      </c>
      <c r="D2575">
        <v>0</v>
      </c>
    </row>
    <row r="2576" spans="1:4" x14ac:dyDescent="0.25">
      <c r="A2576" t="s">
        <v>4000</v>
      </c>
      <c r="B2576" t="s">
        <v>843</v>
      </c>
      <c r="C2576">
        <v>1</v>
      </c>
      <c r="D2576">
        <v>0</v>
      </c>
    </row>
    <row r="2577" spans="1:4" x14ac:dyDescent="0.25">
      <c r="A2577" t="s">
        <v>4001</v>
      </c>
      <c r="B2577" t="s">
        <v>4002</v>
      </c>
      <c r="C2577">
        <v>0</v>
      </c>
      <c r="D2577">
        <v>0</v>
      </c>
    </row>
    <row r="2578" spans="1:4" x14ac:dyDescent="0.25">
      <c r="A2578" t="s">
        <v>4001</v>
      </c>
      <c r="B2578" t="s">
        <v>4003</v>
      </c>
      <c r="C2578">
        <v>0</v>
      </c>
      <c r="D2578">
        <v>0</v>
      </c>
    </row>
    <row r="2579" spans="1:4" x14ac:dyDescent="0.25">
      <c r="A2579" t="s">
        <v>4004</v>
      </c>
      <c r="B2579" t="s">
        <v>3410</v>
      </c>
      <c r="C2579">
        <v>1</v>
      </c>
      <c r="D2579">
        <v>0</v>
      </c>
    </row>
    <row r="2580" spans="1:4" x14ac:dyDescent="0.25">
      <c r="A2580" t="s">
        <v>4005</v>
      </c>
      <c r="B2580" t="s">
        <v>4006</v>
      </c>
      <c r="C2580">
        <v>0</v>
      </c>
      <c r="D2580">
        <v>0</v>
      </c>
    </row>
    <row r="2581" spans="1:4" x14ac:dyDescent="0.25">
      <c r="A2581" t="s">
        <v>4005</v>
      </c>
      <c r="B2581" t="s">
        <v>4007</v>
      </c>
      <c r="C2581">
        <v>0</v>
      </c>
      <c r="D2581">
        <v>0</v>
      </c>
    </row>
    <row r="2582" spans="1:4" x14ac:dyDescent="0.25">
      <c r="A2582" t="s">
        <v>4005</v>
      </c>
      <c r="B2582" t="s">
        <v>4008</v>
      </c>
      <c r="C2582">
        <v>0</v>
      </c>
      <c r="D2582">
        <v>0</v>
      </c>
    </row>
    <row r="2583" spans="1:4" x14ac:dyDescent="0.25">
      <c r="A2583" t="s">
        <v>4009</v>
      </c>
      <c r="B2583" t="s">
        <v>4010</v>
      </c>
      <c r="C2583">
        <v>0</v>
      </c>
      <c r="D2583">
        <v>0</v>
      </c>
    </row>
    <row r="2584" spans="1:4" x14ac:dyDescent="0.25">
      <c r="A2584" t="s">
        <v>4011</v>
      </c>
      <c r="B2584" t="s">
        <v>4012</v>
      </c>
      <c r="C2584">
        <v>0</v>
      </c>
      <c r="D2584">
        <v>0</v>
      </c>
    </row>
    <row r="2585" spans="1:4" x14ac:dyDescent="0.25">
      <c r="A2585" t="s">
        <v>4013</v>
      </c>
      <c r="B2585" t="s">
        <v>4014</v>
      </c>
      <c r="C2585">
        <v>1</v>
      </c>
      <c r="D2585">
        <v>0</v>
      </c>
    </row>
    <row r="2586" spans="1:4" x14ac:dyDescent="0.25">
      <c r="A2586" t="s">
        <v>4015</v>
      </c>
      <c r="B2586" t="s">
        <v>4016</v>
      </c>
      <c r="C2586">
        <v>2</v>
      </c>
      <c r="D2586">
        <v>0</v>
      </c>
    </row>
    <row r="2587" spans="1:4" x14ac:dyDescent="0.25">
      <c r="A2587" t="s">
        <v>4015</v>
      </c>
      <c r="B2587" t="s">
        <v>4017</v>
      </c>
      <c r="C2587">
        <v>1</v>
      </c>
      <c r="D2587">
        <v>0</v>
      </c>
    </row>
    <row r="2588" spans="1:4" x14ac:dyDescent="0.25">
      <c r="A2588" t="s">
        <v>4018</v>
      </c>
      <c r="B2588" t="s">
        <v>4019</v>
      </c>
      <c r="C2588">
        <v>1</v>
      </c>
      <c r="D2588">
        <v>0</v>
      </c>
    </row>
    <row r="2589" spans="1:4" x14ac:dyDescent="0.25">
      <c r="A2589" t="s">
        <v>4018</v>
      </c>
      <c r="B2589" t="s">
        <v>4020</v>
      </c>
      <c r="C2589">
        <v>2</v>
      </c>
      <c r="D2589">
        <v>0</v>
      </c>
    </row>
    <row r="2590" spans="1:4" x14ac:dyDescent="0.25">
      <c r="A2590" t="s">
        <v>4018</v>
      </c>
      <c r="B2590" t="s">
        <v>4021</v>
      </c>
      <c r="C2590">
        <v>1</v>
      </c>
      <c r="D2590">
        <v>0</v>
      </c>
    </row>
    <row r="2591" spans="1:4" x14ac:dyDescent="0.25">
      <c r="A2591" t="s">
        <v>4022</v>
      </c>
      <c r="B2591" t="s">
        <v>1001</v>
      </c>
      <c r="C2591">
        <v>1</v>
      </c>
      <c r="D2591">
        <v>0</v>
      </c>
    </row>
    <row r="2592" spans="1:4" x14ac:dyDescent="0.25">
      <c r="A2592" t="s">
        <v>4022</v>
      </c>
      <c r="B2592" t="s">
        <v>4023</v>
      </c>
      <c r="C2592">
        <v>0</v>
      </c>
      <c r="D2592">
        <v>0</v>
      </c>
    </row>
    <row r="2593" spans="1:4" x14ac:dyDescent="0.25">
      <c r="A2593" t="s">
        <v>4022</v>
      </c>
      <c r="B2593" t="s">
        <v>4024</v>
      </c>
      <c r="C2593">
        <v>1</v>
      </c>
      <c r="D2593">
        <v>0</v>
      </c>
    </row>
    <row r="2594" spans="1:4" x14ac:dyDescent="0.25">
      <c r="A2594" t="s">
        <v>4025</v>
      </c>
      <c r="B2594" t="s">
        <v>4026</v>
      </c>
      <c r="C2594">
        <v>0</v>
      </c>
      <c r="D2594">
        <v>0</v>
      </c>
    </row>
    <row r="2595" spans="1:4" x14ac:dyDescent="0.25">
      <c r="A2595" t="s">
        <v>4025</v>
      </c>
      <c r="B2595" t="s">
        <v>4027</v>
      </c>
      <c r="C2595">
        <v>1</v>
      </c>
      <c r="D2595">
        <v>0</v>
      </c>
    </row>
    <row r="2596" spans="1:4" x14ac:dyDescent="0.25">
      <c r="A2596" t="s">
        <v>4028</v>
      </c>
      <c r="B2596" t="s">
        <v>4029</v>
      </c>
      <c r="C2596">
        <v>2</v>
      </c>
      <c r="D2596">
        <v>0</v>
      </c>
    </row>
    <row r="2597" spans="1:4" x14ac:dyDescent="0.25">
      <c r="A2597" t="s">
        <v>4028</v>
      </c>
      <c r="B2597" t="s">
        <v>4030</v>
      </c>
      <c r="C2597">
        <v>1</v>
      </c>
      <c r="D2597">
        <v>0</v>
      </c>
    </row>
    <row r="2598" spans="1:4" x14ac:dyDescent="0.25">
      <c r="A2598" t="s">
        <v>4028</v>
      </c>
      <c r="B2598" t="s">
        <v>4031</v>
      </c>
      <c r="C2598">
        <v>1</v>
      </c>
      <c r="D2598">
        <v>0</v>
      </c>
    </row>
    <row r="2599" spans="1:4" x14ac:dyDescent="0.25">
      <c r="A2599" t="s">
        <v>4032</v>
      </c>
      <c r="B2599" t="s">
        <v>4033</v>
      </c>
      <c r="C2599">
        <v>1</v>
      </c>
      <c r="D2599">
        <v>0</v>
      </c>
    </row>
    <row r="2600" spans="1:4" x14ac:dyDescent="0.25">
      <c r="A2600" t="s">
        <v>4034</v>
      </c>
      <c r="B2600" t="s">
        <v>4035</v>
      </c>
      <c r="C2600">
        <v>2</v>
      </c>
      <c r="D2600">
        <v>0</v>
      </c>
    </row>
    <row r="2601" spans="1:4" x14ac:dyDescent="0.25">
      <c r="A2601" t="s">
        <v>4036</v>
      </c>
      <c r="B2601" t="s">
        <v>4037</v>
      </c>
      <c r="C2601">
        <v>0</v>
      </c>
      <c r="D2601">
        <v>0</v>
      </c>
    </row>
    <row r="2602" spans="1:4" x14ac:dyDescent="0.25">
      <c r="A2602" t="s">
        <v>4036</v>
      </c>
      <c r="B2602" t="s">
        <v>4038</v>
      </c>
      <c r="C2602">
        <v>1</v>
      </c>
      <c r="D2602">
        <v>0</v>
      </c>
    </row>
    <row r="2603" spans="1:4" x14ac:dyDescent="0.25">
      <c r="A2603" t="s">
        <v>4039</v>
      </c>
      <c r="B2603" t="s">
        <v>4040</v>
      </c>
      <c r="C2603">
        <v>1</v>
      </c>
      <c r="D2603">
        <v>0</v>
      </c>
    </row>
    <row r="2604" spans="1:4" x14ac:dyDescent="0.25">
      <c r="A2604" t="s">
        <v>4039</v>
      </c>
      <c r="B2604" t="s">
        <v>4041</v>
      </c>
      <c r="C2604">
        <v>0</v>
      </c>
      <c r="D2604">
        <v>0</v>
      </c>
    </row>
    <row r="2605" spans="1:4" x14ac:dyDescent="0.25">
      <c r="A2605" t="s">
        <v>4042</v>
      </c>
      <c r="B2605" t="s">
        <v>968</v>
      </c>
      <c r="C2605">
        <v>1</v>
      </c>
      <c r="D2605">
        <v>0</v>
      </c>
    </row>
    <row r="2606" spans="1:4" x14ac:dyDescent="0.25">
      <c r="A2606" t="s">
        <v>4043</v>
      </c>
      <c r="B2606" t="s">
        <v>4044</v>
      </c>
      <c r="C2606">
        <v>0</v>
      </c>
      <c r="D2606">
        <v>0</v>
      </c>
    </row>
    <row r="2607" spans="1:4" x14ac:dyDescent="0.25">
      <c r="A2607" t="s">
        <v>4045</v>
      </c>
      <c r="B2607" t="s">
        <v>4046</v>
      </c>
      <c r="C2607">
        <v>0</v>
      </c>
      <c r="D2607">
        <v>0</v>
      </c>
    </row>
    <row r="2608" spans="1:4" x14ac:dyDescent="0.25">
      <c r="A2608" t="s">
        <v>4045</v>
      </c>
      <c r="B2608" t="s">
        <v>4047</v>
      </c>
      <c r="C2608">
        <v>0</v>
      </c>
      <c r="D2608">
        <v>0</v>
      </c>
    </row>
    <row r="2609" spans="1:4" x14ac:dyDescent="0.25">
      <c r="A2609" t="s">
        <v>4045</v>
      </c>
      <c r="B2609" t="s">
        <v>4048</v>
      </c>
      <c r="C2609">
        <v>0</v>
      </c>
      <c r="D2609">
        <v>0</v>
      </c>
    </row>
    <row r="2610" spans="1:4" x14ac:dyDescent="0.25">
      <c r="A2610" t="s">
        <v>4049</v>
      </c>
      <c r="B2610" t="s">
        <v>4050</v>
      </c>
      <c r="C2610">
        <v>1</v>
      </c>
      <c r="D2610">
        <v>0</v>
      </c>
    </row>
    <row r="2611" spans="1:4" x14ac:dyDescent="0.25">
      <c r="A2611" t="s">
        <v>4051</v>
      </c>
      <c r="B2611" t="s">
        <v>4052</v>
      </c>
      <c r="C2611">
        <v>1</v>
      </c>
      <c r="D2611">
        <v>0</v>
      </c>
    </row>
    <row r="2612" spans="1:4" x14ac:dyDescent="0.25">
      <c r="A2612" t="s">
        <v>4053</v>
      </c>
      <c r="B2612" t="s">
        <v>4054</v>
      </c>
      <c r="C2612">
        <v>1</v>
      </c>
      <c r="D2612">
        <v>0</v>
      </c>
    </row>
    <row r="2613" spans="1:4" x14ac:dyDescent="0.25">
      <c r="A2613" t="s">
        <v>4055</v>
      </c>
      <c r="B2613" t="s">
        <v>1570</v>
      </c>
      <c r="C2613">
        <v>1</v>
      </c>
      <c r="D2613">
        <v>0</v>
      </c>
    </row>
    <row r="2614" spans="1:4" x14ac:dyDescent="0.25">
      <c r="A2614" t="s">
        <v>4056</v>
      </c>
      <c r="B2614" t="s">
        <v>4057</v>
      </c>
      <c r="C2614">
        <v>0</v>
      </c>
      <c r="D2614">
        <v>0</v>
      </c>
    </row>
    <row r="2615" spans="1:4" x14ac:dyDescent="0.25">
      <c r="A2615" t="s">
        <v>4058</v>
      </c>
      <c r="B2615" t="s">
        <v>4059</v>
      </c>
      <c r="C2615">
        <v>0</v>
      </c>
      <c r="D2615">
        <v>0</v>
      </c>
    </row>
    <row r="2616" spans="1:4" x14ac:dyDescent="0.25">
      <c r="A2616" t="s">
        <v>4060</v>
      </c>
      <c r="B2616" t="s">
        <v>4061</v>
      </c>
      <c r="C2616">
        <v>1</v>
      </c>
      <c r="D2616">
        <v>0</v>
      </c>
    </row>
    <row r="2617" spans="1:4" x14ac:dyDescent="0.25">
      <c r="A2617" t="s">
        <v>4062</v>
      </c>
      <c r="B2617" t="s">
        <v>4063</v>
      </c>
      <c r="C2617">
        <v>2</v>
      </c>
      <c r="D2617">
        <v>0</v>
      </c>
    </row>
    <row r="2618" spans="1:4" x14ac:dyDescent="0.25">
      <c r="A2618" t="s">
        <v>4062</v>
      </c>
      <c r="B2618" t="s">
        <v>4064</v>
      </c>
      <c r="C2618">
        <v>1</v>
      </c>
      <c r="D2618">
        <v>0</v>
      </c>
    </row>
    <row r="2619" spans="1:4" x14ac:dyDescent="0.25">
      <c r="A2619" t="s">
        <v>4062</v>
      </c>
      <c r="B2619" t="s">
        <v>4065</v>
      </c>
      <c r="C2619">
        <v>1</v>
      </c>
      <c r="D2619">
        <v>0</v>
      </c>
    </row>
    <row r="2620" spans="1:4" x14ac:dyDescent="0.25">
      <c r="A2620" t="s">
        <v>4066</v>
      </c>
      <c r="B2620" t="s">
        <v>4067</v>
      </c>
      <c r="C2620">
        <v>1</v>
      </c>
      <c r="D2620">
        <v>0</v>
      </c>
    </row>
    <row r="2621" spans="1:4" x14ac:dyDescent="0.25">
      <c r="A2621" t="s">
        <v>4066</v>
      </c>
      <c r="B2621" t="s">
        <v>4068</v>
      </c>
      <c r="C2621">
        <v>1</v>
      </c>
      <c r="D2621">
        <v>0</v>
      </c>
    </row>
    <row r="2622" spans="1:4" x14ac:dyDescent="0.25">
      <c r="A2622" t="s">
        <v>4069</v>
      </c>
      <c r="B2622" t="s">
        <v>4070</v>
      </c>
      <c r="C2622">
        <v>0</v>
      </c>
      <c r="D2622">
        <v>0</v>
      </c>
    </row>
    <row r="2623" spans="1:4" x14ac:dyDescent="0.25">
      <c r="A2623" t="s">
        <v>4069</v>
      </c>
      <c r="B2623" t="s">
        <v>4071</v>
      </c>
      <c r="C2623">
        <v>2</v>
      </c>
      <c r="D2623">
        <v>0</v>
      </c>
    </row>
    <row r="2624" spans="1:4" x14ac:dyDescent="0.25">
      <c r="A2624" t="s">
        <v>4069</v>
      </c>
      <c r="B2624" t="s">
        <v>4072</v>
      </c>
      <c r="C2624">
        <v>2</v>
      </c>
      <c r="D2624">
        <v>0</v>
      </c>
    </row>
    <row r="2625" spans="1:4" x14ac:dyDescent="0.25">
      <c r="A2625" t="s">
        <v>4073</v>
      </c>
      <c r="B2625" t="s">
        <v>4074</v>
      </c>
      <c r="C2625">
        <v>1</v>
      </c>
      <c r="D2625">
        <v>0</v>
      </c>
    </row>
    <row r="2626" spans="1:4" x14ac:dyDescent="0.25">
      <c r="A2626" t="s">
        <v>4075</v>
      </c>
      <c r="B2626" t="s">
        <v>4076</v>
      </c>
      <c r="C2626">
        <v>0</v>
      </c>
      <c r="D2626">
        <v>0</v>
      </c>
    </row>
    <row r="2627" spans="1:4" x14ac:dyDescent="0.25">
      <c r="A2627" t="s">
        <v>4077</v>
      </c>
      <c r="B2627" t="s">
        <v>4078</v>
      </c>
      <c r="C2627">
        <v>1</v>
      </c>
      <c r="D2627">
        <v>0</v>
      </c>
    </row>
    <row r="2628" spans="1:4" x14ac:dyDescent="0.25">
      <c r="A2628" t="s">
        <v>4079</v>
      </c>
      <c r="B2628" t="s">
        <v>4080</v>
      </c>
      <c r="C2628">
        <v>2</v>
      </c>
      <c r="D2628">
        <v>0</v>
      </c>
    </row>
    <row r="2629" spans="1:4" x14ac:dyDescent="0.25">
      <c r="A2629" t="s">
        <v>4079</v>
      </c>
      <c r="B2629" t="s">
        <v>4081</v>
      </c>
      <c r="C2629">
        <v>2</v>
      </c>
      <c r="D2629">
        <v>0</v>
      </c>
    </row>
    <row r="2630" spans="1:4" x14ac:dyDescent="0.25">
      <c r="A2630" t="s">
        <v>4082</v>
      </c>
      <c r="B2630" t="s">
        <v>4083</v>
      </c>
      <c r="C2630">
        <v>1</v>
      </c>
      <c r="D2630">
        <v>0</v>
      </c>
    </row>
    <row r="2631" spans="1:4" x14ac:dyDescent="0.25">
      <c r="A2631" t="s">
        <v>4084</v>
      </c>
      <c r="B2631" t="s">
        <v>843</v>
      </c>
      <c r="C2631">
        <v>1</v>
      </c>
      <c r="D2631">
        <v>0</v>
      </c>
    </row>
    <row r="2632" spans="1:4" x14ac:dyDescent="0.25">
      <c r="A2632" t="s">
        <v>4085</v>
      </c>
      <c r="B2632" t="s">
        <v>4086</v>
      </c>
      <c r="C2632">
        <v>0</v>
      </c>
      <c r="D2632">
        <v>0</v>
      </c>
    </row>
    <row r="2633" spans="1:4" x14ac:dyDescent="0.25">
      <c r="A2633" t="s">
        <v>4087</v>
      </c>
      <c r="B2633" t="s">
        <v>4088</v>
      </c>
      <c r="C2633">
        <v>2</v>
      </c>
      <c r="D2633">
        <v>0</v>
      </c>
    </row>
    <row r="2634" spans="1:4" x14ac:dyDescent="0.25">
      <c r="A2634" t="s">
        <v>4087</v>
      </c>
      <c r="B2634" t="s">
        <v>4089</v>
      </c>
      <c r="C2634">
        <v>0</v>
      </c>
      <c r="D2634">
        <v>0</v>
      </c>
    </row>
    <row r="2635" spans="1:4" x14ac:dyDescent="0.25">
      <c r="A2635" t="s">
        <v>4090</v>
      </c>
      <c r="B2635" t="s">
        <v>4091</v>
      </c>
      <c r="C2635">
        <v>2</v>
      </c>
      <c r="D2635">
        <v>0</v>
      </c>
    </row>
    <row r="2636" spans="1:4" x14ac:dyDescent="0.25">
      <c r="A2636" t="s">
        <v>4090</v>
      </c>
      <c r="B2636" t="s">
        <v>4092</v>
      </c>
      <c r="C2636">
        <v>1</v>
      </c>
      <c r="D2636">
        <v>0</v>
      </c>
    </row>
    <row r="2637" spans="1:4" x14ac:dyDescent="0.25">
      <c r="A2637" t="s">
        <v>4090</v>
      </c>
      <c r="B2637" t="s">
        <v>4093</v>
      </c>
      <c r="C2637">
        <v>2</v>
      </c>
      <c r="D2637">
        <v>0</v>
      </c>
    </row>
    <row r="2638" spans="1:4" x14ac:dyDescent="0.25">
      <c r="A2638" t="s">
        <v>4094</v>
      </c>
      <c r="B2638" t="s">
        <v>4095</v>
      </c>
      <c r="C2638">
        <v>2</v>
      </c>
      <c r="D2638">
        <v>0</v>
      </c>
    </row>
    <row r="2639" spans="1:4" x14ac:dyDescent="0.25">
      <c r="A2639" t="s">
        <v>4096</v>
      </c>
      <c r="B2639" t="s">
        <v>4097</v>
      </c>
      <c r="C2639">
        <v>0</v>
      </c>
      <c r="D2639">
        <v>0</v>
      </c>
    </row>
    <row r="2640" spans="1:4" x14ac:dyDescent="0.25">
      <c r="A2640" t="s">
        <v>4098</v>
      </c>
      <c r="B2640" t="s">
        <v>4099</v>
      </c>
      <c r="C2640">
        <v>1</v>
      </c>
      <c r="D2640">
        <v>0</v>
      </c>
    </row>
    <row r="2641" spans="1:4" x14ac:dyDescent="0.25">
      <c r="A2641" t="s">
        <v>4098</v>
      </c>
      <c r="B2641" t="s">
        <v>4100</v>
      </c>
      <c r="C2641">
        <v>0</v>
      </c>
      <c r="D2641">
        <v>0</v>
      </c>
    </row>
    <row r="2642" spans="1:4" x14ac:dyDescent="0.25">
      <c r="A2642" t="s">
        <v>4101</v>
      </c>
      <c r="B2642" t="s">
        <v>4102</v>
      </c>
      <c r="C2642">
        <v>1</v>
      </c>
      <c r="D2642">
        <v>0</v>
      </c>
    </row>
    <row r="2643" spans="1:4" x14ac:dyDescent="0.25">
      <c r="A2643" t="s">
        <v>4103</v>
      </c>
      <c r="B2643" t="s">
        <v>1001</v>
      </c>
      <c r="C2643">
        <v>1</v>
      </c>
      <c r="D2643">
        <v>0</v>
      </c>
    </row>
    <row r="2644" spans="1:4" x14ac:dyDescent="0.25">
      <c r="A2644" t="s">
        <v>4104</v>
      </c>
      <c r="B2644" t="s">
        <v>4105</v>
      </c>
      <c r="C2644">
        <v>2</v>
      </c>
      <c r="D2644">
        <v>0</v>
      </c>
    </row>
    <row r="2645" spans="1:4" x14ac:dyDescent="0.25">
      <c r="A2645" t="s">
        <v>4106</v>
      </c>
      <c r="B2645" t="s">
        <v>4107</v>
      </c>
      <c r="C2645">
        <v>1</v>
      </c>
      <c r="D2645">
        <v>0</v>
      </c>
    </row>
    <row r="2646" spans="1:4" x14ac:dyDescent="0.25">
      <c r="A2646" t="s">
        <v>4108</v>
      </c>
      <c r="B2646" t="s">
        <v>4109</v>
      </c>
      <c r="C2646">
        <v>1</v>
      </c>
      <c r="D2646">
        <v>0</v>
      </c>
    </row>
    <row r="2647" spans="1:4" x14ac:dyDescent="0.25">
      <c r="A2647" t="s">
        <v>4110</v>
      </c>
      <c r="B2647" t="s">
        <v>2061</v>
      </c>
      <c r="C2647">
        <v>0</v>
      </c>
      <c r="D2647">
        <v>0</v>
      </c>
    </row>
    <row r="2648" spans="1:4" x14ac:dyDescent="0.25">
      <c r="A2648" t="s">
        <v>4111</v>
      </c>
      <c r="B2648" t="s">
        <v>969</v>
      </c>
      <c r="C2648">
        <v>0</v>
      </c>
      <c r="D2648">
        <v>0</v>
      </c>
    </row>
    <row r="2649" spans="1:4" x14ac:dyDescent="0.25">
      <c r="A2649" t="s">
        <v>4111</v>
      </c>
      <c r="B2649" t="s">
        <v>4112</v>
      </c>
      <c r="C2649">
        <v>2</v>
      </c>
      <c r="D2649">
        <v>0</v>
      </c>
    </row>
    <row r="2650" spans="1:4" x14ac:dyDescent="0.25">
      <c r="A2650" t="s">
        <v>4111</v>
      </c>
      <c r="B2650" t="s">
        <v>4113</v>
      </c>
      <c r="C2650">
        <v>2</v>
      </c>
      <c r="D2650">
        <v>0</v>
      </c>
    </row>
    <row r="2651" spans="1:4" x14ac:dyDescent="0.25">
      <c r="A2651" t="s">
        <v>4114</v>
      </c>
      <c r="B2651" t="s">
        <v>4115</v>
      </c>
      <c r="C2651">
        <v>1</v>
      </c>
      <c r="D2651">
        <v>0</v>
      </c>
    </row>
    <row r="2652" spans="1:4" x14ac:dyDescent="0.25">
      <c r="A2652" t="s">
        <v>4116</v>
      </c>
      <c r="B2652" t="s">
        <v>4117</v>
      </c>
      <c r="C2652">
        <v>0</v>
      </c>
      <c r="D2652">
        <v>0</v>
      </c>
    </row>
    <row r="2653" spans="1:4" x14ac:dyDescent="0.25">
      <c r="A2653" t="s">
        <v>4116</v>
      </c>
      <c r="B2653" t="s">
        <v>4118</v>
      </c>
      <c r="C2653">
        <v>1</v>
      </c>
      <c r="D2653">
        <v>0</v>
      </c>
    </row>
    <row r="2654" spans="1:4" x14ac:dyDescent="0.25">
      <c r="A2654" t="s">
        <v>4116</v>
      </c>
      <c r="B2654" t="s">
        <v>4119</v>
      </c>
      <c r="C2654">
        <v>1</v>
      </c>
      <c r="D2654">
        <v>0</v>
      </c>
    </row>
    <row r="2655" spans="1:4" x14ac:dyDescent="0.25">
      <c r="A2655" t="s">
        <v>4120</v>
      </c>
      <c r="B2655" t="s">
        <v>4121</v>
      </c>
      <c r="C2655">
        <v>0</v>
      </c>
      <c r="D2655">
        <v>0</v>
      </c>
    </row>
    <row r="2656" spans="1:4" x14ac:dyDescent="0.25">
      <c r="A2656" t="s">
        <v>4122</v>
      </c>
      <c r="B2656" t="s">
        <v>4123</v>
      </c>
      <c r="C2656">
        <v>2</v>
      </c>
      <c r="D2656">
        <v>0</v>
      </c>
    </row>
    <row r="2657" spans="1:4" x14ac:dyDescent="0.25">
      <c r="A2657" t="s">
        <v>4124</v>
      </c>
      <c r="B2657" t="s">
        <v>4125</v>
      </c>
      <c r="C2657">
        <v>0</v>
      </c>
      <c r="D2657">
        <v>0</v>
      </c>
    </row>
    <row r="2658" spans="1:4" x14ac:dyDescent="0.25">
      <c r="A2658" t="s">
        <v>4124</v>
      </c>
      <c r="B2658" t="s">
        <v>4126</v>
      </c>
      <c r="C2658">
        <v>2</v>
      </c>
      <c r="D2658">
        <v>0</v>
      </c>
    </row>
    <row r="2659" spans="1:4" x14ac:dyDescent="0.25">
      <c r="A2659" t="s">
        <v>4127</v>
      </c>
      <c r="B2659" t="s">
        <v>4128</v>
      </c>
      <c r="C2659">
        <v>2</v>
      </c>
      <c r="D2659">
        <v>0</v>
      </c>
    </row>
    <row r="2660" spans="1:4" x14ac:dyDescent="0.25">
      <c r="A2660" t="s">
        <v>4129</v>
      </c>
      <c r="B2660" t="s">
        <v>4130</v>
      </c>
      <c r="C2660">
        <v>1</v>
      </c>
      <c r="D2660">
        <v>0</v>
      </c>
    </row>
    <row r="2661" spans="1:4" x14ac:dyDescent="0.25">
      <c r="A2661" t="s">
        <v>4129</v>
      </c>
      <c r="B2661" t="s">
        <v>4131</v>
      </c>
      <c r="C2661">
        <v>1</v>
      </c>
      <c r="D2661">
        <v>0</v>
      </c>
    </row>
    <row r="2662" spans="1:4" x14ac:dyDescent="0.25">
      <c r="A2662" t="s">
        <v>4129</v>
      </c>
      <c r="B2662" t="s">
        <v>4132</v>
      </c>
      <c r="C2662">
        <v>0</v>
      </c>
      <c r="D2662">
        <v>0</v>
      </c>
    </row>
    <row r="2663" spans="1:4" x14ac:dyDescent="0.25">
      <c r="A2663" t="s">
        <v>4133</v>
      </c>
      <c r="B2663" t="s">
        <v>4134</v>
      </c>
      <c r="C2663">
        <v>1</v>
      </c>
      <c r="D2663">
        <v>0</v>
      </c>
    </row>
    <row r="2664" spans="1:4" x14ac:dyDescent="0.25">
      <c r="A2664" t="s">
        <v>4135</v>
      </c>
      <c r="B2664" t="s">
        <v>4136</v>
      </c>
      <c r="C2664">
        <v>1</v>
      </c>
      <c r="D2664">
        <v>0</v>
      </c>
    </row>
    <row r="2665" spans="1:4" x14ac:dyDescent="0.25">
      <c r="A2665" t="s">
        <v>4135</v>
      </c>
      <c r="B2665" t="s">
        <v>4137</v>
      </c>
      <c r="C2665">
        <v>1</v>
      </c>
      <c r="D2665">
        <v>0</v>
      </c>
    </row>
    <row r="2666" spans="1:4" x14ac:dyDescent="0.25">
      <c r="A2666" t="s">
        <v>4138</v>
      </c>
      <c r="B2666" t="s">
        <v>4139</v>
      </c>
      <c r="C2666">
        <v>1</v>
      </c>
      <c r="D2666">
        <v>0</v>
      </c>
    </row>
    <row r="2667" spans="1:4" x14ac:dyDescent="0.25">
      <c r="A2667" t="s">
        <v>4140</v>
      </c>
      <c r="B2667" t="s">
        <v>4141</v>
      </c>
      <c r="C2667">
        <v>1</v>
      </c>
      <c r="D2667">
        <v>0</v>
      </c>
    </row>
    <row r="2668" spans="1:4" x14ac:dyDescent="0.25">
      <c r="A2668" t="s">
        <v>4140</v>
      </c>
      <c r="B2668" t="s">
        <v>4142</v>
      </c>
      <c r="C2668">
        <v>2</v>
      </c>
      <c r="D2668">
        <v>0</v>
      </c>
    </row>
    <row r="2669" spans="1:4" x14ac:dyDescent="0.25">
      <c r="A2669" t="s">
        <v>4140</v>
      </c>
      <c r="B2669" t="s">
        <v>2061</v>
      </c>
      <c r="C2669">
        <v>0</v>
      </c>
      <c r="D2669">
        <v>0</v>
      </c>
    </row>
    <row r="2670" spans="1:4" x14ac:dyDescent="0.25">
      <c r="A2670" t="s">
        <v>4143</v>
      </c>
      <c r="B2670" t="s">
        <v>4144</v>
      </c>
      <c r="C2670">
        <v>1</v>
      </c>
      <c r="D2670">
        <v>0</v>
      </c>
    </row>
    <row r="2671" spans="1:4" x14ac:dyDescent="0.25">
      <c r="A2671" t="s">
        <v>4145</v>
      </c>
      <c r="B2671" t="s">
        <v>2267</v>
      </c>
      <c r="C2671">
        <v>0</v>
      </c>
      <c r="D2671">
        <v>0</v>
      </c>
    </row>
    <row r="2672" spans="1:4" x14ac:dyDescent="0.25">
      <c r="A2672" t="s">
        <v>4146</v>
      </c>
      <c r="B2672" t="s">
        <v>4147</v>
      </c>
      <c r="C2672">
        <v>1</v>
      </c>
      <c r="D2672">
        <v>0</v>
      </c>
    </row>
    <row r="2673" spans="1:4" x14ac:dyDescent="0.25">
      <c r="A2673" t="s">
        <v>4146</v>
      </c>
      <c r="B2673" t="s">
        <v>4148</v>
      </c>
      <c r="C2673">
        <v>2</v>
      </c>
      <c r="D2673">
        <v>0</v>
      </c>
    </row>
    <row r="2674" spans="1:4" x14ac:dyDescent="0.25">
      <c r="A2674" t="s">
        <v>4149</v>
      </c>
      <c r="B2674" t="s">
        <v>4150</v>
      </c>
      <c r="C2674">
        <v>2</v>
      </c>
      <c r="D2674">
        <v>0</v>
      </c>
    </row>
    <row r="2675" spans="1:4" x14ac:dyDescent="0.25">
      <c r="A2675" t="s">
        <v>4149</v>
      </c>
      <c r="B2675" t="s">
        <v>4151</v>
      </c>
      <c r="C2675">
        <v>2</v>
      </c>
      <c r="D2675">
        <v>0</v>
      </c>
    </row>
    <row r="2676" spans="1:4" x14ac:dyDescent="0.25">
      <c r="A2676" t="s">
        <v>4152</v>
      </c>
      <c r="B2676" t="s">
        <v>4153</v>
      </c>
      <c r="C2676">
        <v>0</v>
      </c>
      <c r="D2676">
        <v>0</v>
      </c>
    </row>
    <row r="2677" spans="1:4" x14ac:dyDescent="0.25">
      <c r="A2677" t="s">
        <v>4154</v>
      </c>
      <c r="B2677" t="s">
        <v>4155</v>
      </c>
      <c r="C2677">
        <v>2</v>
      </c>
      <c r="D2677">
        <v>0</v>
      </c>
    </row>
    <row r="2678" spans="1:4" x14ac:dyDescent="0.25">
      <c r="A2678" t="s">
        <v>4156</v>
      </c>
      <c r="B2678" t="s">
        <v>4157</v>
      </c>
      <c r="C2678">
        <v>1</v>
      </c>
      <c r="D2678">
        <v>0</v>
      </c>
    </row>
    <row r="2679" spans="1:4" x14ac:dyDescent="0.25">
      <c r="A2679" t="s">
        <v>4158</v>
      </c>
      <c r="B2679" t="s">
        <v>4159</v>
      </c>
      <c r="C2679">
        <v>0</v>
      </c>
      <c r="D2679">
        <v>0</v>
      </c>
    </row>
    <row r="2680" spans="1:4" x14ac:dyDescent="0.25">
      <c r="A2680" t="s">
        <v>4160</v>
      </c>
      <c r="B2680" t="s">
        <v>4161</v>
      </c>
      <c r="C2680">
        <v>2</v>
      </c>
      <c r="D2680">
        <v>0</v>
      </c>
    </row>
    <row r="2681" spans="1:4" x14ac:dyDescent="0.25">
      <c r="A2681" t="s">
        <v>4160</v>
      </c>
      <c r="B2681" t="s">
        <v>4162</v>
      </c>
      <c r="C2681">
        <v>1</v>
      </c>
      <c r="D2681">
        <v>0</v>
      </c>
    </row>
    <row r="2682" spans="1:4" x14ac:dyDescent="0.25">
      <c r="A2682" t="s">
        <v>4160</v>
      </c>
      <c r="B2682" t="s">
        <v>4163</v>
      </c>
      <c r="C2682">
        <v>2</v>
      </c>
      <c r="D2682">
        <v>0</v>
      </c>
    </row>
    <row r="2683" spans="1:4" x14ac:dyDescent="0.25">
      <c r="A2683" t="s">
        <v>4164</v>
      </c>
      <c r="B2683" t="s">
        <v>4165</v>
      </c>
      <c r="C2683">
        <v>1</v>
      </c>
      <c r="D2683">
        <v>0</v>
      </c>
    </row>
    <row r="2684" spans="1:4" x14ac:dyDescent="0.25">
      <c r="A2684" t="s">
        <v>4166</v>
      </c>
      <c r="B2684" t="s">
        <v>4167</v>
      </c>
      <c r="C2684">
        <v>1</v>
      </c>
      <c r="D2684">
        <v>0</v>
      </c>
    </row>
    <row r="2685" spans="1:4" x14ac:dyDescent="0.25">
      <c r="A2685" t="s">
        <v>4166</v>
      </c>
      <c r="B2685" t="s">
        <v>4168</v>
      </c>
      <c r="C2685">
        <v>1</v>
      </c>
      <c r="D2685">
        <v>0</v>
      </c>
    </row>
    <row r="2686" spans="1:4" x14ac:dyDescent="0.25">
      <c r="A2686" t="s">
        <v>4169</v>
      </c>
      <c r="B2686" t="s">
        <v>4170</v>
      </c>
      <c r="C2686">
        <v>0</v>
      </c>
      <c r="D2686">
        <v>0</v>
      </c>
    </row>
    <row r="2687" spans="1:4" x14ac:dyDescent="0.25">
      <c r="A2687" t="s">
        <v>4169</v>
      </c>
      <c r="B2687" t="s">
        <v>4171</v>
      </c>
      <c r="C2687">
        <v>1</v>
      </c>
      <c r="D2687">
        <v>0</v>
      </c>
    </row>
    <row r="2688" spans="1:4" x14ac:dyDescent="0.25">
      <c r="A2688" t="s">
        <v>4169</v>
      </c>
      <c r="B2688" t="s">
        <v>4172</v>
      </c>
      <c r="C2688">
        <v>1</v>
      </c>
      <c r="D2688">
        <v>0</v>
      </c>
    </row>
    <row r="2689" spans="1:4" x14ac:dyDescent="0.25">
      <c r="A2689" t="s">
        <v>4173</v>
      </c>
      <c r="B2689" t="s">
        <v>4174</v>
      </c>
      <c r="C2689">
        <v>1</v>
      </c>
      <c r="D2689">
        <v>0</v>
      </c>
    </row>
    <row r="2690" spans="1:4" x14ac:dyDescent="0.25">
      <c r="A2690" t="s">
        <v>4173</v>
      </c>
      <c r="B2690" t="s">
        <v>4175</v>
      </c>
      <c r="C2690">
        <v>1</v>
      </c>
      <c r="D2690">
        <v>0</v>
      </c>
    </row>
    <row r="2691" spans="1:4" x14ac:dyDescent="0.25">
      <c r="A2691" t="s">
        <v>4176</v>
      </c>
      <c r="B2691" t="s">
        <v>4177</v>
      </c>
      <c r="C2691">
        <v>0</v>
      </c>
      <c r="D2691">
        <v>0</v>
      </c>
    </row>
    <row r="2692" spans="1:4" x14ac:dyDescent="0.25">
      <c r="A2692" t="s">
        <v>4178</v>
      </c>
      <c r="B2692" t="s">
        <v>4179</v>
      </c>
      <c r="C2692">
        <v>1</v>
      </c>
      <c r="D2692">
        <v>0</v>
      </c>
    </row>
    <row r="2693" spans="1:4" x14ac:dyDescent="0.25">
      <c r="A2693" t="s">
        <v>4178</v>
      </c>
      <c r="B2693" t="s">
        <v>4180</v>
      </c>
      <c r="C2693">
        <v>0</v>
      </c>
      <c r="D2693">
        <v>0</v>
      </c>
    </row>
    <row r="2694" spans="1:4" x14ac:dyDescent="0.25">
      <c r="A2694" t="s">
        <v>4178</v>
      </c>
      <c r="B2694" t="s">
        <v>4181</v>
      </c>
      <c r="C2694">
        <v>0</v>
      </c>
      <c r="D2694">
        <v>0</v>
      </c>
    </row>
    <row r="2695" spans="1:4" x14ac:dyDescent="0.25">
      <c r="A2695" t="s">
        <v>4182</v>
      </c>
      <c r="B2695" t="s">
        <v>4183</v>
      </c>
      <c r="C2695">
        <v>2</v>
      </c>
      <c r="D2695">
        <v>0</v>
      </c>
    </row>
    <row r="2696" spans="1:4" x14ac:dyDescent="0.25">
      <c r="A2696" t="s">
        <v>4182</v>
      </c>
      <c r="B2696" t="s">
        <v>4184</v>
      </c>
      <c r="C2696">
        <v>0</v>
      </c>
      <c r="D2696">
        <v>0</v>
      </c>
    </row>
    <row r="2697" spans="1:4" x14ac:dyDescent="0.25">
      <c r="A2697" t="s">
        <v>4185</v>
      </c>
      <c r="B2697" t="s">
        <v>4186</v>
      </c>
      <c r="C2697">
        <v>0</v>
      </c>
      <c r="D2697">
        <v>0</v>
      </c>
    </row>
    <row r="2698" spans="1:4" x14ac:dyDescent="0.25">
      <c r="A2698" t="s">
        <v>4187</v>
      </c>
      <c r="B2698" t="s">
        <v>4188</v>
      </c>
      <c r="C2698">
        <v>0</v>
      </c>
      <c r="D2698">
        <v>0</v>
      </c>
    </row>
    <row r="2699" spans="1:4" x14ac:dyDescent="0.25">
      <c r="A2699" t="s">
        <v>4187</v>
      </c>
      <c r="B2699" t="s">
        <v>4189</v>
      </c>
      <c r="C2699">
        <v>0</v>
      </c>
      <c r="D2699">
        <v>0</v>
      </c>
    </row>
    <row r="2700" spans="1:4" x14ac:dyDescent="0.25">
      <c r="A2700" t="s">
        <v>4190</v>
      </c>
      <c r="B2700" t="s">
        <v>4191</v>
      </c>
      <c r="C2700">
        <v>2</v>
      </c>
      <c r="D2700">
        <v>0</v>
      </c>
    </row>
    <row r="2701" spans="1:4" x14ac:dyDescent="0.25">
      <c r="A2701" t="s">
        <v>4192</v>
      </c>
      <c r="B2701" t="s">
        <v>4193</v>
      </c>
      <c r="C2701">
        <v>1</v>
      </c>
      <c r="D2701">
        <v>0</v>
      </c>
    </row>
    <row r="2702" spans="1:4" x14ac:dyDescent="0.25">
      <c r="A2702" t="s">
        <v>4192</v>
      </c>
      <c r="B2702" t="s">
        <v>4194</v>
      </c>
      <c r="C2702">
        <v>0</v>
      </c>
      <c r="D2702">
        <v>0</v>
      </c>
    </row>
    <row r="2703" spans="1:4" x14ac:dyDescent="0.25">
      <c r="A2703" t="s">
        <v>4195</v>
      </c>
      <c r="B2703" t="s">
        <v>843</v>
      </c>
      <c r="C2703">
        <v>1</v>
      </c>
      <c r="D2703">
        <v>0</v>
      </c>
    </row>
    <row r="2704" spans="1:4" x14ac:dyDescent="0.25">
      <c r="A2704" t="s">
        <v>4196</v>
      </c>
      <c r="B2704" t="s">
        <v>4197</v>
      </c>
      <c r="C2704">
        <v>1</v>
      </c>
      <c r="D2704">
        <v>0</v>
      </c>
    </row>
    <row r="2705" spans="1:4" x14ac:dyDescent="0.25">
      <c r="A2705" t="s">
        <v>4196</v>
      </c>
      <c r="B2705" t="s">
        <v>4198</v>
      </c>
      <c r="C2705">
        <v>0</v>
      </c>
      <c r="D2705">
        <v>0</v>
      </c>
    </row>
    <row r="2706" spans="1:4" x14ac:dyDescent="0.25">
      <c r="A2706" t="s">
        <v>4196</v>
      </c>
      <c r="B2706" t="s">
        <v>4199</v>
      </c>
      <c r="C2706">
        <v>1</v>
      </c>
      <c r="D2706">
        <v>0</v>
      </c>
    </row>
    <row r="2707" spans="1:4" x14ac:dyDescent="0.25">
      <c r="A2707" t="s">
        <v>4200</v>
      </c>
      <c r="B2707" t="s">
        <v>398</v>
      </c>
      <c r="C2707">
        <v>0</v>
      </c>
      <c r="D2707">
        <v>0</v>
      </c>
    </row>
    <row r="2708" spans="1:4" x14ac:dyDescent="0.25">
      <c r="A2708" t="s">
        <v>4200</v>
      </c>
      <c r="B2708" t="s">
        <v>4201</v>
      </c>
      <c r="C2708">
        <v>0</v>
      </c>
      <c r="D2708">
        <v>0</v>
      </c>
    </row>
    <row r="2709" spans="1:4" x14ac:dyDescent="0.25">
      <c r="A2709" t="s">
        <v>4202</v>
      </c>
      <c r="B2709" t="s">
        <v>4203</v>
      </c>
      <c r="C2709">
        <v>1</v>
      </c>
      <c r="D2709">
        <v>0</v>
      </c>
    </row>
    <row r="2710" spans="1:4" x14ac:dyDescent="0.25">
      <c r="A2710" t="s">
        <v>4204</v>
      </c>
      <c r="B2710" t="s">
        <v>4205</v>
      </c>
      <c r="C2710">
        <v>2</v>
      </c>
      <c r="D2710">
        <v>0</v>
      </c>
    </row>
    <row r="2711" spans="1:4" x14ac:dyDescent="0.25">
      <c r="A2711" t="s">
        <v>4206</v>
      </c>
      <c r="B2711" t="s">
        <v>4207</v>
      </c>
      <c r="C2711">
        <v>0</v>
      </c>
      <c r="D2711">
        <v>0</v>
      </c>
    </row>
    <row r="2712" spans="1:4" x14ac:dyDescent="0.25">
      <c r="A2712" t="s">
        <v>4206</v>
      </c>
      <c r="B2712" t="s">
        <v>4208</v>
      </c>
      <c r="C2712">
        <v>0</v>
      </c>
      <c r="D2712">
        <v>0</v>
      </c>
    </row>
    <row r="2713" spans="1:4" x14ac:dyDescent="0.25">
      <c r="A2713" t="s">
        <v>4209</v>
      </c>
      <c r="B2713" t="s">
        <v>1947</v>
      </c>
      <c r="C2713">
        <v>1</v>
      </c>
      <c r="D2713">
        <v>0</v>
      </c>
    </row>
    <row r="2714" spans="1:4" x14ac:dyDescent="0.25">
      <c r="A2714" t="s">
        <v>4209</v>
      </c>
      <c r="B2714" t="s">
        <v>4210</v>
      </c>
      <c r="C2714">
        <v>0</v>
      </c>
      <c r="D2714">
        <v>0</v>
      </c>
    </row>
    <row r="2715" spans="1:4" x14ac:dyDescent="0.25">
      <c r="A2715" t="s">
        <v>4211</v>
      </c>
      <c r="B2715" t="s">
        <v>4212</v>
      </c>
      <c r="C2715">
        <v>1</v>
      </c>
      <c r="D2715">
        <v>0</v>
      </c>
    </row>
    <row r="2716" spans="1:4" x14ac:dyDescent="0.25">
      <c r="A2716" t="s">
        <v>4211</v>
      </c>
      <c r="B2716" t="s">
        <v>4213</v>
      </c>
      <c r="C2716">
        <v>2</v>
      </c>
      <c r="D2716">
        <v>0</v>
      </c>
    </row>
    <row r="2717" spans="1:4" x14ac:dyDescent="0.25">
      <c r="A2717" t="s">
        <v>4211</v>
      </c>
      <c r="B2717" t="s">
        <v>4214</v>
      </c>
      <c r="C2717">
        <v>1</v>
      </c>
      <c r="D2717">
        <v>0</v>
      </c>
    </row>
    <row r="2718" spans="1:4" x14ac:dyDescent="0.25">
      <c r="A2718" t="s">
        <v>4215</v>
      </c>
      <c r="B2718" t="s">
        <v>4216</v>
      </c>
      <c r="C2718">
        <v>0</v>
      </c>
      <c r="D2718">
        <v>0</v>
      </c>
    </row>
    <row r="2719" spans="1:4" x14ac:dyDescent="0.25">
      <c r="A2719" t="s">
        <v>4215</v>
      </c>
      <c r="B2719" t="s">
        <v>2499</v>
      </c>
      <c r="C2719">
        <v>1</v>
      </c>
      <c r="D2719">
        <v>0</v>
      </c>
    </row>
    <row r="2720" spans="1:4" x14ac:dyDescent="0.25">
      <c r="A2720" t="s">
        <v>4217</v>
      </c>
      <c r="B2720" t="s">
        <v>4218</v>
      </c>
      <c r="C2720">
        <v>2</v>
      </c>
      <c r="D2720">
        <v>0</v>
      </c>
    </row>
    <row r="2721" spans="1:4" x14ac:dyDescent="0.25">
      <c r="A2721" t="s">
        <v>4217</v>
      </c>
      <c r="B2721" t="s">
        <v>4219</v>
      </c>
      <c r="C2721">
        <v>0</v>
      </c>
      <c r="D2721">
        <v>0</v>
      </c>
    </row>
    <row r="2722" spans="1:4" x14ac:dyDescent="0.25">
      <c r="A2722" t="s">
        <v>4220</v>
      </c>
      <c r="B2722" t="s">
        <v>1246</v>
      </c>
      <c r="C2722">
        <v>0</v>
      </c>
      <c r="D2722">
        <v>0</v>
      </c>
    </row>
    <row r="2723" spans="1:4" x14ac:dyDescent="0.25">
      <c r="A2723" t="s">
        <v>4220</v>
      </c>
      <c r="B2723" t="s">
        <v>4221</v>
      </c>
      <c r="C2723">
        <v>1</v>
      </c>
      <c r="D2723">
        <v>0</v>
      </c>
    </row>
    <row r="2724" spans="1:4" x14ac:dyDescent="0.25">
      <c r="A2724" t="s">
        <v>4220</v>
      </c>
      <c r="B2724" t="s">
        <v>4222</v>
      </c>
      <c r="C2724">
        <v>1</v>
      </c>
      <c r="D2724">
        <v>0</v>
      </c>
    </row>
    <row r="2725" spans="1:4" x14ac:dyDescent="0.25">
      <c r="A2725" t="s">
        <v>4223</v>
      </c>
      <c r="B2725" t="s">
        <v>4224</v>
      </c>
      <c r="C2725">
        <v>1</v>
      </c>
      <c r="D2725">
        <v>0</v>
      </c>
    </row>
    <row r="2726" spans="1:4" x14ac:dyDescent="0.25">
      <c r="A2726" t="s">
        <v>4223</v>
      </c>
      <c r="B2726" t="s">
        <v>2267</v>
      </c>
      <c r="C2726">
        <v>0</v>
      </c>
      <c r="D2726">
        <v>0</v>
      </c>
    </row>
    <row r="2727" spans="1:4" x14ac:dyDescent="0.25">
      <c r="A2727" t="s">
        <v>4223</v>
      </c>
      <c r="B2727" t="s">
        <v>1101</v>
      </c>
      <c r="C2727">
        <v>1</v>
      </c>
      <c r="D2727">
        <v>0</v>
      </c>
    </row>
    <row r="2728" spans="1:4" x14ac:dyDescent="0.25">
      <c r="A2728" t="s">
        <v>4225</v>
      </c>
      <c r="B2728" t="s">
        <v>4226</v>
      </c>
      <c r="C2728">
        <v>1</v>
      </c>
      <c r="D2728">
        <v>0</v>
      </c>
    </row>
    <row r="2729" spans="1:4" x14ac:dyDescent="0.25">
      <c r="A2729" t="s">
        <v>4225</v>
      </c>
      <c r="B2729" t="s">
        <v>4227</v>
      </c>
      <c r="C2729">
        <v>1</v>
      </c>
      <c r="D2729">
        <v>0</v>
      </c>
    </row>
    <row r="2730" spans="1:4" x14ac:dyDescent="0.25">
      <c r="A2730" t="s">
        <v>4225</v>
      </c>
      <c r="B2730" t="s">
        <v>4228</v>
      </c>
      <c r="C2730">
        <v>1</v>
      </c>
      <c r="D2730">
        <v>0</v>
      </c>
    </row>
    <row r="2731" spans="1:4" x14ac:dyDescent="0.25">
      <c r="A2731" t="s">
        <v>4229</v>
      </c>
      <c r="B2731" t="s">
        <v>4230</v>
      </c>
      <c r="C2731">
        <v>0</v>
      </c>
      <c r="D2731">
        <v>0</v>
      </c>
    </row>
    <row r="2732" spans="1:4" x14ac:dyDescent="0.25">
      <c r="A2732" t="s">
        <v>4229</v>
      </c>
      <c r="B2732" t="s">
        <v>4231</v>
      </c>
      <c r="C2732">
        <v>0</v>
      </c>
      <c r="D2732">
        <v>0</v>
      </c>
    </row>
    <row r="2733" spans="1:4" x14ac:dyDescent="0.25">
      <c r="A2733" t="s">
        <v>4229</v>
      </c>
      <c r="B2733" t="s">
        <v>4232</v>
      </c>
      <c r="C2733">
        <v>0</v>
      </c>
      <c r="D2733">
        <v>0</v>
      </c>
    </row>
    <row r="2734" spans="1:4" x14ac:dyDescent="0.25">
      <c r="A2734" t="s">
        <v>4233</v>
      </c>
      <c r="B2734" t="s">
        <v>4234</v>
      </c>
      <c r="C2734">
        <v>1</v>
      </c>
      <c r="D2734">
        <v>0</v>
      </c>
    </row>
    <row r="2735" spans="1:4" x14ac:dyDescent="0.25">
      <c r="A2735" t="s">
        <v>4235</v>
      </c>
      <c r="B2735" t="s">
        <v>4236</v>
      </c>
      <c r="C2735">
        <v>1</v>
      </c>
      <c r="D2735">
        <v>0</v>
      </c>
    </row>
    <row r="2736" spans="1:4" x14ac:dyDescent="0.25">
      <c r="A2736" t="s">
        <v>4235</v>
      </c>
      <c r="B2736" t="s">
        <v>852</v>
      </c>
      <c r="C2736">
        <v>0</v>
      </c>
      <c r="D2736">
        <v>0</v>
      </c>
    </row>
    <row r="2737" spans="1:4" x14ac:dyDescent="0.25">
      <c r="A2737" t="s">
        <v>4237</v>
      </c>
      <c r="B2737" t="s">
        <v>4238</v>
      </c>
      <c r="C2737">
        <v>1</v>
      </c>
      <c r="D2737">
        <v>0</v>
      </c>
    </row>
    <row r="2738" spans="1:4" x14ac:dyDescent="0.25">
      <c r="A2738" t="s">
        <v>4237</v>
      </c>
      <c r="B2738" t="s">
        <v>4239</v>
      </c>
      <c r="C2738">
        <v>2</v>
      </c>
      <c r="D2738">
        <v>0</v>
      </c>
    </row>
    <row r="2739" spans="1:4" x14ac:dyDescent="0.25">
      <c r="A2739" t="s">
        <v>4237</v>
      </c>
      <c r="B2739" t="s">
        <v>4240</v>
      </c>
      <c r="C2739">
        <v>0</v>
      </c>
      <c r="D2739">
        <v>0</v>
      </c>
    </row>
    <row r="2740" spans="1:4" x14ac:dyDescent="0.25">
      <c r="A2740" t="s">
        <v>4241</v>
      </c>
      <c r="B2740" t="s">
        <v>398</v>
      </c>
      <c r="C2740">
        <v>0</v>
      </c>
      <c r="D2740">
        <v>0</v>
      </c>
    </row>
    <row r="2741" spans="1:4" x14ac:dyDescent="0.25">
      <c r="A2741" t="s">
        <v>4241</v>
      </c>
      <c r="B2741" t="s">
        <v>843</v>
      </c>
      <c r="C2741">
        <v>1</v>
      </c>
      <c r="D2741">
        <v>0</v>
      </c>
    </row>
    <row r="2742" spans="1:4" x14ac:dyDescent="0.25">
      <c r="A2742" t="s">
        <v>4242</v>
      </c>
      <c r="B2742" t="s">
        <v>4243</v>
      </c>
      <c r="C2742">
        <v>0</v>
      </c>
      <c r="D2742">
        <v>0</v>
      </c>
    </row>
    <row r="2743" spans="1:4" x14ac:dyDescent="0.25">
      <c r="A2743" t="s">
        <v>4242</v>
      </c>
      <c r="B2743" t="s">
        <v>4244</v>
      </c>
      <c r="C2743">
        <v>2</v>
      </c>
      <c r="D2743">
        <v>0</v>
      </c>
    </row>
    <row r="2744" spans="1:4" x14ac:dyDescent="0.25">
      <c r="A2744" t="s">
        <v>4245</v>
      </c>
      <c r="B2744" t="s">
        <v>4246</v>
      </c>
      <c r="C2744">
        <v>0</v>
      </c>
      <c r="D2744">
        <v>0</v>
      </c>
    </row>
    <row r="2745" spans="1:4" x14ac:dyDescent="0.25">
      <c r="A2745" t="s">
        <v>4245</v>
      </c>
      <c r="B2745" t="s">
        <v>4247</v>
      </c>
      <c r="C2745">
        <v>0</v>
      </c>
      <c r="D2745">
        <v>0</v>
      </c>
    </row>
    <row r="2746" spans="1:4" x14ac:dyDescent="0.25">
      <c r="A2746" t="s">
        <v>4245</v>
      </c>
      <c r="B2746" t="s">
        <v>4248</v>
      </c>
      <c r="C2746">
        <v>1</v>
      </c>
      <c r="D2746">
        <v>0</v>
      </c>
    </row>
    <row r="2747" spans="1:4" x14ac:dyDescent="0.25">
      <c r="A2747" t="s">
        <v>4249</v>
      </c>
      <c r="B2747" t="s">
        <v>4250</v>
      </c>
      <c r="C2747">
        <v>0</v>
      </c>
      <c r="D2747">
        <v>0</v>
      </c>
    </row>
    <row r="2748" spans="1:4" x14ac:dyDescent="0.25">
      <c r="A2748" t="s">
        <v>4249</v>
      </c>
      <c r="B2748" t="s">
        <v>4251</v>
      </c>
      <c r="C2748">
        <v>0</v>
      </c>
      <c r="D2748">
        <v>0</v>
      </c>
    </row>
    <row r="2749" spans="1:4" x14ac:dyDescent="0.25">
      <c r="A2749" t="s">
        <v>4249</v>
      </c>
      <c r="B2749" t="s">
        <v>4252</v>
      </c>
      <c r="C2749">
        <v>0</v>
      </c>
      <c r="D2749">
        <v>0</v>
      </c>
    </row>
    <row r="2750" spans="1:4" x14ac:dyDescent="0.25">
      <c r="A2750" t="s">
        <v>4253</v>
      </c>
      <c r="B2750" t="s">
        <v>4254</v>
      </c>
      <c r="C2750">
        <v>0</v>
      </c>
      <c r="D2750">
        <v>0</v>
      </c>
    </row>
    <row r="2751" spans="1:4" x14ac:dyDescent="0.25">
      <c r="A2751" t="s">
        <v>4253</v>
      </c>
      <c r="B2751" t="s">
        <v>4255</v>
      </c>
      <c r="C2751">
        <v>1</v>
      </c>
      <c r="D2751">
        <v>0</v>
      </c>
    </row>
    <row r="2752" spans="1:4" x14ac:dyDescent="0.25">
      <c r="A2752" t="s">
        <v>4253</v>
      </c>
      <c r="B2752" t="s">
        <v>4256</v>
      </c>
      <c r="C2752">
        <v>1</v>
      </c>
      <c r="D2752">
        <v>0</v>
      </c>
    </row>
    <row r="2753" spans="1:4" x14ac:dyDescent="0.25">
      <c r="A2753" t="s">
        <v>4257</v>
      </c>
      <c r="B2753" t="s">
        <v>4258</v>
      </c>
      <c r="C2753">
        <v>1</v>
      </c>
      <c r="D2753">
        <v>0</v>
      </c>
    </row>
    <row r="2754" spans="1:4" x14ac:dyDescent="0.25">
      <c r="A2754" t="s">
        <v>4259</v>
      </c>
      <c r="B2754" t="s">
        <v>4260</v>
      </c>
      <c r="C2754">
        <v>1</v>
      </c>
      <c r="D2754">
        <v>0</v>
      </c>
    </row>
    <row r="2755" spans="1:4" x14ac:dyDescent="0.25">
      <c r="A2755" t="s">
        <v>4261</v>
      </c>
      <c r="B2755" t="s">
        <v>4262</v>
      </c>
      <c r="C2755">
        <v>0</v>
      </c>
      <c r="D2755">
        <v>0</v>
      </c>
    </row>
    <row r="2756" spans="1:4" x14ac:dyDescent="0.25">
      <c r="A2756" t="s">
        <v>4263</v>
      </c>
      <c r="B2756" t="s">
        <v>4264</v>
      </c>
      <c r="C2756">
        <v>1</v>
      </c>
      <c r="D2756">
        <v>0</v>
      </c>
    </row>
    <row r="2757" spans="1:4" x14ac:dyDescent="0.25">
      <c r="A2757" t="s">
        <v>4265</v>
      </c>
      <c r="B2757" t="s">
        <v>4266</v>
      </c>
      <c r="C2757">
        <v>1</v>
      </c>
      <c r="D2757">
        <v>0</v>
      </c>
    </row>
    <row r="2758" spans="1:4" x14ac:dyDescent="0.25">
      <c r="A2758" t="s">
        <v>4265</v>
      </c>
      <c r="B2758" t="s">
        <v>4267</v>
      </c>
      <c r="C2758">
        <v>1</v>
      </c>
      <c r="D2758">
        <v>0</v>
      </c>
    </row>
    <row r="2759" spans="1:4" x14ac:dyDescent="0.25">
      <c r="A2759" t="s">
        <v>4265</v>
      </c>
      <c r="B2759" t="s">
        <v>4268</v>
      </c>
      <c r="C2759">
        <v>1</v>
      </c>
      <c r="D2759">
        <v>0</v>
      </c>
    </row>
    <row r="2760" spans="1:4" x14ac:dyDescent="0.25">
      <c r="A2760" t="s">
        <v>4269</v>
      </c>
      <c r="B2760" t="s">
        <v>4270</v>
      </c>
      <c r="C2760">
        <v>2</v>
      </c>
      <c r="D2760">
        <v>0</v>
      </c>
    </row>
    <row r="2761" spans="1:4" x14ac:dyDescent="0.25">
      <c r="A2761" t="s">
        <v>4269</v>
      </c>
      <c r="B2761" t="s">
        <v>4271</v>
      </c>
      <c r="C2761">
        <v>2</v>
      </c>
      <c r="D2761">
        <v>0</v>
      </c>
    </row>
    <row r="2762" spans="1:4" x14ac:dyDescent="0.25">
      <c r="A2762" t="s">
        <v>4269</v>
      </c>
      <c r="B2762" t="s">
        <v>4272</v>
      </c>
      <c r="C2762">
        <v>2</v>
      </c>
      <c r="D2762">
        <v>0</v>
      </c>
    </row>
    <row r="2763" spans="1:4" x14ac:dyDescent="0.25">
      <c r="A2763" t="s">
        <v>4273</v>
      </c>
      <c r="B2763" t="s">
        <v>4274</v>
      </c>
      <c r="C2763">
        <v>1</v>
      </c>
      <c r="D2763">
        <v>0</v>
      </c>
    </row>
    <row r="2764" spans="1:4" x14ac:dyDescent="0.25">
      <c r="A2764" t="s">
        <v>4275</v>
      </c>
      <c r="B2764" t="s">
        <v>4276</v>
      </c>
      <c r="C2764">
        <v>2</v>
      </c>
      <c r="D2764">
        <v>0</v>
      </c>
    </row>
    <row r="2765" spans="1:4" x14ac:dyDescent="0.25">
      <c r="A2765" t="s">
        <v>4275</v>
      </c>
      <c r="B2765" t="s">
        <v>4277</v>
      </c>
      <c r="C2765">
        <v>2</v>
      </c>
      <c r="D2765">
        <v>0</v>
      </c>
    </row>
    <row r="2766" spans="1:4" x14ac:dyDescent="0.25">
      <c r="A2766" t="s">
        <v>4275</v>
      </c>
      <c r="B2766" t="s">
        <v>4278</v>
      </c>
      <c r="C2766">
        <v>0</v>
      </c>
      <c r="D2766">
        <v>0</v>
      </c>
    </row>
    <row r="2767" spans="1:4" x14ac:dyDescent="0.25">
      <c r="A2767" t="s">
        <v>4279</v>
      </c>
      <c r="B2767" t="s">
        <v>4280</v>
      </c>
      <c r="C2767">
        <v>1</v>
      </c>
      <c r="D2767">
        <v>0</v>
      </c>
    </row>
    <row r="2768" spans="1:4" x14ac:dyDescent="0.25">
      <c r="A2768" t="s">
        <v>4279</v>
      </c>
      <c r="B2768" t="s">
        <v>4281</v>
      </c>
      <c r="C2768">
        <v>1</v>
      </c>
      <c r="D2768">
        <v>0</v>
      </c>
    </row>
    <row r="2769" spans="1:4" x14ac:dyDescent="0.25">
      <c r="A2769" t="s">
        <v>4279</v>
      </c>
      <c r="B2769" t="s">
        <v>4282</v>
      </c>
      <c r="C2769">
        <v>1</v>
      </c>
      <c r="D2769">
        <v>0</v>
      </c>
    </row>
    <row r="2770" spans="1:4" x14ac:dyDescent="0.25">
      <c r="A2770" t="s">
        <v>4283</v>
      </c>
      <c r="B2770" t="s">
        <v>4284</v>
      </c>
      <c r="C2770">
        <v>0</v>
      </c>
      <c r="D2770">
        <v>0</v>
      </c>
    </row>
    <row r="2771" spans="1:4" x14ac:dyDescent="0.25">
      <c r="A2771" t="s">
        <v>4283</v>
      </c>
      <c r="B2771" t="s">
        <v>4285</v>
      </c>
      <c r="C2771">
        <v>2</v>
      </c>
      <c r="D2771">
        <v>0</v>
      </c>
    </row>
    <row r="2772" spans="1:4" x14ac:dyDescent="0.25">
      <c r="A2772" t="s">
        <v>4286</v>
      </c>
      <c r="B2772" t="s">
        <v>4287</v>
      </c>
      <c r="C2772">
        <v>1</v>
      </c>
      <c r="D2772">
        <v>0</v>
      </c>
    </row>
    <row r="2773" spans="1:4" x14ac:dyDescent="0.25">
      <c r="A2773" t="s">
        <v>4286</v>
      </c>
      <c r="B2773" t="s">
        <v>4288</v>
      </c>
      <c r="C2773">
        <v>0</v>
      </c>
      <c r="D2773">
        <v>0</v>
      </c>
    </row>
    <row r="2774" spans="1:4" x14ac:dyDescent="0.25">
      <c r="A2774" t="s">
        <v>4289</v>
      </c>
      <c r="B2774" t="s">
        <v>843</v>
      </c>
      <c r="C2774">
        <v>1</v>
      </c>
      <c r="D2774">
        <v>0</v>
      </c>
    </row>
    <row r="2775" spans="1:4" x14ac:dyDescent="0.25">
      <c r="A2775" t="s">
        <v>4290</v>
      </c>
      <c r="B2775" t="s">
        <v>4291</v>
      </c>
      <c r="C2775">
        <v>2</v>
      </c>
      <c r="D2775">
        <v>0</v>
      </c>
    </row>
    <row r="2776" spans="1:4" x14ac:dyDescent="0.25">
      <c r="A2776" t="s">
        <v>4290</v>
      </c>
      <c r="B2776" t="s">
        <v>4292</v>
      </c>
      <c r="C2776">
        <v>2</v>
      </c>
      <c r="D2776">
        <v>0</v>
      </c>
    </row>
    <row r="2777" spans="1:4" x14ac:dyDescent="0.25">
      <c r="A2777" t="s">
        <v>4290</v>
      </c>
      <c r="B2777" t="s">
        <v>4293</v>
      </c>
      <c r="C2777">
        <v>2</v>
      </c>
      <c r="D2777">
        <v>0</v>
      </c>
    </row>
    <row r="2778" spans="1:4" x14ac:dyDescent="0.25">
      <c r="A2778" t="s">
        <v>4294</v>
      </c>
      <c r="B2778" t="s">
        <v>4295</v>
      </c>
      <c r="C2778">
        <v>1</v>
      </c>
      <c r="D2778">
        <v>0</v>
      </c>
    </row>
    <row r="2779" spans="1:4" x14ac:dyDescent="0.25">
      <c r="A2779" t="s">
        <v>4296</v>
      </c>
      <c r="B2779" t="s">
        <v>4297</v>
      </c>
      <c r="C2779">
        <v>0</v>
      </c>
      <c r="D2779">
        <v>0</v>
      </c>
    </row>
    <row r="2780" spans="1:4" x14ac:dyDescent="0.25">
      <c r="A2780" t="s">
        <v>4298</v>
      </c>
      <c r="B2780" t="s">
        <v>4299</v>
      </c>
      <c r="C2780">
        <v>0</v>
      </c>
      <c r="D2780">
        <v>0</v>
      </c>
    </row>
    <row r="2781" spans="1:4" x14ac:dyDescent="0.25">
      <c r="A2781" t="s">
        <v>4300</v>
      </c>
      <c r="B2781" t="s">
        <v>4301</v>
      </c>
      <c r="C2781">
        <v>0</v>
      </c>
      <c r="D2781">
        <v>0</v>
      </c>
    </row>
    <row r="2782" spans="1:4" x14ac:dyDescent="0.25">
      <c r="A2782" t="s">
        <v>4302</v>
      </c>
      <c r="B2782" t="s">
        <v>4303</v>
      </c>
      <c r="C2782">
        <v>0</v>
      </c>
      <c r="D2782">
        <v>0</v>
      </c>
    </row>
    <row r="2783" spans="1:4" x14ac:dyDescent="0.25">
      <c r="A2783" t="s">
        <v>4304</v>
      </c>
      <c r="B2783" t="s">
        <v>4305</v>
      </c>
      <c r="C2783">
        <v>0</v>
      </c>
      <c r="D2783">
        <v>0</v>
      </c>
    </row>
    <row r="2784" spans="1:4" x14ac:dyDescent="0.25">
      <c r="A2784" t="s">
        <v>4304</v>
      </c>
      <c r="B2784" t="s">
        <v>4306</v>
      </c>
      <c r="C2784">
        <v>1</v>
      </c>
      <c r="D2784">
        <v>0</v>
      </c>
    </row>
    <row r="2785" spans="1:4" x14ac:dyDescent="0.25">
      <c r="A2785" t="s">
        <v>4307</v>
      </c>
      <c r="B2785" t="s">
        <v>4308</v>
      </c>
      <c r="C2785">
        <v>0</v>
      </c>
      <c r="D2785">
        <v>0</v>
      </c>
    </row>
    <row r="2786" spans="1:4" x14ac:dyDescent="0.25">
      <c r="A2786" t="s">
        <v>4307</v>
      </c>
      <c r="B2786" t="s">
        <v>4309</v>
      </c>
      <c r="C2786">
        <v>1</v>
      </c>
      <c r="D2786">
        <v>0</v>
      </c>
    </row>
    <row r="2787" spans="1:4" x14ac:dyDescent="0.25">
      <c r="A2787" t="s">
        <v>4310</v>
      </c>
      <c r="B2787" t="s">
        <v>852</v>
      </c>
      <c r="C2787">
        <v>0</v>
      </c>
      <c r="D2787">
        <v>0</v>
      </c>
    </row>
    <row r="2788" spans="1:4" x14ac:dyDescent="0.25">
      <c r="A2788" t="s">
        <v>4311</v>
      </c>
      <c r="B2788" t="s">
        <v>852</v>
      </c>
      <c r="C2788">
        <v>0</v>
      </c>
      <c r="D2788">
        <v>0</v>
      </c>
    </row>
    <row r="2789" spans="1:4" x14ac:dyDescent="0.25">
      <c r="A2789" t="s">
        <v>4312</v>
      </c>
      <c r="B2789" t="s">
        <v>4313</v>
      </c>
      <c r="C2789">
        <v>1</v>
      </c>
      <c r="D2789">
        <v>0</v>
      </c>
    </row>
    <row r="2790" spans="1:4" x14ac:dyDescent="0.25">
      <c r="A2790" t="s">
        <v>4312</v>
      </c>
      <c r="B2790" t="s">
        <v>4314</v>
      </c>
      <c r="C2790">
        <v>1</v>
      </c>
      <c r="D2790">
        <v>0</v>
      </c>
    </row>
    <row r="2791" spans="1:4" x14ac:dyDescent="0.25">
      <c r="A2791" t="s">
        <v>4315</v>
      </c>
      <c r="B2791" t="s">
        <v>4316</v>
      </c>
      <c r="C2791">
        <v>1</v>
      </c>
      <c r="D2791">
        <v>0</v>
      </c>
    </row>
    <row r="2792" spans="1:4" x14ac:dyDescent="0.25">
      <c r="A2792" t="s">
        <v>4315</v>
      </c>
      <c r="B2792" t="s">
        <v>4317</v>
      </c>
      <c r="C2792">
        <v>0</v>
      </c>
      <c r="D2792">
        <v>0</v>
      </c>
    </row>
    <row r="2793" spans="1:4" x14ac:dyDescent="0.25">
      <c r="A2793" t="s">
        <v>4318</v>
      </c>
      <c r="B2793" t="s">
        <v>4319</v>
      </c>
      <c r="C2793">
        <v>2</v>
      </c>
      <c r="D2793">
        <v>0</v>
      </c>
    </row>
    <row r="2794" spans="1:4" x14ac:dyDescent="0.25">
      <c r="A2794" t="s">
        <v>4320</v>
      </c>
      <c r="B2794" t="s">
        <v>4321</v>
      </c>
      <c r="C2794">
        <v>2</v>
      </c>
      <c r="D2794">
        <v>0</v>
      </c>
    </row>
    <row r="2795" spans="1:4" x14ac:dyDescent="0.25">
      <c r="A2795" t="s">
        <v>4322</v>
      </c>
      <c r="B2795" t="s">
        <v>4323</v>
      </c>
      <c r="C2795">
        <v>1</v>
      </c>
      <c r="D2795">
        <v>0</v>
      </c>
    </row>
    <row r="2796" spans="1:4" x14ac:dyDescent="0.25">
      <c r="A2796" t="s">
        <v>4324</v>
      </c>
      <c r="B2796" t="s">
        <v>4325</v>
      </c>
      <c r="C2796">
        <v>0</v>
      </c>
      <c r="D2796">
        <v>0</v>
      </c>
    </row>
    <row r="2797" spans="1:4" x14ac:dyDescent="0.25">
      <c r="A2797" t="s">
        <v>4326</v>
      </c>
      <c r="B2797" t="s">
        <v>4327</v>
      </c>
      <c r="C2797">
        <v>2</v>
      </c>
      <c r="D2797">
        <v>0</v>
      </c>
    </row>
    <row r="2798" spans="1:4" x14ac:dyDescent="0.25">
      <c r="A2798" t="s">
        <v>4326</v>
      </c>
      <c r="B2798" t="s">
        <v>4328</v>
      </c>
      <c r="C2798">
        <v>0</v>
      </c>
      <c r="D2798">
        <v>0</v>
      </c>
    </row>
    <row r="2799" spans="1:4" x14ac:dyDescent="0.25">
      <c r="A2799" t="s">
        <v>4326</v>
      </c>
      <c r="B2799" t="s">
        <v>4329</v>
      </c>
      <c r="C2799">
        <v>2</v>
      </c>
      <c r="D2799">
        <v>0</v>
      </c>
    </row>
    <row r="2800" spans="1:4" x14ac:dyDescent="0.25">
      <c r="A2800" t="s">
        <v>4330</v>
      </c>
      <c r="B2800" t="s">
        <v>4331</v>
      </c>
      <c r="C2800">
        <v>2</v>
      </c>
      <c r="D2800">
        <v>0</v>
      </c>
    </row>
    <row r="2801" spans="1:4" x14ac:dyDescent="0.25">
      <c r="A2801" t="s">
        <v>4332</v>
      </c>
      <c r="B2801" t="s">
        <v>1938</v>
      </c>
      <c r="C2801">
        <v>0</v>
      </c>
      <c r="D2801">
        <v>0</v>
      </c>
    </row>
    <row r="2802" spans="1:4" x14ac:dyDescent="0.25">
      <c r="A2802" t="s">
        <v>4333</v>
      </c>
      <c r="B2802" t="s">
        <v>4334</v>
      </c>
      <c r="C2802">
        <v>1</v>
      </c>
      <c r="D2802">
        <v>0</v>
      </c>
    </row>
    <row r="2803" spans="1:4" x14ac:dyDescent="0.25">
      <c r="A2803" t="s">
        <v>4333</v>
      </c>
      <c r="B2803" t="s">
        <v>4335</v>
      </c>
      <c r="C2803">
        <v>0</v>
      </c>
      <c r="D2803">
        <v>0</v>
      </c>
    </row>
    <row r="2804" spans="1:4" x14ac:dyDescent="0.25">
      <c r="A2804" t="s">
        <v>4336</v>
      </c>
      <c r="B2804" t="s">
        <v>4337</v>
      </c>
      <c r="C2804">
        <v>0</v>
      </c>
      <c r="D2804">
        <v>0</v>
      </c>
    </row>
    <row r="2805" spans="1:4" x14ac:dyDescent="0.25">
      <c r="A2805" t="s">
        <v>4336</v>
      </c>
      <c r="B2805" t="s">
        <v>4338</v>
      </c>
      <c r="C2805">
        <v>1</v>
      </c>
      <c r="D2805">
        <v>0</v>
      </c>
    </row>
    <row r="2806" spans="1:4" x14ac:dyDescent="0.25">
      <c r="A2806" t="s">
        <v>4336</v>
      </c>
      <c r="B2806" t="s">
        <v>4339</v>
      </c>
      <c r="C2806">
        <v>2</v>
      </c>
      <c r="D2806">
        <v>0</v>
      </c>
    </row>
    <row r="2807" spans="1:4" x14ac:dyDescent="0.25">
      <c r="A2807" t="s">
        <v>4340</v>
      </c>
      <c r="B2807" t="s">
        <v>4341</v>
      </c>
      <c r="C2807">
        <v>2</v>
      </c>
      <c r="D2807">
        <v>0</v>
      </c>
    </row>
    <row r="2808" spans="1:4" x14ac:dyDescent="0.25">
      <c r="A2808" t="s">
        <v>4340</v>
      </c>
      <c r="B2808" t="s">
        <v>1580</v>
      </c>
      <c r="C2808">
        <v>1</v>
      </c>
      <c r="D2808">
        <v>0</v>
      </c>
    </row>
    <row r="2809" spans="1:4" x14ac:dyDescent="0.25">
      <c r="A2809" t="s">
        <v>4342</v>
      </c>
      <c r="B2809" t="s">
        <v>1769</v>
      </c>
      <c r="C2809">
        <v>1</v>
      </c>
      <c r="D2809">
        <v>0</v>
      </c>
    </row>
    <row r="2810" spans="1:4" x14ac:dyDescent="0.25">
      <c r="A2810" t="s">
        <v>4343</v>
      </c>
      <c r="B2810" t="s">
        <v>4344</v>
      </c>
      <c r="C2810">
        <v>1</v>
      </c>
      <c r="D2810">
        <v>0</v>
      </c>
    </row>
    <row r="2811" spans="1:4" x14ac:dyDescent="0.25">
      <c r="A2811" t="s">
        <v>4343</v>
      </c>
      <c r="B2811" t="s">
        <v>4345</v>
      </c>
      <c r="C2811">
        <v>1</v>
      </c>
      <c r="D2811">
        <v>0</v>
      </c>
    </row>
    <row r="2812" spans="1:4" x14ac:dyDescent="0.25">
      <c r="A2812" t="s">
        <v>4343</v>
      </c>
      <c r="B2812" t="s">
        <v>4346</v>
      </c>
      <c r="C2812">
        <v>1</v>
      </c>
      <c r="D2812">
        <v>0</v>
      </c>
    </row>
    <row r="2813" spans="1:4" x14ac:dyDescent="0.25">
      <c r="A2813" t="s">
        <v>4347</v>
      </c>
      <c r="B2813" t="s">
        <v>4348</v>
      </c>
      <c r="C2813">
        <v>1</v>
      </c>
      <c r="D2813">
        <v>0</v>
      </c>
    </row>
    <row r="2814" spans="1:4" x14ac:dyDescent="0.25">
      <c r="A2814" t="s">
        <v>4347</v>
      </c>
      <c r="B2814" t="s">
        <v>4349</v>
      </c>
      <c r="C2814">
        <v>1</v>
      </c>
      <c r="D2814">
        <v>0</v>
      </c>
    </row>
    <row r="2815" spans="1:4" x14ac:dyDescent="0.25">
      <c r="A2815" t="s">
        <v>4347</v>
      </c>
      <c r="B2815" t="s">
        <v>1526</v>
      </c>
      <c r="C2815">
        <v>1</v>
      </c>
      <c r="D2815">
        <v>0</v>
      </c>
    </row>
    <row r="2816" spans="1:4" x14ac:dyDescent="0.25">
      <c r="A2816" t="s">
        <v>4350</v>
      </c>
      <c r="B2816" t="s">
        <v>4351</v>
      </c>
      <c r="C2816">
        <v>0</v>
      </c>
      <c r="D2816">
        <v>0</v>
      </c>
    </row>
    <row r="2817" spans="1:4" x14ac:dyDescent="0.25">
      <c r="A2817" t="s">
        <v>4352</v>
      </c>
      <c r="B2817" t="s">
        <v>4353</v>
      </c>
      <c r="C2817">
        <v>0</v>
      </c>
      <c r="D2817">
        <v>0</v>
      </c>
    </row>
    <row r="2818" spans="1:4" x14ac:dyDescent="0.25">
      <c r="A2818" t="s">
        <v>4352</v>
      </c>
      <c r="B2818" t="s">
        <v>4354</v>
      </c>
      <c r="C2818">
        <v>0</v>
      </c>
      <c r="D2818">
        <v>0</v>
      </c>
    </row>
    <row r="2819" spans="1:4" x14ac:dyDescent="0.25">
      <c r="A2819" t="s">
        <v>4355</v>
      </c>
      <c r="B2819" t="s">
        <v>4356</v>
      </c>
      <c r="C2819">
        <v>2</v>
      </c>
      <c r="D2819">
        <v>0</v>
      </c>
    </row>
    <row r="2820" spans="1:4" x14ac:dyDescent="0.25">
      <c r="A2820" t="s">
        <v>4355</v>
      </c>
      <c r="B2820" t="s">
        <v>4357</v>
      </c>
      <c r="C2820">
        <v>0</v>
      </c>
      <c r="D2820">
        <v>0</v>
      </c>
    </row>
    <row r="2821" spans="1:4" x14ac:dyDescent="0.25">
      <c r="A2821" t="s">
        <v>4358</v>
      </c>
      <c r="B2821" t="s">
        <v>4359</v>
      </c>
      <c r="C2821">
        <v>2</v>
      </c>
      <c r="D2821">
        <v>0</v>
      </c>
    </row>
    <row r="2822" spans="1:4" x14ac:dyDescent="0.25">
      <c r="A2822" t="s">
        <v>4360</v>
      </c>
      <c r="B2822" t="s">
        <v>4361</v>
      </c>
      <c r="C2822">
        <v>1</v>
      </c>
      <c r="D2822">
        <v>0</v>
      </c>
    </row>
    <row r="2823" spans="1:4" x14ac:dyDescent="0.25">
      <c r="A2823" t="s">
        <v>4362</v>
      </c>
      <c r="B2823" t="s">
        <v>1499</v>
      </c>
      <c r="C2823">
        <v>1</v>
      </c>
      <c r="D2823">
        <v>0</v>
      </c>
    </row>
    <row r="2824" spans="1:4" x14ac:dyDescent="0.25">
      <c r="A2824" t="s">
        <v>4363</v>
      </c>
      <c r="B2824" t="s">
        <v>1001</v>
      </c>
      <c r="C2824">
        <v>1</v>
      </c>
      <c r="D2824">
        <v>0</v>
      </c>
    </row>
    <row r="2825" spans="1:4" x14ac:dyDescent="0.25">
      <c r="A2825" t="s">
        <v>4364</v>
      </c>
      <c r="B2825" t="s">
        <v>4365</v>
      </c>
      <c r="C2825">
        <v>2</v>
      </c>
      <c r="D2825">
        <v>0</v>
      </c>
    </row>
    <row r="2826" spans="1:4" x14ac:dyDescent="0.25">
      <c r="A2826" t="s">
        <v>4366</v>
      </c>
      <c r="B2826" t="s">
        <v>3703</v>
      </c>
      <c r="C2826">
        <v>1</v>
      </c>
      <c r="D2826">
        <v>0</v>
      </c>
    </row>
    <row r="2827" spans="1:4" x14ac:dyDescent="0.25">
      <c r="A2827" t="s">
        <v>4367</v>
      </c>
      <c r="B2827" t="s">
        <v>2061</v>
      </c>
      <c r="C2827">
        <v>0</v>
      </c>
      <c r="D2827">
        <v>0</v>
      </c>
    </row>
    <row r="2828" spans="1:4" x14ac:dyDescent="0.25">
      <c r="A2828" t="s">
        <v>4368</v>
      </c>
      <c r="B2828" t="s">
        <v>4369</v>
      </c>
      <c r="C2828">
        <v>1</v>
      </c>
      <c r="D2828">
        <v>0</v>
      </c>
    </row>
    <row r="2829" spans="1:4" x14ac:dyDescent="0.25">
      <c r="A2829" t="s">
        <v>4370</v>
      </c>
      <c r="B2829" t="s">
        <v>843</v>
      </c>
      <c r="C2829">
        <v>1</v>
      </c>
      <c r="D2829">
        <v>0</v>
      </c>
    </row>
    <row r="2830" spans="1:4" x14ac:dyDescent="0.25">
      <c r="A2830" t="s">
        <v>4371</v>
      </c>
      <c r="B2830" t="s">
        <v>4372</v>
      </c>
      <c r="C2830">
        <v>1</v>
      </c>
      <c r="D2830">
        <v>0</v>
      </c>
    </row>
    <row r="2831" spans="1:4" x14ac:dyDescent="0.25">
      <c r="A2831" t="s">
        <v>4371</v>
      </c>
      <c r="B2831" t="s">
        <v>4373</v>
      </c>
      <c r="C2831">
        <v>0</v>
      </c>
      <c r="D2831">
        <v>0</v>
      </c>
    </row>
    <row r="2832" spans="1:4" x14ac:dyDescent="0.25">
      <c r="A2832" t="s">
        <v>4371</v>
      </c>
      <c r="B2832" t="s">
        <v>4374</v>
      </c>
      <c r="C2832">
        <v>0</v>
      </c>
      <c r="D2832">
        <v>0</v>
      </c>
    </row>
    <row r="2833" spans="1:4" x14ac:dyDescent="0.25">
      <c r="A2833" t="s">
        <v>4375</v>
      </c>
      <c r="B2833" t="s">
        <v>4376</v>
      </c>
      <c r="C2833">
        <v>1</v>
      </c>
      <c r="D2833">
        <v>0</v>
      </c>
    </row>
    <row r="2834" spans="1:4" x14ac:dyDescent="0.25">
      <c r="A2834" t="s">
        <v>4377</v>
      </c>
      <c r="B2834" t="s">
        <v>4378</v>
      </c>
      <c r="C2834">
        <v>1</v>
      </c>
      <c r="D2834">
        <v>0</v>
      </c>
    </row>
    <row r="2835" spans="1:4" x14ac:dyDescent="0.25">
      <c r="A2835" t="s">
        <v>4377</v>
      </c>
      <c r="B2835" t="s">
        <v>4379</v>
      </c>
      <c r="C2835">
        <v>2</v>
      </c>
      <c r="D2835">
        <v>0</v>
      </c>
    </row>
    <row r="2836" spans="1:4" x14ac:dyDescent="0.25">
      <c r="A2836" t="s">
        <v>4380</v>
      </c>
      <c r="B2836" t="s">
        <v>4381</v>
      </c>
      <c r="C2836">
        <v>1</v>
      </c>
      <c r="D2836">
        <v>0</v>
      </c>
    </row>
    <row r="2837" spans="1:4" x14ac:dyDescent="0.25">
      <c r="A2837" t="s">
        <v>4380</v>
      </c>
      <c r="B2837" t="s">
        <v>4382</v>
      </c>
      <c r="C2837">
        <v>0</v>
      </c>
      <c r="D2837">
        <v>0</v>
      </c>
    </row>
    <row r="2838" spans="1:4" x14ac:dyDescent="0.25">
      <c r="A2838" t="s">
        <v>4383</v>
      </c>
      <c r="B2838" t="s">
        <v>4384</v>
      </c>
      <c r="C2838">
        <v>1</v>
      </c>
      <c r="D2838">
        <v>0</v>
      </c>
    </row>
    <row r="2839" spans="1:4" x14ac:dyDescent="0.25">
      <c r="A2839" t="s">
        <v>4385</v>
      </c>
      <c r="B2839" t="s">
        <v>1877</v>
      </c>
      <c r="C2839">
        <v>0</v>
      </c>
      <c r="D2839">
        <v>0</v>
      </c>
    </row>
    <row r="2840" spans="1:4" x14ac:dyDescent="0.25">
      <c r="A2840" t="s">
        <v>4386</v>
      </c>
      <c r="B2840" t="s">
        <v>4387</v>
      </c>
      <c r="C2840">
        <v>0</v>
      </c>
      <c r="D2840">
        <v>0</v>
      </c>
    </row>
    <row r="2841" spans="1:4" x14ac:dyDescent="0.25">
      <c r="A2841" t="s">
        <v>4386</v>
      </c>
      <c r="B2841" t="s">
        <v>4388</v>
      </c>
      <c r="C2841">
        <v>0</v>
      </c>
      <c r="D2841">
        <v>0</v>
      </c>
    </row>
    <row r="2842" spans="1:4" x14ac:dyDescent="0.25">
      <c r="A2842" t="s">
        <v>4386</v>
      </c>
      <c r="B2842" t="s">
        <v>4389</v>
      </c>
      <c r="C2842">
        <v>1</v>
      </c>
      <c r="D2842">
        <v>0</v>
      </c>
    </row>
    <row r="2843" spans="1:4" x14ac:dyDescent="0.25">
      <c r="A2843" t="s">
        <v>4390</v>
      </c>
      <c r="B2843" t="s">
        <v>1570</v>
      </c>
      <c r="C2843">
        <v>1</v>
      </c>
      <c r="D2843">
        <v>0</v>
      </c>
    </row>
    <row r="2844" spans="1:4" x14ac:dyDescent="0.25">
      <c r="A2844" t="s">
        <v>4391</v>
      </c>
      <c r="B2844" t="s">
        <v>4392</v>
      </c>
      <c r="C2844">
        <v>2</v>
      </c>
      <c r="D2844">
        <v>0</v>
      </c>
    </row>
    <row r="2845" spans="1:4" x14ac:dyDescent="0.25">
      <c r="A2845" t="s">
        <v>4391</v>
      </c>
      <c r="B2845" t="s">
        <v>4393</v>
      </c>
      <c r="C2845">
        <v>1</v>
      </c>
      <c r="D2845">
        <v>0</v>
      </c>
    </row>
    <row r="2846" spans="1:4" x14ac:dyDescent="0.25">
      <c r="A2846" t="s">
        <v>4394</v>
      </c>
      <c r="B2846" t="s">
        <v>4395</v>
      </c>
      <c r="C2846">
        <v>0</v>
      </c>
      <c r="D2846">
        <v>0</v>
      </c>
    </row>
    <row r="2847" spans="1:4" x14ac:dyDescent="0.25">
      <c r="A2847" t="s">
        <v>4396</v>
      </c>
      <c r="B2847" t="s">
        <v>4397</v>
      </c>
      <c r="C2847">
        <v>1</v>
      </c>
      <c r="D2847">
        <v>0</v>
      </c>
    </row>
    <row r="2848" spans="1:4" x14ac:dyDescent="0.25">
      <c r="A2848" t="s">
        <v>4398</v>
      </c>
      <c r="B2848" t="s">
        <v>4399</v>
      </c>
      <c r="C2848">
        <v>0</v>
      </c>
      <c r="D2848">
        <v>0</v>
      </c>
    </row>
    <row r="2849" spans="1:4" x14ac:dyDescent="0.25">
      <c r="A2849" t="s">
        <v>4400</v>
      </c>
      <c r="B2849" t="s">
        <v>4401</v>
      </c>
      <c r="C2849">
        <v>2</v>
      </c>
      <c r="D2849">
        <v>0</v>
      </c>
    </row>
    <row r="2850" spans="1:4" x14ac:dyDescent="0.25">
      <c r="A2850" t="s">
        <v>4400</v>
      </c>
      <c r="B2850" t="s">
        <v>4402</v>
      </c>
      <c r="C2850">
        <v>0</v>
      </c>
      <c r="D2850">
        <v>0</v>
      </c>
    </row>
    <row r="2851" spans="1:4" x14ac:dyDescent="0.25">
      <c r="A2851" t="s">
        <v>4403</v>
      </c>
      <c r="B2851" t="s">
        <v>4404</v>
      </c>
      <c r="C2851">
        <v>1</v>
      </c>
      <c r="D2851">
        <v>0</v>
      </c>
    </row>
    <row r="2852" spans="1:4" x14ac:dyDescent="0.25">
      <c r="A2852" t="s">
        <v>4405</v>
      </c>
      <c r="B2852" t="s">
        <v>4406</v>
      </c>
      <c r="C2852">
        <v>0</v>
      </c>
      <c r="D2852">
        <v>0</v>
      </c>
    </row>
    <row r="2853" spans="1:4" x14ac:dyDescent="0.25">
      <c r="A2853" t="s">
        <v>4407</v>
      </c>
      <c r="B2853" t="s">
        <v>4408</v>
      </c>
      <c r="C2853">
        <v>2</v>
      </c>
      <c r="D2853">
        <v>0</v>
      </c>
    </row>
    <row r="2854" spans="1:4" x14ac:dyDescent="0.25">
      <c r="A2854" t="s">
        <v>4407</v>
      </c>
      <c r="B2854" t="s">
        <v>4409</v>
      </c>
      <c r="C2854">
        <v>2</v>
      </c>
      <c r="D2854">
        <v>0</v>
      </c>
    </row>
    <row r="2855" spans="1:4" x14ac:dyDescent="0.25">
      <c r="A2855" t="s">
        <v>4410</v>
      </c>
      <c r="B2855" t="s">
        <v>4411</v>
      </c>
      <c r="C2855">
        <v>1</v>
      </c>
      <c r="D2855">
        <v>0</v>
      </c>
    </row>
    <row r="2856" spans="1:4" x14ac:dyDescent="0.25">
      <c r="A2856" t="s">
        <v>4412</v>
      </c>
      <c r="B2856" t="s">
        <v>4413</v>
      </c>
      <c r="C2856">
        <v>0</v>
      </c>
      <c r="D2856">
        <v>0</v>
      </c>
    </row>
    <row r="2857" spans="1:4" x14ac:dyDescent="0.25">
      <c r="A2857" t="s">
        <v>4412</v>
      </c>
      <c r="B2857" t="s">
        <v>4414</v>
      </c>
      <c r="C2857">
        <v>0</v>
      </c>
      <c r="D2857">
        <v>0</v>
      </c>
    </row>
    <row r="2858" spans="1:4" x14ac:dyDescent="0.25">
      <c r="A2858" t="s">
        <v>4412</v>
      </c>
      <c r="B2858" t="s">
        <v>4415</v>
      </c>
      <c r="C2858">
        <v>0</v>
      </c>
      <c r="D2858">
        <v>0</v>
      </c>
    </row>
    <row r="2859" spans="1:4" x14ac:dyDescent="0.25">
      <c r="A2859" t="s">
        <v>4416</v>
      </c>
      <c r="B2859" t="s">
        <v>2532</v>
      </c>
      <c r="C2859">
        <v>1</v>
      </c>
      <c r="D2859">
        <v>0</v>
      </c>
    </row>
    <row r="2860" spans="1:4" x14ac:dyDescent="0.25">
      <c r="A2860" t="s">
        <v>4416</v>
      </c>
      <c r="B2860" t="s">
        <v>4417</v>
      </c>
      <c r="C2860">
        <v>1</v>
      </c>
      <c r="D2860">
        <v>0</v>
      </c>
    </row>
    <row r="2861" spans="1:4" x14ac:dyDescent="0.25">
      <c r="A2861" t="s">
        <v>4418</v>
      </c>
      <c r="B2861" t="s">
        <v>4349</v>
      </c>
      <c r="C2861">
        <v>1</v>
      </c>
      <c r="D2861">
        <v>0</v>
      </c>
    </row>
    <row r="2862" spans="1:4" x14ac:dyDescent="0.25">
      <c r="A2862" t="s">
        <v>4419</v>
      </c>
      <c r="B2862" t="s">
        <v>843</v>
      </c>
      <c r="C2862">
        <v>1</v>
      </c>
      <c r="D2862">
        <v>0</v>
      </c>
    </row>
    <row r="2863" spans="1:4" x14ac:dyDescent="0.25">
      <c r="A2863" t="s">
        <v>4419</v>
      </c>
      <c r="B2863" t="s">
        <v>4420</v>
      </c>
      <c r="C2863">
        <v>2</v>
      </c>
      <c r="D2863">
        <v>0</v>
      </c>
    </row>
    <row r="2864" spans="1:4" x14ac:dyDescent="0.25">
      <c r="A2864" t="s">
        <v>4421</v>
      </c>
      <c r="B2864" t="s">
        <v>4422</v>
      </c>
      <c r="C2864">
        <v>0</v>
      </c>
      <c r="D2864">
        <v>0</v>
      </c>
    </row>
    <row r="2865" spans="1:4" x14ac:dyDescent="0.25">
      <c r="A2865" t="s">
        <v>4423</v>
      </c>
      <c r="B2865" t="s">
        <v>4424</v>
      </c>
      <c r="C2865">
        <v>0</v>
      </c>
      <c r="D2865">
        <v>0</v>
      </c>
    </row>
    <row r="2866" spans="1:4" x14ac:dyDescent="0.25">
      <c r="A2866" t="s">
        <v>4423</v>
      </c>
      <c r="B2866" t="s">
        <v>4425</v>
      </c>
      <c r="C2866">
        <v>1</v>
      </c>
      <c r="D2866">
        <v>0</v>
      </c>
    </row>
    <row r="2867" spans="1:4" x14ac:dyDescent="0.25">
      <c r="A2867" t="s">
        <v>4426</v>
      </c>
      <c r="B2867" t="s">
        <v>4427</v>
      </c>
      <c r="C2867">
        <v>1</v>
      </c>
      <c r="D2867">
        <v>0</v>
      </c>
    </row>
    <row r="2868" spans="1:4" x14ac:dyDescent="0.25">
      <c r="A2868" t="s">
        <v>4428</v>
      </c>
      <c r="B2868" t="s">
        <v>4429</v>
      </c>
      <c r="C2868">
        <v>0</v>
      </c>
      <c r="D2868">
        <v>0</v>
      </c>
    </row>
    <row r="2869" spans="1:4" x14ac:dyDescent="0.25">
      <c r="A2869" t="s">
        <v>4428</v>
      </c>
      <c r="B2869" t="s">
        <v>4430</v>
      </c>
      <c r="C2869">
        <v>0</v>
      </c>
      <c r="D2869">
        <v>0</v>
      </c>
    </row>
    <row r="2870" spans="1:4" x14ac:dyDescent="0.25">
      <c r="A2870" t="s">
        <v>4431</v>
      </c>
      <c r="B2870" t="s">
        <v>4432</v>
      </c>
      <c r="C2870">
        <v>1</v>
      </c>
      <c r="D2870">
        <v>0</v>
      </c>
    </row>
    <row r="2871" spans="1:4" x14ac:dyDescent="0.25">
      <c r="A2871" t="s">
        <v>4431</v>
      </c>
      <c r="B2871" t="s">
        <v>4433</v>
      </c>
      <c r="C2871">
        <v>0</v>
      </c>
      <c r="D2871">
        <v>0</v>
      </c>
    </row>
    <row r="2872" spans="1:4" x14ac:dyDescent="0.25">
      <c r="A2872" t="s">
        <v>4431</v>
      </c>
      <c r="B2872" t="s">
        <v>4434</v>
      </c>
      <c r="C2872">
        <v>0</v>
      </c>
      <c r="D2872">
        <v>0</v>
      </c>
    </row>
    <row r="2873" spans="1:4" x14ac:dyDescent="0.25">
      <c r="A2873" t="s">
        <v>4435</v>
      </c>
      <c r="B2873" t="s">
        <v>4436</v>
      </c>
      <c r="C2873">
        <v>1</v>
      </c>
      <c r="D2873">
        <v>0</v>
      </c>
    </row>
    <row r="2874" spans="1:4" x14ac:dyDescent="0.25">
      <c r="A2874" t="s">
        <v>4435</v>
      </c>
      <c r="B2874" t="s">
        <v>1401</v>
      </c>
      <c r="C2874">
        <v>0</v>
      </c>
      <c r="D2874">
        <v>0</v>
      </c>
    </row>
    <row r="2875" spans="1:4" x14ac:dyDescent="0.25">
      <c r="A2875" t="s">
        <v>4437</v>
      </c>
      <c r="B2875" t="s">
        <v>2825</v>
      </c>
      <c r="C2875">
        <v>1</v>
      </c>
      <c r="D2875">
        <v>0</v>
      </c>
    </row>
    <row r="2876" spans="1:4" x14ac:dyDescent="0.25">
      <c r="A2876" t="s">
        <v>4437</v>
      </c>
      <c r="B2876" t="s">
        <v>4438</v>
      </c>
      <c r="C2876">
        <v>0</v>
      </c>
      <c r="D2876">
        <v>0</v>
      </c>
    </row>
    <row r="2877" spans="1:4" x14ac:dyDescent="0.25">
      <c r="A2877" t="s">
        <v>4439</v>
      </c>
      <c r="B2877" t="s">
        <v>4440</v>
      </c>
      <c r="C2877">
        <v>2</v>
      </c>
      <c r="D2877">
        <v>0</v>
      </c>
    </row>
    <row r="2878" spans="1:4" x14ac:dyDescent="0.25">
      <c r="A2878" t="s">
        <v>4439</v>
      </c>
      <c r="B2878" t="s">
        <v>4441</v>
      </c>
      <c r="C2878">
        <v>1</v>
      </c>
      <c r="D2878">
        <v>0</v>
      </c>
    </row>
    <row r="2879" spans="1:4" x14ac:dyDescent="0.25">
      <c r="A2879" t="s">
        <v>4439</v>
      </c>
      <c r="B2879" t="s">
        <v>4442</v>
      </c>
      <c r="C2879">
        <v>1</v>
      </c>
      <c r="D2879">
        <v>0</v>
      </c>
    </row>
    <row r="2880" spans="1:4" x14ac:dyDescent="0.25">
      <c r="A2880" t="s">
        <v>4443</v>
      </c>
      <c r="B2880" t="s">
        <v>4444</v>
      </c>
      <c r="C2880">
        <v>2</v>
      </c>
      <c r="D2880">
        <v>0</v>
      </c>
    </row>
    <row r="2881" spans="1:4" x14ac:dyDescent="0.25">
      <c r="A2881" t="s">
        <v>4443</v>
      </c>
      <c r="B2881" t="s">
        <v>4445</v>
      </c>
      <c r="C2881">
        <v>0</v>
      </c>
      <c r="D2881">
        <v>0</v>
      </c>
    </row>
    <row r="2882" spans="1:4" x14ac:dyDescent="0.25">
      <c r="A2882" t="s">
        <v>4446</v>
      </c>
      <c r="B2882" t="s">
        <v>4447</v>
      </c>
      <c r="C2882">
        <v>1</v>
      </c>
      <c r="D2882">
        <v>0</v>
      </c>
    </row>
    <row r="2883" spans="1:4" x14ac:dyDescent="0.25">
      <c r="A2883" t="s">
        <v>4446</v>
      </c>
      <c r="B2883" t="s">
        <v>4448</v>
      </c>
      <c r="C2883">
        <v>2</v>
      </c>
      <c r="D2883">
        <v>0</v>
      </c>
    </row>
    <row r="2884" spans="1:4" x14ac:dyDescent="0.25">
      <c r="A2884" t="s">
        <v>4446</v>
      </c>
      <c r="B2884" t="s">
        <v>4449</v>
      </c>
      <c r="C2884">
        <v>0</v>
      </c>
      <c r="D2884">
        <v>0</v>
      </c>
    </row>
    <row r="2885" spans="1:4" x14ac:dyDescent="0.25">
      <c r="A2885" t="s">
        <v>4450</v>
      </c>
      <c r="B2885" t="s">
        <v>4451</v>
      </c>
      <c r="C2885">
        <v>1</v>
      </c>
      <c r="D2885">
        <v>0</v>
      </c>
    </row>
    <row r="2886" spans="1:4" x14ac:dyDescent="0.25">
      <c r="A2886" t="s">
        <v>4452</v>
      </c>
      <c r="B2886" t="s">
        <v>852</v>
      </c>
      <c r="C2886">
        <v>0</v>
      </c>
      <c r="D2886">
        <v>0</v>
      </c>
    </row>
    <row r="2887" spans="1:4" x14ac:dyDescent="0.25">
      <c r="A2887" t="s">
        <v>4453</v>
      </c>
      <c r="B2887" t="s">
        <v>4454</v>
      </c>
      <c r="C2887">
        <v>1</v>
      </c>
      <c r="D2887">
        <v>0</v>
      </c>
    </row>
    <row r="2888" spans="1:4" x14ac:dyDescent="0.25">
      <c r="A2888" t="s">
        <v>4455</v>
      </c>
      <c r="B2888" t="s">
        <v>4456</v>
      </c>
      <c r="C2888">
        <v>0</v>
      </c>
      <c r="D2888">
        <v>0</v>
      </c>
    </row>
    <row r="2889" spans="1:4" x14ac:dyDescent="0.25">
      <c r="A2889" t="s">
        <v>4455</v>
      </c>
      <c r="B2889" t="s">
        <v>4457</v>
      </c>
      <c r="C2889">
        <v>1</v>
      </c>
      <c r="D2889">
        <v>0</v>
      </c>
    </row>
    <row r="2890" spans="1:4" x14ac:dyDescent="0.25">
      <c r="A2890" t="s">
        <v>4458</v>
      </c>
      <c r="B2890" t="s">
        <v>4459</v>
      </c>
      <c r="C2890">
        <v>0</v>
      </c>
      <c r="D2890">
        <v>0</v>
      </c>
    </row>
    <row r="2891" spans="1:4" x14ac:dyDescent="0.25">
      <c r="A2891" t="s">
        <v>4458</v>
      </c>
      <c r="B2891" t="s">
        <v>4460</v>
      </c>
      <c r="C2891">
        <v>0</v>
      </c>
      <c r="D2891">
        <v>0</v>
      </c>
    </row>
    <row r="2892" spans="1:4" x14ac:dyDescent="0.25">
      <c r="A2892" t="s">
        <v>4461</v>
      </c>
      <c r="B2892" t="s">
        <v>4462</v>
      </c>
      <c r="C2892">
        <v>0</v>
      </c>
      <c r="D2892">
        <v>0</v>
      </c>
    </row>
    <row r="2893" spans="1:4" x14ac:dyDescent="0.25">
      <c r="A2893" t="s">
        <v>4461</v>
      </c>
      <c r="B2893" t="s">
        <v>4463</v>
      </c>
      <c r="C2893">
        <v>1</v>
      </c>
      <c r="D2893">
        <v>0</v>
      </c>
    </row>
    <row r="2894" spans="1:4" x14ac:dyDescent="0.25">
      <c r="A2894" t="s">
        <v>4464</v>
      </c>
      <c r="B2894" t="s">
        <v>4465</v>
      </c>
      <c r="C2894">
        <v>1</v>
      </c>
      <c r="D2894">
        <v>0</v>
      </c>
    </row>
    <row r="2895" spans="1:4" x14ac:dyDescent="0.25">
      <c r="A2895" t="s">
        <v>4464</v>
      </c>
      <c r="B2895" t="s">
        <v>4466</v>
      </c>
      <c r="C2895">
        <v>0</v>
      </c>
      <c r="D2895">
        <v>0</v>
      </c>
    </row>
    <row r="2896" spans="1:4" x14ac:dyDescent="0.25">
      <c r="A2896" t="s">
        <v>4467</v>
      </c>
      <c r="B2896" t="s">
        <v>4468</v>
      </c>
      <c r="C2896">
        <v>0</v>
      </c>
      <c r="D2896">
        <v>0</v>
      </c>
    </row>
    <row r="2897" spans="1:4" x14ac:dyDescent="0.25">
      <c r="A2897" t="s">
        <v>4469</v>
      </c>
      <c r="B2897" t="s">
        <v>4470</v>
      </c>
      <c r="C2897">
        <v>1</v>
      </c>
      <c r="D2897">
        <v>0</v>
      </c>
    </row>
    <row r="2898" spans="1:4" x14ac:dyDescent="0.25">
      <c r="A2898" t="s">
        <v>4469</v>
      </c>
      <c r="B2898" t="s">
        <v>4471</v>
      </c>
      <c r="C2898">
        <v>1</v>
      </c>
      <c r="D2898">
        <v>0</v>
      </c>
    </row>
    <row r="2899" spans="1:4" x14ac:dyDescent="0.25">
      <c r="A2899" t="s">
        <v>4472</v>
      </c>
      <c r="B2899" t="s">
        <v>4473</v>
      </c>
      <c r="C2899">
        <v>0</v>
      </c>
      <c r="D2899">
        <v>0</v>
      </c>
    </row>
    <row r="2900" spans="1:4" x14ac:dyDescent="0.25">
      <c r="A2900" t="s">
        <v>4472</v>
      </c>
      <c r="B2900" t="s">
        <v>4474</v>
      </c>
      <c r="C2900">
        <v>0</v>
      </c>
      <c r="D2900">
        <v>0</v>
      </c>
    </row>
    <row r="2901" spans="1:4" x14ac:dyDescent="0.25">
      <c r="A2901" t="s">
        <v>4472</v>
      </c>
      <c r="B2901" t="s">
        <v>4475</v>
      </c>
      <c r="C2901">
        <v>0</v>
      </c>
      <c r="D2901">
        <v>0</v>
      </c>
    </row>
    <row r="2902" spans="1:4" x14ac:dyDescent="0.25">
      <c r="A2902" t="s">
        <v>4476</v>
      </c>
      <c r="B2902" t="s">
        <v>4477</v>
      </c>
      <c r="C2902">
        <v>0</v>
      </c>
      <c r="D2902">
        <v>0</v>
      </c>
    </row>
    <row r="2903" spans="1:4" x14ac:dyDescent="0.25">
      <c r="A2903" t="s">
        <v>4478</v>
      </c>
      <c r="B2903" t="s">
        <v>4479</v>
      </c>
      <c r="C2903">
        <v>1</v>
      </c>
      <c r="D2903">
        <v>0</v>
      </c>
    </row>
    <row r="2904" spans="1:4" x14ac:dyDescent="0.25">
      <c r="A2904" t="s">
        <v>4478</v>
      </c>
      <c r="B2904" t="s">
        <v>4480</v>
      </c>
      <c r="C2904">
        <v>0</v>
      </c>
      <c r="D2904">
        <v>0</v>
      </c>
    </row>
    <row r="2905" spans="1:4" x14ac:dyDescent="0.25">
      <c r="A2905" t="s">
        <v>4481</v>
      </c>
      <c r="B2905" t="s">
        <v>4482</v>
      </c>
      <c r="C2905">
        <v>2</v>
      </c>
      <c r="D2905">
        <v>0</v>
      </c>
    </row>
    <row r="2906" spans="1:4" x14ac:dyDescent="0.25">
      <c r="A2906" t="s">
        <v>4481</v>
      </c>
      <c r="B2906" t="s">
        <v>4483</v>
      </c>
      <c r="C2906">
        <v>1</v>
      </c>
      <c r="D2906">
        <v>0</v>
      </c>
    </row>
    <row r="2907" spans="1:4" x14ac:dyDescent="0.25">
      <c r="A2907" t="s">
        <v>4484</v>
      </c>
      <c r="B2907" t="s">
        <v>4485</v>
      </c>
      <c r="C2907">
        <v>2</v>
      </c>
      <c r="D2907">
        <v>0</v>
      </c>
    </row>
    <row r="2908" spans="1:4" x14ac:dyDescent="0.25">
      <c r="A2908" t="s">
        <v>4484</v>
      </c>
      <c r="B2908" t="s">
        <v>4486</v>
      </c>
      <c r="C2908">
        <v>2</v>
      </c>
      <c r="D2908">
        <v>0</v>
      </c>
    </row>
    <row r="2909" spans="1:4" x14ac:dyDescent="0.25">
      <c r="A2909" t="s">
        <v>4487</v>
      </c>
      <c r="B2909" t="s">
        <v>4488</v>
      </c>
      <c r="C2909">
        <v>1</v>
      </c>
      <c r="D2909">
        <v>0</v>
      </c>
    </row>
    <row r="2910" spans="1:4" x14ac:dyDescent="0.25">
      <c r="A2910" t="s">
        <v>4489</v>
      </c>
      <c r="B2910" t="s">
        <v>4490</v>
      </c>
      <c r="C2910">
        <v>2</v>
      </c>
      <c r="D2910">
        <v>0</v>
      </c>
    </row>
    <row r="2911" spans="1:4" x14ac:dyDescent="0.25">
      <c r="A2911" t="s">
        <v>4491</v>
      </c>
      <c r="B2911" t="s">
        <v>4492</v>
      </c>
      <c r="C2911">
        <v>2</v>
      </c>
      <c r="D2911">
        <v>0</v>
      </c>
    </row>
    <row r="2912" spans="1:4" x14ac:dyDescent="0.25">
      <c r="A2912" t="s">
        <v>4491</v>
      </c>
      <c r="B2912" t="s">
        <v>4493</v>
      </c>
      <c r="C2912">
        <v>2</v>
      </c>
      <c r="D2912">
        <v>0</v>
      </c>
    </row>
    <row r="2913" spans="1:4" x14ac:dyDescent="0.25">
      <c r="A2913" t="s">
        <v>4491</v>
      </c>
      <c r="B2913" t="s">
        <v>4494</v>
      </c>
      <c r="C2913">
        <v>1</v>
      </c>
      <c r="D2913">
        <v>0</v>
      </c>
    </row>
    <row r="2914" spans="1:4" x14ac:dyDescent="0.25">
      <c r="A2914" t="s">
        <v>4495</v>
      </c>
      <c r="B2914" t="s">
        <v>4496</v>
      </c>
      <c r="C2914">
        <v>1</v>
      </c>
      <c r="D2914">
        <v>0</v>
      </c>
    </row>
    <row r="2915" spans="1:4" x14ac:dyDescent="0.25">
      <c r="A2915" t="s">
        <v>4497</v>
      </c>
      <c r="B2915" t="s">
        <v>4498</v>
      </c>
      <c r="C2915">
        <v>0</v>
      </c>
      <c r="D2915">
        <v>0</v>
      </c>
    </row>
    <row r="2916" spans="1:4" x14ac:dyDescent="0.25">
      <c r="A2916" t="s">
        <v>4499</v>
      </c>
      <c r="B2916" t="s">
        <v>2865</v>
      </c>
      <c r="C2916">
        <v>0</v>
      </c>
      <c r="D2916">
        <v>0</v>
      </c>
    </row>
    <row r="2917" spans="1:4" x14ac:dyDescent="0.25">
      <c r="A2917" t="s">
        <v>4500</v>
      </c>
      <c r="B2917" t="s">
        <v>4501</v>
      </c>
      <c r="C2917">
        <v>1</v>
      </c>
      <c r="D2917">
        <v>0</v>
      </c>
    </row>
    <row r="2918" spans="1:4" x14ac:dyDescent="0.25">
      <c r="A2918" t="s">
        <v>4502</v>
      </c>
      <c r="B2918" t="s">
        <v>4503</v>
      </c>
      <c r="C2918">
        <v>0</v>
      </c>
      <c r="D2918">
        <v>0</v>
      </c>
    </row>
    <row r="2919" spans="1:4" x14ac:dyDescent="0.25">
      <c r="A2919" t="s">
        <v>4502</v>
      </c>
      <c r="B2919" t="s">
        <v>4504</v>
      </c>
      <c r="C2919">
        <v>0</v>
      </c>
      <c r="D2919">
        <v>0</v>
      </c>
    </row>
    <row r="2920" spans="1:4" x14ac:dyDescent="0.25">
      <c r="A2920" t="s">
        <v>4505</v>
      </c>
      <c r="B2920" t="s">
        <v>4506</v>
      </c>
      <c r="C2920">
        <v>0</v>
      </c>
      <c r="D2920">
        <v>0</v>
      </c>
    </row>
    <row r="2921" spans="1:4" x14ac:dyDescent="0.25">
      <c r="A2921" t="s">
        <v>4505</v>
      </c>
      <c r="B2921" t="s">
        <v>4507</v>
      </c>
      <c r="C2921">
        <v>1</v>
      </c>
      <c r="D2921">
        <v>0</v>
      </c>
    </row>
    <row r="2922" spans="1:4" x14ac:dyDescent="0.25">
      <c r="A2922" t="s">
        <v>4505</v>
      </c>
      <c r="B2922" t="s">
        <v>4508</v>
      </c>
      <c r="C2922">
        <v>1</v>
      </c>
      <c r="D2922">
        <v>0</v>
      </c>
    </row>
    <row r="2923" spans="1:4" x14ac:dyDescent="0.25">
      <c r="A2923" t="s">
        <v>4509</v>
      </c>
      <c r="B2923" t="s">
        <v>4510</v>
      </c>
      <c r="C2923">
        <v>1</v>
      </c>
      <c r="D2923">
        <v>0</v>
      </c>
    </row>
    <row r="2924" spans="1:4" x14ac:dyDescent="0.25">
      <c r="A2924" t="s">
        <v>4509</v>
      </c>
      <c r="B2924" t="s">
        <v>4511</v>
      </c>
      <c r="C2924">
        <v>0</v>
      </c>
      <c r="D2924">
        <v>0</v>
      </c>
    </row>
    <row r="2925" spans="1:4" x14ac:dyDescent="0.25">
      <c r="A2925" t="s">
        <v>4512</v>
      </c>
      <c r="B2925" t="s">
        <v>4513</v>
      </c>
      <c r="C2925">
        <v>1</v>
      </c>
      <c r="D2925">
        <v>0</v>
      </c>
    </row>
    <row r="2926" spans="1:4" x14ac:dyDescent="0.25">
      <c r="A2926" t="s">
        <v>4514</v>
      </c>
      <c r="B2926" t="s">
        <v>4515</v>
      </c>
      <c r="C2926">
        <v>1</v>
      </c>
      <c r="D2926">
        <v>0</v>
      </c>
    </row>
    <row r="2927" spans="1:4" x14ac:dyDescent="0.25">
      <c r="A2927" t="s">
        <v>4514</v>
      </c>
      <c r="B2927" t="s">
        <v>4516</v>
      </c>
      <c r="C2927">
        <v>1</v>
      </c>
      <c r="D2927">
        <v>0</v>
      </c>
    </row>
    <row r="2928" spans="1:4" x14ac:dyDescent="0.25">
      <c r="A2928" t="s">
        <v>4517</v>
      </c>
      <c r="B2928" t="s">
        <v>4518</v>
      </c>
      <c r="C2928">
        <v>1</v>
      </c>
      <c r="D2928">
        <v>0</v>
      </c>
    </row>
    <row r="2929" spans="1:4" x14ac:dyDescent="0.25">
      <c r="A2929" t="s">
        <v>4517</v>
      </c>
      <c r="B2929" t="s">
        <v>4519</v>
      </c>
      <c r="C2929">
        <v>1</v>
      </c>
      <c r="D2929">
        <v>0</v>
      </c>
    </row>
    <row r="2930" spans="1:4" x14ac:dyDescent="0.25">
      <c r="A2930" t="s">
        <v>4517</v>
      </c>
      <c r="B2930" t="s">
        <v>4520</v>
      </c>
      <c r="C2930">
        <v>1</v>
      </c>
      <c r="D2930">
        <v>0</v>
      </c>
    </row>
    <row r="2931" spans="1:4" x14ac:dyDescent="0.25">
      <c r="A2931" t="s">
        <v>4521</v>
      </c>
      <c r="B2931" t="s">
        <v>4522</v>
      </c>
      <c r="C2931">
        <v>1</v>
      </c>
      <c r="D2931">
        <v>0</v>
      </c>
    </row>
    <row r="2932" spans="1:4" x14ac:dyDescent="0.25">
      <c r="A2932" t="s">
        <v>4523</v>
      </c>
      <c r="B2932" t="s">
        <v>4524</v>
      </c>
      <c r="C2932">
        <v>2</v>
      </c>
      <c r="D2932">
        <v>0</v>
      </c>
    </row>
    <row r="2933" spans="1:4" x14ac:dyDescent="0.25">
      <c r="A2933" t="s">
        <v>4523</v>
      </c>
      <c r="B2933" t="s">
        <v>4525</v>
      </c>
      <c r="C2933">
        <v>0</v>
      </c>
      <c r="D2933">
        <v>0</v>
      </c>
    </row>
    <row r="2934" spans="1:4" x14ac:dyDescent="0.25">
      <c r="A2934" t="s">
        <v>4523</v>
      </c>
      <c r="B2934" t="s">
        <v>4526</v>
      </c>
      <c r="C2934">
        <v>1</v>
      </c>
      <c r="D2934">
        <v>0</v>
      </c>
    </row>
    <row r="2935" spans="1:4" x14ac:dyDescent="0.25">
      <c r="A2935" t="s">
        <v>4527</v>
      </c>
      <c r="B2935" t="s">
        <v>4528</v>
      </c>
      <c r="C2935">
        <v>1</v>
      </c>
      <c r="D2935">
        <v>0</v>
      </c>
    </row>
    <row r="2936" spans="1:4" x14ac:dyDescent="0.25">
      <c r="A2936" t="s">
        <v>4527</v>
      </c>
      <c r="B2936" t="s">
        <v>4529</v>
      </c>
      <c r="C2936">
        <v>0</v>
      </c>
      <c r="D2936">
        <v>0</v>
      </c>
    </row>
    <row r="2937" spans="1:4" x14ac:dyDescent="0.25">
      <c r="A2937" t="s">
        <v>4530</v>
      </c>
      <c r="B2937" t="s">
        <v>4531</v>
      </c>
      <c r="C2937">
        <v>0</v>
      </c>
      <c r="D2937">
        <v>0</v>
      </c>
    </row>
    <row r="2938" spans="1:4" x14ac:dyDescent="0.25">
      <c r="A2938" t="s">
        <v>4532</v>
      </c>
      <c r="B2938" t="s">
        <v>4533</v>
      </c>
      <c r="C2938">
        <v>0</v>
      </c>
      <c r="D2938">
        <v>0</v>
      </c>
    </row>
    <row r="2939" spans="1:4" x14ac:dyDescent="0.25">
      <c r="A2939" t="s">
        <v>4534</v>
      </c>
      <c r="B2939" t="s">
        <v>4535</v>
      </c>
      <c r="C2939">
        <v>1</v>
      </c>
      <c r="D2939">
        <v>0</v>
      </c>
    </row>
    <row r="2940" spans="1:4" x14ac:dyDescent="0.25">
      <c r="A2940" t="s">
        <v>4536</v>
      </c>
      <c r="B2940" t="s">
        <v>1499</v>
      </c>
      <c r="C2940">
        <v>1</v>
      </c>
      <c r="D2940">
        <v>0</v>
      </c>
    </row>
    <row r="2941" spans="1:4" x14ac:dyDescent="0.25">
      <c r="A2941" t="s">
        <v>4537</v>
      </c>
      <c r="B2941" t="s">
        <v>852</v>
      </c>
      <c r="C2941">
        <v>0</v>
      </c>
      <c r="D2941">
        <v>0</v>
      </c>
    </row>
    <row r="2942" spans="1:4" x14ac:dyDescent="0.25">
      <c r="A2942" t="s">
        <v>4538</v>
      </c>
      <c r="B2942" t="s">
        <v>4539</v>
      </c>
      <c r="C2942">
        <v>0</v>
      </c>
      <c r="D2942">
        <v>0</v>
      </c>
    </row>
    <row r="2943" spans="1:4" x14ac:dyDescent="0.25">
      <c r="A2943" t="s">
        <v>4540</v>
      </c>
      <c r="B2943" t="s">
        <v>4541</v>
      </c>
      <c r="C2943">
        <v>0</v>
      </c>
      <c r="D2943">
        <v>0</v>
      </c>
    </row>
    <row r="2944" spans="1:4" x14ac:dyDescent="0.25">
      <c r="A2944" t="s">
        <v>4540</v>
      </c>
      <c r="B2944" t="s">
        <v>4542</v>
      </c>
      <c r="C2944">
        <v>0</v>
      </c>
      <c r="D2944">
        <v>0</v>
      </c>
    </row>
    <row r="2945" spans="1:4" x14ac:dyDescent="0.25">
      <c r="A2945" t="s">
        <v>4543</v>
      </c>
      <c r="B2945" t="s">
        <v>4544</v>
      </c>
      <c r="C2945">
        <v>2</v>
      </c>
      <c r="D2945">
        <v>0</v>
      </c>
    </row>
    <row r="2946" spans="1:4" x14ac:dyDescent="0.25">
      <c r="A2946" t="s">
        <v>4543</v>
      </c>
      <c r="B2946" t="s">
        <v>4545</v>
      </c>
      <c r="C2946">
        <v>2</v>
      </c>
      <c r="D2946">
        <v>0</v>
      </c>
    </row>
    <row r="2947" spans="1:4" x14ac:dyDescent="0.25">
      <c r="A2947" t="s">
        <v>4543</v>
      </c>
      <c r="B2947" t="s">
        <v>4546</v>
      </c>
      <c r="C2947">
        <v>2</v>
      </c>
      <c r="D2947">
        <v>0</v>
      </c>
    </row>
    <row r="2948" spans="1:4" x14ac:dyDescent="0.25">
      <c r="A2948" t="s">
        <v>4547</v>
      </c>
      <c r="B2948" t="s">
        <v>4548</v>
      </c>
      <c r="C2948">
        <v>0</v>
      </c>
      <c r="D2948">
        <v>0</v>
      </c>
    </row>
    <row r="2949" spans="1:4" x14ac:dyDescent="0.25">
      <c r="A2949" t="s">
        <v>4549</v>
      </c>
      <c r="B2949" t="s">
        <v>4550</v>
      </c>
      <c r="C2949">
        <v>0</v>
      </c>
      <c r="D2949">
        <v>0</v>
      </c>
    </row>
    <row r="2950" spans="1:4" x14ac:dyDescent="0.25">
      <c r="A2950" t="s">
        <v>4551</v>
      </c>
      <c r="B2950" t="s">
        <v>4552</v>
      </c>
      <c r="C2950">
        <v>1</v>
      </c>
      <c r="D2950">
        <v>0</v>
      </c>
    </row>
    <row r="2951" spans="1:4" x14ac:dyDescent="0.25">
      <c r="A2951" t="s">
        <v>4553</v>
      </c>
      <c r="B2951" t="s">
        <v>4554</v>
      </c>
      <c r="C2951">
        <v>2</v>
      </c>
      <c r="D2951">
        <v>0</v>
      </c>
    </row>
    <row r="2952" spans="1:4" x14ac:dyDescent="0.25">
      <c r="A2952" t="s">
        <v>4555</v>
      </c>
      <c r="B2952" t="s">
        <v>4556</v>
      </c>
      <c r="C2952">
        <v>0</v>
      </c>
      <c r="D2952">
        <v>0</v>
      </c>
    </row>
    <row r="2953" spans="1:4" x14ac:dyDescent="0.25">
      <c r="A2953" t="s">
        <v>4555</v>
      </c>
      <c r="B2953" t="s">
        <v>4557</v>
      </c>
      <c r="C2953">
        <v>1</v>
      </c>
      <c r="D2953">
        <v>0</v>
      </c>
    </row>
    <row r="2954" spans="1:4" x14ac:dyDescent="0.25">
      <c r="A2954" t="s">
        <v>4558</v>
      </c>
      <c r="B2954" t="s">
        <v>4559</v>
      </c>
      <c r="C2954">
        <v>1</v>
      </c>
      <c r="D2954">
        <v>0</v>
      </c>
    </row>
    <row r="2955" spans="1:4" x14ac:dyDescent="0.25">
      <c r="A2955" t="s">
        <v>4560</v>
      </c>
      <c r="B2955" t="s">
        <v>4561</v>
      </c>
      <c r="C2955">
        <v>2</v>
      </c>
      <c r="D2955">
        <v>0</v>
      </c>
    </row>
    <row r="2956" spans="1:4" x14ac:dyDescent="0.25">
      <c r="A2956" t="s">
        <v>4560</v>
      </c>
      <c r="B2956" t="s">
        <v>4562</v>
      </c>
      <c r="C2956">
        <v>1</v>
      </c>
      <c r="D2956">
        <v>0</v>
      </c>
    </row>
    <row r="2957" spans="1:4" x14ac:dyDescent="0.25">
      <c r="A2957" t="s">
        <v>4563</v>
      </c>
      <c r="B2957" t="s">
        <v>4564</v>
      </c>
      <c r="C2957">
        <v>2</v>
      </c>
      <c r="D2957">
        <v>0</v>
      </c>
    </row>
    <row r="2958" spans="1:4" x14ac:dyDescent="0.25">
      <c r="A2958" t="s">
        <v>4565</v>
      </c>
      <c r="B2958" t="s">
        <v>4566</v>
      </c>
      <c r="C2958">
        <v>0</v>
      </c>
      <c r="D2958">
        <v>0</v>
      </c>
    </row>
    <row r="2959" spans="1:4" x14ac:dyDescent="0.25">
      <c r="A2959" t="s">
        <v>4565</v>
      </c>
      <c r="B2959" t="s">
        <v>4567</v>
      </c>
      <c r="C2959">
        <v>2</v>
      </c>
      <c r="D2959">
        <v>0</v>
      </c>
    </row>
    <row r="2960" spans="1:4" x14ac:dyDescent="0.25">
      <c r="A2960" t="s">
        <v>4568</v>
      </c>
      <c r="B2960" t="s">
        <v>4569</v>
      </c>
      <c r="C2960">
        <v>1</v>
      </c>
      <c r="D2960">
        <v>0</v>
      </c>
    </row>
    <row r="2961" spans="1:4" x14ac:dyDescent="0.25">
      <c r="A2961" t="s">
        <v>4570</v>
      </c>
      <c r="B2961" t="s">
        <v>4571</v>
      </c>
      <c r="C2961">
        <v>1</v>
      </c>
      <c r="D2961">
        <v>0</v>
      </c>
    </row>
    <row r="2962" spans="1:4" x14ac:dyDescent="0.25">
      <c r="A2962" t="s">
        <v>4572</v>
      </c>
      <c r="B2962" t="s">
        <v>4573</v>
      </c>
      <c r="C2962">
        <v>0</v>
      </c>
      <c r="D2962">
        <v>0</v>
      </c>
    </row>
    <row r="2963" spans="1:4" x14ac:dyDescent="0.25">
      <c r="A2963" t="s">
        <v>4572</v>
      </c>
      <c r="B2963" t="s">
        <v>4574</v>
      </c>
      <c r="C2963">
        <v>2</v>
      </c>
      <c r="D2963">
        <v>0</v>
      </c>
    </row>
    <row r="2964" spans="1:4" x14ac:dyDescent="0.25">
      <c r="A2964" t="s">
        <v>4572</v>
      </c>
      <c r="B2964" t="s">
        <v>4575</v>
      </c>
      <c r="C2964">
        <v>2</v>
      </c>
      <c r="D2964">
        <v>0</v>
      </c>
    </row>
    <row r="2965" spans="1:4" x14ac:dyDescent="0.25">
      <c r="A2965" t="s">
        <v>4576</v>
      </c>
      <c r="B2965" t="s">
        <v>4577</v>
      </c>
      <c r="C2965">
        <v>0</v>
      </c>
      <c r="D2965">
        <v>0</v>
      </c>
    </row>
    <row r="2966" spans="1:4" x14ac:dyDescent="0.25">
      <c r="A2966" t="s">
        <v>4578</v>
      </c>
      <c r="B2966" t="s">
        <v>852</v>
      </c>
      <c r="C2966">
        <v>0</v>
      </c>
      <c r="D2966">
        <v>0</v>
      </c>
    </row>
    <row r="2967" spans="1:4" x14ac:dyDescent="0.25">
      <c r="A2967" t="s">
        <v>4578</v>
      </c>
      <c r="B2967" t="s">
        <v>1499</v>
      </c>
      <c r="C2967">
        <v>1</v>
      </c>
      <c r="D2967">
        <v>0</v>
      </c>
    </row>
    <row r="2968" spans="1:4" x14ac:dyDescent="0.25">
      <c r="A2968" t="s">
        <v>4579</v>
      </c>
      <c r="B2968" t="s">
        <v>816</v>
      </c>
      <c r="C2968">
        <v>1</v>
      </c>
      <c r="D2968">
        <v>0</v>
      </c>
    </row>
    <row r="2969" spans="1:4" x14ac:dyDescent="0.25">
      <c r="A2969" t="s">
        <v>4580</v>
      </c>
      <c r="B2969" t="s">
        <v>1499</v>
      </c>
      <c r="C2969">
        <v>1</v>
      </c>
      <c r="D2969">
        <v>0</v>
      </c>
    </row>
    <row r="2970" spans="1:4" x14ac:dyDescent="0.25">
      <c r="A2970" t="s">
        <v>4580</v>
      </c>
      <c r="B2970" t="s">
        <v>4581</v>
      </c>
      <c r="C2970">
        <v>1</v>
      </c>
      <c r="D2970">
        <v>0</v>
      </c>
    </row>
    <row r="2971" spans="1:4" x14ac:dyDescent="0.25">
      <c r="A2971" t="s">
        <v>4582</v>
      </c>
      <c r="B2971" t="s">
        <v>1294</v>
      </c>
      <c r="C2971">
        <v>1</v>
      </c>
      <c r="D2971">
        <v>0</v>
      </c>
    </row>
    <row r="2972" spans="1:4" x14ac:dyDescent="0.25">
      <c r="A2972" t="s">
        <v>4582</v>
      </c>
      <c r="B2972" t="s">
        <v>4583</v>
      </c>
      <c r="C2972">
        <v>2</v>
      </c>
      <c r="D2972">
        <v>0</v>
      </c>
    </row>
    <row r="2973" spans="1:4" x14ac:dyDescent="0.25">
      <c r="A2973" t="s">
        <v>4582</v>
      </c>
      <c r="B2973" t="s">
        <v>4584</v>
      </c>
      <c r="C2973">
        <v>2</v>
      </c>
      <c r="D2973">
        <v>0</v>
      </c>
    </row>
    <row r="2974" spans="1:4" x14ac:dyDescent="0.25">
      <c r="A2974" t="s">
        <v>4585</v>
      </c>
      <c r="B2974" t="s">
        <v>4586</v>
      </c>
      <c r="C2974">
        <v>0</v>
      </c>
      <c r="D2974">
        <v>0</v>
      </c>
    </row>
    <row r="2975" spans="1:4" x14ac:dyDescent="0.25">
      <c r="A2975" t="s">
        <v>4587</v>
      </c>
      <c r="B2975" t="s">
        <v>4588</v>
      </c>
      <c r="C2975">
        <v>1</v>
      </c>
      <c r="D2975">
        <v>0</v>
      </c>
    </row>
    <row r="2976" spans="1:4" x14ac:dyDescent="0.25">
      <c r="A2976" t="s">
        <v>4587</v>
      </c>
      <c r="B2976" t="s">
        <v>4589</v>
      </c>
      <c r="C2976">
        <v>2</v>
      </c>
      <c r="D2976">
        <v>0</v>
      </c>
    </row>
    <row r="2977" spans="1:4" x14ac:dyDescent="0.25">
      <c r="A2977" t="s">
        <v>4590</v>
      </c>
      <c r="B2977" t="s">
        <v>4591</v>
      </c>
      <c r="C2977">
        <v>0</v>
      </c>
      <c r="D2977">
        <v>0</v>
      </c>
    </row>
    <row r="2978" spans="1:4" x14ac:dyDescent="0.25">
      <c r="A2978" t="s">
        <v>4592</v>
      </c>
      <c r="B2978" t="s">
        <v>4593</v>
      </c>
      <c r="C2978">
        <v>0</v>
      </c>
      <c r="D2978">
        <v>0</v>
      </c>
    </row>
    <row r="2979" spans="1:4" x14ac:dyDescent="0.25">
      <c r="A2979" t="s">
        <v>4592</v>
      </c>
      <c r="B2979" t="s">
        <v>4594</v>
      </c>
      <c r="C2979">
        <v>1</v>
      </c>
      <c r="D2979">
        <v>0</v>
      </c>
    </row>
    <row r="2980" spans="1:4" x14ac:dyDescent="0.25">
      <c r="A2980" t="s">
        <v>4595</v>
      </c>
      <c r="B2980" t="s">
        <v>4596</v>
      </c>
      <c r="C2980">
        <v>1</v>
      </c>
      <c r="D2980">
        <v>0</v>
      </c>
    </row>
    <row r="2981" spans="1:4" x14ac:dyDescent="0.25">
      <c r="A2981" t="s">
        <v>4597</v>
      </c>
      <c r="B2981" t="s">
        <v>4598</v>
      </c>
      <c r="C2981">
        <v>1</v>
      </c>
      <c r="D2981">
        <v>0</v>
      </c>
    </row>
    <row r="2982" spans="1:4" x14ac:dyDescent="0.25">
      <c r="A2982" t="s">
        <v>4597</v>
      </c>
      <c r="B2982" t="s">
        <v>1001</v>
      </c>
      <c r="C2982">
        <v>1</v>
      </c>
      <c r="D2982">
        <v>0</v>
      </c>
    </row>
    <row r="2983" spans="1:4" x14ac:dyDescent="0.25">
      <c r="A2983" t="s">
        <v>4597</v>
      </c>
      <c r="B2983" t="s">
        <v>4599</v>
      </c>
      <c r="C2983">
        <v>0</v>
      </c>
      <c r="D2983">
        <v>0</v>
      </c>
    </row>
    <row r="2984" spans="1:4" x14ac:dyDescent="0.25">
      <c r="A2984" t="s">
        <v>4600</v>
      </c>
      <c r="B2984" t="s">
        <v>4601</v>
      </c>
      <c r="C2984">
        <v>2</v>
      </c>
      <c r="D2984">
        <v>0</v>
      </c>
    </row>
    <row r="2985" spans="1:4" x14ac:dyDescent="0.25">
      <c r="A2985" t="s">
        <v>4600</v>
      </c>
      <c r="B2985" t="s">
        <v>4602</v>
      </c>
      <c r="C2985">
        <v>1</v>
      </c>
      <c r="D2985">
        <v>0</v>
      </c>
    </row>
    <row r="2986" spans="1:4" x14ac:dyDescent="0.25">
      <c r="A2986" t="s">
        <v>4603</v>
      </c>
      <c r="B2986" t="s">
        <v>1001</v>
      </c>
      <c r="C2986">
        <v>1</v>
      </c>
      <c r="D2986">
        <v>0</v>
      </c>
    </row>
    <row r="2987" spans="1:4" x14ac:dyDescent="0.25">
      <c r="A2987" t="s">
        <v>4603</v>
      </c>
      <c r="B2987" t="s">
        <v>4604</v>
      </c>
      <c r="C2987">
        <v>0</v>
      </c>
      <c r="D2987">
        <v>0</v>
      </c>
    </row>
    <row r="2988" spans="1:4" x14ac:dyDescent="0.25">
      <c r="A2988" t="s">
        <v>4605</v>
      </c>
      <c r="B2988" t="s">
        <v>4606</v>
      </c>
      <c r="C2988">
        <v>0</v>
      </c>
      <c r="D2988">
        <v>0</v>
      </c>
    </row>
    <row r="2989" spans="1:4" x14ac:dyDescent="0.25">
      <c r="A2989" t="s">
        <v>4607</v>
      </c>
      <c r="B2989" t="s">
        <v>4608</v>
      </c>
      <c r="C2989">
        <v>2</v>
      </c>
      <c r="D2989">
        <v>0</v>
      </c>
    </row>
    <row r="2990" spans="1:4" x14ac:dyDescent="0.25">
      <c r="A2990" t="s">
        <v>4609</v>
      </c>
      <c r="B2990" t="s">
        <v>4610</v>
      </c>
      <c r="C2990">
        <v>1</v>
      </c>
      <c r="D2990">
        <v>0</v>
      </c>
    </row>
    <row r="2991" spans="1:4" x14ac:dyDescent="0.25">
      <c r="A2991" t="s">
        <v>4611</v>
      </c>
      <c r="B2991" t="s">
        <v>4612</v>
      </c>
      <c r="C2991">
        <v>1</v>
      </c>
      <c r="D2991">
        <v>0</v>
      </c>
    </row>
    <row r="2992" spans="1:4" x14ac:dyDescent="0.25">
      <c r="A2992" t="s">
        <v>4613</v>
      </c>
      <c r="B2992" t="s">
        <v>4614</v>
      </c>
      <c r="C2992">
        <v>2</v>
      </c>
      <c r="D2992">
        <v>0</v>
      </c>
    </row>
    <row r="2993" spans="1:4" x14ac:dyDescent="0.25">
      <c r="A2993" t="s">
        <v>4613</v>
      </c>
      <c r="B2993" t="s">
        <v>4615</v>
      </c>
      <c r="C2993">
        <v>1</v>
      </c>
      <c r="D2993">
        <v>0</v>
      </c>
    </row>
    <row r="2994" spans="1:4" x14ac:dyDescent="0.25">
      <c r="A2994" t="s">
        <v>4613</v>
      </c>
      <c r="B2994" t="s">
        <v>4616</v>
      </c>
      <c r="C2994">
        <v>0</v>
      </c>
      <c r="D2994">
        <v>0</v>
      </c>
    </row>
    <row r="2995" spans="1:4" x14ac:dyDescent="0.25">
      <c r="A2995" t="s">
        <v>4617</v>
      </c>
      <c r="B2995" t="s">
        <v>4618</v>
      </c>
      <c r="C2995">
        <v>1</v>
      </c>
      <c r="D2995">
        <v>0</v>
      </c>
    </row>
    <row r="2996" spans="1:4" x14ac:dyDescent="0.25">
      <c r="A2996" t="s">
        <v>4619</v>
      </c>
      <c r="B2996" t="s">
        <v>4620</v>
      </c>
      <c r="C2996">
        <v>1</v>
      </c>
      <c r="D2996">
        <v>0</v>
      </c>
    </row>
    <row r="2997" spans="1:4" x14ac:dyDescent="0.25">
      <c r="A2997" t="s">
        <v>4621</v>
      </c>
      <c r="B2997" t="s">
        <v>4622</v>
      </c>
      <c r="C2997">
        <v>0</v>
      </c>
      <c r="D2997">
        <v>0</v>
      </c>
    </row>
    <row r="2998" spans="1:4" x14ac:dyDescent="0.25">
      <c r="A2998" t="s">
        <v>4623</v>
      </c>
      <c r="B2998" t="s">
        <v>4624</v>
      </c>
      <c r="C2998">
        <v>0</v>
      </c>
      <c r="D2998">
        <v>0</v>
      </c>
    </row>
    <row r="2999" spans="1:4" x14ac:dyDescent="0.25">
      <c r="A2999" t="s">
        <v>4623</v>
      </c>
      <c r="B2999" t="s">
        <v>4625</v>
      </c>
      <c r="C2999">
        <v>1</v>
      </c>
      <c r="D2999">
        <v>0</v>
      </c>
    </row>
    <row r="3000" spans="1:4" x14ac:dyDescent="0.25">
      <c r="A3000" t="s">
        <v>4626</v>
      </c>
      <c r="B3000" t="s">
        <v>4627</v>
      </c>
      <c r="C3000">
        <v>0</v>
      </c>
      <c r="D3000">
        <v>0</v>
      </c>
    </row>
    <row r="3001" spans="1:4" x14ac:dyDescent="0.25">
      <c r="A3001" t="s">
        <v>4626</v>
      </c>
      <c r="B3001" t="s">
        <v>4628</v>
      </c>
      <c r="C3001">
        <v>1</v>
      </c>
      <c r="D3001">
        <v>0</v>
      </c>
    </row>
    <row r="3002" spans="1:4" x14ac:dyDescent="0.25">
      <c r="A3002" t="s">
        <v>4626</v>
      </c>
      <c r="B3002" t="s">
        <v>3169</v>
      </c>
      <c r="C3002">
        <v>0</v>
      </c>
      <c r="D3002">
        <v>0</v>
      </c>
    </row>
    <row r="3003" spans="1:4" x14ac:dyDescent="0.25">
      <c r="A3003" t="s">
        <v>4629</v>
      </c>
      <c r="B3003" t="s">
        <v>4630</v>
      </c>
      <c r="C3003">
        <v>0</v>
      </c>
      <c r="D3003">
        <v>0</v>
      </c>
    </row>
    <row r="3004" spans="1:4" x14ac:dyDescent="0.25">
      <c r="A3004" t="s">
        <v>4631</v>
      </c>
      <c r="B3004" t="s">
        <v>4632</v>
      </c>
      <c r="C3004">
        <v>2</v>
      </c>
      <c r="D3004">
        <v>0</v>
      </c>
    </row>
    <row r="3005" spans="1:4" x14ac:dyDescent="0.25">
      <c r="A3005" t="s">
        <v>4633</v>
      </c>
      <c r="B3005" t="s">
        <v>4634</v>
      </c>
      <c r="C3005">
        <v>1</v>
      </c>
      <c r="D3005">
        <v>0</v>
      </c>
    </row>
    <row r="3006" spans="1:4" x14ac:dyDescent="0.25">
      <c r="A3006" t="s">
        <v>4635</v>
      </c>
      <c r="B3006" t="s">
        <v>968</v>
      </c>
      <c r="C3006">
        <v>1</v>
      </c>
      <c r="D3006">
        <v>0</v>
      </c>
    </row>
    <row r="3007" spans="1:4" x14ac:dyDescent="0.25">
      <c r="A3007" t="s">
        <v>4636</v>
      </c>
      <c r="B3007" t="s">
        <v>4637</v>
      </c>
      <c r="C3007">
        <v>1</v>
      </c>
      <c r="D3007">
        <v>0</v>
      </c>
    </row>
    <row r="3008" spans="1:4" x14ac:dyDescent="0.25">
      <c r="A3008" t="s">
        <v>4636</v>
      </c>
      <c r="B3008" t="s">
        <v>4638</v>
      </c>
      <c r="C3008">
        <v>1</v>
      </c>
      <c r="D3008">
        <v>0</v>
      </c>
    </row>
    <row r="3009" spans="1:4" x14ac:dyDescent="0.25">
      <c r="A3009" t="s">
        <v>4636</v>
      </c>
      <c r="B3009" t="s">
        <v>4639</v>
      </c>
      <c r="C3009">
        <v>0</v>
      </c>
      <c r="D3009">
        <v>0</v>
      </c>
    </row>
    <row r="3010" spans="1:4" x14ac:dyDescent="0.25">
      <c r="A3010" t="s">
        <v>4640</v>
      </c>
      <c r="B3010" t="s">
        <v>4641</v>
      </c>
      <c r="C3010">
        <v>0</v>
      </c>
      <c r="D3010">
        <v>0</v>
      </c>
    </row>
    <row r="3011" spans="1:4" x14ac:dyDescent="0.25">
      <c r="A3011" t="s">
        <v>4642</v>
      </c>
      <c r="B3011" t="s">
        <v>4643</v>
      </c>
      <c r="C3011">
        <v>0</v>
      </c>
      <c r="D3011">
        <v>0</v>
      </c>
    </row>
    <row r="3012" spans="1:4" x14ac:dyDescent="0.25">
      <c r="A3012" t="s">
        <v>4644</v>
      </c>
      <c r="B3012" t="s">
        <v>4645</v>
      </c>
      <c r="C3012">
        <v>2</v>
      </c>
      <c r="D3012">
        <v>0</v>
      </c>
    </row>
    <row r="3013" spans="1:4" x14ac:dyDescent="0.25">
      <c r="A3013" t="s">
        <v>4646</v>
      </c>
      <c r="B3013" t="s">
        <v>4647</v>
      </c>
      <c r="C3013">
        <v>1</v>
      </c>
      <c r="D3013">
        <v>0</v>
      </c>
    </row>
    <row r="3014" spans="1:4" x14ac:dyDescent="0.25">
      <c r="A3014" t="s">
        <v>4646</v>
      </c>
      <c r="B3014" t="s">
        <v>4648</v>
      </c>
      <c r="C3014">
        <v>0</v>
      </c>
      <c r="D3014">
        <v>0</v>
      </c>
    </row>
    <row r="3015" spans="1:4" x14ac:dyDescent="0.25">
      <c r="A3015" t="s">
        <v>4649</v>
      </c>
      <c r="B3015" t="s">
        <v>4650</v>
      </c>
      <c r="C3015">
        <v>0</v>
      </c>
      <c r="D3015">
        <v>0</v>
      </c>
    </row>
    <row r="3016" spans="1:4" x14ac:dyDescent="0.25">
      <c r="A3016" t="s">
        <v>4649</v>
      </c>
      <c r="B3016" t="s">
        <v>4651</v>
      </c>
      <c r="C3016">
        <v>1</v>
      </c>
      <c r="D3016">
        <v>0</v>
      </c>
    </row>
    <row r="3017" spans="1:4" x14ac:dyDescent="0.25">
      <c r="A3017" t="s">
        <v>4652</v>
      </c>
      <c r="B3017" t="s">
        <v>4653</v>
      </c>
      <c r="C3017">
        <v>1</v>
      </c>
      <c r="D3017">
        <v>0</v>
      </c>
    </row>
    <row r="3018" spans="1:4" x14ac:dyDescent="0.25">
      <c r="A3018" t="s">
        <v>4654</v>
      </c>
      <c r="B3018" t="s">
        <v>4655</v>
      </c>
      <c r="C3018">
        <v>0</v>
      </c>
      <c r="D3018">
        <v>0</v>
      </c>
    </row>
    <row r="3019" spans="1:4" x14ac:dyDescent="0.25">
      <c r="A3019" t="s">
        <v>4654</v>
      </c>
      <c r="B3019" t="s">
        <v>4656</v>
      </c>
      <c r="C3019">
        <v>2</v>
      </c>
      <c r="D3019">
        <v>0</v>
      </c>
    </row>
    <row r="3020" spans="1:4" x14ac:dyDescent="0.25">
      <c r="A3020" t="s">
        <v>4657</v>
      </c>
      <c r="B3020" t="s">
        <v>1499</v>
      </c>
      <c r="C3020">
        <v>1</v>
      </c>
      <c r="D3020">
        <v>0</v>
      </c>
    </row>
    <row r="3021" spans="1:4" x14ac:dyDescent="0.25">
      <c r="A3021" t="s">
        <v>4658</v>
      </c>
      <c r="B3021" t="s">
        <v>4659</v>
      </c>
      <c r="C3021">
        <v>1</v>
      </c>
      <c r="D3021">
        <v>0</v>
      </c>
    </row>
    <row r="3022" spans="1:4" x14ac:dyDescent="0.25">
      <c r="A3022" t="s">
        <v>4660</v>
      </c>
      <c r="B3022" t="s">
        <v>4661</v>
      </c>
      <c r="C3022">
        <v>1</v>
      </c>
      <c r="D3022">
        <v>0</v>
      </c>
    </row>
    <row r="3023" spans="1:4" x14ac:dyDescent="0.25">
      <c r="A3023" t="s">
        <v>4662</v>
      </c>
      <c r="B3023" t="s">
        <v>4663</v>
      </c>
      <c r="C3023">
        <v>2</v>
      </c>
      <c r="D3023">
        <v>0</v>
      </c>
    </row>
    <row r="3024" spans="1:4" x14ac:dyDescent="0.25">
      <c r="A3024" t="s">
        <v>4662</v>
      </c>
      <c r="B3024" t="s">
        <v>4664</v>
      </c>
      <c r="C3024">
        <v>2</v>
      </c>
      <c r="D3024">
        <v>0</v>
      </c>
    </row>
    <row r="3025" spans="1:4" x14ac:dyDescent="0.25">
      <c r="A3025" t="s">
        <v>4662</v>
      </c>
      <c r="B3025" t="s">
        <v>4665</v>
      </c>
      <c r="C3025">
        <v>2</v>
      </c>
      <c r="D3025">
        <v>0</v>
      </c>
    </row>
    <row r="3026" spans="1:4" x14ac:dyDescent="0.25">
      <c r="A3026" t="s">
        <v>4666</v>
      </c>
      <c r="B3026" t="s">
        <v>4667</v>
      </c>
      <c r="C3026">
        <v>0</v>
      </c>
      <c r="D3026">
        <v>0</v>
      </c>
    </row>
    <row r="3027" spans="1:4" x14ac:dyDescent="0.25">
      <c r="A3027" t="s">
        <v>4668</v>
      </c>
      <c r="B3027" t="s">
        <v>4669</v>
      </c>
      <c r="C3027">
        <v>1</v>
      </c>
      <c r="D3027">
        <v>0</v>
      </c>
    </row>
    <row r="3028" spans="1:4" x14ac:dyDescent="0.25">
      <c r="A3028" t="s">
        <v>4668</v>
      </c>
      <c r="B3028" t="s">
        <v>4670</v>
      </c>
      <c r="C3028">
        <v>1</v>
      </c>
      <c r="D3028">
        <v>0</v>
      </c>
    </row>
    <row r="3029" spans="1:4" x14ac:dyDescent="0.25">
      <c r="A3029" t="s">
        <v>4668</v>
      </c>
      <c r="B3029" t="s">
        <v>4671</v>
      </c>
      <c r="C3029">
        <v>0</v>
      </c>
      <c r="D3029">
        <v>0</v>
      </c>
    </row>
    <row r="3030" spans="1:4" x14ac:dyDescent="0.25">
      <c r="A3030" t="s">
        <v>4672</v>
      </c>
      <c r="B3030" t="s">
        <v>4673</v>
      </c>
      <c r="C3030">
        <v>1</v>
      </c>
      <c r="D3030">
        <v>0</v>
      </c>
    </row>
    <row r="3031" spans="1:4" x14ac:dyDescent="0.25">
      <c r="A3031" t="s">
        <v>4672</v>
      </c>
      <c r="B3031" t="s">
        <v>4674</v>
      </c>
      <c r="C3031">
        <v>2</v>
      </c>
      <c r="D3031">
        <v>0</v>
      </c>
    </row>
    <row r="3032" spans="1:4" x14ac:dyDescent="0.25">
      <c r="A3032" t="s">
        <v>4672</v>
      </c>
      <c r="B3032" t="s">
        <v>4675</v>
      </c>
      <c r="C3032">
        <v>2</v>
      </c>
      <c r="D3032">
        <v>0</v>
      </c>
    </row>
    <row r="3033" spans="1:4" x14ac:dyDescent="0.25">
      <c r="A3033" t="s">
        <v>4676</v>
      </c>
      <c r="B3033" t="s">
        <v>4677</v>
      </c>
      <c r="C3033">
        <v>0</v>
      </c>
      <c r="D3033">
        <v>0</v>
      </c>
    </row>
    <row r="3034" spans="1:4" x14ac:dyDescent="0.25">
      <c r="A3034" t="s">
        <v>4678</v>
      </c>
      <c r="B3034" t="s">
        <v>4679</v>
      </c>
      <c r="C3034">
        <v>2</v>
      </c>
      <c r="D3034">
        <v>0</v>
      </c>
    </row>
    <row r="3035" spans="1:4" x14ac:dyDescent="0.25">
      <c r="A3035" t="s">
        <v>4678</v>
      </c>
      <c r="B3035" t="s">
        <v>4680</v>
      </c>
      <c r="C3035">
        <v>0</v>
      </c>
      <c r="D3035">
        <v>0</v>
      </c>
    </row>
    <row r="3036" spans="1:4" x14ac:dyDescent="0.25">
      <c r="A3036" t="s">
        <v>4681</v>
      </c>
      <c r="B3036" t="s">
        <v>4682</v>
      </c>
      <c r="C3036">
        <v>1</v>
      </c>
      <c r="D3036">
        <v>0</v>
      </c>
    </row>
    <row r="3037" spans="1:4" x14ac:dyDescent="0.25">
      <c r="A3037" t="s">
        <v>4683</v>
      </c>
      <c r="B3037" t="s">
        <v>4684</v>
      </c>
      <c r="C3037">
        <v>0</v>
      </c>
      <c r="D3037">
        <v>0</v>
      </c>
    </row>
    <row r="3038" spans="1:4" x14ac:dyDescent="0.25">
      <c r="A3038" t="s">
        <v>4685</v>
      </c>
      <c r="B3038" t="s">
        <v>4686</v>
      </c>
      <c r="C3038">
        <v>0</v>
      </c>
      <c r="D3038">
        <v>0</v>
      </c>
    </row>
    <row r="3039" spans="1:4" x14ac:dyDescent="0.25">
      <c r="A3039" t="s">
        <v>4687</v>
      </c>
      <c r="B3039" t="s">
        <v>4688</v>
      </c>
      <c r="C3039">
        <v>1</v>
      </c>
      <c r="D3039">
        <v>0</v>
      </c>
    </row>
    <row r="3040" spans="1:4" x14ac:dyDescent="0.25">
      <c r="A3040" t="s">
        <v>4687</v>
      </c>
      <c r="B3040" t="s">
        <v>3926</v>
      </c>
      <c r="C3040">
        <v>1</v>
      </c>
      <c r="D3040">
        <v>0</v>
      </c>
    </row>
    <row r="3041" spans="1:4" x14ac:dyDescent="0.25">
      <c r="A3041" t="s">
        <v>4687</v>
      </c>
      <c r="B3041" t="s">
        <v>4689</v>
      </c>
      <c r="C3041">
        <v>1</v>
      </c>
      <c r="D3041">
        <v>0</v>
      </c>
    </row>
    <row r="3042" spans="1:4" x14ac:dyDescent="0.25">
      <c r="A3042" t="s">
        <v>4690</v>
      </c>
      <c r="B3042" t="s">
        <v>4691</v>
      </c>
      <c r="C3042">
        <v>1</v>
      </c>
      <c r="D3042">
        <v>0</v>
      </c>
    </row>
    <row r="3043" spans="1:4" x14ac:dyDescent="0.25">
      <c r="A3043" t="s">
        <v>4692</v>
      </c>
      <c r="B3043" t="s">
        <v>4693</v>
      </c>
      <c r="C3043">
        <v>1</v>
      </c>
      <c r="D3043">
        <v>0</v>
      </c>
    </row>
    <row r="3044" spans="1:4" x14ac:dyDescent="0.25">
      <c r="A3044" t="s">
        <v>4694</v>
      </c>
      <c r="B3044" t="s">
        <v>4695</v>
      </c>
      <c r="C3044">
        <v>1</v>
      </c>
      <c r="D3044">
        <v>0</v>
      </c>
    </row>
    <row r="3045" spans="1:4" x14ac:dyDescent="0.25">
      <c r="A3045" t="s">
        <v>4696</v>
      </c>
      <c r="B3045" t="s">
        <v>4697</v>
      </c>
      <c r="C3045">
        <v>1</v>
      </c>
      <c r="D3045">
        <v>0</v>
      </c>
    </row>
    <row r="3046" spans="1:4" x14ac:dyDescent="0.25">
      <c r="A3046" t="s">
        <v>4698</v>
      </c>
      <c r="B3046" t="s">
        <v>4699</v>
      </c>
      <c r="C3046">
        <v>2</v>
      </c>
      <c r="D3046">
        <v>0</v>
      </c>
    </row>
    <row r="3047" spans="1:4" x14ac:dyDescent="0.25">
      <c r="A3047" t="s">
        <v>4700</v>
      </c>
      <c r="B3047" t="s">
        <v>4701</v>
      </c>
      <c r="C3047">
        <v>1</v>
      </c>
      <c r="D3047">
        <v>0</v>
      </c>
    </row>
    <row r="3048" spans="1:4" x14ac:dyDescent="0.25">
      <c r="A3048" t="s">
        <v>4702</v>
      </c>
      <c r="B3048" t="s">
        <v>4703</v>
      </c>
      <c r="C3048">
        <v>0</v>
      </c>
      <c r="D3048">
        <v>0</v>
      </c>
    </row>
    <row r="3049" spans="1:4" x14ac:dyDescent="0.25">
      <c r="A3049" t="s">
        <v>4704</v>
      </c>
      <c r="B3049" t="s">
        <v>4705</v>
      </c>
      <c r="C3049">
        <v>2</v>
      </c>
      <c r="D3049">
        <v>0</v>
      </c>
    </row>
    <row r="3050" spans="1:4" x14ac:dyDescent="0.25">
      <c r="A3050" t="s">
        <v>4704</v>
      </c>
      <c r="B3050" t="s">
        <v>4706</v>
      </c>
      <c r="C3050">
        <v>0</v>
      </c>
      <c r="D3050">
        <v>0</v>
      </c>
    </row>
    <row r="3051" spans="1:4" x14ac:dyDescent="0.25">
      <c r="A3051" t="s">
        <v>4704</v>
      </c>
      <c r="B3051" t="s">
        <v>4707</v>
      </c>
      <c r="C3051">
        <v>0</v>
      </c>
      <c r="D3051">
        <v>0</v>
      </c>
    </row>
    <row r="3052" spans="1:4" x14ac:dyDescent="0.25">
      <c r="A3052" t="s">
        <v>4708</v>
      </c>
      <c r="B3052" t="s">
        <v>4709</v>
      </c>
      <c r="C3052">
        <v>0</v>
      </c>
      <c r="D3052">
        <v>0</v>
      </c>
    </row>
    <row r="3053" spans="1:4" x14ac:dyDescent="0.25">
      <c r="A3053" t="s">
        <v>4708</v>
      </c>
      <c r="B3053" t="s">
        <v>4710</v>
      </c>
      <c r="C3053">
        <v>0</v>
      </c>
      <c r="D3053">
        <v>0</v>
      </c>
    </row>
    <row r="3054" spans="1:4" x14ac:dyDescent="0.25">
      <c r="A3054" t="s">
        <v>4708</v>
      </c>
      <c r="B3054" t="s">
        <v>4711</v>
      </c>
      <c r="C3054">
        <v>1</v>
      </c>
      <c r="D3054">
        <v>0</v>
      </c>
    </row>
    <row r="3055" spans="1:4" x14ac:dyDescent="0.25">
      <c r="A3055" t="s">
        <v>4712</v>
      </c>
      <c r="B3055" t="s">
        <v>4713</v>
      </c>
      <c r="C3055">
        <v>1</v>
      </c>
      <c r="D3055">
        <v>0</v>
      </c>
    </row>
    <row r="3056" spans="1:4" x14ac:dyDescent="0.25">
      <c r="A3056" t="s">
        <v>4712</v>
      </c>
      <c r="B3056" t="s">
        <v>4714</v>
      </c>
      <c r="C3056">
        <v>0</v>
      </c>
      <c r="D3056">
        <v>0</v>
      </c>
    </row>
    <row r="3057" spans="1:4" x14ac:dyDescent="0.25">
      <c r="A3057" t="s">
        <v>4712</v>
      </c>
      <c r="B3057" t="s">
        <v>398</v>
      </c>
      <c r="C3057">
        <v>0</v>
      </c>
      <c r="D3057">
        <v>0</v>
      </c>
    </row>
    <row r="3058" spans="1:4" x14ac:dyDescent="0.25">
      <c r="A3058" t="s">
        <v>4715</v>
      </c>
      <c r="B3058" t="s">
        <v>4716</v>
      </c>
      <c r="C3058">
        <v>0</v>
      </c>
      <c r="D3058">
        <v>0</v>
      </c>
    </row>
    <row r="3059" spans="1:4" x14ac:dyDescent="0.25">
      <c r="A3059" t="s">
        <v>4715</v>
      </c>
      <c r="B3059" t="s">
        <v>4717</v>
      </c>
      <c r="C3059">
        <v>1</v>
      </c>
      <c r="D3059">
        <v>0</v>
      </c>
    </row>
    <row r="3060" spans="1:4" x14ac:dyDescent="0.25">
      <c r="A3060" t="s">
        <v>4718</v>
      </c>
      <c r="B3060" t="s">
        <v>4719</v>
      </c>
      <c r="C3060">
        <v>0</v>
      </c>
      <c r="D3060">
        <v>0</v>
      </c>
    </row>
    <row r="3061" spans="1:4" x14ac:dyDescent="0.25">
      <c r="A3061" t="s">
        <v>4720</v>
      </c>
      <c r="B3061" t="s">
        <v>4721</v>
      </c>
      <c r="C3061">
        <v>0</v>
      </c>
      <c r="D3061">
        <v>0</v>
      </c>
    </row>
    <row r="3062" spans="1:4" x14ac:dyDescent="0.25">
      <c r="A3062" t="s">
        <v>4722</v>
      </c>
      <c r="B3062" t="s">
        <v>4723</v>
      </c>
      <c r="C3062">
        <v>2</v>
      </c>
      <c r="D3062">
        <v>0</v>
      </c>
    </row>
    <row r="3063" spans="1:4" x14ac:dyDescent="0.25">
      <c r="A3063" t="s">
        <v>4722</v>
      </c>
      <c r="B3063" t="s">
        <v>4724</v>
      </c>
      <c r="C3063">
        <v>2</v>
      </c>
      <c r="D3063">
        <v>0</v>
      </c>
    </row>
    <row r="3064" spans="1:4" x14ac:dyDescent="0.25">
      <c r="A3064" t="s">
        <v>4725</v>
      </c>
      <c r="B3064" t="s">
        <v>4726</v>
      </c>
      <c r="C3064">
        <v>1</v>
      </c>
      <c r="D3064">
        <v>0</v>
      </c>
    </row>
    <row r="3065" spans="1:4" x14ac:dyDescent="0.25">
      <c r="A3065" t="s">
        <v>4727</v>
      </c>
      <c r="B3065" t="s">
        <v>968</v>
      </c>
      <c r="C3065">
        <v>1</v>
      </c>
      <c r="D3065">
        <v>0</v>
      </c>
    </row>
    <row r="3066" spans="1:4" x14ac:dyDescent="0.25">
      <c r="A3066" t="s">
        <v>4728</v>
      </c>
      <c r="B3066" t="s">
        <v>4729</v>
      </c>
      <c r="C3066">
        <v>1</v>
      </c>
      <c r="D3066">
        <v>0</v>
      </c>
    </row>
    <row r="3067" spans="1:4" x14ac:dyDescent="0.25">
      <c r="A3067" t="s">
        <v>4728</v>
      </c>
      <c r="B3067" t="s">
        <v>4730</v>
      </c>
      <c r="C3067">
        <v>0</v>
      </c>
      <c r="D3067">
        <v>0</v>
      </c>
    </row>
    <row r="3068" spans="1:4" x14ac:dyDescent="0.25">
      <c r="A3068" t="s">
        <v>4731</v>
      </c>
      <c r="B3068" t="s">
        <v>968</v>
      </c>
      <c r="C3068">
        <v>1</v>
      </c>
      <c r="D3068">
        <v>0</v>
      </c>
    </row>
    <row r="3069" spans="1:4" x14ac:dyDescent="0.25">
      <c r="A3069" t="s">
        <v>4732</v>
      </c>
      <c r="B3069" t="s">
        <v>4733</v>
      </c>
      <c r="C3069">
        <v>0</v>
      </c>
      <c r="D3069">
        <v>0</v>
      </c>
    </row>
    <row r="3070" spans="1:4" x14ac:dyDescent="0.25">
      <c r="A3070" t="s">
        <v>4732</v>
      </c>
      <c r="B3070" t="s">
        <v>4734</v>
      </c>
      <c r="C3070">
        <v>2</v>
      </c>
      <c r="D3070">
        <v>0</v>
      </c>
    </row>
    <row r="3071" spans="1:4" x14ac:dyDescent="0.25">
      <c r="A3071" t="s">
        <v>4732</v>
      </c>
      <c r="B3071" t="s">
        <v>4735</v>
      </c>
      <c r="C3071">
        <v>2</v>
      </c>
      <c r="D3071">
        <v>0</v>
      </c>
    </row>
    <row r="3072" spans="1:4" x14ac:dyDescent="0.25">
      <c r="A3072" t="s">
        <v>4736</v>
      </c>
      <c r="B3072" t="s">
        <v>4179</v>
      </c>
      <c r="C3072">
        <v>1</v>
      </c>
      <c r="D3072">
        <v>0</v>
      </c>
    </row>
    <row r="3073" spans="1:4" x14ac:dyDescent="0.25">
      <c r="A3073" t="s">
        <v>4737</v>
      </c>
      <c r="B3073" t="s">
        <v>4738</v>
      </c>
      <c r="C3073">
        <v>0</v>
      </c>
      <c r="D3073">
        <v>0</v>
      </c>
    </row>
    <row r="3074" spans="1:4" x14ac:dyDescent="0.25">
      <c r="A3074" t="s">
        <v>4737</v>
      </c>
      <c r="B3074" t="s">
        <v>4739</v>
      </c>
      <c r="C3074">
        <v>2</v>
      </c>
      <c r="D3074">
        <v>0</v>
      </c>
    </row>
    <row r="3075" spans="1:4" x14ac:dyDescent="0.25">
      <c r="A3075" t="s">
        <v>4737</v>
      </c>
      <c r="B3075" t="s">
        <v>4740</v>
      </c>
      <c r="C3075">
        <v>1</v>
      </c>
      <c r="D3075">
        <v>0</v>
      </c>
    </row>
    <row r="3076" spans="1:4" x14ac:dyDescent="0.25">
      <c r="A3076" t="s">
        <v>4741</v>
      </c>
      <c r="B3076" t="s">
        <v>4742</v>
      </c>
      <c r="C3076">
        <v>2</v>
      </c>
      <c r="D3076">
        <v>0</v>
      </c>
    </row>
    <row r="3077" spans="1:4" x14ac:dyDescent="0.25">
      <c r="A3077" t="s">
        <v>4741</v>
      </c>
      <c r="B3077" t="s">
        <v>4743</v>
      </c>
      <c r="C3077">
        <v>1</v>
      </c>
      <c r="D3077">
        <v>0</v>
      </c>
    </row>
    <row r="3078" spans="1:4" x14ac:dyDescent="0.25">
      <c r="A3078" t="s">
        <v>4744</v>
      </c>
      <c r="B3078" t="s">
        <v>4745</v>
      </c>
      <c r="C3078">
        <v>1</v>
      </c>
      <c r="D3078">
        <v>0</v>
      </c>
    </row>
    <row r="3079" spans="1:4" x14ac:dyDescent="0.25">
      <c r="A3079" t="s">
        <v>4744</v>
      </c>
      <c r="B3079" t="s">
        <v>4746</v>
      </c>
      <c r="C3079">
        <v>0</v>
      </c>
      <c r="D3079">
        <v>0</v>
      </c>
    </row>
    <row r="3080" spans="1:4" x14ac:dyDescent="0.25">
      <c r="A3080" t="s">
        <v>4744</v>
      </c>
      <c r="B3080" t="s">
        <v>4747</v>
      </c>
      <c r="C3080">
        <v>0</v>
      </c>
      <c r="D3080">
        <v>0</v>
      </c>
    </row>
    <row r="3081" spans="1:4" x14ac:dyDescent="0.25">
      <c r="A3081" t="s">
        <v>4748</v>
      </c>
      <c r="B3081" t="s">
        <v>968</v>
      </c>
      <c r="C3081">
        <v>1</v>
      </c>
      <c r="D3081">
        <v>0</v>
      </c>
    </row>
    <row r="3082" spans="1:4" x14ac:dyDescent="0.25">
      <c r="A3082" t="s">
        <v>4749</v>
      </c>
      <c r="B3082" t="s">
        <v>4750</v>
      </c>
      <c r="C3082">
        <v>1</v>
      </c>
      <c r="D3082">
        <v>0</v>
      </c>
    </row>
    <row r="3083" spans="1:4" x14ac:dyDescent="0.25">
      <c r="A3083" t="s">
        <v>4749</v>
      </c>
      <c r="B3083" t="s">
        <v>4751</v>
      </c>
      <c r="C3083">
        <v>1</v>
      </c>
      <c r="D3083">
        <v>0</v>
      </c>
    </row>
    <row r="3084" spans="1:4" x14ac:dyDescent="0.25">
      <c r="A3084" t="s">
        <v>4752</v>
      </c>
      <c r="B3084" t="s">
        <v>4753</v>
      </c>
      <c r="C3084">
        <v>1</v>
      </c>
      <c r="D3084">
        <v>0</v>
      </c>
    </row>
    <row r="3085" spans="1:4" x14ac:dyDescent="0.25">
      <c r="A3085" t="s">
        <v>4754</v>
      </c>
      <c r="B3085" t="s">
        <v>4755</v>
      </c>
      <c r="C3085">
        <v>1</v>
      </c>
      <c r="D3085">
        <v>0</v>
      </c>
    </row>
    <row r="3086" spans="1:4" x14ac:dyDescent="0.25">
      <c r="A3086" t="s">
        <v>4754</v>
      </c>
      <c r="B3086" t="s">
        <v>4756</v>
      </c>
      <c r="C3086">
        <v>1</v>
      </c>
      <c r="D3086">
        <v>0</v>
      </c>
    </row>
    <row r="3087" spans="1:4" x14ac:dyDescent="0.25">
      <c r="A3087" t="s">
        <v>4754</v>
      </c>
      <c r="B3087" t="s">
        <v>4757</v>
      </c>
      <c r="C3087">
        <v>1</v>
      </c>
      <c r="D3087">
        <v>0</v>
      </c>
    </row>
    <row r="3088" spans="1:4" x14ac:dyDescent="0.25">
      <c r="A3088" t="s">
        <v>4758</v>
      </c>
      <c r="B3088" t="s">
        <v>4759</v>
      </c>
      <c r="C3088">
        <v>1</v>
      </c>
      <c r="D3088">
        <v>0</v>
      </c>
    </row>
    <row r="3089" spans="1:4" x14ac:dyDescent="0.25">
      <c r="A3089" t="s">
        <v>4758</v>
      </c>
      <c r="B3089" t="s">
        <v>4760</v>
      </c>
      <c r="C3089">
        <v>1</v>
      </c>
      <c r="D3089">
        <v>0</v>
      </c>
    </row>
    <row r="3090" spans="1:4" x14ac:dyDescent="0.25">
      <c r="A3090" t="s">
        <v>4758</v>
      </c>
      <c r="B3090" t="s">
        <v>4761</v>
      </c>
      <c r="C3090">
        <v>1</v>
      </c>
      <c r="D3090">
        <v>0</v>
      </c>
    </row>
    <row r="3091" spans="1:4" x14ac:dyDescent="0.25">
      <c r="A3091" t="s">
        <v>4762</v>
      </c>
      <c r="B3091" t="s">
        <v>4763</v>
      </c>
      <c r="C3091">
        <v>1</v>
      </c>
      <c r="D3091">
        <v>0</v>
      </c>
    </row>
    <row r="3092" spans="1:4" x14ac:dyDescent="0.25">
      <c r="A3092" t="s">
        <v>4764</v>
      </c>
      <c r="B3092" t="s">
        <v>4765</v>
      </c>
      <c r="C3092">
        <v>1</v>
      </c>
      <c r="D3092">
        <v>0</v>
      </c>
    </row>
    <row r="3093" spans="1:4" x14ac:dyDescent="0.25">
      <c r="A3093" t="s">
        <v>4764</v>
      </c>
      <c r="B3093" t="s">
        <v>2953</v>
      </c>
      <c r="C3093">
        <v>0</v>
      </c>
      <c r="D3093">
        <v>0</v>
      </c>
    </row>
    <row r="3094" spans="1:4" x14ac:dyDescent="0.25">
      <c r="A3094" t="s">
        <v>4766</v>
      </c>
      <c r="B3094" t="s">
        <v>4767</v>
      </c>
      <c r="C3094">
        <v>1</v>
      </c>
      <c r="D3094">
        <v>0</v>
      </c>
    </row>
    <row r="3095" spans="1:4" x14ac:dyDescent="0.25">
      <c r="A3095" t="s">
        <v>4766</v>
      </c>
      <c r="B3095" t="s">
        <v>4768</v>
      </c>
      <c r="C3095">
        <v>1</v>
      </c>
      <c r="D3095">
        <v>0</v>
      </c>
    </row>
    <row r="3096" spans="1:4" x14ac:dyDescent="0.25">
      <c r="A3096" t="s">
        <v>4766</v>
      </c>
      <c r="B3096" t="s">
        <v>4769</v>
      </c>
      <c r="C3096">
        <v>2</v>
      </c>
      <c r="D3096">
        <v>0</v>
      </c>
    </row>
    <row r="3097" spans="1:4" x14ac:dyDescent="0.25">
      <c r="A3097" t="s">
        <v>4770</v>
      </c>
      <c r="B3097" t="s">
        <v>4771</v>
      </c>
      <c r="C3097">
        <v>1</v>
      </c>
      <c r="D3097">
        <v>0</v>
      </c>
    </row>
    <row r="3098" spans="1:4" x14ac:dyDescent="0.25">
      <c r="A3098" t="s">
        <v>4770</v>
      </c>
      <c r="B3098" t="s">
        <v>4772</v>
      </c>
      <c r="C3098">
        <v>1</v>
      </c>
      <c r="D3098">
        <v>0</v>
      </c>
    </row>
    <row r="3099" spans="1:4" x14ac:dyDescent="0.25">
      <c r="A3099" t="s">
        <v>4773</v>
      </c>
      <c r="B3099" t="s">
        <v>4774</v>
      </c>
      <c r="C3099">
        <v>2</v>
      </c>
      <c r="D3099">
        <v>0</v>
      </c>
    </row>
    <row r="3100" spans="1:4" x14ac:dyDescent="0.25">
      <c r="A3100" t="s">
        <v>4775</v>
      </c>
      <c r="B3100" t="s">
        <v>4776</v>
      </c>
      <c r="C3100">
        <v>0</v>
      </c>
      <c r="D3100">
        <v>0</v>
      </c>
    </row>
    <row r="3101" spans="1:4" x14ac:dyDescent="0.25">
      <c r="A3101" t="s">
        <v>4775</v>
      </c>
      <c r="B3101" t="s">
        <v>4777</v>
      </c>
      <c r="C3101">
        <v>1</v>
      </c>
      <c r="D3101">
        <v>0</v>
      </c>
    </row>
    <row r="3102" spans="1:4" x14ac:dyDescent="0.25">
      <c r="A3102" t="s">
        <v>4775</v>
      </c>
      <c r="B3102" t="s">
        <v>4778</v>
      </c>
      <c r="C3102">
        <v>1</v>
      </c>
      <c r="D3102">
        <v>0</v>
      </c>
    </row>
    <row r="3103" spans="1:4" x14ac:dyDescent="0.25">
      <c r="A3103" t="s">
        <v>4779</v>
      </c>
      <c r="B3103" t="s">
        <v>4780</v>
      </c>
      <c r="C3103">
        <v>2</v>
      </c>
      <c r="D3103">
        <v>0</v>
      </c>
    </row>
    <row r="3104" spans="1:4" x14ac:dyDescent="0.25">
      <c r="A3104" t="s">
        <v>4779</v>
      </c>
      <c r="B3104" t="s">
        <v>4781</v>
      </c>
      <c r="C3104">
        <v>1</v>
      </c>
      <c r="D3104">
        <v>0</v>
      </c>
    </row>
    <row r="3105" spans="1:4" x14ac:dyDescent="0.25">
      <c r="A3105" t="s">
        <v>4779</v>
      </c>
      <c r="B3105" t="s">
        <v>4782</v>
      </c>
      <c r="C3105">
        <v>2</v>
      </c>
      <c r="D3105">
        <v>0</v>
      </c>
    </row>
    <row r="3106" spans="1:4" x14ac:dyDescent="0.25">
      <c r="A3106" t="s">
        <v>4783</v>
      </c>
      <c r="B3106" t="s">
        <v>4784</v>
      </c>
      <c r="C3106">
        <v>0</v>
      </c>
      <c r="D3106">
        <v>0</v>
      </c>
    </row>
    <row r="3107" spans="1:4" x14ac:dyDescent="0.25">
      <c r="A3107" t="s">
        <v>4783</v>
      </c>
      <c r="B3107" t="s">
        <v>4785</v>
      </c>
      <c r="C3107">
        <v>0</v>
      </c>
      <c r="D3107">
        <v>0</v>
      </c>
    </row>
    <row r="3108" spans="1:4" x14ac:dyDescent="0.25">
      <c r="A3108" t="s">
        <v>4783</v>
      </c>
      <c r="B3108" t="s">
        <v>4786</v>
      </c>
      <c r="C3108">
        <v>2</v>
      </c>
      <c r="D3108">
        <v>0</v>
      </c>
    </row>
    <row r="3109" spans="1:4" x14ac:dyDescent="0.25">
      <c r="A3109" t="s">
        <v>4787</v>
      </c>
      <c r="B3109" t="s">
        <v>1001</v>
      </c>
      <c r="C3109">
        <v>1</v>
      </c>
      <c r="D3109">
        <v>0</v>
      </c>
    </row>
    <row r="3110" spans="1:4" x14ac:dyDescent="0.25">
      <c r="A3110" t="s">
        <v>4787</v>
      </c>
      <c r="B3110" t="s">
        <v>4788</v>
      </c>
      <c r="C3110">
        <v>0</v>
      </c>
      <c r="D3110">
        <v>0</v>
      </c>
    </row>
    <row r="3111" spans="1:4" x14ac:dyDescent="0.25">
      <c r="A3111" t="s">
        <v>4789</v>
      </c>
      <c r="B3111" t="s">
        <v>4790</v>
      </c>
      <c r="C3111">
        <v>1</v>
      </c>
      <c r="D3111">
        <v>0</v>
      </c>
    </row>
    <row r="3112" spans="1:4" x14ac:dyDescent="0.25">
      <c r="A3112" t="s">
        <v>4789</v>
      </c>
      <c r="B3112" t="s">
        <v>4791</v>
      </c>
      <c r="C3112">
        <v>1</v>
      </c>
      <c r="D3112">
        <v>0</v>
      </c>
    </row>
    <row r="3113" spans="1:4" x14ac:dyDescent="0.25">
      <c r="A3113" t="s">
        <v>4792</v>
      </c>
      <c r="B3113" t="s">
        <v>4793</v>
      </c>
      <c r="C3113">
        <v>2</v>
      </c>
      <c r="D3113">
        <v>0</v>
      </c>
    </row>
    <row r="3114" spans="1:4" x14ac:dyDescent="0.25">
      <c r="A3114" t="s">
        <v>4794</v>
      </c>
      <c r="B3114" t="s">
        <v>4795</v>
      </c>
      <c r="C3114">
        <v>0</v>
      </c>
      <c r="D3114">
        <v>0</v>
      </c>
    </row>
    <row r="3115" spans="1:4" x14ac:dyDescent="0.25">
      <c r="A3115" t="s">
        <v>4794</v>
      </c>
      <c r="B3115" t="s">
        <v>4796</v>
      </c>
      <c r="C3115">
        <v>2</v>
      </c>
      <c r="D3115">
        <v>0</v>
      </c>
    </row>
    <row r="3116" spans="1:4" x14ac:dyDescent="0.25">
      <c r="A3116" t="s">
        <v>4797</v>
      </c>
      <c r="B3116" t="s">
        <v>4798</v>
      </c>
      <c r="C3116">
        <v>0</v>
      </c>
      <c r="D3116">
        <v>0</v>
      </c>
    </row>
    <row r="3117" spans="1:4" x14ac:dyDescent="0.25">
      <c r="A3117" t="s">
        <v>4797</v>
      </c>
      <c r="B3117" t="s">
        <v>852</v>
      </c>
      <c r="C3117">
        <v>0</v>
      </c>
      <c r="D3117">
        <v>0</v>
      </c>
    </row>
    <row r="3118" spans="1:4" x14ac:dyDescent="0.25">
      <c r="A3118" t="s">
        <v>4799</v>
      </c>
      <c r="B3118" t="s">
        <v>4800</v>
      </c>
      <c r="C3118">
        <v>0</v>
      </c>
      <c r="D3118">
        <v>0</v>
      </c>
    </row>
    <row r="3119" spans="1:4" x14ac:dyDescent="0.25">
      <c r="A3119" t="s">
        <v>4799</v>
      </c>
      <c r="B3119" t="s">
        <v>4801</v>
      </c>
      <c r="C3119">
        <v>1</v>
      </c>
      <c r="D3119">
        <v>0</v>
      </c>
    </row>
    <row r="3120" spans="1:4" x14ac:dyDescent="0.25">
      <c r="A3120" t="s">
        <v>4802</v>
      </c>
      <c r="B3120" t="s">
        <v>4803</v>
      </c>
      <c r="C3120">
        <v>2</v>
      </c>
      <c r="D3120">
        <v>0</v>
      </c>
    </row>
    <row r="3121" spans="1:4" x14ac:dyDescent="0.25">
      <c r="A3121" t="s">
        <v>4802</v>
      </c>
      <c r="B3121" t="s">
        <v>4804</v>
      </c>
      <c r="C3121">
        <v>2</v>
      </c>
      <c r="D3121">
        <v>0</v>
      </c>
    </row>
    <row r="3122" spans="1:4" x14ac:dyDescent="0.25">
      <c r="A3122" t="s">
        <v>4802</v>
      </c>
      <c r="B3122" t="s">
        <v>4805</v>
      </c>
      <c r="C3122">
        <v>1</v>
      </c>
      <c r="D3122">
        <v>0</v>
      </c>
    </row>
    <row r="3123" spans="1:4" x14ac:dyDescent="0.25">
      <c r="A3123" t="s">
        <v>4806</v>
      </c>
      <c r="B3123" t="s">
        <v>4807</v>
      </c>
      <c r="C3123">
        <v>2</v>
      </c>
      <c r="D3123">
        <v>0</v>
      </c>
    </row>
    <row r="3124" spans="1:4" x14ac:dyDescent="0.25">
      <c r="A3124" t="s">
        <v>4808</v>
      </c>
      <c r="B3124" t="s">
        <v>816</v>
      </c>
      <c r="C3124">
        <v>1</v>
      </c>
      <c r="D3124">
        <v>0</v>
      </c>
    </row>
    <row r="3125" spans="1:4" x14ac:dyDescent="0.25">
      <c r="A3125" t="s">
        <v>4809</v>
      </c>
      <c r="B3125" t="s">
        <v>4810</v>
      </c>
      <c r="C3125">
        <v>1</v>
      </c>
      <c r="D3125">
        <v>0</v>
      </c>
    </row>
    <row r="3126" spans="1:4" x14ac:dyDescent="0.25">
      <c r="A3126" t="s">
        <v>4809</v>
      </c>
      <c r="B3126" t="s">
        <v>4811</v>
      </c>
      <c r="C3126">
        <v>2</v>
      </c>
      <c r="D3126">
        <v>0</v>
      </c>
    </row>
    <row r="3127" spans="1:4" x14ac:dyDescent="0.25">
      <c r="A3127" t="s">
        <v>4809</v>
      </c>
      <c r="B3127" t="s">
        <v>4812</v>
      </c>
      <c r="C3127">
        <v>0</v>
      </c>
      <c r="D3127">
        <v>0</v>
      </c>
    </row>
    <row r="3128" spans="1:4" x14ac:dyDescent="0.25">
      <c r="A3128" t="s">
        <v>4813</v>
      </c>
      <c r="B3128" t="s">
        <v>852</v>
      </c>
      <c r="C3128">
        <v>0</v>
      </c>
      <c r="D3128">
        <v>0</v>
      </c>
    </row>
    <row r="3129" spans="1:4" x14ac:dyDescent="0.25">
      <c r="A3129" t="s">
        <v>4814</v>
      </c>
      <c r="B3129" t="s">
        <v>4815</v>
      </c>
      <c r="C3129">
        <v>1</v>
      </c>
      <c r="D3129">
        <v>0</v>
      </c>
    </row>
    <row r="3130" spans="1:4" x14ac:dyDescent="0.25">
      <c r="A3130" t="s">
        <v>4816</v>
      </c>
      <c r="B3130" t="s">
        <v>4817</v>
      </c>
      <c r="C3130">
        <v>2</v>
      </c>
      <c r="D3130">
        <v>0</v>
      </c>
    </row>
    <row r="3131" spans="1:4" x14ac:dyDescent="0.25">
      <c r="A3131" t="s">
        <v>4816</v>
      </c>
      <c r="B3131" t="s">
        <v>4818</v>
      </c>
      <c r="C3131">
        <v>1</v>
      </c>
      <c r="D3131">
        <v>0</v>
      </c>
    </row>
    <row r="3132" spans="1:4" x14ac:dyDescent="0.25">
      <c r="A3132" t="s">
        <v>4819</v>
      </c>
      <c r="B3132" t="s">
        <v>4820</v>
      </c>
      <c r="C3132">
        <v>0</v>
      </c>
      <c r="D3132">
        <v>0</v>
      </c>
    </row>
    <row r="3133" spans="1:4" x14ac:dyDescent="0.25">
      <c r="A3133" t="s">
        <v>4821</v>
      </c>
      <c r="B3133" t="s">
        <v>4822</v>
      </c>
      <c r="C3133">
        <v>0</v>
      </c>
      <c r="D3133">
        <v>0</v>
      </c>
    </row>
    <row r="3134" spans="1:4" x14ac:dyDescent="0.25">
      <c r="A3134" t="s">
        <v>4823</v>
      </c>
      <c r="B3134" t="s">
        <v>4824</v>
      </c>
      <c r="C3134">
        <v>0</v>
      </c>
      <c r="D3134">
        <v>0</v>
      </c>
    </row>
    <row r="3135" spans="1:4" x14ac:dyDescent="0.25">
      <c r="A3135" t="s">
        <v>4823</v>
      </c>
      <c r="B3135" t="s">
        <v>4825</v>
      </c>
      <c r="C3135">
        <v>1</v>
      </c>
      <c r="D3135">
        <v>0</v>
      </c>
    </row>
    <row r="3136" spans="1:4" x14ac:dyDescent="0.25">
      <c r="A3136" t="s">
        <v>4826</v>
      </c>
      <c r="B3136" t="s">
        <v>4827</v>
      </c>
      <c r="C3136">
        <v>0</v>
      </c>
      <c r="D3136">
        <v>0</v>
      </c>
    </row>
    <row r="3137" spans="1:4" x14ac:dyDescent="0.25">
      <c r="A3137" t="s">
        <v>4828</v>
      </c>
      <c r="B3137" t="s">
        <v>4829</v>
      </c>
      <c r="C3137">
        <v>0</v>
      </c>
      <c r="D3137">
        <v>0</v>
      </c>
    </row>
    <row r="3138" spans="1:4" x14ac:dyDescent="0.25">
      <c r="A3138" t="s">
        <v>4830</v>
      </c>
      <c r="B3138" t="s">
        <v>4831</v>
      </c>
      <c r="C3138">
        <v>2</v>
      </c>
      <c r="D3138">
        <v>0</v>
      </c>
    </row>
    <row r="3139" spans="1:4" x14ac:dyDescent="0.25">
      <c r="A3139" t="s">
        <v>4832</v>
      </c>
      <c r="B3139" t="s">
        <v>4833</v>
      </c>
      <c r="C3139">
        <v>0</v>
      </c>
      <c r="D3139">
        <v>0</v>
      </c>
    </row>
    <row r="3140" spans="1:4" x14ac:dyDescent="0.25">
      <c r="A3140" t="s">
        <v>4832</v>
      </c>
      <c r="B3140" t="s">
        <v>4834</v>
      </c>
      <c r="C3140">
        <v>0</v>
      </c>
      <c r="D3140">
        <v>0</v>
      </c>
    </row>
    <row r="3141" spans="1:4" x14ac:dyDescent="0.25">
      <c r="A3141" t="s">
        <v>4832</v>
      </c>
      <c r="B3141" t="s">
        <v>4835</v>
      </c>
      <c r="C3141">
        <v>0</v>
      </c>
      <c r="D3141">
        <v>0</v>
      </c>
    </row>
    <row r="3142" spans="1:4" x14ac:dyDescent="0.25">
      <c r="A3142" t="s">
        <v>4836</v>
      </c>
      <c r="B3142" t="s">
        <v>4837</v>
      </c>
      <c r="C3142">
        <v>1</v>
      </c>
      <c r="D3142">
        <v>0</v>
      </c>
    </row>
    <row r="3143" spans="1:4" x14ac:dyDescent="0.25">
      <c r="A3143" t="s">
        <v>4838</v>
      </c>
      <c r="B3143" t="s">
        <v>4839</v>
      </c>
      <c r="C3143">
        <v>1</v>
      </c>
      <c r="D3143">
        <v>0</v>
      </c>
    </row>
    <row r="3144" spans="1:4" x14ac:dyDescent="0.25">
      <c r="A3144" t="s">
        <v>4840</v>
      </c>
      <c r="B3144" t="s">
        <v>4841</v>
      </c>
      <c r="C3144">
        <v>0</v>
      </c>
      <c r="D3144">
        <v>0</v>
      </c>
    </row>
    <row r="3145" spans="1:4" x14ac:dyDescent="0.25">
      <c r="A3145" t="s">
        <v>4842</v>
      </c>
      <c r="B3145" t="s">
        <v>4843</v>
      </c>
      <c r="C3145">
        <v>0</v>
      </c>
      <c r="D3145">
        <v>0</v>
      </c>
    </row>
    <row r="3146" spans="1:4" x14ac:dyDescent="0.25">
      <c r="A3146" t="s">
        <v>4842</v>
      </c>
      <c r="B3146" t="s">
        <v>4844</v>
      </c>
      <c r="C3146">
        <v>2</v>
      </c>
      <c r="D3146">
        <v>0</v>
      </c>
    </row>
    <row r="3147" spans="1:4" x14ac:dyDescent="0.25">
      <c r="A3147" t="s">
        <v>4845</v>
      </c>
      <c r="B3147" t="s">
        <v>4846</v>
      </c>
      <c r="C3147">
        <v>0</v>
      </c>
      <c r="D3147">
        <v>0</v>
      </c>
    </row>
    <row r="3148" spans="1:4" x14ac:dyDescent="0.25">
      <c r="A3148" t="s">
        <v>4845</v>
      </c>
      <c r="B3148" t="s">
        <v>4847</v>
      </c>
      <c r="C3148">
        <v>0</v>
      </c>
      <c r="D3148">
        <v>0</v>
      </c>
    </row>
    <row r="3149" spans="1:4" x14ac:dyDescent="0.25">
      <c r="A3149" t="s">
        <v>4848</v>
      </c>
      <c r="B3149" t="s">
        <v>1938</v>
      </c>
      <c r="C3149">
        <v>0</v>
      </c>
      <c r="D3149">
        <v>0</v>
      </c>
    </row>
    <row r="3150" spans="1:4" x14ac:dyDescent="0.25">
      <c r="A3150" t="s">
        <v>4849</v>
      </c>
      <c r="B3150" t="s">
        <v>4850</v>
      </c>
      <c r="C3150">
        <v>0</v>
      </c>
      <c r="D3150">
        <v>0</v>
      </c>
    </row>
    <row r="3151" spans="1:4" x14ac:dyDescent="0.25">
      <c r="A3151" t="s">
        <v>4851</v>
      </c>
      <c r="B3151" t="s">
        <v>4852</v>
      </c>
      <c r="C3151">
        <v>0</v>
      </c>
      <c r="D3151">
        <v>0</v>
      </c>
    </row>
    <row r="3152" spans="1:4" x14ac:dyDescent="0.25">
      <c r="A3152" t="s">
        <v>4853</v>
      </c>
      <c r="B3152" t="s">
        <v>1001</v>
      </c>
      <c r="C3152">
        <v>1</v>
      </c>
      <c r="D3152">
        <v>0</v>
      </c>
    </row>
    <row r="3153" spans="1:4" x14ac:dyDescent="0.25">
      <c r="A3153" t="s">
        <v>4853</v>
      </c>
      <c r="B3153" t="s">
        <v>4854</v>
      </c>
      <c r="C3153">
        <v>0</v>
      </c>
      <c r="D3153">
        <v>0</v>
      </c>
    </row>
    <row r="3154" spans="1:4" x14ac:dyDescent="0.25">
      <c r="A3154" t="s">
        <v>4855</v>
      </c>
      <c r="B3154" t="s">
        <v>1101</v>
      </c>
      <c r="C3154">
        <v>1</v>
      </c>
      <c r="D3154">
        <v>0</v>
      </c>
    </row>
    <row r="3155" spans="1:4" x14ac:dyDescent="0.25">
      <c r="A3155" t="s">
        <v>4856</v>
      </c>
      <c r="B3155" t="s">
        <v>969</v>
      </c>
      <c r="C3155">
        <v>0</v>
      </c>
      <c r="D3155">
        <v>0</v>
      </c>
    </row>
    <row r="3156" spans="1:4" x14ac:dyDescent="0.25">
      <c r="A3156" t="s">
        <v>4856</v>
      </c>
      <c r="B3156" t="s">
        <v>4857</v>
      </c>
      <c r="C3156">
        <v>2</v>
      </c>
      <c r="D3156">
        <v>0</v>
      </c>
    </row>
    <row r="3157" spans="1:4" x14ac:dyDescent="0.25">
      <c r="A3157" t="s">
        <v>4858</v>
      </c>
      <c r="B3157" t="s">
        <v>4859</v>
      </c>
      <c r="C3157">
        <v>0</v>
      </c>
      <c r="D3157">
        <v>0</v>
      </c>
    </row>
    <row r="3158" spans="1:4" x14ac:dyDescent="0.25">
      <c r="A3158" t="s">
        <v>4858</v>
      </c>
      <c r="B3158" t="s">
        <v>4860</v>
      </c>
      <c r="C3158">
        <v>0</v>
      </c>
      <c r="D3158">
        <v>0</v>
      </c>
    </row>
    <row r="3159" spans="1:4" x14ac:dyDescent="0.25">
      <c r="A3159" t="s">
        <v>4861</v>
      </c>
      <c r="B3159" t="s">
        <v>4862</v>
      </c>
      <c r="C3159">
        <v>1</v>
      </c>
      <c r="D3159">
        <v>0</v>
      </c>
    </row>
    <row r="3160" spans="1:4" x14ac:dyDescent="0.25">
      <c r="A3160" t="s">
        <v>4863</v>
      </c>
      <c r="B3160" t="s">
        <v>4864</v>
      </c>
      <c r="C3160">
        <v>2</v>
      </c>
      <c r="D3160">
        <v>0</v>
      </c>
    </row>
    <row r="3161" spans="1:4" x14ac:dyDescent="0.25">
      <c r="A3161" t="s">
        <v>4863</v>
      </c>
      <c r="B3161" t="s">
        <v>4865</v>
      </c>
      <c r="C3161">
        <v>0</v>
      </c>
      <c r="D3161">
        <v>0</v>
      </c>
    </row>
    <row r="3162" spans="1:4" x14ac:dyDescent="0.25">
      <c r="A3162" t="s">
        <v>4863</v>
      </c>
      <c r="B3162" t="s">
        <v>4866</v>
      </c>
      <c r="C3162">
        <v>2</v>
      </c>
      <c r="D3162">
        <v>0</v>
      </c>
    </row>
    <row r="3163" spans="1:4" x14ac:dyDescent="0.25">
      <c r="A3163" t="s">
        <v>4867</v>
      </c>
      <c r="B3163" t="s">
        <v>2671</v>
      </c>
      <c r="C3163">
        <v>1</v>
      </c>
      <c r="D3163">
        <v>0</v>
      </c>
    </row>
    <row r="3164" spans="1:4" x14ac:dyDescent="0.25">
      <c r="A3164" t="s">
        <v>4867</v>
      </c>
      <c r="B3164" t="s">
        <v>4868</v>
      </c>
      <c r="C3164">
        <v>0</v>
      </c>
      <c r="D3164">
        <v>0</v>
      </c>
    </row>
    <row r="3165" spans="1:4" x14ac:dyDescent="0.25">
      <c r="A3165" t="s">
        <v>4867</v>
      </c>
      <c r="B3165" t="s">
        <v>4869</v>
      </c>
      <c r="C3165">
        <v>0</v>
      </c>
      <c r="D3165">
        <v>0</v>
      </c>
    </row>
    <row r="3166" spans="1:4" x14ac:dyDescent="0.25">
      <c r="A3166" t="s">
        <v>4870</v>
      </c>
      <c r="B3166" t="s">
        <v>4871</v>
      </c>
      <c r="C3166">
        <v>0</v>
      </c>
      <c r="D3166">
        <v>0</v>
      </c>
    </row>
    <row r="3167" spans="1:4" x14ac:dyDescent="0.25">
      <c r="A3167" t="s">
        <v>4872</v>
      </c>
      <c r="B3167" t="s">
        <v>4873</v>
      </c>
      <c r="C3167">
        <v>2</v>
      </c>
      <c r="D3167">
        <v>0</v>
      </c>
    </row>
    <row r="3168" spans="1:4" x14ac:dyDescent="0.25">
      <c r="A3168" t="s">
        <v>4872</v>
      </c>
      <c r="B3168" t="s">
        <v>4874</v>
      </c>
      <c r="C3168">
        <v>0</v>
      </c>
      <c r="D3168">
        <v>0</v>
      </c>
    </row>
    <row r="3169" spans="1:4" x14ac:dyDescent="0.25">
      <c r="A3169" t="s">
        <v>4872</v>
      </c>
      <c r="B3169" t="s">
        <v>4875</v>
      </c>
      <c r="C3169">
        <v>1</v>
      </c>
      <c r="D3169">
        <v>0</v>
      </c>
    </row>
    <row r="3170" spans="1:4" x14ac:dyDescent="0.25">
      <c r="A3170" t="s">
        <v>4876</v>
      </c>
      <c r="B3170" t="s">
        <v>4877</v>
      </c>
      <c r="C3170">
        <v>1</v>
      </c>
      <c r="D3170">
        <v>0</v>
      </c>
    </row>
    <row r="3171" spans="1:4" x14ac:dyDescent="0.25">
      <c r="A3171" t="s">
        <v>4876</v>
      </c>
      <c r="B3171" t="s">
        <v>4878</v>
      </c>
      <c r="C3171">
        <v>0</v>
      </c>
      <c r="D3171">
        <v>0</v>
      </c>
    </row>
    <row r="3172" spans="1:4" x14ac:dyDescent="0.25">
      <c r="A3172" t="s">
        <v>4879</v>
      </c>
      <c r="B3172" t="s">
        <v>4880</v>
      </c>
      <c r="C3172">
        <v>2</v>
      </c>
      <c r="D3172">
        <v>0</v>
      </c>
    </row>
    <row r="3173" spans="1:4" x14ac:dyDescent="0.25">
      <c r="A3173" t="s">
        <v>4879</v>
      </c>
      <c r="B3173" t="s">
        <v>4881</v>
      </c>
      <c r="C3173">
        <v>2</v>
      </c>
      <c r="D3173">
        <v>0</v>
      </c>
    </row>
    <row r="3174" spans="1:4" x14ac:dyDescent="0.25">
      <c r="A3174" t="s">
        <v>4879</v>
      </c>
      <c r="B3174" t="s">
        <v>4882</v>
      </c>
      <c r="C3174">
        <v>2</v>
      </c>
      <c r="D3174">
        <v>0</v>
      </c>
    </row>
    <row r="3175" spans="1:4" x14ac:dyDescent="0.25">
      <c r="A3175" t="s">
        <v>4883</v>
      </c>
      <c r="B3175" t="s">
        <v>4884</v>
      </c>
      <c r="C3175">
        <v>0</v>
      </c>
      <c r="D3175">
        <v>0</v>
      </c>
    </row>
    <row r="3176" spans="1:4" x14ac:dyDescent="0.25">
      <c r="A3176" t="s">
        <v>4883</v>
      </c>
      <c r="B3176" t="s">
        <v>4885</v>
      </c>
      <c r="C3176">
        <v>2</v>
      </c>
      <c r="D3176">
        <v>0</v>
      </c>
    </row>
    <row r="3177" spans="1:4" x14ac:dyDescent="0.25">
      <c r="A3177" t="s">
        <v>4886</v>
      </c>
      <c r="B3177" t="s">
        <v>4887</v>
      </c>
      <c r="C3177">
        <v>2</v>
      </c>
      <c r="D3177">
        <v>0</v>
      </c>
    </row>
    <row r="3178" spans="1:4" x14ac:dyDescent="0.25">
      <c r="A3178" t="s">
        <v>4886</v>
      </c>
      <c r="B3178" t="s">
        <v>4888</v>
      </c>
      <c r="C3178">
        <v>0</v>
      </c>
      <c r="D3178">
        <v>0</v>
      </c>
    </row>
    <row r="3179" spans="1:4" x14ac:dyDescent="0.25">
      <c r="A3179" t="s">
        <v>4886</v>
      </c>
      <c r="B3179" t="s">
        <v>1387</v>
      </c>
      <c r="C3179">
        <v>1</v>
      </c>
      <c r="D3179">
        <v>0</v>
      </c>
    </row>
    <row r="3180" spans="1:4" x14ac:dyDescent="0.25">
      <c r="A3180" t="s">
        <v>4889</v>
      </c>
      <c r="B3180" t="s">
        <v>4890</v>
      </c>
      <c r="C3180">
        <v>2</v>
      </c>
      <c r="D3180">
        <v>0</v>
      </c>
    </row>
    <row r="3181" spans="1:4" x14ac:dyDescent="0.25">
      <c r="A3181" t="s">
        <v>4891</v>
      </c>
      <c r="B3181" t="s">
        <v>4892</v>
      </c>
      <c r="C3181">
        <v>1</v>
      </c>
      <c r="D3181">
        <v>0</v>
      </c>
    </row>
    <row r="3182" spans="1:4" x14ac:dyDescent="0.25">
      <c r="A3182" t="s">
        <v>4893</v>
      </c>
      <c r="B3182" t="s">
        <v>4894</v>
      </c>
      <c r="C3182">
        <v>0</v>
      </c>
      <c r="D3182">
        <v>0</v>
      </c>
    </row>
    <row r="3183" spans="1:4" x14ac:dyDescent="0.25">
      <c r="A3183" t="s">
        <v>4893</v>
      </c>
      <c r="B3183" t="s">
        <v>4895</v>
      </c>
      <c r="C3183">
        <v>1</v>
      </c>
      <c r="D3183">
        <v>0</v>
      </c>
    </row>
    <row r="3184" spans="1:4" x14ac:dyDescent="0.25">
      <c r="A3184" t="s">
        <v>4896</v>
      </c>
      <c r="B3184" t="s">
        <v>4897</v>
      </c>
      <c r="C3184">
        <v>0</v>
      </c>
      <c r="D3184">
        <v>0</v>
      </c>
    </row>
    <row r="3185" spans="1:4" x14ac:dyDescent="0.25">
      <c r="A3185" t="s">
        <v>4898</v>
      </c>
      <c r="B3185" t="s">
        <v>4899</v>
      </c>
      <c r="C3185">
        <v>2</v>
      </c>
      <c r="D3185">
        <v>0</v>
      </c>
    </row>
    <row r="3186" spans="1:4" x14ac:dyDescent="0.25">
      <c r="A3186" t="s">
        <v>4898</v>
      </c>
      <c r="B3186" t="s">
        <v>4900</v>
      </c>
      <c r="C3186">
        <v>1</v>
      </c>
      <c r="D3186">
        <v>0</v>
      </c>
    </row>
    <row r="3187" spans="1:4" x14ac:dyDescent="0.25">
      <c r="A3187" t="s">
        <v>4898</v>
      </c>
      <c r="B3187" t="s">
        <v>4901</v>
      </c>
      <c r="C3187">
        <v>0</v>
      </c>
      <c r="D3187">
        <v>0</v>
      </c>
    </row>
    <row r="3188" spans="1:4" x14ac:dyDescent="0.25">
      <c r="A3188" t="s">
        <v>4902</v>
      </c>
      <c r="B3188" t="s">
        <v>4903</v>
      </c>
      <c r="C3188">
        <v>0</v>
      </c>
      <c r="D3188">
        <v>0</v>
      </c>
    </row>
    <row r="3189" spans="1:4" x14ac:dyDescent="0.25">
      <c r="A3189" t="s">
        <v>4902</v>
      </c>
      <c r="B3189" t="s">
        <v>4904</v>
      </c>
      <c r="C3189">
        <v>1</v>
      </c>
      <c r="D3189">
        <v>0</v>
      </c>
    </row>
    <row r="3190" spans="1:4" x14ac:dyDescent="0.25">
      <c r="A3190" t="s">
        <v>4905</v>
      </c>
      <c r="B3190" t="s">
        <v>4906</v>
      </c>
      <c r="C3190">
        <v>0</v>
      </c>
      <c r="D3190">
        <v>0</v>
      </c>
    </row>
    <row r="3191" spans="1:4" x14ac:dyDescent="0.25">
      <c r="A3191" t="s">
        <v>4905</v>
      </c>
      <c r="B3191" t="s">
        <v>4907</v>
      </c>
      <c r="C3191">
        <v>2</v>
      </c>
      <c r="D3191">
        <v>0</v>
      </c>
    </row>
    <row r="3192" spans="1:4" x14ac:dyDescent="0.25">
      <c r="A3192" t="s">
        <v>4905</v>
      </c>
      <c r="B3192" t="s">
        <v>4908</v>
      </c>
      <c r="C3192">
        <v>0</v>
      </c>
      <c r="D3192">
        <v>0</v>
      </c>
    </row>
    <row r="3193" spans="1:4" x14ac:dyDescent="0.25">
      <c r="A3193" t="s">
        <v>4909</v>
      </c>
      <c r="B3193" t="s">
        <v>4910</v>
      </c>
      <c r="C3193">
        <v>1</v>
      </c>
      <c r="D3193">
        <v>0</v>
      </c>
    </row>
    <row r="3194" spans="1:4" x14ac:dyDescent="0.25">
      <c r="A3194" t="s">
        <v>4911</v>
      </c>
      <c r="B3194" t="s">
        <v>4912</v>
      </c>
      <c r="C3194">
        <v>0</v>
      </c>
      <c r="D3194">
        <v>0</v>
      </c>
    </row>
    <row r="3195" spans="1:4" x14ac:dyDescent="0.25">
      <c r="A3195" t="s">
        <v>4913</v>
      </c>
      <c r="B3195" t="s">
        <v>4914</v>
      </c>
      <c r="C3195">
        <v>0</v>
      </c>
      <c r="D3195">
        <v>0</v>
      </c>
    </row>
    <row r="3196" spans="1:4" x14ac:dyDescent="0.25">
      <c r="A3196" t="s">
        <v>4913</v>
      </c>
      <c r="B3196" t="s">
        <v>4915</v>
      </c>
      <c r="C3196">
        <v>2</v>
      </c>
      <c r="D3196">
        <v>0</v>
      </c>
    </row>
    <row r="3197" spans="1:4" x14ac:dyDescent="0.25">
      <c r="A3197" t="s">
        <v>4913</v>
      </c>
      <c r="B3197" t="s">
        <v>4916</v>
      </c>
      <c r="C3197">
        <v>2</v>
      </c>
      <c r="D3197">
        <v>0</v>
      </c>
    </row>
    <row r="3198" spans="1:4" x14ac:dyDescent="0.25">
      <c r="A3198" t="s">
        <v>4917</v>
      </c>
      <c r="B3198" t="s">
        <v>4918</v>
      </c>
      <c r="C3198">
        <v>1</v>
      </c>
      <c r="D3198">
        <v>0</v>
      </c>
    </row>
    <row r="3199" spans="1:4" x14ac:dyDescent="0.25">
      <c r="A3199" t="s">
        <v>4919</v>
      </c>
      <c r="B3199" t="s">
        <v>4920</v>
      </c>
      <c r="C3199">
        <v>1</v>
      </c>
      <c r="D3199">
        <v>0</v>
      </c>
    </row>
    <row r="3200" spans="1:4" x14ac:dyDescent="0.25">
      <c r="A3200" t="s">
        <v>4921</v>
      </c>
      <c r="B3200" t="s">
        <v>1499</v>
      </c>
      <c r="C3200">
        <v>1</v>
      </c>
      <c r="D3200">
        <v>0</v>
      </c>
    </row>
    <row r="3201" spans="1:4" x14ac:dyDescent="0.25">
      <c r="A3201" t="s">
        <v>4922</v>
      </c>
      <c r="B3201" t="s">
        <v>4923</v>
      </c>
      <c r="C3201">
        <v>1</v>
      </c>
      <c r="D3201">
        <v>0</v>
      </c>
    </row>
    <row r="3202" spans="1:4" x14ac:dyDescent="0.25">
      <c r="A3202" t="s">
        <v>4924</v>
      </c>
      <c r="B3202" t="s">
        <v>4925</v>
      </c>
      <c r="C3202">
        <v>1</v>
      </c>
      <c r="D3202">
        <v>0</v>
      </c>
    </row>
    <row r="3203" spans="1:4" x14ac:dyDescent="0.25">
      <c r="A3203" t="s">
        <v>4926</v>
      </c>
      <c r="B3203" t="s">
        <v>4927</v>
      </c>
      <c r="C3203">
        <v>0</v>
      </c>
      <c r="D3203">
        <v>0</v>
      </c>
    </row>
    <row r="3204" spans="1:4" x14ac:dyDescent="0.25">
      <c r="A3204" t="s">
        <v>4928</v>
      </c>
      <c r="B3204" t="s">
        <v>4929</v>
      </c>
      <c r="C3204">
        <v>2</v>
      </c>
      <c r="D3204">
        <v>0</v>
      </c>
    </row>
    <row r="3205" spans="1:4" x14ac:dyDescent="0.25">
      <c r="A3205" t="s">
        <v>4930</v>
      </c>
      <c r="B3205" t="s">
        <v>968</v>
      </c>
      <c r="C3205">
        <v>1</v>
      </c>
      <c r="D3205">
        <v>0</v>
      </c>
    </row>
    <row r="3206" spans="1:4" x14ac:dyDescent="0.25">
      <c r="A3206" t="s">
        <v>4931</v>
      </c>
      <c r="B3206" t="s">
        <v>4932</v>
      </c>
      <c r="C3206">
        <v>2</v>
      </c>
      <c r="D3206">
        <v>0</v>
      </c>
    </row>
    <row r="3207" spans="1:4" x14ac:dyDescent="0.25">
      <c r="A3207" t="s">
        <v>4933</v>
      </c>
      <c r="B3207" t="s">
        <v>4934</v>
      </c>
      <c r="C3207">
        <v>0</v>
      </c>
      <c r="D3207">
        <v>0</v>
      </c>
    </row>
    <row r="3208" spans="1:4" x14ac:dyDescent="0.25">
      <c r="A3208" t="s">
        <v>4933</v>
      </c>
      <c r="B3208" t="s">
        <v>4935</v>
      </c>
      <c r="C3208">
        <v>1</v>
      </c>
      <c r="D3208">
        <v>0</v>
      </c>
    </row>
    <row r="3209" spans="1:4" x14ac:dyDescent="0.25">
      <c r="A3209" t="s">
        <v>4936</v>
      </c>
      <c r="B3209" t="s">
        <v>4937</v>
      </c>
      <c r="C3209">
        <v>1</v>
      </c>
      <c r="D3209">
        <v>0</v>
      </c>
    </row>
    <row r="3210" spans="1:4" x14ac:dyDescent="0.25">
      <c r="A3210" t="s">
        <v>4938</v>
      </c>
      <c r="B3210" t="s">
        <v>4939</v>
      </c>
      <c r="C3210">
        <v>1</v>
      </c>
      <c r="D3210">
        <v>0</v>
      </c>
    </row>
    <row r="3211" spans="1:4" x14ac:dyDescent="0.25">
      <c r="A3211" t="s">
        <v>4940</v>
      </c>
      <c r="B3211" t="s">
        <v>4941</v>
      </c>
      <c r="C3211">
        <v>1</v>
      </c>
      <c r="D3211">
        <v>0</v>
      </c>
    </row>
    <row r="3212" spans="1:4" x14ac:dyDescent="0.25">
      <c r="A3212" t="s">
        <v>4942</v>
      </c>
      <c r="B3212" t="s">
        <v>4943</v>
      </c>
      <c r="C3212">
        <v>1</v>
      </c>
      <c r="D3212">
        <v>0</v>
      </c>
    </row>
    <row r="3213" spans="1:4" x14ac:dyDescent="0.25">
      <c r="A3213" t="s">
        <v>4944</v>
      </c>
      <c r="B3213" t="s">
        <v>968</v>
      </c>
      <c r="C3213">
        <v>1</v>
      </c>
      <c r="D3213">
        <v>0</v>
      </c>
    </row>
    <row r="3214" spans="1:4" x14ac:dyDescent="0.25">
      <c r="A3214" t="s">
        <v>4945</v>
      </c>
      <c r="B3214" t="s">
        <v>1499</v>
      </c>
      <c r="C3214">
        <v>1</v>
      </c>
      <c r="D3214">
        <v>0</v>
      </c>
    </row>
    <row r="3215" spans="1:4" x14ac:dyDescent="0.25">
      <c r="A3215" t="s">
        <v>4945</v>
      </c>
      <c r="B3215" t="s">
        <v>4946</v>
      </c>
      <c r="C3215">
        <v>0</v>
      </c>
      <c r="D3215">
        <v>0</v>
      </c>
    </row>
    <row r="3216" spans="1:4" x14ac:dyDescent="0.25">
      <c r="A3216" t="s">
        <v>4947</v>
      </c>
      <c r="B3216" t="s">
        <v>2267</v>
      </c>
      <c r="C3216">
        <v>0</v>
      </c>
      <c r="D3216">
        <v>0</v>
      </c>
    </row>
    <row r="3217" spans="1:4" x14ac:dyDescent="0.25">
      <c r="A3217" t="s">
        <v>4947</v>
      </c>
      <c r="B3217" t="s">
        <v>4948</v>
      </c>
      <c r="C3217">
        <v>0</v>
      </c>
      <c r="D3217">
        <v>0</v>
      </c>
    </row>
    <row r="3218" spans="1:4" x14ac:dyDescent="0.25">
      <c r="A3218" t="s">
        <v>4949</v>
      </c>
      <c r="B3218" t="s">
        <v>4950</v>
      </c>
      <c r="C3218">
        <v>1</v>
      </c>
      <c r="D3218">
        <v>0</v>
      </c>
    </row>
    <row r="3219" spans="1:4" x14ac:dyDescent="0.25">
      <c r="A3219" t="s">
        <v>4949</v>
      </c>
      <c r="B3219" t="s">
        <v>4951</v>
      </c>
      <c r="C3219">
        <v>1</v>
      </c>
      <c r="D3219">
        <v>0</v>
      </c>
    </row>
    <row r="3220" spans="1:4" x14ac:dyDescent="0.25">
      <c r="A3220" t="s">
        <v>4952</v>
      </c>
      <c r="B3220" t="s">
        <v>4953</v>
      </c>
      <c r="C3220">
        <v>0</v>
      </c>
      <c r="D3220">
        <v>0</v>
      </c>
    </row>
    <row r="3221" spans="1:4" x14ac:dyDescent="0.25">
      <c r="A3221" t="s">
        <v>4954</v>
      </c>
      <c r="B3221" t="s">
        <v>4955</v>
      </c>
      <c r="C3221">
        <v>1</v>
      </c>
      <c r="D3221">
        <v>0</v>
      </c>
    </row>
    <row r="3222" spans="1:4" x14ac:dyDescent="0.25">
      <c r="A3222" t="s">
        <v>4956</v>
      </c>
      <c r="B3222" t="s">
        <v>4957</v>
      </c>
      <c r="C3222">
        <v>1</v>
      </c>
      <c r="D3222">
        <v>0</v>
      </c>
    </row>
    <row r="3223" spans="1:4" x14ac:dyDescent="0.25">
      <c r="A3223" t="s">
        <v>4956</v>
      </c>
      <c r="B3223" t="s">
        <v>4958</v>
      </c>
      <c r="C3223">
        <v>1</v>
      </c>
      <c r="D3223">
        <v>0</v>
      </c>
    </row>
    <row r="3224" spans="1:4" x14ac:dyDescent="0.25">
      <c r="A3224" t="s">
        <v>4959</v>
      </c>
      <c r="B3224" t="s">
        <v>4960</v>
      </c>
      <c r="C3224">
        <v>1</v>
      </c>
      <c r="D3224">
        <v>0</v>
      </c>
    </row>
    <row r="3225" spans="1:4" x14ac:dyDescent="0.25">
      <c r="A3225" t="s">
        <v>4959</v>
      </c>
      <c r="B3225" t="s">
        <v>4961</v>
      </c>
      <c r="C3225">
        <v>0</v>
      </c>
      <c r="D3225">
        <v>0</v>
      </c>
    </row>
    <row r="3226" spans="1:4" x14ac:dyDescent="0.25">
      <c r="A3226" t="s">
        <v>4962</v>
      </c>
      <c r="B3226" t="s">
        <v>4963</v>
      </c>
      <c r="C3226">
        <v>0</v>
      </c>
      <c r="D3226">
        <v>0</v>
      </c>
    </row>
    <row r="3227" spans="1:4" x14ac:dyDescent="0.25">
      <c r="A3227" t="s">
        <v>4964</v>
      </c>
      <c r="B3227" t="s">
        <v>4965</v>
      </c>
      <c r="C3227">
        <v>1</v>
      </c>
      <c r="D3227">
        <v>0</v>
      </c>
    </row>
    <row r="3228" spans="1:4" x14ac:dyDescent="0.25">
      <c r="A3228" t="s">
        <v>4964</v>
      </c>
      <c r="B3228" t="s">
        <v>4966</v>
      </c>
      <c r="C3228">
        <v>1</v>
      </c>
      <c r="D3228">
        <v>0</v>
      </c>
    </row>
    <row r="3229" spans="1:4" x14ac:dyDescent="0.25">
      <c r="A3229" t="s">
        <v>4967</v>
      </c>
      <c r="B3229" t="s">
        <v>852</v>
      </c>
      <c r="C3229">
        <v>0</v>
      </c>
      <c r="D3229">
        <v>0</v>
      </c>
    </row>
    <row r="3230" spans="1:4" x14ac:dyDescent="0.25">
      <c r="A3230" t="s">
        <v>4968</v>
      </c>
      <c r="B3230" t="s">
        <v>4969</v>
      </c>
      <c r="C3230">
        <v>2</v>
      </c>
      <c r="D3230">
        <v>0</v>
      </c>
    </row>
    <row r="3231" spans="1:4" x14ac:dyDescent="0.25">
      <c r="A3231" t="s">
        <v>4968</v>
      </c>
      <c r="B3231" t="s">
        <v>4970</v>
      </c>
      <c r="C3231">
        <v>0</v>
      </c>
      <c r="D3231">
        <v>0</v>
      </c>
    </row>
    <row r="3232" spans="1:4" x14ac:dyDescent="0.25">
      <c r="A3232" t="s">
        <v>4971</v>
      </c>
      <c r="B3232" t="s">
        <v>4972</v>
      </c>
      <c r="C3232">
        <v>1</v>
      </c>
      <c r="D3232">
        <v>0</v>
      </c>
    </row>
    <row r="3233" spans="1:4" x14ac:dyDescent="0.25">
      <c r="A3233" t="s">
        <v>4973</v>
      </c>
      <c r="B3233" t="s">
        <v>4974</v>
      </c>
      <c r="C3233">
        <v>0</v>
      </c>
      <c r="D3233">
        <v>0</v>
      </c>
    </row>
    <row r="3234" spans="1:4" x14ac:dyDescent="0.25">
      <c r="A3234" t="s">
        <v>4975</v>
      </c>
      <c r="B3234" t="s">
        <v>4976</v>
      </c>
      <c r="C3234">
        <v>1</v>
      </c>
      <c r="D3234">
        <v>0</v>
      </c>
    </row>
    <row r="3235" spans="1:4" x14ac:dyDescent="0.25">
      <c r="A3235" t="s">
        <v>4975</v>
      </c>
      <c r="B3235" t="s">
        <v>4977</v>
      </c>
      <c r="C3235">
        <v>1</v>
      </c>
      <c r="D3235">
        <v>0</v>
      </c>
    </row>
    <row r="3236" spans="1:4" x14ac:dyDescent="0.25">
      <c r="A3236" t="s">
        <v>4978</v>
      </c>
      <c r="B3236" t="s">
        <v>4979</v>
      </c>
      <c r="C3236">
        <v>1</v>
      </c>
      <c r="D3236">
        <v>0</v>
      </c>
    </row>
    <row r="3237" spans="1:4" x14ac:dyDescent="0.25">
      <c r="A3237" t="s">
        <v>4978</v>
      </c>
      <c r="B3237" t="s">
        <v>4980</v>
      </c>
      <c r="C3237">
        <v>1</v>
      </c>
      <c r="D3237">
        <v>0</v>
      </c>
    </row>
    <row r="3238" spans="1:4" x14ac:dyDescent="0.25">
      <c r="A3238" t="s">
        <v>4981</v>
      </c>
      <c r="B3238" t="s">
        <v>4982</v>
      </c>
      <c r="C3238">
        <v>1</v>
      </c>
      <c r="D3238">
        <v>0</v>
      </c>
    </row>
    <row r="3239" spans="1:4" x14ac:dyDescent="0.25">
      <c r="A3239" t="s">
        <v>4983</v>
      </c>
      <c r="B3239" t="s">
        <v>4984</v>
      </c>
      <c r="C3239">
        <v>0</v>
      </c>
      <c r="D3239">
        <v>0</v>
      </c>
    </row>
    <row r="3240" spans="1:4" x14ac:dyDescent="0.25">
      <c r="A3240" t="s">
        <v>4983</v>
      </c>
      <c r="B3240" t="s">
        <v>4985</v>
      </c>
      <c r="C3240">
        <v>2</v>
      </c>
      <c r="D3240">
        <v>0</v>
      </c>
    </row>
    <row r="3241" spans="1:4" x14ac:dyDescent="0.25">
      <c r="A3241" t="s">
        <v>4986</v>
      </c>
      <c r="B3241" t="s">
        <v>4987</v>
      </c>
      <c r="C3241">
        <v>1</v>
      </c>
      <c r="D3241">
        <v>0</v>
      </c>
    </row>
    <row r="3242" spans="1:4" x14ac:dyDescent="0.25">
      <c r="A3242" t="s">
        <v>4986</v>
      </c>
      <c r="B3242" t="s">
        <v>4988</v>
      </c>
      <c r="C3242">
        <v>0</v>
      </c>
      <c r="D3242">
        <v>0</v>
      </c>
    </row>
    <row r="3243" spans="1:4" x14ac:dyDescent="0.25">
      <c r="A3243" t="s">
        <v>4989</v>
      </c>
      <c r="B3243" t="s">
        <v>2052</v>
      </c>
      <c r="C3243">
        <v>0</v>
      </c>
      <c r="D3243">
        <v>0</v>
      </c>
    </row>
    <row r="3244" spans="1:4" x14ac:dyDescent="0.25">
      <c r="A3244" t="s">
        <v>4990</v>
      </c>
      <c r="B3244" t="s">
        <v>1567</v>
      </c>
      <c r="C3244">
        <v>0</v>
      </c>
      <c r="D3244">
        <v>0</v>
      </c>
    </row>
    <row r="3245" spans="1:4" x14ac:dyDescent="0.25">
      <c r="A3245" t="s">
        <v>4991</v>
      </c>
      <c r="B3245" t="s">
        <v>4992</v>
      </c>
      <c r="C3245">
        <v>1</v>
      </c>
      <c r="D3245">
        <v>0</v>
      </c>
    </row>
    <row r="3246" spans="1:4" x14ac:dyDescent="0.25">
      <c r="A3246" t="s">
        <v>4991</v>
      </c>
      <c r="B3246" t="s">
        <v>4993</v>
      </c>
      <c r="C3246">
        <v>2</v>
      </c>
      <c r="D3246">
        <v>0</v>
      </c>
    </row>
    <row r="3247" spans="1:4" x14ac:dyDescent="0.25">
      <c r="A3247" t="s">
        <v>4994</v>
      </c>
      <c r="B3247" t="s">
        <v>4995</v>
      </c>
      <c r="C3247">
        <v>1</v>
      </c>
      <c r="D3247">
        <v>0</v>
      </c>
    </row>
    <row r="3248" spans="1:4" x14ac:dyDescent="0.25">
      <c r="A3248" t="s">
        <v>4996</v>
      </c>
      <c r="B3248" t="s">
        <v>4997</v>
      </c>
      <c r="C3248">
        <v>1</v>
      </c>
      <c r="D3248">
        <v>0</v>
      </c>
    </row>
    <row r="3249" spans="1:4" x14ac:dyDescent="0.25">
      <c r="A3249" t="s">
        <v>4996</v>
      </c>
      <c r="B3249" t="s">
        <v>4998</v>
      </c>
      <c r="C3249">
        <v>0</v>
      </c>
      <c r="D3249">
        <v>0</v>
      </c>
    </row>
    <row r="3250" spans="1:4" x14ac:dyDescent="0.25">
      <c r="A3250" t="s">
        <v>4999</v>
      </c>
      <c r="B3250" t="s">
        <v>5000</v>
      </c>
      <c r="C3250">
        <v>0</v>
      </c>
      <c r="D3250">
        <v>0</v>
      </c>
    </row>
    <row r="3251" spans="1:4" x14ac:dyDescent="0.25">
      <c r="A3251" t="s">
        <v>4999</v>
      </c>
      <c r="B3251" t="s">
        <v>5001</v>
      </c>
      <c r="C3251">
        <v>1</v>
      </c>
      <c r="D3251">
        <v>0</v>
      </c>
    </row>
    <row r="3252" spans="1:4" x14ac:dyDescent="0.25">
      <c r="A3252" t="s">
        <v>4999</v>
      </c>
      <c r="B3252" t="s">
        <v>5002</v>
      </c>
      <c r="C3252">
        <v>0</v>
      </c>
      <c r="D3252">
        <v>0</v>
      </c>
    </row>
    <row r="3253" spans="1:4" x14ac:dyDescent="0.25">
      <c r="A3253" t="s">
        <v>5003</v>
      </c>
      <c r="B3253" t="s">
        <v>5004</v>
      </c>
      <c r="C3253">
        <v>0</v>
      </c>
      <c r="D3253">
        <v>0</v>
      </c>
    </row>
    <row r="3254" spans="1:4" x14ac:dyDescent="0.25">
      <c r="A3254" t="s">
        <v>5005</v>
      </c>
      <c r="B3254" t="s">
        <v>5006</v>
      </c>
      <c r="C3254">
        <v>1</v>
      </c>
      <c r="D3254">
        <v>0</v>
      </c>
    </row>
    <row r="3255" spans="1:4" x14ac:dyDescent="0.25">
      <c r="A3255" t="s">
        <v>5007</v>
      </c>
      <c r="B3255" t="s">
        <v>5008</v>
      </c>
      <c r="C3255">
        <v>2</v>
      </c>
      <c r="D3255">
        <v>0</v>
      </c>
    </row>
    <row r="3256" spans="1:4" x14ac:dyDescent="0.25">
      <c r="A3256" t="s">
        <v>5007</v>
      </c>
      <c r="B3256" t="s">
        <v>5009</v>
      </c>
      <c r="C3256">
        <v>0</v>
      </c>
      <c r="D3256">
        <v>0</v>
      </c>
    </row>
    <row r="3257" spans="1:4" x14ac:dyDescent="0.25">
      <c r="A3257" t="s">
        <v>5010</v>
      </c>
      <c r="B3257" t="s">
        <v>5011</v>
      </c>
      <c r="C3257">
        <v>1</v>
      </c>
      <c r="D3257">
        <v>0</v>
      </c>
    </row>
    <row r="3258" spans="1:4" x14ac:dyDescent="0.25">
      <c r="A3258" t="s">
        <v>5012</v>
      </c>
      <c r="B3258" t="s">
        <v>5013</v>
      </c>
      <c r="C3258">
        <v>0</v>
      </c>
      <c r="D3258">
        <v>0</v>
      </c>
    </row>
    <row r="3259" spans="1:4" x14ac:dyDescent="0.25">
      <c r="A3259" t="s">
        <v>5014</v>
      </c>
      <c r="B3259" t="s">
        <v>5015</v>
      </c>
      <c r="C3259">
        <v>1</v>
      </c>
      <c r="D3259">
        <v>0</v>
      </c>
    </row>
    <row r="3260" spans="1:4" x14ac:dyDescent="0.25">
      <c r="A3260" t="s">
        <v>5014</v>
      </c>
      <c r="B3260" t="s">
        <v>5016</v>
      </c>
      <c r="C3260">
        <v>1</v>
      </c>
      <c r="D3260">
        <v>0</v>
      </c>
    </row>
    <row r="3261" spans="1:4" x14ac:dyDescent="0.25">
      <c r="A3261" t="s">
        <v>5014</v>
      </c>
      <c r="B3261" t="s">
        <v>5017</v>
      </c>
      <c r="C3261">
        <v>1</v>
      </c>
      <c r="D3261">
        <v>0</v>
      </c>
    </row>
    <row r="3262" spans="1:4" x14ac:dyDescent="0.25">
      <c r="A3262" t="s">
        <v>5018</v>
      </c>
      <c r="B3262" t="s">
        <v>5019</v>
      </c>
      <c r="C3262">
        <v>1</v>
      </c>
      <c r="D3262">
        <v>0</v>
      </c>
    </row>
    <row r="3263" spans="1:4" x14ac:dyDescent="0.25">
      <c r="A3263" t="s">
        <v>5020</v>
      </c>
      <c r="B3263" t="s">
        <v>398</v>
      </c>
      <c r="C3263">
        <v>0</v>
      </c>
      <c r="D3263">
        <v>0</v>
      </c>
    </row>
    <row r="3264" spans="1:4" x14ac:dyDescent="0.25">
      <c r="A3264" t="s">
        <v>5021</v>
      </c>
      <c r="B3264" t="s">
        <v>5022</v>
      </c>
      <c r="C3264">
        <v>1</v>
      </c>
      <c r="D3264">
        <v>0</v>
      </c>
    </row>
    <row r="3265" spans="1:4" x14ac:dyDescent="0.25">
      <c r="A3265" t="s">
        <v>5023</v>
      </c>
      <c r="B3265" t="s">
        <v>5024</v>
      </c>
      <c r="C3265">
        <v>0</v>
      </c>
      <c r="D3265">
        <v>0</v>
      </c>
    </row>
    <row r="3266" spans="1:4" x14ac:dyDescent="0.25">
      <c r="A3266" t="s">
        <v>5023</v>
      </c>
      <c r="B3266" t="s">
        <v>5025</v>
      </c>
      <c r="C3266">
        <v>2</v>
      </c>
      <c r="D3266">
        <v>0</v>
      </c>
    </row>
    <row r="3267" spans="1:4" x14ac:dyDescent="0.25">
      <c r="A3267" t="s">
        <v>5023</v>
      </c>
      <c r="B3267" t="s">
        <v>5026</v>
      </c>
      <c r="C3267">
        <v>1</v>
      </c>
      <c r="D3267">
        <v>0</v>
      </c>
    </row>
    <row r="3268" spans="1:4" x14ac:dyDescent="0.25">
      <c r="A3268" t="s">
        <v>5027</v>
      </c>
      <c r="B3268" t="s">
        <v>5028</v>
      </c>
      <c r="C3268">
        <v>0</v>
      </c>
      <c r="D3268">
        <v>0</v>
      </c>
    </row>
    <row r="3269" spans="1:4" x14ac:dyDescent="0.25">
      <c r="A3269" t="s">
        <v>5029</v>
      </c>
      <c r="B3269" t="s">
        <v>5030</v>
      </c>
      <c r="C3269">
        <v>1</v>
      </c>
      <c r="D3269">
        <v>0</v>
      </c>
    </row>
    <row r="3270" spans="1:4" x14ac:dyDescent="0.25">
      <c r="A3270" t="s">
        <v>5031</v>
      </c>
      <c r="B3270" t="s">
        <v>5032</v>
      </c>
      <c r="C3270">
        <v>2</v>
      </c>
      <c r="D3270">
        <v>0</v>
      </c>
    </row>
    <row r="3271" spans="1:4" x14ac:dyDescent="0.25">
      <c r="A3271" t="s">
        <v>5033</v>
      </c>
      <c r="B3271" t="s">
        <v>1102</v>
      </c>
      <c r="C3271">
        <v>0</v>
      </c>
      <c r="D3271">
        <v>0</v>
      </c>
    </row>
    <row r="3272" spans="1:4" x14ac:dyDescent="0.25">
      <c r="A3272" t="s">
        <v>5033</v>
      </c>
      <c r="B3272" t="s">
        <v>1101</v>
      </c>
      <c r="C3272">
        <v>1</v>
      </c>
      <c r="D3272">
        <v>0</v>
      </c>
    </row>
    <row r="3273" spans="1:4" x14ac:dyDescent="0.25">
      <c r="A3273" t="s">
        <v>5034</v>
      </c>
      <c r="B3273" t="s">
        <v>5035</v>
      </c>
      <c r="C3273">
        <v>1</v>
      </c>
      <c r="D3273">
        <v>0</v>
      </c>
    </row>
    <row r="3274" spans="1:4" x14ac:dyDescent="0.25">
      <c r="A3274" t="s">
        <v>5034</v>
      </c>
      <c r="B3274" t="s">
        <v>5036</v>
      </c>
      <c r="C3274">
        <v>2</v>
      </c>
      <c r="D3274">
        <v>0</v>
      </c>
    </row>
    <row r="3275" spans="1:4" x14ac:dyDescent="0.25">
      <c r="A3275" t="s">
        <v>5037</v>
      </c>
      <c r="B3275" t="s">
        <v>5038</v>
      </c>
      <c r="C3275">
        <v>0</v>
      </c>
      <c r="D3275">
        <v>0</v>
      </c>
    </row>
    <row r="3276" spans="1:4" x14ac:dyDescent="0.25">
      <c r="A3276" t="s">
        <v>5039</v>
      </c>
      <c r="B3276" t="s">
        <v>5040</v>
      </c>
      <c r="C3276">
        <v>1</v>
      </c>
      <c r="D3276">
        <v>0</v>
      </c>
    </row>
    <row r="3277" spans="1:4" x14ac:dyDescent="0.25">
      <c r="A3277" t="s">
        <v>5039</v>
      </c>
      <c r="B3277" t="s">
        <v>5041</v>
      </c>
      <c r="C3277">
        <v>0</v>
      </c>
      <c r="D3277">
        <v>0</v>
      </c>
    </row>
    <row r="3278" spans="1:4" x14ac:dyDescent="0.25">
      <c r="A3278" t="s">
        <v>5042</v>
      </c>
      <c r="B3278" t="s">
        <v>5043</v>
      </c>
      <c r="C3278">
        <v>1</v>
      </c>
      <c r="D3278">
        <v>0</v>
      </c>
    </row>
    <row r="3279" spans="1:4" x14ac:dyDescent="0.25">
      <c r="A3279" t="s">
        <v>5042</v>
      </c>
      <c r="B3279" t="s">
        <v>5044</v>
      </c>
      <c r="C3279">
        <v>2</v>
      </c>
      <c r="D3279">
        <v>0</v>
      </c>
    </row>
    <row r="3280" spans="1:4" x14ac:dyDescent="0.25">
      <c r="A3280" t="s">
        <v>5042</v>
      </c>
      <c r="B3280" t="s">
        <v>5045</v>
      </c>
      <c r="C3280">
        <v>0</v>
      </c>
      <c r="D3280">
        <v>0</v>
      </c>
    </row>
    <row r="3281" spans="1:4" x14ac:dyDescent="0.25">
      <c r="A3281" t="s">
        <v>5046</v>
      </c>
      <c r="B3281" t="s">
        <v>5047</v>
      </c>
      <c r="C3281">
        <v>0</v>
      </c>
      <c r="D3281">
        <v>0</v>
      </c>
    </row>
    <row r="3282" spans="1:4" x14ac:dyDescent="0.25">
      <c r="A3282" t="s">
        <v>5048</v>
      </c>
      <c r="B3282" t="s">
        <v>5049</v>
      </c>
      <c r="C3282">
        <v>2</v>
      </c>
      <c r="D3282">
        <v>0</v>
      </c>
    </row>
    <row r="3283" spans="1:4" x14ac:dyDescent="0.25">
      <c r="A3283" t="s">
        <v>5050</v>
      </c>
      <c r="B3283" t="s">
        <v>5051</v>
      </c>
      <c r="C3283">
        <v>1</v>
      </c>
      <c r="D3283">
        <v>0</v>
      </c>
    </row>
    <row r="3284" spans="1:4" x14ac:dyDescent="0.25">
      <c r="A3284" t="s">
        <v>5052</v>
      </c>
      <c r="B3284" t="s">
        <v>5053</v>
      </c>
      <c r="C3284">
        <v>0</v>
      </c>
      <c r="D3284">
        <v>0</v>
      </c>
    </row>
    <row r="3285" spans="1:4" x14ac:dyDescent="0.25">
      <c r="A3285" t="s">
        <v>5052</v>
      </c>
      <c r="B3285" t="s">
        <v>5054</v>
      </c>
      <c r="C3285">
        <v>0</v>
      </c>
      <c r="D3285">
        <v>0</v>
      </c>
    </row>
    <row r="3286" spans="1:4" x14ac:dyDescent="0.25">
      <c r="A3286" t="s">
        <v>5055</v>
      </c>
      <c r="B3286" t="s">
        <v>398</v>
      </c>
      <c r="C3286">
        <v>0</v>
      </c>
      <c r="D3286">
        <v>0</v>
      </c>
    </row>
    <row r="3287" spans="1:4" x14ac:dyDescent="0.25">
      <c r="A3287" t="s">
        <v>5056</v>
      </c>
      <c r="B3287" t="s">
        <v>1499</v>
      </c>
      <c r="C3287">
        <v>1</v>
      </c>
      <c r="D3287">
        <v>0</v>
      </c>
    </row>
    <row r="3288" spans="1:4" x14ac:dyDescent="0.25">
      <c r="A3288" t="s">
        <v>5057</v>
      </c>
      <c r="B3288" t="s">
        <v>1423</v>
      </c>
      <c r="C3288">
        <v>1</v>
      </c>
      <c r="D3288">
        <v>0</v>
      </c>
    </row>
    <row r="3289" spans="1:4" x14ac:dyDescent="0.25">
      <c r="A3289" t="s">
        <v>5057</v>
      </c>
      <c r="B3289" t="s">
        <v>5058</v>
      </c>
      <c r="C3289">
        <v>2</v>
      </c>
      <c r="D3289">
        <v>0</v>
      </c>
    </row>
    <row r="3290" spans="1:4" x14ac:dyDescent="0.25">
      <c r="A3290" t="s">
        <v>5059</v>
      </c>
      <c r="B3290" t="s">
        <v>5060</v>
      </c>
      <c r="C3290">
        <v>0</v>
      </c>
      <c r="D3290">
        <v>0</v>
      </c>
    </row>
    <row r="3291" spans="1:4" x14ac:dyDescent="0.25">
      <c r="A3291" t="s">
        <v>5059</v>
      </c>
      <c r="B3291" t="s">
        <v>5061</v>
      </c>
      <c r="C3291">
        <v>0</v>
      </c>
      <c r="D3291">
        <v>0</v>
      </c>
    </row>
    <row r="3292" spans="1:4" x14ac:dyDescent="0.25">
      <c r="A3292" t="s">
        <v>5059</v>
      </c>
      <c r="B3292" t="s">
        <v>5062</v>
      </c>
      <c r="C3292">
        <v>0</v>
      </c>
      <c r="D3292">
        <v>0</v>
      </c>
    </row>
    <row r="3293" spans="1:4" x14ac:dyDescent="0.25">
      <c r="A3293" t="s">
        <v>5063</v>
      </c>
      <c r="B3293" t="s">
        <v>5064</v>
      </c>
      <c r="C3293">
        <v>1</v>
      </c>
      <c r="D3293">
        <v>0</v>
      </c>
    </row>
    <row r="3294" spans="1:4" x14ac:dyDescent="0.25">
      <c r="A3294" t="s">
        <v>5063</v>
      </c>
      <c r="B3294" t="s">
        <v>5065</v>
      </c>
      <c r="C3294">
        <v>0</v>
      </c>
      <c r="D3294">
        <v>0</v>
      </c>
    </row>
    <row r="3295" spans="1:4" x14ac:dyDescent="0.25">
      <c r="A3295" t="s">
        <v>5066</v>
      </c>
      <c r="B3295" t="s">
        <v>5067</v>
      </c>
      <c r="C3295">
        <v>0</v>
      </c>
      <c r="D3295">
        <v>0</v>
      </c>
    </row>
    <row r="3296" spans="1:4" x14ac:dyDescent="0.25">
      <c r="A3296" t="s">
        <v>5066</v>
      </c>
      <c r="B3296" t="s">
        <v>5068</v>
      </c>
      <c r="C3296">
        <v>0</v>
      </c>
      <c r="D3296">
        <v>0</v>
      </c>
    </row>
    <row r="3297" spans="1:4" x14ac:dyDescent="0.25">
      <c r="A3297" t="s">
        <v>5069</v>
      </c>
      <c r="B3297" t="s">
        <v>5070</v>
      </c>
      <c r="C3297">
        <v>1</v>
      </c>
      <c r="D3297">
        <v>0</v>
      </c>
    </row>
    <row r="3298" spans="1:4" x14ac:dyDescent="0.25">
      <c r="A3298" t="s">
        <v>5071</v>
      </c>
      <c r="B3298" t="s">
        <v>5072</v>
      </c>
      <c r="C3298">
        <v>2</v>
      </c>
      <c r="D3298">
        <v>0</v>
      </c>
    </row>
    <row r="3299" spans="1:4" x14ac:dyDescent="0.25">
      <c r="A3299" t="s">
        <v>5071</v>
      </c>
      <c r="B3299" t="s">
        <v>5073</v>
      </c>
      <c r="C3299">
        <v>0</v>
      </c>
      <c r="D3299">
        <v>0</v>
      </c>
    </row>
    <row r="3300" spans="1:4" x14ac:dyDescent="0.25">
      <c r="A3300" t="s">
        <v>5074</v>
      </c>
      <c r="B3300" t="s">
        <v>5075</v>
      </c>
      <c r="C3300">
        <v>1</v>
      </c>
      <c r="D3300">
        <v>0</v>
      </c>
    </row>
    <row r="3301" spans="1:4" x14ac:dyDescent="0.25">
      <c r="A3301" t="s">
        <v>5076</v>
      </c>
      <c r="B3301" t="s">
        <v>5077</v>
      </c>
      <c r="C3301">
        <v>1</v>
      </c>
      <c r="D3301">
        <v>0</v>
      </c>
    </row>
    <row r="3302" spans="1:4" x14ac:dyDescent="0.25">
      <c r="A3302" t="s">
        <v>5076</v>
      </c>
      <c r="B3302" t="s">
        <v>5078</v>
      </c>
      <c r="C3302">
        <v>0</v>
      </c>
      <c r="D3302">
        <v>0</v>
      </c>
    </row>
    <row r="3303" spans="1:4" x14ac:dyDescent="0.25">
      <c r="A3303" t="s">
        <v>5076</v>
      </c>
      <c r="B3303" t="s">
        <v>5079</v>
      </c>
      <c r="C3303">
        <v>1</v>
      </c>
      <c r="D3303">
        <v>0</v>
      </c>
    </row>
    <row r="3304" spans="1:4" x14ac:dyDescent="0.25">
      <c r="A3304" t="s">
        <v>5080</v>
      </c>
      <c r="B3304" t="s">
        <v>5081</v>
      </c>
      <c r="C3304">
        <v>1</v>
      </c>
      <c r="D3304">
        <v>0</v>
      </c>
    </row>
    <row r="3305" spans="1:4" x14ac:dyDescent="0.25">
      <c r="A3305" t="s">
        <v>5080</v>
      </c>
      <c r="B3305" t="s">
        <v>5082</v>
      </c>
      <c r="C3305">
        <v>0</v>
      </c>
      <c r="D3305">
        <v>0</v>
      </c>
    </row>
    <row r="3306" spans="1:4" x14ac:dyDescent="0.25">
      <c r="A3306" t="s">
        <v>5083</v>
      </c>
      <c r="B3306" t="s">
        <v>5084</v>
      </c>
      <c r="C3306">
        <v>0</v>
      </c>
      <c r="D3306">
        <v>0</v>
      </c>
    </row>
    <row r="3307" spans="1:4" x14ac:dyDescent="0.25">
      <c r="A3307" t="s">
        <v>5083</v>
      </c>
      <c r="B3307" t="s">
        <v>5085</v>
      </c>
      <c r="C3307">
        <v>1</v>
      </c>
      <c r="D3307">
        <v>0</v>
      </c>
    </row>
    <row r="3308" spans="1:4" x14ac:dyDescent="0.25">
      <c r="A3308" t="s">
        <v>5086</v>
      </c>
      <c r="B3308" t="s">
        <v>852</v>
      </c>
      <c r="C3308">
        <v>0</v>
      </c>
      <c r="D3308">
        <v>0</v>
      </c>
    </row>
    <row r="3309" spans="1:4" x14ac:dyDescent="0.25">
      <c r="A3309" t="s">
        <v>5087</v>
      </c>
      <c r="B3309" t="s">
        <v>5088</v>
      </c>
      <c r="C3309">
        <v>2</v>
      </c>
      <c r="D3309">
        <v>0</v>
      </c>
    </row>
    <row r="3310" spans="1:4" x14ac:dyDescent="0.25">
      <c r="A3310" t="s">
        <v>5089</v>
      </c>
      <c r="B3310" t="s">
        <v>5090</v>
      </c>
      <c r="C3310">
        <v>1</v>
      </c>
      <c r="D3310">
        <v>0</v>
      </c>
    </row>
    <row r="3311" spans="1:4" x14ac:dyDescent="0.25">
      <c r="A3311" t="s">
        <v>5091</v>
      </c>
      <c r="B3311" t="s">
        <v>5092</v>
      </c>
      <c r="C3311">
        <v>1</v>
      </c>
      <c r="D3311">
        <v>0</v>
      </c>
    </row>
    <row r="3312" spans="1:4" x14ac:dyDescent="0.25">
      <c r="A3312" t="s">
        <v>5091</v>
      </c>
      <c r="B3312" t="s">
        <v>5093</v>
      </c>
      <c r="C3312">
        <v>0</v>
      </c>
      <c r="D3312">
        <v>0</v>
      </c>
    </row>
    <row r="3313" spans="1:4" x14ac:dyDescent="0.25">
      <c r="A3313" t="s">
        <v>5091</v>
      </c>
      <c r="B3313" t="s">
        <v>5094</v>
      </c>
      <c r="C3313">
        <v>0</v>
      </c>
      <c r="D3313">
        <v>0</v>
      </c>
    </row>
    <row r="3314" spans="1:4" x14ac:dyDescent="0.25">
      <c r="A3314" t="s">
        <v>5095</v>
      </c>
      <c r="B3314" t="s">
        <v>5096</v>
      </c>
      <c r="C3314">
        <v>1</v>
      </c>
      <c r="D3314">
        <v>0</v>
      </c>
    </row>
    <row r="3315" spans="1:4" x14ac:dyDescent="0.25">
      <c r="A3315" t="s">
        <v>5095</v>
      </c>
      <c r="B3315" t="s">
        <v>5097</v>
      </c>
      <c r="C3315">
        <v>1</v>
      </c>
      <c r="D3315">
        <v>0</v>
      </c>
    </row>
    <row r="3316" spans="1:4" x14ac:dyDescent="0.25">
      <c r="A3316" t="s">
        <v>5098</v>
      </c>
      <c r="B3316" t="s">
        <v>5099</v>
      </c>
      <c r="C3316">
        <v>0</v>
      </c>
      <c r="D3316">
        <v>0</v>
      </c>
    </row>
    <row r="3317" spans="1:4" x14ac:dyDescent="0.25">
      <c r="A3317" t="s">
        <v>5098</v>
      </c>
      <c r="B3317" t="s">
        <v>5100</v>
      </c>
      <c r="C3317">
        <v>2</v>
      </c>
      <c r="D3317">
        <v>0</v>
      </c>
    </row>
    <row r="3318" spans="1:4" x14ac:dyDescent="0.25">
      <c r="A3318" t="s">
        <v>5101</v>
      </c>
      <c r="B3318" t="s">
        <v>5102</v>
      </c>
      <c r="C3318">
        <v>2</v>
      </c>
      <c r="D3318">
        <v>0</v>
      </c>
    </row>
    <row r="3319" spans="1:4" x14ac:dyDescent="0.25">
      <c r="A3319" t="s">
        <v>5103</v>
      </c>
      <c r="B3319" t="s">
        <v>5104</v>
      </c>
      <c r="C3319">
        <v>0</v>
      </c>
      <c r="D3319">
        <v>0</v>
      </c>
    </row>
    <row r="3320" spans="1:4" x14ac:dyDescent="0.25">
      <c r="A3320" t="s">
        <v>5103</v>
      </c>
      <c r="B3320" t="s">
        <v>5105</v>
      </c>
      <c r="C3320">
        <v>1</v>
      </c>
      <c r="D3320">
        <v>0</v>
      </c>
    </row>
    <row r="3321" spans="1:4" x14ac:dyDescent="0.25">
      <c r="A3321" t="s">
        <v>5106</v>
      </c>
      <c r="B3321" t="s">
        <v>5107</v>
      </c>
      <c r="C3321">
        <v>0</v>
      </c>
      <c r="D3321">
        <v>0</v>
      </c>
    </row>
    <row r="3322" spans="1:4" x14ac:dyDescent="0.25">
      <c r="A3322" t="s">
        <v>5108</v>
      </c>
      <c r="B3322" t="s">
        <v>5109</v>
      </c>
      <c r="C3322">
        <v>1</v>
      </c>
      <c r="D3322">
        <v>0</v>
      </c>
    </row>
    <row r="3323" spans="1:4" x14ac:dyDescent="0.25">
      <c r="A3323" t="s">
        <v>5108</v>
      </c>
      <c r="B3323" t="s">
        <v>5110</v>
      </c>
      <c r="C3323">
        <v>1</v>
      </c>
      <c r="D3323">
        <v>0</v>
      </c>
    </row>
    <row r="3324" spans="1:4" x14ac:dyDescent="0.25">
      <c r="A3324" t="s">
        <v>5108</v>
      </c>
      <c r="B3324" t="s">
        <v>5111</v>
      </c>
      <c r="C3324">
        <v>1</v>
      </c>
      <c r="D3324">
        <v>0</v>
      </c>
    </row>
    <row r="3325" spans="1:4" x14ac:dyDescent="0.25">
      <c r="A3325" t="s">
        <v>5112</v>
      </c>
      <c r="B3325" t="s">
        <v>5113</v>
      </c>
      <c r="C3325">
        <v>1</v>
      </c>
      <c r="D3325">
        <v>0</v>
      </c>
    </row>
    <row r="3326" spans="1:4" x14ac:dyDescent="0.25">
      <c r="A3326" t="s">
        <v>5112</v>
      </c>
      <c r="B3326" t="s">
        <v>5114</v>
      </c>
      <c r="C3326">
        <v>1</v>
      </c>
      <c r="D3326">
        <v>0</v>
      </c>
    </row>
    <row r="3327" spans="1:4" x14ac:dyDescent="0.25">
      <c r="A3327" t="s">
        <v>5115</v>
      </c>
      <c r="B3327" t="s">
        <v>1001</v>
      </c>
      <c r="C3327">
        <v>1</v>
      </c>
      <c r="D3327">
        <v>0</v>
      </c>
    </row>
    <row r="3328" spans="1:4" x14ac:dyDescent="0.25">
      <c r="A3328" t="s">
        <v>5115</v>
      </c>
      <c r="B3328" t="s">
        <v>5116</v>
      </c>
      <c r="C3328">
        <v>0</v>
      </c>
      <c r="D3328">
        <v>0</v>
      </c>
    </row>
    <row r="3329" spans="1:4" x14ac:dyDescent="0.25">
      <c r="A3329" t="s">
        <v>5117</v>
      </c>
      <c r="B3329" t="s">
        <v>5118</v>
      </c>
      <c r="C3329">
        <v>1</v>
      </c>
      <c r="D3329">
        <v>0</v>
      </c>
    </row>
    <row r="3330" spans="1:4" x14ac:dyDescent="0.25">
      <c r="A3330" t="s">
        <v>5119</v>
      </c>
      <c r="B3330" t="s">
        <v>5120</v>
      </c>
      <c r="C3330">
        <v>1</v>
      </c>
      <c r="D3330">
        <v>0</v>
      </c>
    </row>
    <row r="3331" spans="1:4" x14ac:dyDescent="0.25">
      <c r="A3331" t="s">
        <v>5121</v>
      </c>
      <c r="B3331" t="s">
        <v>5122</v>
      </c>
      <c r="C3331">
        <v>1</v>
      </c>
      <c r="D3331">
        <v>0</v>
      </c>
    </row>
    <row r="3332" spans="1:4" x14ac:dyDescent="0.25">
      <c r="A3332" t="s">
        <v>5123</v>
      </c>
      <c r="B3332" t="s">
        <v>5124</v>
      </c>
      <c r="C3332">
        <v>1</v>
      </c>
      <c r="D3332">
        <v>0</v>
      </c>
    </row>
    <row r="3333" spans="1:4" x14ac:dyDescent="0.25">
      <c r="A3333" t="s">
        <v>5123</v>
      </c>
      <c r="B3333" t="s">
        <v>5125</v>
      </c>
      <c r="C3333">
        <v>0</v>
      </c>
      <c r="D3333">
        <v>0</v>
      </c>
    </row>
    <row r="3334" spans="1:4" x14ac:dyDescent="0.25">
      <c r="A3334" t="s">
        <v>5123</v>
      </c>
      <c r="B3334" t="s">
        <v>5126</v>
      </c>
      <c r="C3334">
        <v>0</v>
      </c>
      <c r="D3334">
        <v>0</v>
      </c>
    </row>
    <row r="3335" spans="1:4" x14ac:dyDescent="0.25">
      <c r="A3335" t="s">
        <v>5127</v>
      </c>
      <c r="B3335" t="s">
        <v>5128</v>
      </c>
      <c r="C3335">
        <v>0</v>
      </c>
      <c r="D3335">
        <v>0</v>
      </c>
    </row>
    <row r="3336" spans="1:4" x14ac:dyDescent="0.25">
      <c r="A3336" t="s">
        <v>5129</v>
      </c>
      <c r="B3336" t="s">
        <v>5130</v>
      </c>
      <c r="C3336">
        <v>2</v>
      </c>
      <c r="D3336">
        <v>0</v>
      </c>
    </row>
    <row r="3337" spans="1:4" x14ac:dyDescent="0.25">
      <c r="A3337" t="s">
        <v>5129</v>
      </c>
      <c r="B3337" t="s">
        <v>5131</v>
      </c>
      <c r="C3337">
        <v>1</v>
      </c>
      <c r="D3337">
        <v>0</v>
      </c>
    </row>
    <row r="3338" spans="1:4" x14ac:dyDescent="0.25">
      <c r="A3338" t="s">
        <v>5132</v>
      </c>
      <c r="B3338" t="s">
        <v>5133</v>
      </c>
      <c r="C3338">
        <v>0</v>
      </c>
      <c r="D3338">
        <v>0</v>
      </c>
    </row>
    <row r="3339" spans="1:4" x14ac:dyDescent="0.25">
      <c r="A3339" t="s">
        <v>5134</v>
      </c>
      <c r="B3339" t="s">
        <v>5135</v>
      </c>
      <c r="C3339">
        <v>1</v>
      </c>
      <c r="D3339">
        <v>0</v>
      </c>
    </row>
    <row r="3340" spans="1:4" x14ac:dyDescent="0.25">
      <c r="A3340" t="s">
        <v>5134</v>
      </c>
      <c r="B3340" t="s">
        <v>5136</v>
      </c>
      <c r="C3340">
        <v>2</v>
      </c>
      <c r="D3340">
        <v>0</v>
      </c>
    </row>
    <row r="3341" spans="1:4" x14ac:dyDescent="0.25">
      <c r="A3341" t="s">
        <v>5137</v>
      </c>
      <c r="B3341" t="s">
        <v>5138</v>
      </c>
      <c r="C3341">
        <v>0</v>
      </c>
      <c r="D3341">
        <v>0</v>
      </c>
    </row>
    <row r="3342" spans="1:4" x14ac:dyDescent="0.25">
      <c r="A3342" t="s">
        <v>5139</v>
      </c>
      <c r="B3342" t="s">
        <v>1570</v>
      </c>
      <c r="C3342">
        <v>1</v>
      </c>
      <c r="D3342">
        <v>0</v>
      </c>
    </row>
    <row r="3343" spans="1:4" x14ac:dyDescent="0.25">
      <c r="A3343" t="s">
        <v>5139</v>
      </c>
      <c r="B3343" t="s">
        <v>5140</v>
      </c>
      <c r="C3343">
        <v>2</v>
      </c>
      <c r="D3343">
        <v>0</v>
      </c>
    </row>
    <row r="3344" spans="1:4" x14ac:dyDescent="0.25">
      <c r="A3344" t="s">
        <v>5141</v>
      </c>
      <c r="B3344" t="s">
        <v>5142</v>
      </c>
      <c r="C3344">
        <v>1</v>
      </c>
      <c r="D3344">
        <v>0</v>
      </c>
    </row>
    <row r="3345" spans="1:4" x14ac:dyDescent="0.25">
      <c r="A3345" t="s">
        <v>5141</v>
      </c>
      <c r="B3345" t="s">
        <v>5143</v>
      </c>
      <c r="C3345">
        <v>2</v>
      </c>
      <c r="D3345">
        <v>0</v>
      </c>
    </row>
    <row r="3346" spans="1:4" x14ac:dyDescent="0.25">
      <c r="A3346" t="s">
        <v>5144</v>
      </c>
      <c r="B3346" t="s">
        <v>5145</v>
      </c>
      <c r="C3346">
        <v>0</v>
      </c>
      <c r="D3346">
        <v>0</v>
      </c>
    </row>
    <row r="3347" spans="1:4" x14ac:dyDescent="0.25">
      <c r="A3347" t="s">
        <v>5146</v>
      </c>
      <c r="B3347" t="s">
        <v>1499</v>
      </c>
      <c r="C3347">
        <v>1</v>
      </c>
      <c r="D3347">
        <v>0</v>
      </c>
    </row>
    <row r="3348" spans="1:4" x14ac:dyDescent="0.25">
      <c r="A3348" t="s">
        <v>5147</v>
      </c>
      <c r="B3348" t="s">
        <v>5148</v>
      </c>
      <c r="C3348">
        <v>1</v>
      </c>
      <c r="D3348">
        <v>0</v>
      </c>
    </row>
    <row r="3349" spans="1:4" x14ac:dyDescent="0.25">
      <c r="A3349" t="s">
        <v>5147</v>
      </c>
      <c r="B3349" t="s">
        <v>5149</v>
      </c>
      <c r="C3349">
        <v>1</v>
      </c>
      <c r="D3349">
        <v>0</v>
      </c>
    </row>
    <row r="3350" spans="1:4" x14ac:dyDescent="0.25">
      <c r="A3350" t="s">
        <v>5150</v>
      </c>
      <c r="B3350" t="s">
        <v>3703</v>
      </c>
      <c r="C3350">
        <v>1</v>
      </c>
      <c r="D3350">
        <v>0</v>
      </c>
    </row>
    <row r="3351" spans="1:4" x14ac:dyDescent="0.25">
      <c r="A3351" t="s">
        <v>5150</v>
      </c>
      <c r="B3351" t="s">
        <v>5151</v>
      </c>
      <c r="C3351">
        <v>1</v>
      </c>
      <c r="D3351">
        <v>0</v>
      </c>
    </row>
    <row r="3352" spans="1:4" x14ac:dyDescent="0.25">
      <c r="A3352" t="s">
        <v>5152</v>
      </c>
      <c r="B3352" t="s">
        <v>5153</v>
      </c>
      <c r="C3352">
        <v>2</v>
      </c>
      <c r="D3352">
        <v>0</v>
      </c>
    </row>
    <row r="3353" spans="1:4" x14ac:dyDescent="0.25">
      <c r="A3353" t="s">
        <v>5154</v>
      </c>
      <c r="B3353" t="s">
        <v>5155</v>
      </c>
      <c r="C3353">
        <v>0</v>
      </c>
      <c r="D3353">
        <v>0</v>
      </c>
    </row>
    <row r="3354" spans="1:4" x14ac:dyDescent="0.25">
      <c r="A3354" t="s">
        <v>5154</v>
      </c>
      <c r="B3354" t="s">
        <v>5156</v>
      </c>
      <c r="C3354">
        <v>0</v>
      </c>
      <c r="D3354">
        <v>0</v>
      </c>
    </row>
    <row r="3355" spans="1:4" x14ac:dyDescent="0.25">
      <c r="A3355" t="s">
        <v>5154</v>
      </c>
      <c r="B3355" t="s">
        <v>5157</v>
      </c>
      <c r="C3355">
        <v>0</v>
      </c>
      <c r="D3355">
        <v>0</v>
      </c>
    </row>
    <row r="3356" spans="1:4" x14ac:dyDescent="0.25">
      <c r="A3356" t="s">
        <v>5158</v>
      </c>
      <c r="B3356" t="s">
        <v>968</v>
      </c>
      <c r="C3356">
        <v>1</v>
      </c>
      <c r="D3356">
        <v>0</v>
      </c>
    </row>
    <row r="3357" spans="1:4" x14ac:dyDescent="0.25">
      <c r="A3357" t="s">
        <v>5159</v>
      </c>
      <c r="B3357" t="s">
        <v>5160</v>
      </c>
      <c r="C3357">
        <v>0</v>
      </c>
      <c r="D3357">
        <v>0</v>
      </c>
    </row>
    <row r="3358" spans="1:4" x14ac:dyDescent="0.25">
      <c r="A3358" t="s">
        <v>5159</v>
      </c>
      <c r="B3358" t="s">
        <v>5161</v>
      </c>
      <c r="C3358">
        <v>2</v>
      </c>
      <c r="D3358">
        <v>0</v>
      </c>
    </row>
    <row r="3359" spans="1:4" x14ac:dyDescent="0.25">
      <c r="A3359" t="s">
        <v>5159</v>
      </c>
      <c r="B3359" t="s">
        <v>4157</v>
      </c>
      <c r="C3359">
        <v>1</v>
      </c>
      <c r="D3359">
        <v>0</v>
      </c>
    </row>
    <row r="3360" spans="1:4" x14ac:dyDescent="0.25">
      <c r="A3360" t="s">
        <v>5162</v>
      </c>
      <c r="B3360" t="s">
        <v>5163</v>
      </c>
      <c r="C3360">
        <v>1</v>
      </c>
      <c r="D3360">
        <v>0</v>
      </c>
    </row>
    <row r="3361" spans="1:4" x14ac:dyDescent="0.25">
      <c r="A3361" t="s">
        <v>5164</v>
      </c>
      <c r="B3361" t="s">
        <v>5165</v>
      </c>
      <c r="C3361">
        <v>0</v>
      </c>
      <c r="D3361">
        <v>0</v>
      </c>
    </row>
    <row r="3362" spans="1:4" x14ac:dyDescent="0.25">
      <c r="A3362" t="s">
        <v>5164</v>
      </c>
      <c r="B3362" t="s">
        <v>5166</v>
      </c>
      <c r="C3362">
        <v>0</v>
      </c>
      <c r="D3362">
        <v>0</v>
      </c>
    </row>
    <row r="3363" spans="1:4" x14ac:dyDescent="0.25">
      <c r="A3363" t="s">
        <v>5167</v>
      </c>
      <c r="B3363" t="s">
        <v>5168</v>
      </c>
      <c r="C3363">
        <v>1</v>
      </c>
      <c r="D3363">
        <v>0</v>
      </c>
    </row>
    <row r="3364" spans="1:4" x14ac:dyDescent="0.25">
      <c r="A3364" t="s">
        <v>5169</v>
      </c>
      <c r="B3364" t="s">
        <v>5170</v>
      </c>
      <c r="C3364">
        <v>2</v>
      </c>
      <c r="D3364">
        <v>0</v>
      </c>
    </row>
    <row r="3365" spans="1:4" x14ac:dyDescent="0.25">
      <c r="A3365" t="s">
        <v>5171</v>
      </c>
      <c r="B3365" t="s">
        <v>5172</v>
      </c>
      <c r="C3365">
        <v>2</v>
      </c>
      <c r="D3365">
        <v>0</v>
      </c>
    </row>
    <row r="3366" spans="1:4" x14ac:dyDescent="0.25">
      <c r="A3366" t="s">
        <v>5173</v>
      </c>
      <c r="B3366" t="s">
        <v>5174</v>
      </c>
      <c r="C3366">
        <v>0</v>
      </c>
      <c r="D3366">
        <v>0</v>
      </c>
    </row>
    <row r="3367" spans="1:4" x14ac:dyDescent="0.25">
      <c r="A3367" t="s">
        <v>5173</v>
      </c>
      <c r="B3367" t="s">
        <v>5175</v>
      </c>
      <c r="C3367">
        <v>0</v>
      </c>
      <c r="D3367">
        <v>0</v>
      </c>
    </row>
    <row r="3368" spans="1:4" x14ac:dyDescent="0.25">
      <c r="A3368" t="s">
        <v>5173</v>
      </c>
      <c r="B3368" t="s">
        <v>5176</v>
      </c>
      <c r="C3368">
        <v>1</v>
      </c>
      <c r="D3368">
        <v>0</v>
      </c>
    </row>
    <row r="3369" spans="1:4" x14ac:dyDescent="0.25">
      <c r="A3369" t="s">
        <v>5177</v>
      </c>
      <c r="B3369" t="s">
        <v>5178</v>
      </c>
      <c r="C3369">
        <v>1</v>
      </c>
      <c r="D3369">
        <v>0</v>
      </c>
    </row>
    <row r="3370" spans="1:4" x14ac:dyDescent="0.25">
      <c r="A3370" t="s">
        <v>5179</v>
      </c>
      <c r="B3370" t="s">
        <v>5180</v>
      </c>
      <c r="C3370">
        <v>1</v>
      </c>
      <c r="D3370">
        <v>0</v>
      </c>
    </row>
    <row r="3371" spans="1:4" x14ac:dyDescent="0.25">
      <c r="A3371" t="s">
        <v>5181</v>
      </c>
      <c r="B3371" t="s">
        <v>5182</v>
      </c>
      <c r="C3371">
        <v>0</v>
      </c>
      <c r="D3371">
        <v>0</v>
      </c>
    </row>
    <row r="3372" spans="1:4" x14ac:dyDescent="0.25">
      <c r="A3372" t="s">
        <v>5183</v>
      </c>
      <c r="B3372" t="s">
        <v>5184</v>
      </c>
      <c r="C3372">
        <v>2</v>
      </c>
      <c r="D3372">
        <v>0</v>
      </c>
    </row>
    <row r="3373" spans="1:4" x14ac:dyDescent="0.25">
      <c r="A3373" t="s">
        <v>5183</v>
      </c>
      <c r="B3373" t="s">
        <v>5185</v>
      </c>
      <c r="C3373">
        <v>2</v>
      </c>
      <c r="D3373">
        <v>0</v>
      </c>
    </row>
    <row r="3374" spans="1:4" x14ac:dyDescent="0.25">
      <c r="A3374" t="s">
        <v>5183</v>
      </c>
      <c r="B3374" t="s">
        <v>5186</v>
      </c>
      <c r="C3374">
        <v>1</v>
      </c>
      <c r="D3374">
        <v>0</v>
      </c>
    </row>
    <row r="3375" spans="1:4" x14ac:dyDescent="0.25">
      <c r="A3375" t="s">
        <v>5187</v>
      </c>
      <c r="B3375" t="s">
        <v>5188</v>
      </c>
      <c r="C3375">
        <v>0</v>
      </c>
      <c r="D3375">
        <v>0</v>
      </c>
    </row>
    <row r="3376" spans="1:4" x14ac:dyDescent="0.25">
      <c r="A3376" t="s">
        <v>5187</v>
      </c>
      <c r="B3376" t="s">
        <v>5189</v>
      </c>
      <c r="C3376">
        <v>1</v>
      </c>
      <c r="D3376">
        <v>0</v>
      </c>
    </row>
    <row r="3377" spans="1:4" x14ac:dyDescent="0.25">
      <c r="A3377" t="s">
        <v>5190</v>
      </c>
      <c r="B3377" t="s">
        <v>1499</v>
      </c>
      <c r="C3377">
        <v>1</v>
      </c>
      <c r="D3377">
        <v>0</v>
      </c>
    </row>
    <row r="3378" spans="1:4" x14ac:dyDescent="0.25">
      <c r="A3378" t="s">
        <v>5191</v>
      </c>
      <c r="B3378" t="s">
        <v>5192</v>
      </c>
      <c r="C3378">
        <v>1</v>
      </c>
      <c r="D3378">
        <v>0</v>
      </c>
    </row>
    <row r="3379" spans="1:4" x14ac:dyDescent="0.25">
      <c r="A3379" t="s">
        <v>5193</v>
      </c>
      <c r="B3379" t="s">
        <v>5194</v>
      </c>
      <c r="C3379">
        <v>0</v>
      </c>
      <c r="D3379">
        <v>0</v>
      </c>
    </row>
    <row r="3380" spans="1:4" x14ac:dyDescent="0.25">
      <c r="A3380" t="s">
        <v>5193</v>
      </c>
      <c r="B3380" t="s">
        <v>5195</v>
      </c>
      <c r="C3380">
        <v>1</v>
      </c>
      <c r="D3380">
        <v>0</v>
      </c>
    </row>
    <row r="3381" spans="1:4" x14ac:dyDescent="0.25">
      <c r="A3381" t="s">
        <v>5193</v>
      </c>
      <c r="B3381" t="s">
        <v>5196</v>
      </c>
      <c r="C3381">
        <v>1</v>
      </c>
      <c r="D3381">
        <v>0</v>
      </c>
    </row>
    <row r="3382" spans="1:4" x14ac:dyDescent="0.25">
      <c r="A3382" t="s">
        <v>5197</v>
      </c>
      <c r="B3382" t="s">
        <v>5198</v>
      </c>
      <c r="C3382">
        <v>0</v>
      </c>
      <c r="D3382">
        <v>0</v>
      </c>
    </row>
    <row r="3383" spans="1:4" x14ac:dyDescent="0.25">
      <c r="A3383" t="s">
        <v>5199</v>
      </c>
      <c r="B3383" t="s">
        <v>5200</v>
      </c>
      <c r="C3383">
        <v>0</v>
      </c>
      <c r="D3383">
        <v>0</v>
      </c>
    </row>
    <row r="3384" spans="1:4" x14ac:dyDescent="0.25">
      <c r="A3384" t="s">
        <v>5199</v>
      </c>
      <c r="B3384" t="s">
        <v>5201</v>
      </c>
      <c r="C3384">
        <v>1</v>
      </c>
      <c r="D3384">
        <v>0</v>
      </c>
    </row>
    <row r="3385" spans="1:4" x14ac:dyDescent="0.25">
      <c r="A3385" t="s">
        <v>5202</v>
      </c>
      <c r="B3385" t="s">
        <v>5203</v>
      </c>
      <c r="C3385">
        <v>2</v>
      </c>
      <c r="D3385">
        <v>0</v>
      </c>
    </row>
    <row r="3386" spans="1:4" x14ac:dyDescent="0.25">
      <c r="A3386" t="s">
        <v>5204</v>
      </c>
      <c r="B3386" t="s">
        <v>5205</v>
      </c>
      <c r="C3386">
        <v>0</v>
      </c>
      <c r="D3386">
        <v>0</v>
      </c>
    </row>
    <row r="3387" spans="1:4" x14ac:dyDescent="0.25">
      <c r="A3387" t="s">
        <v>5206</v>
      </c>
      <c r="B3387" t="s">
        <v>5207</v>
      </c>
      <c r="C3387">
        <v>1</v>
      </c>
      <c r="D3387">
        <v>0</v>
      </c>
    </row>
    <row r="3388" spans="1:4" x14ac:dyDescent="0.25">
      <c r="A3388" t="s">
        <v>5206</v>
      </c>
      <c r="B3388" t="s">
        <v>5208</v>
      </c>
      <c r="C3388">
        <v>1</v>
      </c>
      <c r="D3388">
        <v>0</v>
      </c>
    </row>
    <row r="3389" spans="1:4" x14ac:dyDescent="0.25">
      <c r="A3389" t="s">
        <v>5206</v>
      </c>
      <c r="B3389" t="s">
        <v>5209</v>
      </c>
      <c r="C3389">
        <v>1</v>
      </c>
      <c r="D3389">
        <v>0</v>
      </c>
    </row>
    <row r="3390" spans="1:4" x14ac:dyDescent="0.25">
      <c r="A3390" t="s">
        <v>5210</v>
      </c>
      <c r="B3390" t="s">
        <v>5211</v>
      </c>
      <c r="C3390">
        <v>1</v>
      </c>
      <c r="D3390">
        <v>0</v>
      </c>
    </row>
    <row r="3391" spans="1:4" x14ac:dyDescent="0.25">
      <c r="A3391" t="s">
        <v>5210</v>
      </c>
      <c r="B3391" t="s">
        <v>5212</v>
      </c>
      <c r="C3391">
        <v>1</v>
      </c>
      <c r="D3391">
        <v>0</v>
      </c>
    </row>
    <row r="3392" spans="1:4" x14ac:dyDescent="0.25">
      <c r="A3392" t="s">
        <v>5213</v>
      </c>
      <c r="B3392" t="s">
        <v>5214</v>
      </c>
      <c r="C3392">
        <v>0</v>
      </c>
      <c r="D3392">
        <v>0</v>
      </c>
    </row>
    <row r="3393" spans="1:4" x14ac:dyDescent="0.25">
      <c r="A3393" t="s">
        <v>5213</v>
      </c>
      <c r="B3393" t="s">
        <v>5215</v>
      </c>
      <c r="C3393">
        <v>2</v>
      </c>
      <c r="D3393">
        <v>0</v>
      </c>
    </row>
    <row r="3394" spans="1:4" x14ac:dyDescent="0.25">
      <c r="A3394" t="s">
        <v>5213</v>
      </c>
      <c r="B3394" t="s">
        <v>5216</v>
      </c>
      <c r="C3394">
        <v>2</v>
      </c>
      <c r="D3394">
        <v>0</v>
      </c>
    </row>
    <row r="3395" spans="1:4" x14ac:dyDescent="0.25">
      <c r="A3395" t="s">
        <v>5217</v>
      </c>
      <c r="B3395" t="s">
        <v>5218</v>
      </c>
      <c r="C3395">
        <v>1</v>
      </c>
      <c r="D3395">
        <v>0</v>
      </c>
    </row>
    <row r="3396" spans="1:4" x14ac:dyDescent="0.25">
      <c r="A3396" t="s">
        <v>5219</v>
      </c>
      <c r="B3396" t="s">
        <v>5220</v>
      </c>
      <c r="C3396">
        <v>1</v>
      </c>
      <c r="D3396">
        <v>0</v>
      </c>
    </row>
    <row r="3397" spans="1:4" x14ac:dyDescent="0.25">
      <c r="A3397" t="s">
        <v>5221</v>
      </c>
      <c r="B3397" t="s">
        <v>2704</v>
      </c>
      <c r="C3397">
        <v>1</v>
      </c>
      <c r="D3397">
        <v>0</v>
      </c>
    </row>
    <row r="3398" spans="1:4" x14ac:dyDescent="0.25">
      <c r="A3398" t="s">
        <v>5222</v>
      </c>
      <c r="B3398" t="s">
        <v>5223</v>
      </c>
      <c r="C3398">
        <v>0</v>
      </c>
      <c r="D3398">
        <v>0</v>
      </c>
    </row>
    <row r="3399" spans="1:4" x14ac:dyDescent="0.25">
      <c r="A3399" t="s">
        <v>5222</v>
      </c>
      <c r="B3399" t="s">
        <v>5224</v>
      </c>
      <c r="C3399">
        <v>0</v>
      </c>
      <c r="D3399">
        <v>0</v>
      </c>
    </row>
    <row r="3400" spans="1:4" x14ac:dyDescent="0.25">
      <c r="A3400" t="s">
        <v>5222</v>
      </c>
      <c r="B3400" t="s">
        <v>5225</v>
      </c>
      <c r="C3400">
        <v>0</v>
      </c>
      <c r="D3400">
        <v>0</v>
      </c>
    </row>
    <row r="3401" spans="1:4" x14ac:dyDescent="0.25">
      <c r="A3401" t="s">
        <v>5226</v>
      </c>
      <c r="B3401" t="s">
        <v>5227</v>
      </c>
      <c r="C3401">
        <v>2</v>
      </c>
      <c r="D3401">
        <v>0</v>
      </c>
    </row>
    <row r="3402" spans="1:4" x14ac:dyDescent="0.25">
      <c r="A3402" t="s">
        <v>5226</v>
      </c>
      <c r="B3402" t="s">
        <v>5228</v>
      </c>
      <c r="C3402">
        <v>1</v>
      </c>
      <c r="D3402">
        <v>0</v>
      </c>
    </row>
    <row r="3403" spans="1:4" x14ac:dyDescent="0.25">
      <c r="A3403" t="s">
        <v>5226</v>
      </c>
      <c r="B3403" t="s">
        <v>5229</v>
      </c>
      <c r="C3403">
        <v>1</v>
      </c>
      <c r="D3403">
        <v>0</v>
      </c>
    </row>
    <row r="3404" spans="1:4" x14ac:dyDescent="0.25">
      <c r="A3404" t="s">
        <v>5230</v>
      </c>
      <c r="B3404" t="s">
        <v>398</v>
      </c>
      <c r="C3404">
        <v>0</v>
      </c>
      <c r="D3404">
        <v>0</v>
      </c>
    </row>
    <row r="3405" spans="1:4" x14ac:dyDescent="0.25">
      <c r="A3405" t="s">
        <v>5230</v>
      </c>
      <c r="B3405" t="s">
        <v>5231</v>
      </c>
      <c r="C3405">
        <v>1</v>
      </c>
      <c r="D3405">
        <v>0</v>
      </c>
    </row>
    <row r="3406" spans="1:4" x14ac:dyDescent="0.25">
      <c r="A3406" t="s">
        <v>5232</v>
      </c>
      <c r="B3406" t="s">
        <v>969</v>
      </c>
      <c r="C3406">
        <v>0</v>
      </c>
      <c r="D3406">
        <v>0</v>
      </c>
    </row>
    <row r="3407" spans="1:4" x14ac:dyDescent="0.25">
      <c r="A3407" t="s">
        <v>5232</v>
      </c>
      <c r="B3407" t="s">
        <v>5233</v>
      </c>
      <c r="C3407">
        <v>0</v>
      </c>
      <c r="D3407">
        <v>0</v>
      </c>
    </row>
    <row r="3408" spans="1:4" x14ac:dyDescent="0.25">
      <c r="A3408" t="s">
        <v>5234</v>
      </c>
      <c r="B3408" t="s">
        <v>1001</v>
      </c>
      <c r="C3408">
        <v>1</v>
      </c>
      <c r="D3408">
        <v>0</v>
      </c>
    </row>
    <row r="3409" spans="1:4" x14ac:dyDescent="0.25">
      <c r="A3409" t="s">
        <v>5235</v>
      </c>
      <c r="B3409" t="s">
        <v>888</v>
      </c>
      <c r="C3409">
        <v>1</v>
      </c>
      <c r="D3409">
        <v>0</v>
      </c>
    </row>
    <row r="3410" spans="1:4" x14ac:dyDescent="0.25">
      <c r="A3410" t="s">
        <v>5236</v>
      </c>
      <c r="B3410" t="s">
        <v>5237</v>
      </c>
      <c r="C3410">
        <v>1</v>
      </c>
      <c r="D3410">
        <v>0</v>
      </c>
    </row>
    <row r="3411" spans="1:4" x14ac:dyDescent="0.25">
      <c r="A3411" t="s">
        <v>5236</v>
      </c>
      <c r="B3411" t="s">
        <v>5238</v>
      </c>
      <c r="C3411">
        <v>2</v>
      </c>
      <c r="D3411">
        <v>0</v>
      </c>
    </row>
    <row r="3412" spans="1:4" x14ac:dyDescent="0.25">
      <c r="A3412" t="s">
        <v>5236</v>
      </c>
      <c r="B3412" t="s">
        <v>5239</v>
      </c>
      <c r="C3412">
        <v>2</v>
      </c>
      <c r="D3412">
        <v>0</v>
      </c>
    </row>
    <row r="3413" spans="1:4" x14ac:dyDescent="0.25">
      <c r="A3413" t="s">
        <v>5240</v>
      </c>
      <c r="B3413" t="s">
        <v>1499</v>
      </c>
      <c r="C3413">
        <v>1</v>
      </c>
      <c r="D3413">
        <v>0</v>
      </c>
    </row>
    <row r="3414" spans="1:4" x14ac:dyDescent="0.25">
      <c r="A3414" t="s">
        <v>5241</v>
      </c>
      <c r="B3414" t="s">
        <v>5242</v>
      </c>
      <c r="C3414">
        <v>1</v>
      </c>
      <c r="D3414">
        <v>0</v>
      </c>
    </row>
    <row r="3415" spans="1:4" x14ac:dyDescent="0.25">
      <c r="A3415" t="s">
        <v>5243</v>
      </c>
      <c r="B3415" t="s">
        <v>5244</v>
      </c>
      <c r="C3415">
        <v>0</v>
      </c>
      <c r="D3415">
        <v>0</v>
      </c>
    </row>
    <row r="3416" spans="1:4" x14ac:dyDescent="0.25">
      <c r="A3416" t="s">
        <v>5245</v>
      </c>
      <c r="B3416" t="s">
        <v>5246</v>
      </c>
      <c r="C3416">
        <v>0</v>
      </c>
      <c r="D3416">
        <v>0</v>
      </c>
    </row>
    <row r="3417" spans="1:4" x14ac:dyDescent="0.25">
      <c r="A3417" t="s">
        <v>5245</v>
      </c>
      <c r="B3417" t="s">
        <v>5247</v>
      </c>
      <c r="C3417">
        <v>0</v>
      </c>
      <c r="D3417">
        <v>0</v>
      </c>
    </row>
    <row r="3418" spans="1:4" x14ac:dyDescent="0.25">
      <c r="A3418" t="s">
        <v>5245</v>
      </c>
      <c r="B3418" t="s">
        <v>5248</v>
      </c>
      <c r="C3418">
        <v>0</v>
      </c>
      <c r="D3418">
        <v>0</v>
      </c>
    </row>
    <row r="3419" spans="1:4" x14ac:dyDescent="0.25">
      <c r="A3419" t="s">
        <v>5249</v>
      </c>
      <c r="B3419" t="s">
        <v>5250</v>
      </c>
      <c r="C3419">
        <v>1</v>
      </c>
      <c r="D3419">
        <v>0</v>
      </c>
    </row>
    <row r="3420" spans="1:4" x14ac:dyDescent="0.25">
      <c r="A3420" t="s">
        <v>5249</v>
      </c>
      <c r="B3420" t="s">
        <v>5251</v>
      </c>
      <c r="C3420">
        <v>0</v>
      </c>
      <c r="D3420">
        <v>0</v>
      </c>
    </row>
    <row r="3421" spans="1:4" x14ac:dyDescent="0.25">
      <c r="A3421" t="s">
        <v>5252</v>
      </c>
      <c r="B3421" t="s">
        <v>3858</v>
      </c>
      <c r="C3421">
        <v>1</v>
      </c>
      <c r="D3421">
        <v>0</v>
      </c>
    </row>
    <row r="3422" spans="1:4" x14ac:dyDescent="0.25">
      <c r="A3422" t="s">
        <v>5253</v>
      </c>
      <c r="B3422" t="s">
        <v>5254</v>
      </c>
      <c r="C3422">
        <v>1</v>
      </c>
      <c r="D3422">
        <v>0</v>
      </c>
    </row>
    <row r="3423" spans="1:4" x14ac:dyDescent="0.25">
      <c r="A3423" t="s">
        <v>5253</v>
      </c>
      <c r="B3423" t="s">
        <v>923</v>
      </c>
      <c r="C3423">
        <v>0</v>
      </c>
      <c r="D3423">
        <v>0</v>
      </c>
    </row>
    <row r="3424" spans="1:4" x14ac:dyDescent="0.25">
      <c r="A3424" t="s">
        <v>5255</v>
      </c>
      <c r="B3424" t="s">
        <v>5256</v>
      </c>
      <c r="C3424">
        <v>0</v>
      </c>
      <c r="D3424">
        <v>0</v>
      </c>
    </row>
    <row r="3425" spans="1:4" x14ac:dyDescent="0.25">
      <c r="A3425" t="s">
        <v>5255</v>
      </c>
      <c r="B3425" t="s">
        <v>5257</v>
      </c>
      <c r="C3425">
        <v>0</v>
      </c>
      <c r="D3425">
        <v>0</v>
      </c>
    </row>
    <row r="3426" spans="1:4" x14ac:dyDescent="0.25">
      <c r="A3426" t="s">
        <v>5258</v>
      </c>
      <c r="B3426" t="s">
        <v>4894</v>
      </c>
      <c r="C3426">
        <v>0</v>
      </c>
      <c r="D3426">
        <v>0</v>
      </c>
    </row>
    <row r="3427" spans="1:4" x14ac:dyDescent="0.25">
      <c r="A3427" t="s">
        <v>5259</v>
      </c>
      <c r="B3427" t="s">
        <v>1001</v>
      </c>
      <c r="C3427">
        <v>1</v>
      </c>
      <c r="D3427">
        <v>0</v>
      </c>
    </row>
    <row r="3428" spans="1:4" x14ac:dyDescent="0.25">
      <c r="A3428" t="s">
        <v>5259</v>
      </c>
      <c r="B3428" t="s">
        <v>5260</v>
      </c>
      <c r="C3428">
        <v>0</v>
      </c>
      <c r="D3428">
        <v>0</v>
      </c>
    </row>
    <row r="3429" spans="1:4" x14ac:dyDescent="0.25">
      <c r="A3429" t="s">
        <v>5261</v>
      </c>
      <c r="B3429" t="s">
        <v>5262</v>
      </c>
      <c r="C3429">
        <v>0</v>
      </c>
      <c r="D3429">
        <v>0</v>
      </c>
    </row>
    <row r="3430" spans="1:4" x14ac:dyDescent="0.25">
      <c r="A3430" t="s">
        <v>5261</v>
      </c>
      <c r="B3430" t="s">
        <v>5263</v>
      </c>
      <c r="C3430">
        <v>1</v>
      </c>
      <c r="D3430">
        <v>0</v>
      </c>
    </row>
    <row r="3431" spans="1:4" x14ac:dyDescent="0.25">
      <c r="A3431" t="s">
        <v>5264</v>
      </c>
      <c r="B3431" t="s">
        <v>5265</v>
      </c>
      <c r="C3431">
        <v>0</v>
      </c>
      <c r="D3431">
        <v>0</v>
      </c>
    </row>
    <row r="3432" spans="1:4" x14ac:dyDescent="0.25">
      <c r="A3432" t="s">
        <v>5266</v>
      </c>
      <c r="B3432" t="s">
        <v>5267</v>
      </c>
      <c r="C3432">
        <v>1</v>
      </c>
      <c r="D3432">
        <v>0</v>
      </c>
    </row>
    <row r="3433" spans="1:4" x14ac:dyDescent="0.25">
      <c r="A3433" t="s">
        <v>5266</v>
      </c>
      <c r="B3433" t="s">
        <v>5268</v>
      </c>
      <c r="C3433">
        <v>2</v>
      </c>
      <c r="D3433">
        <v>0</v>
      </c>
    </row>
    <row r="3434" spans="1:4" x14ac:dyDescent="0.25">
      <c r="A3434" t="s">
        <v>5266</v>
      </c>
      <c r="B3434" t="s">
        <v>5269</v>
      </c>
      <c r="C3434">
        <v>0</v>
      </c>
      <c r="D3434">
        <v>0</v>
      </c>
    </row>
    <row r="3435" spans="1:4" x14ac:dyDescent="0.25">
      <c r="A3435" t="s">
        <v>5270</v>
      </c>
      <c r="B3435" t="s">
        <v>5271</v>
      </c>
      <c r="C3435">
        <v>1</v>
      </c>
      <c r="D3435">
        <v>0</v>
      </c>
    </row>
    <row r="3436" spans="1:4" x14ac:dyDescent="0.25">
      <c r="A3436" t="s">
        <v>5270</v>
      </c>
      <c r="B3436" t="s">
        <v>5272</v>
      </c>
      <c r="C3436">
        <v>1</v>
      </c>
      <c r="D3436">
        <v>0</v>
      </c>
    </row>
    <row r="3437" spans="1:4" x14ac:dyDescent="0.25">
      <c r="A3437" t="s">
        <v>5273</v>
      </c>
      <c r="B3437" t="s">
        <v>5274</v>
      </c>
      <c r="C3437">
        <v>2</v>
      </c>
      <c r="D3437">
        <v>0</v>
      </c>
    </row>
    <row r="3438" spans="1:4" x14ac:dyDescent="0.25">
      <c r="A3438" t="s">
        <v>5273</v>
      </c>
      <c r="B3438" t="s">
        <v>5275</v>
      </c>
      <c r="C3438">
        <v>1</v>
      </c>
      <c r="D3438">
        <v>0</v>
      </c>
    </row>
    <row r="3439" spans="1:4" x14ac:dyDescent="0.25">
      <c r="A3439" t="s">
        <v>5273</v>
      </c>
      <c r="B3439" t="s">
        <v>5276</v>
      </c>
      <c r="C3439">
        <v>0</v>
      </c>
      <c r="D3439">
        <v>0</v>
      </c>
    </row>
    <row r="3440" spans="1:4" x14ac:dyDescent="0.25">
      <c r="A3440" t="s">
        <v>5277</v>
      </c>
      <c r="B3440" t="s">
        <v>5278</v>
      </c>
      <c r="C3440">
        <v>1</v>
      </c>
      <c r="D3440">
        <v>0</v>
      </c>
    </row>
    <row r="3441" spans="1:4" x14ac:dyDescent="0.25">
      <c r="A3441" t="s">
        <v>5279</v>
      </c>
      <c r="B3441" t="s">
        <v>1570</v>
      </c>
      <c r="C3441">
        <v>1</v>
      </c>
      <c r="D3441">
        <v>0</v>
      </c>
    </row>
    <row r="3442" spans="1:4" x14ac:dyDescent="0.25">
      <c r="A3442" t="s">
        <v>5280</v>
      </c>
      <c r="B3442" t="s">
        <v>5281</v>
      </c>
      <c r="C3442">
        <v>0</v>
      </c>
      <c r="D3442">
        <v>0</v>
      </c>
    </row>
    <row r="3443" spans="1:4" x14ac:dyDescent="0.25">
      <c r="A3443" t="s">
        <v>5280</v>
      </c>
      <c r="B3443" t="s">
        <v>5282</v>
      </c>
      <c r="C3443">
        <v>0</v>
      </c>
      <c r="D3443">
        <v>0</v>
      </c>
    </row>
    <row r="3444" spans="1:4" x14ac:dyDescent="0.25">
      <c r="A3444" t="s">
        <v>5280</v>
      </c>
      <c r="B3444" t="s">
        <v>5283</v>
      </c>
      <c r="C3444">
        <v>0</v>
      </c>
      <c r="D3444">
        <v>0</v>
      </c>
    </row>
    <row r="3445" spans="1:4" x14ac:dyDescent="0.25">
      <c r="A3445" t="s">
        <v>5284</v>
      </c>
      <c r="B3445" t="s">
        <v>5285</v>
      </c>
      <c r="C3445">
        <v>1</v>
      </c>
      <c r="D3445">
        <v>0</v>
      </c>
    </row>
    <row r="3446" spans="1:4" x14ac:dyDescent="0.25">
      <c r="A3446" t="s">
        <v>5286</v>
      </c>
      <c r="B3446" t="s">
        <v>5287</v>
      </c>
      <c r="C3446">
        <v>1</v>
      </c>
      <c r="D3446">
        <v>0</v>
      </c>
    </row>
    <row r="3447" spans="1:4" x14ac:dyDescent="0.25">
      <c r="A3447" t="s">
        <v>5288</v>
      </c>
      <c r="B3447" t="s">
        <v>5289</v>
      </c>
      <c r="C3447">
        <v>1</v>
      </c>
      <c r="D3447">
        <v>0</v>
      </c>
    </row>
    <row r="3448" spans="1:4" x14ac:dyDescent="0.25">
      <c r="A3448" t="s">
        <v>5290</v>
      </c>
      <c r="B3448" t="s">
        <v>969</v>
      </c>
      <c r="C3448">
        <v>0</v>
      </c>
      <c r="D3448">
        <v>0</v>
      </c>
    </row>
    <row r="3449" spans="1:4" x14ac:dyDescent="0.25">
      <c r="A3449" t="s">
        <v>5290</v>
      </c>
      <c r="B3449" t="s">
        <v>5291</v>
      </c>
      <c r="C3449">
        <v>2</v>
      </c>
      <c r="D3449">
        <v>0</v>
      </c>
    </row>
    <row r="3450" spans="1:4" x14ac:dyDescent="0.25">
      <c r="A3450" t="s">
        <v>5292</v>
      </c>
      <c r="B3450" t="s">
        <v>5293</v>
      </c>
      <c r="C3450">
        <v>1</v>
      </c>
      <c r="D3450">
        <v>0</v>
      </c>
    </row>
    <row r="3451" spans="1:4" x14ac:dyDescent="0.25">
      <c r="A3451" t="s">
        <v>5292</v>
      </c>
      <c r="B3451" t="s">
        <v>5294</v>
      </c>
      <c r="C3451">
        <v>1</v>
      </c>
      <c r="D3451">
        <v>0</v>
      </c>
    </row>
    <row r="3452" spans="1:4" x14ac:dyDescent="0.25">
      <c r="A3452" t="s">
        <v>5292</v>
      </c>
      <c r="B3452" t="s">
        <v>5295</v>
      </c>
      <c r="C3452">
        <v>0</v>
      </c>
      <c r="D3452">
        <v>0</v>
      </c>
    </row>
    <row r="3453" spans="1:4" x14ac:dyDescent="0.25">
      <c r="A3453" t="s">
        <v>5296</v>
      </c>
      <c r="B3453" t="s">
        <v>5297</v>
      </c>
      <c r="C3453">
        <v>2</v>
      </c>
      <c r="D3453">
        <v>0</v>
      </c>
    </row>
    <row r="3454" spans="1:4" x14ac:dyDescent="0.25">
      <c r="A3454" t="s">
        <v>5296</v>
      </c>
      <c r="B3454" t="s">
        <v>5298</v>
      </c>
      <c r="C3454">
        <v>2</v>
      </c>
      <c r="D3454">
        <v>0</v>
      </c>
    </row>
    <row r="3455" spans="1:4" x14ac:dyDescent="0.25">
      <c r="A3455" t="s">
        <v>5299</v>
      </c>
      <c r="B3455" t="s">
        <v>852</v>
      </c>
      <c r="C3455">
        <v>0</v>
      </c>
      <c r="D3455">
        <v>0</v>
      </c>
    </row>
    <row r="3456" spans="1:4" x14ac:dyDescent="0.25">
      <c r="A3456" t="s">
        <v>5299</v>
      </c>
      <c r="B3456" t="s">
        <v>1499</v>
      </c>
      <c r="C3456">
        <v>1</v>
      </c>
      <c r="D3456">
        <v>0</v>
      </c>
    </row>
    <row r="3457" spans="1:4" x14ac:dyDescent="0.25">
      <c r="A3457" t="s">
        <v>5300</v>
      </c>
      <c r="B3457" t="s">
        <v>5301</v>
      </c>
      <c r="C3457">
        <v>0</v>
      </c>
      <c r="D3457">
        <v>0</v>
      </c>
    </row>
    <row r="3458" spans="1:4" x14ac:dyDescent="0.25">
      <c r="A3458" t="s">
        <v>5302</v>
      </c>
      <c r="B3458" t="s">
        <v>2953</v>
      </c>
      <c r="C3458">
        <v>0</v>
      </c>
      <c r="D3458">
        <v>0</v>
      </c>
    </row>
    <row r="3459" spans="1:4" x14ac:dyDescent="0.25">
      <c r="A3459" t="s">
        <v>5302</v>
      </c>
      <c r="B3459" t="s">
        <v>888</v>
      </c>
      <c r="C3459">
        <v>1</v>
      </c>
      <c r="D3459">
        <v>0</v>
      </c>
    </row>
    <row r="3460" spans="1:4" x14ac:dyDescent="0.25">
      <c r="A3460" t="s">
        <v>5303</v>
      </c>
      <c r="B3460" t="s">
        <v>5304</v>
      </c>
      <c r="C3460">
        <v>0</v>
      </c>
      <c r="D3460">
        <v>0</v>
      </c>
    </row>
    <row r="3461" spans="1:4" x14ac:dyDescent="0.25">
      <c r="A3461" t="s">
        <v>5303</v>
      </c>
      <c r="B3461" t="s">
        <v>5305</v>
      </c>
      <c r="C3461">
        <v>2</v>
      </c>
      <c r="D3461">
        <v>0</v>
      </c>
    </row>
    <row r="3462" spans="1:4" x14ac:dyDescent="0.25">
      <c r="A3462" t="s">
        <v>5306</v>
      </c>
      <c r="B3462" t="s">
        <v>1151</v>
      </c>
      <c r="C3462">
        <v>1</v>
      </c>
      <c r="D3462">
        <v>0</v>
      </c>
    </row>
    <row r="3463" spans="1:4" x14ac:dyDescent="0.25">
      <c r="A3463" t="s">
        <v>5307</v>
      </c>
      <c r="B3463" t="s">
        <v>5308</v>
      </c>
      <c r="C3463">
        <v>1</v>
      </c>
      <c r="D3463">
        <v>0</v>
      </c>
    </row>
    <row r="3464" spans="1:4" x14ac:dyDescent="0.25">
      <c r="A3464" t="s">
        <v>5307</v>
      </c>
      <c r="B3464" t="s">
        <v>5309</v>
      </c>
      <c r="C3464">
        <v>2</v>
      </c>
      <c r="D3464">
        <v>0</v>
      </c>
    </row>
    <row r="3465" spans="1:4" x14ac:dyDescent="0.25">
      <c r="A3465" t="s">
        <v>5307</v>
      </c>
      <c r="B3465" t="s">
        <v>5310</v>
      </c>
      <c r="C3465">
        <v>0</v>
      </c>
      <c r="D3465">
        <v>0</v>
      </c>
    </row>
    <row r="3466" spans="1:4" x14ac:dyDescent="0.25">
      <c r="A3466" t="s">
        <v>5311</v>
      </c>
      <c r="B3466" t="s">
        <v>5312</v>
      </c>
      <c r="C3466">
        <v>1</v>
      </c>
      <c r="D3466">
        <v>0</v>
      </c>
    </row>
    <row r="3467" spans="1:4" x14ac:dyDescent="0.25">
      <c r="A3467" t="s">
        <v>5311</v>
      </c>
      <c r="B3467" t="s">
        <v>5313</v>
      </c>
      <c r="C3467">
        <v>0</v>
      </c>
      <c r="D3467">
        <v>0</v>
      </c>
    </row>
    <row r="3468" spans="1:4" x14ac:dyDescent="0.25">
      <c r="A3468" t="s">
        <v>5311</v>
      </c>
      <c r="B3468" t="s">
        <v>5314</v>
      </c>
      <c r="C3468">
        <v>1</v>
      </c>
      <c r="D3468">
        <v>0</v>
      </c>
    </row>
    <row r="3469" spans="1:4" x14ac:dyDescent="0.25">
      <c r="A3469" t="s">
        <v>5315</v>
      </c>
      <c r="B3469" t="s">
        <v>5316</v>
      </c>
      <c r="C3469">
        <v>1</v>
      </c>
      <c r="D3469">
        <v>0</v>
      </c>
    </row>
    <row r="3470" spans="1:4" x14ac:dyDescent="0.25">
      <c r="A3470" t="s">
        <v>5317</v>
      </c>
      <c r="B3470" t="s">
        <v>5318</v>
      </c>
      <c r="C3470">
        <v>1</v>
      </c>
      <c r="D3470">
        <v>0</v>
      </c>
    </row>
    <row r="3471" spans="1:4" x14ac:dyDescent="0.25">
      <c r="A3471" t="s">
        <v>5317</v>
      </c>
      <c r="B3471" t="s">
        <v>5319</v>
      </c>
      <c r="C3471">
        <v>1</v>
      </c>
      <c r="D3471">
        <v>0</v>
      </c>
    </row>
    <row r="3472" spans="1:4" x14ac:dyDescent="0.25">
      <c r="A3472" t="s">
        <v>5320</v>
      </c>
      <c r="B3472" t="s">
        <v>5321</v>
      </c>
      <c r="C3472">
        <v>1</v>
      </c>
      <c r="D3472">
        <v>0</v>
      </c>
    </row>
    <row r="3473" spans="1:4" x14ac:dyDescent="0.25">
      <c r="A3473" t="s">
        <v>5320</v>
      </c>
      <c r="B3473" t="s">
        <v>5322</v>
      </c>
      <c r="C3473">
        <v>0</v>
      </c>
      <c r="D3473">
        <v>0</v>
      </c>
    </row>
    <row r="3474" spans="1:4" x14ac:dyDescent="0.25">
      <c r="A3474" t="s">
        <v>5323</v>
      </c>
      <c r="B3474" t="s">
        <v>5324</v>
      </c>
      <c r="C3474">
        <v>0</v>
      </c>
      <c r="D3474">
        <v>0</v>
      </c>
    </row>
    <row r="3475" spans="1:4" x14ac:dyDescent="0.25">
      <c r="A3475" t="s">
        <v>5325</v>
      </c>
      <c r="B3475" t="s">
        <v>5326</v>
      </c>
      <c r="C3475">
        <v>1</v>
      </c>
      <c r="D3475">
        <v>0</v>
      </c>
    </row>
    <row r="3476" spans="1:4" x14ac:dyDescent="0.25">
      <c r="A3476" t="s">
        <v>5325</v>
      </c>
      <c r="B3476" t="s">
        <v>5327</v>
      </c>
      <c r="C3476">
        <v>1</v>
      </c>
      <c r="D3476">
        <v>0</v>
      </c>
    </row>
    <row r="3477" spans="1:4" x14ac:dyDescent="0.25">
      <c r="A3477" t="s">
        <v>5325</v>
      </c>
      <c r="B3477" t="s">
        <v>5328</v>
      </c>
      <c r="C3477">
        <v>1</v>
      </c>
      <c r="D3477">
        <v>0</v>
      </c>
    </row>
    <row r="3478" spans="1:4" x14ac:dyDescent="0.25">
      <c r="A3478" t="s">
        <v>5329</v>
      </c>
      <c r="B3478" t="s">
        <v>5330</v>
      </c>
      <c r="C3478">
        <v>1</v>
      </c>
      <c r="D3478">
        <v>0</v>
      </c>
    </row>
    <row r="3479" spans="1:4" x14ac:dyDescent="0.25">
      <c r="A3479" t="s">
        <v>5329</v>
      </c>
      <c r="B3479" t="s">
        <v>5331</v>
      </c>
      <c r="C3479">
        <v>1</v>
      </c>
      <c r="D3479">
        <v>0</v>
      </c>
    </row>
    <row r="3480" spans="1:4" x14ac:dyDescent="0.25">
      <c r="A3480" t="s">
        <v>5332</v>
      </c>
      <c r="B3480" t="s">
        <v>5333</v>
      </c>
      <c r="C3480">
        <v>2</v>
      </c>
      <c r="D3480">
        <v>0</v>
      </c>
    </row>
    <row r="3481" spans="1:4" x14ac:dyDescent="0.25">
      <c r="A3481" t="s">
        <v>5332</v>
      </c>
      <c r="B3481" t="s">
        <v>5334</v>
      </c>
      <c r="C3481">
        <v>0</v>
      </c>
      <c r="D3481">
        <v>0</v>
      </c>
    </row>
    <row r="3482" spans="1:4" x14ac:dyDescent="0.25">
      <c r="A3482" t="s">
        <v>5332</v>
      </c>
      <c r="B3482" t="s">
        <v>5335</v>
      </c>
      <c r="C3482">
        <v>0</v>
      </c>
      <c r="D3482">
        <v>0</v>
      </c>
    </row>
    <row r="3483" spans="1:4" x14ac:dyDescent="0.25">
      <c r="A3483" t="s">
        <v>5336</v>
      </c>
      <c r="B3483" t="s">
        <v>5337</v>
      </c>
      <c r="C3483">
        <v>1</v>
      </c>
      <c r="D3483">
        <v>0</v>
      </c>
    </row>
    <row r="3484" spans="1:4" x14ac:dyDescent="0.25">
      <c r="A3484" t="s">
        <v>5338</v>
      </c>
      <c r="B3484" t="s">
        <v>5339</v>
      </c>
      <c r="C3484">
        <v>1</v>
      </c>
      <c r="D3484">
        <v>0</v>
      </c>
    </row>
    <row r="3485" spans="1:4" x14ac:dyDescent="0.25">
      <c r="A3485" t="s">
        <v>5340</v>
      </c>
      <c r="B3485" t="s">
        <v>4422</v>
      </c>
      <c r="C3485">
        <v>1</v>
      </c>
      <c r="D3485">
        <v>0</v>
      </c>
    </row>
    <row r="3486" spans="1:4" x14ac:dyDescent="0.25">
      <c r="A3486" t="s">
        <v>5340</v>
      </c>
      <c r="B3486" t="s">
        <v>5341</v>
      </c>
      <c r="C3486">
        <v>1</v>
      </c>
      <c r="D3486">
        <v>0</v>
      </c>
    </row>
    <row r="3487" spans="1:4" x14ac:dyDescent="0.25">
      <c r="A3487" t="s">
        <v>5340</v>
      </c>
      <c r="B3487" t="s">
        <v>5342</v>
      </c>
      <c r="C3487">
        <v>1</v>
      </c>
      <c r="D3487">
        <v>0</v>
      </c>
    </row>
    <row r="3488" spans="1:4" x14ac:dyDescent="0.25">
      <c r="A3488" t="s">
        <v>5343</v>
      </c>
      <c r="B3488" t="s">
        <v>5344</v>
      </c>
      <c r="C3488">
        <v>1</v>
      </c>
      <c r="D3488">
        <v>0</v>
      </c>
    </row>
    <row r="3489" spans="1:4" x14ac:dyDescent="0.25">
      <c r="A3489" t="s">
        <v>5345</v>
      </c>
      <c r="B3489" t="s">
        <v>5346</v>
      </c>
      <c r="C3489">
        <v>0</v>
      </c>
      <c r="D3489">
        <v>0</v>
      </c>
    </row>
    <row r="3490" spans="1:4" x14ac:dyDescent="0.25">
      <c r="A3490" t="s">
        <v>5345</v>
      </c>
      <c r="B3490" t="s">
        <v>5347</v>
      </c>
      <c r="C3490">
        <v>1</v>
      </c>
      <c r="D3490">
        <v>0</v>
      </c>
    </row>
    <row r="3491" spans="1:4" x14ac:dyDescent="0.25">
      <c r="A3491" t="s">
        <v>5348</v>
      </c>
      <c r="B3491" t="s">
        <v>5349</v>
      </c>
      <c r="C3491">
        <v>2</v>
      </c>
      <c r="D3491">
        <v>0</v>
      </c>
    </row>
    <row r="3492" spans="1:4" x14ac:dyDescent="0.25">
      <c r="A3492" t="s">
        <v>5348</v>
      </c>
      <c r="B3492" t="s">
        <v>5350</v>
      </c>
      <c r="C3492">
        <v>2</v>
      </c>
      <c r="D3492">
        <v>0</v>
      </c>
    </row>
    <row r="3493" spans="1:4" x14ac:dyDescent="0.25">
      <c r="A3493" t="s">
        <v>5351</v>
      </c>
      <c r="B3493" t="s">
        <v>5352</v>
      </c>
      <c r="C3493">
        <v>2</v>
      </c>
      <c r="D3493">
        <v>0</v>
      </c>
    </row>
    <row r="3494" spans="1:4" x14ac:dyDescent="0.25">
      <c r="A3494" t="s">
        <v>5351</v>
      </c>
      <c r="B3494" t="s">
        <v>5353</v>
      </c>
      <c r="C3494">
        <v>1</v>
      </c>
      <c r="D3494">
        <v>0</v>
      </c>
    </row>
    <row r="3495" spans="1:4" x14ac:dyDescent="0.25">
      <c r="A3495" t="s">
        <v>5351</v>
      </c>
      <c r="B3495" t="s">
        <v>5354</v>
      </c>
      <c r="C3495">
        <v>0</v>
      </c>
      <c r="D3495">
        <v>0</v>
      </c>
    </row>
    <row r="3496" spans="1:4" x14ac:dyDescent="0.25">
      <c r="A3496" t="s">
        <v>5355</v>
      </c>
      <c r="B3496" t="s">
        <v>5356</v>
      </c>
      <c r="C3496">
        <v>0</v>
      </c>
      <c r="D3496">
        <v>0</v>
      </c>
    </row>
    <row r="3497" spans="1:4" x14ac:dyDescent="0.25">
      <c r="A3497" t="s">
        <v>5357</v>
      </c>
      <c r="B3497" t="s">
        <v>5358</v>
      </c>
      <c r="C3497">
        <v>1</v>
      </c>
      <c r="D3497">
        <v>0</v>
      </c>
    </row>
    <row r="3498" spans="1:4" x14ac:dyDescent="0.25">
      <c r="A3498" t="s">
        <v>5357</v>
      </c>
      <c r="B3498" t="s">
        <v>5359</v>
      </c>
      <c r="C3498">
        <v>1</v>
      </c>
      <c r="D3498">
        <v>0</v>
      </c>
    </row>
    <row r="3499" spans="1:4" x14ac:dyDescent="0.25">
      <c r="A3499" t="s">
        <v>5360</v>
      </c>
      <c r="B3499" t="s">
        <v>5361</v>
      </c>
      <c r="C3499">
        <v>1</v>
      </c>
      <c r="D3499">
        <v>0</v>
      </c>
    </row>
    <row r="3500" spans="1:4" x14ac:dyDescent="0.25">
      <c r="A3500" t="s">
        <v>5362</v>
      </c>
      <c r="B3500" t="s">
        <v>5363</v>
      </c>
      <c r="C3500">
        <v>2</v>
      </c>
      <c r="D3500">
        <v>0</v>
      </c>
    </row>
    <row r="3501" spans="1:4" x14ac:dyDescent="0.25">
      <c r="A3501" t="s">
        <v>5364</v>
      </c>
      <c r="B3501" t="s">
        <v>5365</v>
      </c>
      <c r="C3501">
        <v>1</v>
      </c>
      <c r="D3501">
        <v>0</v>
      </c>
    </row>
    <row r="3502" spans="1:4" x14ac:dyDescent="0.25">
      <c r="A3502" t="s">
        <v>5364</v>
      </c>
      <c r="B3502" t="s">
        <v>5366</v>
      </c>
      <c r="C3502">
        <v>0</v>
      </c>
      <c r="D3502">
        <v>0</v>
      </c>
    </row>
    <row r="3503" spans="1:4" x14ac:dyDescent="0.25">
      <c r="A3503" t="s">
        <v>5367</v>
      </c>
      <c r="B3503" t="s">
        <v>945</v>
      </c>
      <c r="C3503">
        <v>1</v>
      </c>
      <c r="D3503">
        <v>0</v>
      </c>
    </row>
    <row r="3504" spans="1:4" x14ac:dyDescent="0.25">
      <c r="A3504" t="s">
        <v>5368</v>
      </c>
      <c r="B3504" t="s">
        <v>816</v>
      </c>
      <c r="C3504">
        <v>1</v>
      </c>
      <c r="D3504">
        <v>0</v>
      </c>
    </row>
    <row r="3505" spans="1:4" x14ac:dyDescent="0.25">
      <c r="A3505" t="s">
        <v>5369</v>
      </c>
      <c r="B3505" t="s">
        <v>1294</v>
      </c>
      <c r="C3505">
        <v>1</v>
      </c>
      <c r="D3505">
        <v>0</v>
      </c>
    </row>
    <row r="3506" spans="1:4" x14ac:dyDescent="0.25">
      <c r="A3506" t="s">
        <v>5370</v>
      </c>
      <c r="B3506" t="s">
        <v>5371</v>
      </c>
      <c r="C3506">
        <v>2</v>
      </c>
      <c r="D3506">
        <v>0</v>
      </c>
    </row>
    <row r="3507" spans="1:4" x14ac:dyDescent="0.25">
      <c r="A3507" t="s">
        <v>5370</v>
      </c>
      <c r="B3507" t="s">
        <v>5372</v>
      </c>
      <c r="C3507">
        <v>2</v>
      </c>
      <c r="D3507">
        <v>0</v>
      </c>
    </row>
    <row r="3508" spans="1:4" x14ac:dyDescent="0.25">
      <c r="A3508" t="s">
        <v>5370</v>
      </c>
      <c r="B3508" t="s">
        <v>5373</v>
      </c>
      <c r="C3508">
        <v>0</v>
      </c>
      <c r="D3508">
        <v>0</v>
      </c>
    </row>
    <row r="3509" spans="1:4" x14ac:dyDescent="0.25">
      <c r="A3509" t="s">
        <v>5374</v>
      </c>
      <c r="B3509" t="s">
        <v>5375</v>
      </c>
      <c r="C3509">
        <v>1</v>
      </c>
      <c r="D3509">
        <v>0</v>
      </c>
    </row>
    <row r="3510" spans="1:4" x14ac:dyDescent="0.25">
      <c r="A3510" t="s">
        <v>5374</v>
      </c>
      <c r="B3510" t="s">
        <v>5376</v>
      </c>
      <c r="C3510">
        <v>1</v>
      </c>
      <c r="D3510">
        <v>0</v>
      </c>
    </row>
    <row r="3511" spans="1:4" x14ac:dyDescent="0.25">
      <c r="A3511" t="s">
        <v>5374</v>
      </c>
      <c r="B3511" t="s">
        <v>5377</v>
      </c>
      <c r="C3511">
        <v>1</v>
      </c>
      <c r="D3511">
        <v>0</v>
      </c>
    </row>
    <row r="3512" spans="1:4" x14ac:dyDescent="0.25">
      <c r="A3512" t="s">
        <v>5378</v>
      </c>
      <c r="B3512" t="s">
        <v>797</v>
      </c>
      <c r="C3512">
        <v>0</v>
      </c>
      <c r="D3512">
        <v>0</v>
      </c>
    </row>
    <row r="3513" spans="1:4" x14ac:dyDescent="0.25">
      <c r="A3513" t="s">
        <v>5379</v>
      </c>
      <c r="B3513" t="s">
        <v>5380</v>
      </c>
      <c r="C3513">
        <v>1</v>
      </c>
      <c r="D3513">
        <v>0</v>
      </c>
    </row>
    <row r="3514" spans="1:4" x14ac:dyDescent="0.25">
      <c r="A3514" t="s">
        <v>5381</v>
      </c>
      <c r="B3514" t="s">
        <v>5382</v>
      </c>
      <c r="C3514">
        <v>1</v>
      </c>
      <c r="D3514">
        <v>0</v>
      </c>
    </row>
    <row r="3515" spans="1:4" x14ac:dyDescent="0.25">
      <c r="A3515" t="s">
        <v>5383</v>
      </c>
      <c r="B3515" t="s">
        <v>5384</v>
      </c>
      <c r="C3515">
        <v>2</v>
      </c>
      <c r="D3515">
        <v>0</v>
      </c>
    </row>
    <row r="3516" spans="1:4" x14ac:dyDescent="0.25">
      <c r="A3516" t="s">
        <v>5385</v>
      </c>
      <c r="B3516" t="s">
        <v>5386</v>
      </c>
      <c r="C3516">
        <v>2</v>
      </c>
      <c r="D3516">
        <v>0</v>
      </c>
    </row>
    <row r="3517" spans="1:4" x14ac:dyDescent="0.25">
      <c r="A3517" t="s">
        <v>5387</v>
      </c>
      <c r="B3517" t="s">
        <v>5388</v>
      </c>
      <c r="C3517">
        <v>1</v>
      </c>
      <c r="D3517">
        <v>0</v>
      </c>
    </row>
    <row r="3518" spans="1:4" x14ac:dyDescent="0.25">
      <c r="A3518" t="s">
        <v>5387</v>
      </c>
      <c r="B3518" t="s">
        <v>5389</v>
      </c>
      <c r="C3518">
        <v>0</v>
      </c>
      <c r="D3518">
        <v>0</v>
      </c>
    </row>
    <row r="3519" spans="1:4" x14ac:dyDescent="0.25">
      <c r="A3519" t="s">
        <v>5387</v>
      </c>
      <c r="B3519" t="s">
        <v>5390</v>
      </c>
      <c r="C3519">
        <v>1</v>
      </c>
      <c r="D3519">
        <v>0</v>
      </c>
    </row>
    <row r="3520" spans="1:4" x14ac:dyDescent="0.25">
      <c r="A3520" t="s">
        <v>5391</v>
      </c>
      <c r="B3520" t="s">
        <v>5392</v>
      </c>
      <c r="C3520">
        <v>1</v>
      </c>
      <c r="D3520">
        <v>0</v>
      </c>
    </row>
    <row r="3521" spans="1:4" x14ac:dyDescent="0.25">
      <c r="A3521" t="s">
        <v>5391</v>
      </c>
      <c r="B3521" t="s">
        <v>5393</v>
      </c>
      <c r="C3521">
        <v>1</v>
      </c>
      <c r="D3521">
        <v>0</v>
      </c>
    </row>
    <row r="3522" spans="1:4" x14ac:dyDescent="0.25">
      <c r="A3522" t="s">
        <v>5391</v>
      </c>
      <c r="B3522" t="s">
        <v>5394</v>
      </c>
      <c r="C3522">
        <v>1</v>
      </c>
      <c r="D3522">
        <v>0</v>
      </c>
    </row>
    <row r="3523" spans="1:4" x14ac:dyDescent="0.25">
      <c r="A3523" t="s">
        <v>5395</v>
      </c>
      <c r="B3523" t="s">
        <v>5396</v>
      </c>
      <c r="C3523">
        <v>0</v>
      </c>
      <c r="D3523">
        <v>0</v>
      </c>
    </row>
    <row r="3524" spans="1:4" x14ac:dyDescent="0.25">
      <c r="A3524" t="s">
        <v>5397</v>
      </c>
      <c r="B3524" t="s">
        <v>5398</v>
      </c>
      <c r="C3524">
        <v>1</v>
      </c>
      <c r="D3524">
        <v>0</v>
      </c>
    </row>
    <row r="3525" spans="1:4" x14ac:dyDescent="0.25">
      <c r="A3525" t="s">
        <v>5399</v>
      </c>
      <c r="B3525" t="s">
        <v>5400</v>
      </c>
      <c r="C3525">
        <v>1</v>
      </c>
      <c r="D3525">
        <v>0</v>
      </c>
    </row>
    <row r="3526" spans="1:4" x14ac:dyDescent="0.25">
      <c r="A3526" t="s">
        <v>5399</v>
      </c>
      <c r="B3526" t="s">
        <v>5401</v>
      </c>
      <c r="C3526">
        <v>0</v>
      </c>
      <c r="D3526">
        <v>0</v>
      </c>
    </row>
    <row r="3527" spans="1:4" x14ac:dyDescent="0.25">
      <c r="A3527" t="s">
        <v>5399</v>
      </c>
      <c r="B3527" t="s">
        <v>5402</v>
      </c>
      <c r="C3527">
        <v>1</v>
      </c>
      <c r="D3527">
        <v>0</v>
      </c>
    </row>
    <row r="3528" spans="1:4" x14ac:dyDescent="0.25">
      <c r="A3528" t="s">
        <v>5403</v>
      </c>
      <c r="B3528" t="s">
        <v>398</v>
      </c>
      <c r="C3528">
        <v>0</v>
      </c>
      <c r="D3528">
        <v>0</v>
      </c>
    </row>
    <row r="3529" spans="1:4" x14ac:dyDescent="0.25">
      <c r="A3529" t="s">
        <v>5404</v>
      </c>
      <c r="B3529" t="s">
        <v>5405</v>
      </c>
      <c r="C3529">
        <v>0</v>
      </c>
      <c r="D3529">
        <v>0</v>
      </c>
    </row>
    <row r="3530" spans="1:4" x14ac:dyDescent="0.25">
      <c r="A3530" t="s">
        <v>5406</v>
      </c>
      <c r="B3530" t="s">
        <v>5407</v>
      </c>
      <c r="C3530">
        <v>1</v>
      </c>
      <c r="D3530">
        <v>0</v>
      </c>
    </row>
    <row r="3531" spans="1:4" x14ac:dyDescent="0.25">
      <c r="A3531" t="s">
        <v>5406</v>
      </c>
      <c r="B3531" t="s">
        <v>5408</v>
      </c>
      <c r="C3531">
        <v>1</v>
      </c>
      <c r="D3531">
        <v>0</v>
      </c>
    </row>
    <row r="3532" spans="1:4" x14ac:dyDescent="0.25">
      <c r="A3532" t="s">
        <v>5409</v>
      </c>
      <c r="B3532" t="s">
        <v>5410</v>
      </c>
      <c r="C3532">
        <v>0</v>
      </c>
      <c r="D3532">
        <v>0</v>
      </c>
    </row>
    <row r="3533" spans="1:4" x14ac:dyDescent="0.25">
      <c r="A3533" t="s">
        <v>5409</v>
      </c>
      <c r="B3533" t="s">
        <v>2779</v>
      </c>
      <c r="C3533">
        <v>0</v>
      </c>
      <c r="D3533">
        <v>0</v>
      </c>
    </row>
    <row r="3534" spans="1:4" x14ac:dyDescent="0.25">
      <c r="A3534" t="s">
        <v>5411</v>
      </c>
      <c r="B3534" t="s">
        <v>5412</v>
      </c>
      <c r="C3534">
        <v>1</v>
      </c>
      <c r="D3534">
        <v>0</v>
      </c>
    </row>
    <row r="3535" spans="1:4" x14ac:dyDescent="0.25">
      <c r="A3535" t="s">
        <v>5413</v>
      </c>
      <c r="B3535" t="s">
        <v>5414</v>
      </c>
      <c r="C3535">
        <v>1</v>
      </c>
      <c r="D3535">
        <v>0</v>
      </c>
    </row>
    <row r="3536" spans="1:4" x14ac:dyDescent="0.25">
      <c r="A3536" t="s">
        <v>5413</v>
      </c>
      <c r="B3536" t="s">
        <v>5415</v>
      </c>
      <c r="C3536">
        <v>1</v>
      </c>
      <c r="D3536">
        <v>0</v>
      </c>
    </row>
    <row r="3537" spans="1:4" x14ac:dyDescent="0.25">
      <c r="A3537" t="s">
        <v>5416</v>
      </c>
      <c r="B3537" t="s">
        <v>5417</v>
      </c>
      <c r="C3537">
        <v>1</v>
      </c>
      <c r="D3537">
        <v>0</v>
      </c>
    </row>
    <row r="3538" spans="1:4" x14ac:dyDescent="0.25">
      <c r="A3538" t="s">
        <v>5418</v>
      </c>
      <c r="B3538" t="s">
        <v>5419</v>
      </c>
      <c r="C3538">
        <v>2</v>
      </c>
      <c r="D3538">
        <v>0</v>
      </c>
    </row>
    <row r="3539" spans="1:4" x14ac:dyDescent="0.25">
      <c r="A3539" t="s">
        <v>5418</v>
      </c>
      <c r="B3539" t="s">
        <v>5420</v>
      </c>
      <c r="C3539">
        <v>2</v>
      </c>
      <c r="D3539">
        <v>0</v>
      </c>
    </row>
    <row r="3540" spans="1:4" x14ac:dyDescent="0.25">
      <c r="A3540" t="s">
        <v>5418</v>
      </c>
      <c r="B3540" t="s">
        <v>5421</v>
      </c>
      <c r="C3540">
        <v>2</v>
      </c>
      <c r="D3540">
        <v>0</v>
      </c>
    </row>
    <row r="3541" spans="1:4" x14ac:dyDescent="0.25">
      <c r="A3541" t="s">
        <v>5422</v>
      </c>
      <c r="B3541" t="s">
        <v>5423</v>
      </c>
      <c r="C3541">
        <v>1</v>
      </c>
      <c r="D3541">
        <v>0</v>
      </c>
    </row>
    <row r="3542" spans="1:4" x14ac:dyDescent="0.25">
      <c r="A3542" t="s">
        <v>5424</v>
      </c>
      <c r="B3542" t="s">
        <v>3858</v>
      </c>
      <c r="C3542">
        <v>1</v>
      </c>
      <c r="D3542">
        <v>0</v>
      </c>
    </row>
    <row r="3543" spans="1:4" x14ac:dyDescent="0.25">
      <c r="A3543" t="s">
        <v>5425</v>
      </c>
      <c r="B3543" t="s">
        <v>969</v>
      </c>
      <c r="C3543">
        <v>0</v>
      </c>
      <c r="D3543">
        <v>0</v>
      </c>
    </row>
    <row r="3544" spans="1:4" x14ac:dyDescent="0.25">
      <c r="A3544" t="s">
        <v>5426</v>
      </c>
      <c r="B3544" t="s">
        <v>5427</v>
      </c>
      <c r="C3544">
        <v>1</v>
      </c>
      <c r="D3544">
        <v>0</v>
      </c>
    </row>
    <row r="3545" spans="1:4" x14ac:dyDescent="0.25">
      <c r="A3545" t="s">
        <v>5428</v>
      </c>
      <c r="B3545" t="s">
        <v>5429</v>
      </c>
      <c r="C3545">
        <v>1</v>
      </c>
      <c r="D3545">
        <v>0</v>
      </c>
    </row>
    <row r="3546" spans="1:4" x14ac:dyDescent="0.25">
      <c r="A3546" t="s">
        <v>5428</v>
      </c>
      <c r="B3546" t="s">
        <v>5430</v>
      </c>
      <c r="C3546">
        <v>1</v>
      </c>
      <c r="D3546">
        <v>0</v>
      </c>
    </row>
    <row r="3547" spans="1:4" x14ac:dyDescent="0.25">
      <c r="A3547" t="s">
        <v>5431</v>
      </c>
      <c r="B3547" t="s">
        <v>5432</v>
      </c>
      <c r="C3547">
        <v>1</v>
      </c>
      <c r="D3547">
        <v>0</v>
      </c>
    </row>
    <row r="3548" spans="1:4" x14ac:dyDescent="0.25">
      <c r="A3548" t="s">
        <v>5433</v>
      </c>
      <c r="B3548" t="s">
        <v>5434</v>
      </c>
      <c r="C3548">
        <v>1</v>
      </c>
      <c r="D3548">
        <v>0</v>
      </c>
    </row>
    <row r="3549" spans="1:4" x14ac:dyDescent="0.25">
      <c r="A3549" t="s">
        <v>5435</v>
      </c>
      <c r="B3549" t="s">
        <v>5436</v>
      </c>
      <c r="C3549">
        <v>0</v>
      </c>
      <c r="D3549">
        <v>0</v>
      </c>
    </row>
    <row r="3550" spans="1:4" x14ac:dyDescent="0.25">
      <c r="A3550" t="s">
        <v>5437</v>
      </c>
      <c r="B3550" t="s">
        <v>5438</v>
      </c>
      <c r="C3550">
        <v>0</v>
      </c>
      <c r="D3550">
        <v>0</v>
      </c>
    </row>
    <row r="3551" spans="1:4" x14ac:dyDescent="0.25">
      <c r="A3551" t="s">
        <v>5437</v>
      </c>
      <c r="B3551" t="s">
        <v>5439</v>
      </c>
      <c r="C3551">
        <v>2</v>
      </c>
      <c r="D3551">
        <v>0</v>
      </c>
    </row>
    <row r="3552" spans="1:4" x14ac:dyDescent="0.25">
      <c r="A3552" t="s">
        <v>5440</v>
      </c>
      <c r="B3552" t="s">
        <v>5441</v>
      </c>
      <c r="C3552">
        <v>2</v>
      </c>
      <c r="D3552">
        <v>0</v>
      </c>
    </row>
    <row r="3553" spans="1:4" x14ac:dyDescent="0.25">
      <c r="A3553" t="s">
        <v>5442</v>
      </c>
      <c r="B3553" t="s">
        <v>5443</v>
      </c>
      <c r="C3553">
        <v>1</v>
      </c>
      <c r="D3553">
        <v>0</v>
      </c>
    </row>
    <row r="3554" spans="1:4" x14ac:dyDescent="0.25">
      <c r="A3554" t="s">
        <v>5442</v>
      </c>
      <c r="B3554" t="s">
        <v>5444</v>
      </c>
      <c r="C3554">
        <v>1</v>
      </c>
      <c r="D3554">
        <v>0</v>
      </c>
    </row>
    <row r="3555" spans="1:4" x14ac:dyDescent="0.25">
      <c r="A3555" t="s">
        <v>5445</v>
      </c>
      <c r="B3555" t="s">
        <v>5446</v>
      </c>
      <c r="C3555">
        <v>1</v>
      </c>
      <c r="D3555">
        <v>0</v>
      </c>
    </row>
    <row r="3556" spans="1:4" x14ac:dyDescent="0.25">
      <c r="A3556" t="s">
        <v>5447</v>
      </c>
      <c r="B3556" t="s">
        <v>5448</v>
      </c>
      <c r="C3556">
        <v>1</v>
      </c>
      <c r="D3556">
        <v>0</v>
      </c>
    </row>
    <row r="3557" spans="1:4" x14ac:dyDescent="0.25">
      <c r="A3557" t="s">
        <v>5449</v>
      </c>
      <c r="B3557" t="s">
        <v>5450</v>
      </c>
      <c r="C3557">
        <v>1</v>
      </c>
      <c r="D3557">
        <v>0</v>
      </c>
    </row>
    <row r="3558" spans="1:4" x14ac:dyDescent="0.25">
      <c r="A3558" t="s">
        <v>5451</v>
      </c>
      <c r="B3558" t="s">
        <v>852</v>
      </c>
      <c r="C3558">
        <v>0</v>
      </c>
      <c r="D3558">
        <v>0</v>
      </c>
    </row>
    <row r="3559" spans="1:4" x14ac:dyDescent="0.25">
      <c r="A3559" t="s">
        <v>5452</v>
      </c>
      <c r="B3559" t="s">
        <v>5453</v>
      </c>
      <c r="C3559">
        <v>1</v>
      </c>
      <c r="D3559">
        <v>0</v>
      </c>
    </row>
    <row r="3560" spans="1:4" x14ac:dyDescent="0.25">
      <c r="A3560" t="s">
        <v>5452</v>
      </c>
      <c r="B3560" t="s">
        <v>5454</v>
      </c>
      <c r="C3560">
        <v>0</v>
      </c>
      <c r="D3560">
        <v>0</v>
      </c>
    </row>
    <row r="3561" spans="1:4" x14ac:dyDescent="0.25">
      <c r="A3561" t="s">
        <v>5452</v>
      </c>
      <c r="B3561" t="s">
        <v>5455</v>
      </c>
      <c r="C3561">
        <v>2</v>
      </c>
      <c r="D3561">
        <v>0</v>
      </c>
    </row>
    <row r="3562" spans="1:4" x14ac:dyDescent="0.25">
      <c r="A3562" t="s">
        <v>5456</v>
      </c>
      <c r="B3562" t="s">
        <v>5457</v>
      </c>
      <c r="C3562">
        <v>0</v>
      </c>
      <c r="D3562">
        <v>0</v>
      </c>
    </row>
    <row r="3563" spans="1:4" x14ac:dyDescent="0.25">
      <c r="A3563" t="s">
        <v>5456</v>
      </c>
      <c r="B3563" t="s">
        <v>5458</v>
      </c>
      <c r="C3563">
        <v>2</v>
      </c>
      <c r="D3563">
        <v>0</v>
      </c>
    </row>
    <row r="3564" spans="1:4" x14ac:dyDescent="0.25">
      <c r="A3564" t="s">
        <v>5456</v>
      </c>
      <c r="B3564" t="s">
        <v>5459</v>
      </c>
      <c r="C3564">
        <v>0</v>
      </c>
      <c r="D3564">
        <v>0</v>
      </c>
    </row>
    <row r="3565" spans="1:4" x14ac:dyDescent="0.25">
      <c r="A3565" t="s">
        <v>5460</v>
      </c>
      <c r="B3565" t="s">
        <v>5461</v>
      </c>
      <c r="C3565">
        <v>0</v>
      </c>
      <c r="D3565">
        <v>0</v>
      </c>
    </row>
    <row r="3566" spans="1:4" x14ac:dyDescent="0.25">
      <c r="A3566" t="s">
        <v>5462</v>
      </c>
      <c r="B3566" t="s">
        <v>3410</v>
      </c>
      <c r="C3566">
        <v>1</v>
      </c>
      <c r="D3566">
        <v>0</v>
      </c>
    </row>
    <row r="3567" spans="1:4" x14ac:dyDescent="0.25">
      <c r="A3567" t="s">
        <v>5462</v>
      </c>
      <c r="B3567" t="s">
        <v>5463</v>
      </c>
      <c r="C3567">
        <v>1</v>
      </c>
      <c r="D3567">
        <v>0</v>
      </c>
    </row>
    <row r="3568" spans="1:4" x14ac:dyDescent="0.25">
      <c r="A3568" t="s">
        <v>5462</v>
      </c>
      <c r="B3568" t="s">
        <v>5464</v>
      </c>
      <c r="C3568">
        <v>0</v>
      </c>
      <c r="D3568">
        <v>0</v>
      </c>
    </row>
    <row r="3569" spans="1:4" x14ac:dyDescent="0.25">
      <c r="A3569" t="s">
        <v>5465</v>
      </c>
      <c r="B3569" t="s">
        <v>5466</v>
      </c>
      <c r="C3569">
        <v>1</v>
      </c>
      <c r="D3569">
        <v>0</v>
      </c>
    </row>
    <row r="3570" spans="1:4" x14ac:dyDescent="0.25">
      <c r="A3570" t="s">
        <v>5467</v>
      </c>
      <c r="B3570" t="s">
        <v>5468</v>
      </c>
      <c r="C3570">
        <v>1</v>
      </c>
      <c r="D3570">
        <v>0</v>
      </c>
    </row>
    <row r="3571" spans="1:4" x14ac:dyDescent="0.25">
      <c r="A3571" t="s">
        <v>5467</v>
      </c>
      <c r="B3571" t="s">
        <v>5469</v>
      </c>
      <c r="C3571">
        <v>1</v>
      </c>
      <c r="D3571">
        <v>0</v>
      </c>
    </row>
    <row r="3572" spans="1:4" x14ac:dyDescent="0.25">
      <c r="A3572" t="s">
        <v>5470</v>
      </c>
      <c r="B3572" t="s">
        <v>5471</v>
      </c>
      <c r="C3572">
        <v>2</v>
      </c>
      <c r="D3572">
        <v>0</v>
      </c>
    </row>
    <row r="3573" spans="1:4" x14ac:dyDescent="0.25">
      <c r="A3573" t="s">
        <v>5470</v>
      </c>
      <c r="B3573" t="s">
        <v>1938</v>
      </c>
      <c r="C3573">
        <v>0</v>
      </c>
      <c r="D3573">
        <v>0</v>
      </c>
    </row>
    <row r="3574" spans="1:4" x14ac:dyDescent="0.25">
      <c r="A3574" t="s">
        <v>5472</v>
      </c>
      <c r="B3574" t="s">
        <v>5473</v>
      </c>
      <c r="C3574">
        <v>0</v>
      </c>
      <c r="D3574">
        <v>0</v>
      </c>
    </row>
    <row r="3575" spans="1:4" x14ac:dyDescent="0.25">
      <c r="A3575" t="s">
        <v>5474</v>
      </c>
      <c r="B3575" t="s">
        <v>5475</v>
      </c>
      <c r="C3575">
        <v>2</v>
      </c>
      <c r="D3575">
        <v>0</v>
      </c>
    </row>
    <row r="3576" spans="1:4" x14ac:dyDescent="0.25">
      <c r="A3576" t="s">
        <v>5476</v>
      </c>
      <c r="B3576" t="s">
        <v>2061</v>
      </c>
      <c r="C3576">
        <v>0</v>
      </c>
      <c r="D3576">
        <v>0</v>
      </c>
    </row>
    <row r="3577" spans="1:4" x14ac:dyDescent="0.25">
      <c r="A3577" t="s">
        <v>5477</v>
      </c>
      <c r="B3577" t="s">
        <v>5478</v>
      </c>
      <c r="C3577">
        <v>1</v>
      </c>
      <c r="D3577">
        <v>0</v>
      </c>
    </row>
    <row r="3578" spans="1:4" x14ac:dyDescent="0.25">
      <c r="A3578" t="s">
        <v>5479</v>
      </c>
      <c r="B3578" t="s">
        <v>5480</v>
      </c>
      <c r="C3578">
        <v>0</v>
      </c>
      <c r="D3578">
        <v>0</v>
      </c>
    </row>
    <row r="3579" spans="1:4" x14ac:dyDescent="0.25">
      <c r="A3579" t="s">
        <v>5481</v>
      </c>
      <c r="B3579" t="s">
        <v>5482</v>
      </c>
      <c r="C3579">
        <v>2</v>
      </c>
      <c r="D3579">
        <v>0</v>
      </c>
    </row>
    <row r="3580" spans="1:4" x14ac:dyDescent="0.25">
      <c r="A3580" t="s">
        <v>5483</v>
      </c>
      <c r="B3580" t="s">
        <v>5484</v>
      </c>
      <c r="C3580">
        <v>1</v>
      </c>
      <c r="D3580">
        <v>0</v>
      </c>
    </row>
    <row r="3581" spans="1:4" x14ac:dyDescent="0.25">
      <c r="A3581" t="s">
        <v>5485</v>
      </c>
      <c r="B3581" t="s">
        <v>5486</v>
      </c>
      <c r="C3581">
        <v>1</v>
      </c>
      <c r="D3581">
        <v>0</v>
      </c>
    </row>
    <row r="3582" spans="1:4" x14ac:dyDescent="0.25">
      <c r="A3582" t="s">
        <v>5487</v>
      </c>
      <c r="B3582" t="s">
        <v>5488</v>
      </c>
      <c r="C3582">
        <v>1</v>
      </c>
      <c r="D3582">
        <v>0</v>
      </c>
    </row>
    <row r="3583" spans="1:4" x14ac:dyDescent="0.25">
      <c r="A3583" t="s">
        <v>5489</v>
      </c>
      <c r="B3583" t="s">
        <v>5490</v>
      </c>
      <c r="C3583">
        <v>0</v>
      </c>
      <c r="D3583">
        <v>0</v>
      </c>
    </row>
    <row r="3584" spans="1:4" x14ac:dyDescent="0.25">
      <c r="A3584" t="s">
        <v>5489</v>
      </c>
      <c r="B3584" t="s">
        <v>5491</v>
      </c>
      <c r="C3584">
        <v>1</v>
      </c>
      <c r="D3584">
        <v>0</v>
      </c>
    </row>
    <row r="3585" spans="1:4" x14ac:dyDescent="0.25">
      <c r="A3585" t="s">
        <v>5492</v>
      </c>
      <c r="B3585" t="s">
        <v>5493</v>
      </c>
      <c r="C3585">
        <v>1</v>
      </c>
      <c r="D3585">
        <v>0</v>
      </c>
    </row>
    <row r="3586" spans="1:4" x14ac:dyDescent="0.25">
      <c r="A3586" t="s">
        <v>5492</v>
      </c>
      <c r="B3586" t="s">
        <v>5494</v>
      </c>
      <c r="C3586">
        <v>2</v>
      </c>
      <c r="D3586">
        <v>0</v>
      </c>
    </row>
    <row r="3587" spans="1:4" x14ac:dyDescent="0.25">
      <c r="A3587" t="s">
        <v>5495</v>
      </c>
      <c r="B3587" t="s">
        <v>5496</v>
      </c>
      <c r="C3587">
        <v>1</v>
      </c>
      <c r="D3587">
        <v>0</v>
      </c>
    </row>
    <row r="3588" spans="1:4" x14ac:dyDescent="0.25">
      <c r="A3588" t="s">
        <v>5497</v>
      </c>
      <c r="B3588" t="s">
        <v>5498</v>
      </c>
      <c r="C3588">
        <v>0</v>
      </c>
      <c r="D3588">
        <v>0</v>
      </c>
    </row>
    <row r="3589" spans="1:4" x14ac:dyDescent="0.25">
      <c r="A3589" t="s">
        <v>5499</v>
      </c>
      <c r="B3589" t="s">
        <v>5500</v>
      </c>
      <c r="C3589">
        <v>0</v>
      </c>
      <c r="D3589">
        <v>0</v>
      </c>
    </row>
    <row r="3590" spans="1:4" x14ac:dyDescent="0.25">
      <c r="A3590" t="s">
        <v>5501</v>
      </c>
      <c r="B3590" t="s">
        <v>5502</v>
      </c>
      <c r="C3590">
        <v>0</v>
      </c>
      <c r="D3590">
        <v>0</v>
      </c>
    </row>
    <row r="3591" spans="1:4" x14ac:dyDescent="0.25">
      <c r="A3591" t="s">
        <v>5503</v>
      </c>
      <c r="B3591" t="s">
        <v>5504</v>
      </c>
      <c r="C3591">
        <v>1</v>
      </c>
      <c r="D3591">
        <v>0</v>
      </c>
    </row>
    <row r="3592" spans="1:4" x14ac:dyDescent="0.25">
      <c r="A3592" t="s">
        <v>5505</v>
      </c>
      <c r="B3592" t="s">
        <v>5506</v>
      </c>
      <c r="C3592">
        <v>1</v>
      </c>
      <c r="D3592">
        <v>0</v>
      </c>
    </row>
    <row r="3593" spans="1:4" x14ac:dyDescent="0.25">
      <c r="A3593" t="s">
        <v>5505</v>
      </c>
      <c r="B3593" t="s">
        <v>5507</v>
      </c>
      <c r="C3593">
        <v>1</v>
      </c>
      <c r="D3593">
        <v>0</v>
      </c>
    </row>
    <row r="3594" spans="1:4" x14ac:dyDescent="0.25">
      <c r="A3594" t="s">
        <v>5508</v>
      </c>
      <c r="B3594" t="s">
        <v>5509</v>
      </c>
      <c r="C3594">
        <v>2</v>
      </c>
      <c r="D3594">
        <v>0</v>
      </c>
    </row>
    <row r="3595" spans="1:4" x14ac:dyDescent="0.25">
      <c r="A3595" t="s">
        <v>5510</v>
      </c>
      <c r="B3595" t="s">
        <v>5511</v>
      </c>
      <c r="C3595">
        <v>2</v>
      </c>
      <c r="D3595">
        <v>0</v>
      </c>
    </row>
    <row r="3596" spans="1:4" x14ac:dyDescent="0.25">
      <c r="A3596" t="s">
        <v>5512</v>
      </c>
      <c r="B3596" t="s">
        <v>3292</v>
      </c>
      <c r="C3596">
        <v>0</v>
      </c>
      <c r="D3596">
        <v>0</v>
      </c>
    </row>
    <row r="3597" spans="1:4" x14ac:dyDescent="0.25">
      <c r="A3597" t="s">
        <v>5513</v>
      </c>
      <c r="B3597" t="s">
        <v>3410</v>
      </c>
      <c r="C3597">
        <v>1</v>
      </c>
      <c r="D3597">
        <v>0</v>
      </c>
    </row>
    <row r="3598" spans="1:4" x14ac:dyDescent="0.25">
      <c r="A3598" t="s">
        <v>5514</v>
      </c>
      <c r="B3598" t="s">
        <v>3347</v>
      </c>
      <c r="C3598">
        <v>0</v>
      </c>
      <c r="D3598">
        <v>0</v>
      </c>
    </row>
    <row r="3599" spans="1:4" x14ac:dyDescent="0.25">
      <c r="A3599" t="s">
        <v>5514</v>
      </c>
      <c r="B3599" t="s">
        <v>5515</v>
      </c>
      <c r="C3599">
        <v>1</v>
      </c>
      <c r="D3599">
        <v>0</v>
      </c>
    </row>
    <row r="3600" spans="1:4" x14ac:dyDescent="0.25">
      <c r="A3600" t="s">
        <v>5514</v>
      </c>
      <c r="B3600" t="s">
        <v>5516</v>
      </c>
      <c r="C3600">
        <v>1</v>
      </c>
      <c r="D3600">
        <v>0</v>
      </c>
    </row>
    <row r="3601" spans="1:4" x14ac:dyDescent="0.25">
      <c r="A3601" t="s">
        <v>5517</v>
      </c>
      <c r="B3601" t="s">
        <v>843</v>
      </c>
      <c r="C3601">
        <v>1</v>
      </c>
      <c r="D3601">
        <v>0</v>
      </c>
    </row>
    <row r="3602" spans="1:4" x14ac:dyDescent="0.25">
      <c r="A3602" t="s">
        <v>5518</v>
      </c>
      <c r="B3602" t="s">
        <v>1001</v>
      </c>
      <c r="C3602">
        <v>1</v>
      </c>
      <c r="D3602">
        <v>0</v>
      </c>
    </row>
    <row r="3603" spans="1:4" x14ac:dyDescent="0.25">
      <c r="A3603" t="s">
        <v>5519</v>
      </c>
      <c r="B3603" t="s">
        <v>1001</v>
      </c>
      <c r="C3603">
        <v>1</v>
      </c>
      <c r="D3603">
        <v>0</v>
      </c>
    </row>
    <row r="3604" spans="1:4" x14ac:dyDescent="0.25">
      <c r="A3604" t="s">
        <v>5520</v>
      </c>
      <c r="B3604" t="s">
        <v>5521</v>
      </c>
      <c r="C3604">
        <v>2</v>
      </c>
      <c r="D3604">
        <v>0</v>
      </c>
    </row>
    <row r="3605" spans="1:4" x14ac:dyDescent="0.25">
      <c r="A3605" t="s">
        <v>5522</v>
      </c>
      <c r="B3605" t="s">
        <v>5523</v>
      </c>
      <c r="C3605">
        <v>1</v>
      </c>
      <c r="D3605">
        <v>0</v>
      </c>
    </row>
    <row r="3606" spans="1:4" x14ac:dyDescent="0.25">
      <c r="A3606" t="s">
        <v>5524</v>
      </c>
      <c r="B3606" t="s">
        <v>5525</v>
      </c>
      <c r="C3606">
        <v>2</v>
      </c>
      <c r="D3606">
        <v>0</v>
      </c>
    </row>
    <row r="3607" spans="1:4" x14ac:dyDescent="0.25">
      <c r="A3607" t="s">
        <v>5526</v>
      </c>
      <c r="B3607" t="s">
        <v>5527</v>
      </c>
      <c r="C3607">
        <v>0</v>
      </c>
      <c r="D3607">
        <v>0</v>
      </c>
    </row>
    <row r="3608" spans="1:4" x14ac:dyDescent="0.25">
      <c r="A3608" t="s">
        <v>5528</v>
      </c>
      <c r="B3608" t="s">
        <v>5529</v>
      </c>
      <c r="C3608">
        <v>1</v>
      </c>
      <c r="D3608">
        <v>0</v>
      </c>
    </row>
    <row r="3609" spans="1:4" x14ac:dyDescent="0.25">
      <c r="A3609" t="s">
        <v>5530</v>
      </c>
      <c r="B3609" t="s">
        <v>5531</v>
      </c>
      <c r="C3609">
        <v>1</v>
      </c>
      <c r="D3609">
        <v>0</v>
      </c>
    </row>
    <row r="3610" spans="1:4" x14ac:dyDescent="0.25">
      <c r="A3610" t="s">
        <v>5530</v>
      </c>
      <c r="B3610" t="s">
        <v>5532</v>
      </c>
      <c r="C3610">
        <v>1</v>
      </c>
      <c r="D3610">
        <v>0</v>
      </c>
    </row>
    <row r="3611" spans="1:4" x14ac:dyDescent="0.25">
      <c r="A3611" t="s">
        <v>5533</v>
      </c>
      <c r="B3611" t="s">
        <v>5534</v>
      </c>
      <c r="C3611">
        <v>2</v>
      </c>
      <c r="D3611">
        <v>0</v>
      </c>
    </row>
    <row r="3612" spans="1:4" x14ac:dyDescent="0.25">
      <c r="A3612" t="s">
        <v>5533</v>
      </c>
      <c r="B3612" t="s">
        <v>5535</v>
      </c>
      <c r="C3612">
        <v>0</v>
      </c>
      <c r="D3612">
        <v>0</v>
      </c>
    </row>
    <row r="3613" spans="1:4" x14ac:dyDescent="0.25">
      <c r="A3613" t="s">
        <v>5536</v>
      </c>
      <c r="B3613" t="s">
        <v>5537</v>
      </c>
      <c r="C3613">
        <v>1</v>
      </c>
      <c r="D3613">
        <v>0</v>
      </c>
    </row>
    <row r="3614" spans="1:4" x14ac:dyDescent="0.25">
      <c r="A3614" t="s">
        <v>5536</v>
      </c>
      <c r="B3614" t="s">
        <v>5538</v>
      </c>
      <c r="C3614">
        <v>2</v>
      </c>
      <c r="D3614">
        <v>0</v>
      </c>
    </row>
    <row r="3615" spans="1:4" x14ac:dyDescent="0.25">
      <c r="A3615" t="s">
        <v>5539</v>
      </c>
      <c r="B3615" t="s">
        <v>5540</v>
      </c>
      <c r="C3615">
        <v>0</v>
      </c>
      <c r="D3615">
        <v>0</v>
      </c>
    </row>
    <row r="3616" spans="1:4" x14ac:dyDescent="0.25">
      <c r="A3616" t="s">
        <v>5539</v>
      </c>
      <c r="B3616" t="s">
        <v>5541</v>
      </c>
      <c r="C3616">
        <v>1</v>
      </c>
      <c r="D3616">
        <v>0</v>
      </c>
    </row>
    <row r="3617" spans="1:4" x14ac:dyDescent="0.25">
      <c r="A3617" t="s">
        <v>5539</v>
      </c>
      <c r="B3617" t="s">
        <v>5542</v>
      </c>
      <c r="C3617">
        <v>1</v>
      </c>
      <c r="D3617">
        <v>0</v>
      </c>
    </row>
    <row r="3618" spans="1:4" x14ac:dyDescent="0.25">
      <c r="A3618" t="s">
        <v>5543</v>
      </c>
      <c r="B3618" t="s">
        <v>1401</v>
      </c>
      <c r="C3618">
        <v>0</v>
      </c>
      <c r="D3618">
        <v>0</v>
      </c>
    </row>
    <row r="3619" spans="1:4" x14ac:dyDescent="0.25">
      <c r="A3619" t="s">
        <v>5544</v>
      </c>
      <c r="B3619" t="s">
        <v>5545</v>
      </c>
      <c r="C3619">
        <v>1</v>
      </c>
      <c r="D3619">
        <v>0</v>
      </c>
    </row>
    <row r="3620" spans="1:4" x14ac:dyDescent="0.25">
      <c r="A3620" t="s">
        <v>5544</v>
      </c>
      <c r="B3620" t="s">
        <v>5546</v>
      </c>
      <c r="C3620">
        <v>1</v>
      </c>
      <c r="D3620">
        <v>0</v>
      </c>
    </row>
    <row r="3621" spans="1:4" x14ac:dyDescent="0.25">
      <c r="A3621" t="s">
        <v>5547</v>
      </c>
      <c r="B3621" t="s">
        <v>5548</v>
      </c>
      <c r="C3621">
        <v>0</v>
      </c>
      <c r="D3621">
        <v>0</v>
      </c>
    </row>
    <row r="3622" spans="1:4" x14ac:dyDescent="0.25">
      <c r="A3622" t="s">
        <v>5549</v>
      </c>
      <c r="B3622" t="s">
        <v>5550</v>
      </c>
      <c r="C3622">
        <v>1</v>
      </c>
      <c r="D3622">
        <v>0</v>
      </c>
    </row>
    <row r="3623" spans="1:4" x14ac:dyDescent="0.25">
      <c r="A3623" t="s">
        <v>5549</v>
      </c>
      <c r="B3623" t="s">
        <v>5551</v>
      </c>
      <c r="C3623">
        <v>2</v>
      </c>
      <c r="D3623">
        <v>0</v>
      </c>
    </row>
    <row r="3624" spans="1:4" x14ac:dyDescent="0.25">
      <c r="A3624" t="s">
        <v>5549</v>
      </c>
      <c r="B3624" t="s">
        <v>5552</v>
      </c>
      <c r="C3624">
        <v>1</v>
      </c>
      <c r="D3624">
        <v>0</v>
      </c>
    </row>
    <row r="3625" spans="1:4" x14ac:dyDescent="0.25">
      <c r="A3625" t="s">
        <v>5553</v>
      </c>
      <c r="B3625" t="s">
        <v>5554</v>
      </c>
      <c r="C3625">
        <v>0</v>
      </c>
      <c r="D3625">
        <v>0</v>
      </c>
    </row>
    <row r="3626" spans="1:4" x14ac:dyDescent="0.25">
      <c r="A3626" t="s">
        <v>5555</v>
      </c>
      <c r="B3626" t="s">
        <v>5556</v>
      </c>
      <c r="C3626">
        <v>0</v>
      </c>
      <c r="D3626">
        <v>0</v>
      </c>
    </row>
    <row r="3627" spans="1:4" x14ac:dyDescent="0.25">
      <c r="A3627" t="s">
        <v>5557</v>
      </c>
      <c r="B3627" t="s">
        <v>968</v>
      </c>
      <c r="C3627">
        <v>1</v>
      </c>
      <c r="D3627">
        <v>0</v>
      </c>
    </row>
    <row r="3628" spans="1:4" x14ac:dyDescent="0.25">
      <c r="A3628" t="s">
        <v>5558</v>
      </c>
      <c r="B3628" t="s">
        <v>5559</v>
      </c>
      <c r="C3628">
        <v>1</v>
      </c>
      <c r="D3628">
        <v>0</v>
      </c>
    </row>
    <row r="3629" spans="1:4" x14ac:dyDescent="0.25">
      <c r="A3629" t="s">
        <v>5560</v>
      </c>
      <c r="B3629" t="s">
        <v>5561</v>
      </c>
      <c r="C3629">
        <v>1</v>
      </c>
      <c r="D3629">
        <v>0</v>
      </c>
    </row>
    <row r="3630" spans="1:4" x14ac:dyDescent="0.25">
      <c r="A3630" t="s">
        <v>5560</v>
      </c>
      <c r="B3630" t="s">
        <v>5562</v>
      </c>
      <c r="C3630">
        <v>2</v>
      </c>
      <c r="D3630">
        <v>0</v>
      </c>
    </row>
    <row r="3631" spans="1:4" x14ac:dyDescent="0.25">
      <c r="A3631" t="s">
        <v>5560</v>
      </c>
      <c r="B3631" t="s">
        <v>5563</v>
      </c>
      <c r="C3631">
        <v>1</v>
      </c>
      <c r="D3631">
        <v>0</v>
      </c>
    </row>
    <row r="3632" spans="1:4" x14ac:dyDescent="0.25">
      <c r="A3632" t="s">
        <v>5564</v>
      </c>
      <c r="B3632" t="s">
        <v>843</v>
      </c>
      <c r="C3632">
        <v>1</v>
      </c>
      <c r="D3632">
        <v>0</v>
      </c>
    </row>
    <row r="3633" spans="1:4" x14ac:dyDescent="0.25">
      <c r="A3633" t="s">
        <v>5565</v>
      </c>
      <c r="B3633" t="s">
        <v>5566</v>
      </c>
      <c r="C3633">
        <v>0</v>
      </c>
      <c r="D3633">
        <v>0</v>
      </c>
    </row>
    <row r="3634" spans="1:4" x14ac:dyDescent="0.25">
      <c r="A3634" t="s">
        <v>5567</v>
      </c>
      <c r="B3634" t="s">
        <v>816</v>
      </c>
      <c r="C3634">
        <v>1</v>
      </c>
      <c r="D3634">
        <v>0</v>
      </c>
    </row>
    <row r="3635" spans="1:4" x14ac:dyDescent="0.25">
      <c r="A3635" t="s">
        <v>5568</v>
      </c>
      <c r="B3635" t="s">
        <v>5569</v>
      </c>
      <c r="C3635">
        <v>1</v>
      </c>
      <c r="D3635">
        <v>0</v>
      </c>
    </row>
    <row r="3636" spans="1:4" x14ac:dyDescent="0.25">
      <c r="A3636" t="s">
        <v>5568</v>
      </c>
      <c r="B3636" t="s">
        <v>5570</v>
      </c>
      <c r="C3636">
        <v>1</v>
      </c>
      <c r="D3636">
        <v>0</v>
      </c>
    </row>
    <row r="3637" spans="1:4" x14ac:dyDescent="0.25">
      <c r="A3637" t="s">
        <v>5568</v>
      </c>
      <c r="B3637" t="s">
        <v>969</v>
      </c>
      <c r="C3637">
        <v>0</v>
      </c>
      <c r="D3637">
        <v>0</v>
      </c>
    </row>
    <row r="3638" spans="1:4" x14ac:dyDescent="0.25">
      <c r="A3638" t="s">
        <v>5571</v>
      </c>
      <c r="B3638" t="s">
        <v>1001</v>
      </c>
      <c r="C3638">
        <v>1</v>
      </c>
      <c r="D3638">
        <v>0</v>
      </c>
    </row>
    <row r="3639" spans="1:4" x14ac:dyDescent="0.25">
      <c r="A3639" t="s">
        <v>5571</v>
      </c>
      <c r="B3639" t="s">
        <v>5572</v>
      </c>
      <c r="C3639">
        <v>0</v>
      </c>
      <c r="D3639">
        <v>0</v>
      </c>
    </row>
    <row r="3640" spans="1:4" x14ac:dyDescent="0.25">
      <c r="A3640" t="s">
        <v>5573</v>
      </c>
      <c r="B3640" t="s">
        <v>5574</v>
      </c>
      <c r="C3640">
        <v>0</v>
      </c>
      <c r="D3640">
        <v>0</v>
      </c>
    </row>
    <row r="3641" spans="1:4" x14ac:dyDescent="0.25">
      <c r="A3641" t="s">
        <v>5573</v>
      </c>
      <c r="B3641" t="s">
        <v>5575</v>
      </c>
      <c r="C3641">
        <v>0</v>
      </c>
      <c r="D3641">
        <v>0</v>
      </c>
    </row>
    <row r="3642" spans="1:4" x14ac:dyDescent="0.25">
      <c r="A3642" t="s">
        <v>5576</v>
      </c>
      <c r="B3642" t="s">
        <v>5577</v>
      </c>
      <c r="C3642">
        <v>1</v>
      </c>
      <c r="D3642">
        <v>0</v>
      </c>
    </row>
    <row r="3643" spans="1:4" x14ac:dyDescent="0.25">
      <c r="A3643" t="s">
        <v>5576</v>
      </c>
      <c r="B3643" t="s">
        <v>5578</v>
      </c>
      <c r="C3643">
        <v>0</v>
      </c>
      <c r="D3643">
        <v>0</v>
      </c>
    </row>
    <row r="3644" spans="1:4" x14ac:dyDescent="0.25">
      <c r="A3644" t="s">
        <v>5576</v>
      </c>
      <c r="B3644" t="s">
        <v>5579</v>
      </c>
      <c r="C3644">
        <v>0</v>
      </c>
      <c r="D3644">
        <v>0</v>
      </c>
    </row>
    <row r="3645" spans="1:4" x14ac:dyDescent="0.25">
      <c r="A3645" t="s">
        <v>5580</v>
      </c>
      <c r="B3645" t="s">
        <v>852</v>
      </c>
      <c r="C3645">
        <v>0</v>
      </c>
      <c r="D3645">
        <v>0</v>
      </c>
    </row>
    <row r="3646" spans="1:4" x14ac:dyDescent="0.25">
      <c r="A3646" t="s">
        <v>5581</v>
      </c>
      <c r="B3646" t="s">
        <v>1001</v>
      </c>
      <c r="C3646">
        <v>1</v>
      </c>
      <c r="D3646">
        <v>0</v>
      </c>
    </row>
    <row r="3647" spans="1:4" x14ac:dyDescent="0.25">
      <c r="A3647" t="s">
        <v>5582</v>
      </c>
      <c r="B3647" t="s">
        <v>5583</v>
      </c>
      <c r="C3647">
        <v>1</v>
      </c>
      <c r="D3647">
        <v>0</v>
      </c>
    </row>
    <row r="3648" spans="1:4" x14ac:dyDescent="0.25">
      <c r="A3648" t="s">
        <v>5582</v>
      </c>
      <c r="B3648" t="s">
        <v>5584</v>
      </c>
      <c r="C3648">
        <v>1</v>
      </c>
      <c r="D3648">
        <v>0</v>
      </c>
    </row>
    <row r="3649" spans="1:4" x14ac:dyDescent="0.25">
      <c r="A3649" t="s">
        <v>5582</v>
      </c>
      <c r="B3649" t="s">
        <v>5585</v>
      </c>
      <c r="C3649">
        <v>1</v>
      </c>
      <c r="D3649">
        <v>0</v>
      </c>
    </row>
    <row r="3650" spans="1:4" x14ac:dyDescent="0.25">
      <c r="A3650" t="s">
        <v>5586</v>
      </c>
      <c r="B3650" t="s">
        <v>5587</v>
      </c>
      <c r="C3650">
        <v>0</v>
      </c>
      <c r="D3650">
        <v>0</v>
      </c>
    </row>
    <row r="3651" spans="1:4" x14ac:dyDescent="0.25">
      <c r="A3651" t="s">
        <v>5586</v>
      </c>
      <c r="B3651" t="s">
        <v>5588</v>
      </c>
      <c r="C3651">
        <v>0</v>
      </c>
      <c r="D3651">
        <v>0</v>
      </c>
    </row>
    <row r="3652" spans="1:4" x14ac:dyDescent="0.25">
      <c r="A3652" t="s">
        <v>5586</v>
      </c>
      <c r="B3652" t="s">
        <v>5589</v>
      </c>
      <c r="C3652">
        <v>1</v>
      </c>
      <c r="D3652">
        <v>0</v>
      </c>
    </row>
    <row r="3653" spans="1:4" x14ac:dyDescent="0.25">
      <c r="A3653" t="s">
        <v>5590</v>
      </c>
      <c r="B3653" t="s">
        <v>1499</v>
      </c>
      <c r="C3653">
        <v>1</v>
      </c>
      <c r="D3653">
        <v>0</v>
      </c>
    </row>
    <row r="3654" spans="1:4" x14ac:dyDescent="0.25">
      <c r="A3654" t="s">
        <v>5591</v>
      </c>
      <c r="B3654" t="s">
        <v>5592</v>
      </c>
      <c r="C3654">
        <v>2</v>
      </c>
      <c r="D3654">
        <v>0</v>
      </c>
    </row>
    <row r="3655" spans="1:4" x14ac:dyDescent="0.25">
      <c r="A3655" t="s">
        <v>5591</v>
      </c>
      <c r="B3655" t="s">
        <v>5593</v>
      </c>
      <c r="C3655">
        <v>0</v>
      </c>
      <c r="D3655">
        <v>0</v>
      </c>
    </row>
    <row r="3656" spans="1:4" x14ac:dyDescent="0.25">
      <c r="A3656" t="s">
        <v>5594</v>
      </c>
      <c r="B3656" t="s">
        <v>5595</v>
      </c>
      <c r="C3656">
        <v>0</v>
      </c>
      <c r="D3656">
        <v>0</v>
      </c>
    </row>
    <row r="3657" spans="1:4" x14ac:dyDescent="0.25">
      <c r="A3657" t="s">
        <v>5596</v>
      </c>
      <c r="B3657" t="s">
        <v>5597</v>
      </c>
      <c r="C3657">
        <v>2</v>
      </c>
      <c r="D3657">
        <v>0</v>
      </c>
    </row>
    <row r="3658" spans="1:4" x14ac:dyDescent="0.25">
      <c r="A3658" t="s">
        <v>5596</v>
      </c>
      <c r="B3658" t="s">
        <v>5598</v>
      </c>
      <c r="C3658">
        <v>1</v>
      </c>
      <c r="D3658">
        <v>0</v>
      </c>
    </row>
    <row r="3659" spans="1:4" x14ac:dyDescent="0.25">
      <c r="A3659" t="s">
        <v>5599</v>
      </c>
      <c r="B3659" t="s">
        <v>969</v>
      </c>
      <c r="C3659">
        <v>0</v>
      </c>
      <c r="D3659">
        <v>0</v>
      </c>
    </row>
    <row r="3660" spans="1:4" x14ac:dyDescent="0.25">
      <c r="A3660" t="s">
        <v>5600</v>
      </c>
      <c r="B3660" t="s">
        <v>5601</v>
      </c>
      <c r="C3660">
        <v>1</v>
      </c>
      <c r="D3660">
        <v>0</v>
      </c>
    </row>
    <row r="3661" spans="1:4" x14ac:dyDescent="0.25">
      <c r="A3661" t="s">
        <v>5600</v>
      </c>
      <c r="B3661" t="s">
        <v>5602</v>
      </c>
      <c r="C3661">
        <v>2</v>
      </c>
      <c r="D3661">
        <v>0</v>
      </c>
    </row>
    <row r="3662" spans="1:4" x14ac:dyDescent="0.25">
      <c r="A3662" t="s">
        <v>5600</v>
      </c>
      <c r="B3662" t="s">
        <v>5603</v>
      </c>
      <c r="C3662">
        <v>0</v>
      </c>
      <c r="D3662">
        <v>0</v>
      </c>
    </row>
    <row r="3663" spans="1:4" x14ac:dyDescent="0.25">
      <c r="A3663" t="s">
        <v>5604</v>
      </c>
      <c r="B3663" t="s">
        <v>5605</v>
      </c>
      <c r="C3663">
        <v>1</v>
      </c>
      <c r="D3663">
        <v>0</v>
      </c>
    </row>
    <row r="3664" spans="1:4" x14ac:dyDescent="0.25">
      <c r="A3664" t="s">
        <v>5606</v>
      </c>
      <c r="B3664" t="s">
        <v>5607</v>
      </c>
      <c r="C3664">
        <v>0</v>
      </c>
      <c r="D3664">
        <v>0</v>
      </c>
    </row>
    <row r="3665" spans="1:4" x14ac:dyDescent="0.25">
      <c r="A3665" t="s">
        <v>5606</v>
      </c>
      <c r="B3665" t="s">
        <v>5608</v>
      </c>
      <c r="C3665">
        <v>2</v>
      </c>
      <c r="D3665">
        <v>0</v>
      </c>
    </row>
    <row r="3666" spans="1:4" x14ac:dyDescent="0.25">
      <c r="A3666" t="s">
        <v>5609</v>
      </c>
      <c r="B3666" t="s">
        <v>5610</v>
      </c>
      <c r="C3666">
        <v>0</v>
      </c>
      <c r="D3666">
        <v>0</v>
      </c>
    </row>
    <row r="3667" spans="1:4" x14ac:dyDescent="0.25">
      <c r="A3667" t="s">
        <v>5609</v>
      </c>
      <c r="B3667" t="s">
        <v>5611</v>
      </c>
      <c r="C3667">
        <v>0</v>
      </c>
      <c r="D3667">
        <v>0</v>
      </c>
    </row>
    <row r="3668" spans="1:4" x14ac:dyDescent="0.25">
      <c r="A3668" t="s">
        <v>5612</v>
      </c>
      <c r="B3668" t="s">
        <v>5613</v>
      </c>
      <c r="C3668">
        <v>1</v>
      </c>
      <c r="D3668">
        <v>0</v>
      </c>
    </row>
    <row r="3669" spans="1:4" x14ac:dyDescent="0.25">
      <c r="A3669" t="s">
        <v>5614</v>
      </c>
      <c r="B3669" t="s">
        <v>5615</v>
      </c>
      <c r="C3669">
        <v>0</v>
      </c>
      <c r="D3669">
        <v>0</v>
      </c>
    </row>
    <row r="3670" spans="1:4" x14ac:dyDescent="0.25">
      <c r="A3670" t="s">
        <v>5616</v>
      </c>
      <c r="B3670" t="s">
        <v>5617</v>
      </c>
      <c r="C3670">
        <v>0</v>
      </c>
      <c r="D3670">
        <v>0</v>
      </c>
    </row>
    <row r="3671" spans="1:4" x14ac:dyDescent="0.25">
      <c r="A3671" t="s">
        <v>5618</v>
      </c>
      <c r="B3671" t="s">
        <v>5619</v>
      </c>
      <c r="C3671">
        <v>1</v>
      </c>
      <c r="D3671">
        <v>0</v>
      </c>
    </row>
    <row r="3672" spans="1:4" x14ac:dyDescent="0.25">
      <c r="A3672" t="s">
        <v>5618</v>
      </c>
      <c r="B3672" t="s">
        <v>5620</v>
      </c>
      <c r="C3672">
        <v>0</v>
      </c>
      <c r="D3672">
        <v>0</v>
      </c>
    </row>
    <row r="3673" spans="1:4" x14ac:dyDescent="0.25">
      <c r="A3673" t="s">
        <v>5621</v>
      </c>
      <c r="B3673" t="s">
        <v>5622</v>
      </c>
      <c r="C3673">
        <v>1</v>
      </c>
      <c r="D3673">
        <v>0</v>
      </c>
    </row>
    <row r="3674" spans="1:4" x14ac:dyDescent="0.25">
      <c r="A3674" t="s">
        <v>5623</v>
      </c>
      <c r="B3674" t="s">
        <v>5624</v>
      </c>
      <c r="C3674">
        <v>1</v>
      </c>
      <c r="D3674">
        <v>0</v>
      </c>
    </row>
    <row r="3675" spans="1:4" x14ac:dyDescent="0.25">
      <c r="A3675" t="s">
        <v>5623</v>
      </c>
      <c r="B3675" t="s">
        <v>5625</v>
      </c>
      <c r="C3675">
        <v>1</v>
      </c>
      <c r="D3675">
        <v>0</v>
      </c>
    </row>
    <row r="3676" spans="1:4" x14ac:dyDescent="0.25">
      <c r="A3676" t="s">
        <v>5626</v>
      </c>
      <c r="B3676" t="s">
        <v>5627</v>
      </c>
      <c r="C3676">
        <v>1</v>
      </c>
      <c r="D3676">
        <v>0</v>
      </c>
    </row>
    <row r="3677" spans="1:4" x14ac:dyDescent="0.25">
      <c r="A3677" t="s">
        <v>5628</v>
      </c>
      <c r="B3677" t="s">
        <v>5629</v>
      </c>
      <c r="C3677">
        <v>0</v>
      </c>
      <c r="D3677">
        <v>0</v>
      </c>
    </row>
    <row r="3678" spans="1:4" x14ac:dyDescent="0.25">
      <c r="A3678" t="s">
        <v>5628</v>
      </c>
      <c r="B3678" t="s">
        <v>5630</v>
      </c>
      <c r="C3678">
        <v>0</v>
      </c>
      <c r="D3678">
        <v>0</v>
      </c>
    </row>
    <row r="3679" spans="1:4" x14ac:dyDescent="0.25">
      <c r="A3679" t="s">
        <v>5631</v>
      </c>
      <c r="B3679" t="s">
        <v>5632</v>
      </c>
      <c r="C3679">
        <v>1</v>
      </c>
      <c r="D3679">
        <v>0</v>
      </c>
    </row>
    <row r="3680" spans="1:4" x14ac:dyDescent="0.25">
      <c r="A3680" t="s">
        <v>5631</v>
      </c>
      <c r="B3680" t="s">
        <v>5633</v>
      </c>
      <c r="C3680">
        <v>0</v>
      </c>
      <c r="D3680">
        <v>0</v>
      </c>
    </row>
    <row r="3681" spans="1:4" x14ac:dyDescent="0.25">
      <c r="A3681" t="s">
        <v>5634</v>
      </c>
      <c r="B3681" t="s">
        <v>5635</v>
      </c>
      <c r="C3681">
        <v>0</v>
      </c>
      <c r="D3681">
        <v>0</v>
      </c>
    </row>
    <row r="3682" spans="1:4" x14ac:dyDescent="0.25">
      <c r="A3682" t="s">
        <v>5636</v>
      </c>
      <c r="B3682" t="s">
        <v>5637</v>
      </c>
      <c r="C3682">
        <v>1</v>
      </c>
      <c r="D3682">
        <v>0</v>
      </c>
    </row>
    <row r="3683" spans="1:4" x14ac:dyDescent="0.25">
      <c r="A3683" t="s">
        <v>5638</v>
      </c>
      <c r="B3683" t="s">
        <v>5639</v>
      </c>
      <c r="C3683">
        <v>1</v>
      </c>
      <c r="D3683">
        <v>0</v>
      </c>
    </row>
    <row r="3684" spans="1:4" x14ac:dyDescent="0.25">
      <c r="A3684" t="s">
        <v>5638</v>
      </c>
      <c r="B3684" t="s">
        <v>5640</v>
      </c>
      <c r="C3684">
        <v>0</v>
      </c>
      <c r="D3684">
        <v>0</v>
      </c>
    </row>
    <row r="3685" spans="1:4" x14ac:dyDescent="0.25">
      <c r="A3685" t="s">
        <v>5638</v>
      </c>
      <c r="B3685" t="s">
        <v>5641</v>
      </c>
      <c r="C3685">
        <v>1</v>
      </c>
      <c r="D3685">
        <v>0</v>
      </c>
    </row>
    <row r="3686" spans="1:4" x14ac:dyDescent="0.25">
      <c r="A3686" t="s">
        <v>5642</v>
      </c>
      <c r="B3686" t="s">
        <v>1938</v>
      </c>
      <c r="C3686">
        <v>0</v>
      </c>
      <c r="D3686">
        <v>0</v>
      </c>
    </row>
    <row r="3687" spans="1:4" x14ac:dyDescent="0.25">
      <c r="A3687" t="s">
        <v>5642</v>
      </c>
      <c r="B3687" t="s">
        <v>3410</v>
      </c>
      <c r="C3687">
        <v>1</v>
      </c>
      <c r="D3687">
        <v>0</v>
      </c>
    </row>
    <row r="3688" spans="1:4" x14ac:dyDescent="0.25">
      <c r="A3688" t="s">
        <v>5643</v>
      </c>
      <c r="B3688" t="s">
        <v>2704</v>
      </c>
      <c r="C3688">
        <v>1</v>
      </c>
      <c r="D3688">
        <v>0</v>
      </c>
    </row>
    <row r="3689" spans="1:4" x14ac:dyDescent="0.25">
      <c r="A3689" t="s">
        <v>5643</v>
      </c>
      <c r="B3689" t="s">
        <v>5644</v>
      </c>
      <c r="C3689">
        <v>0</v>
      </c>
      <c r="D3689">
        <v>0</v>
      </c>
    </row>
    <row r="3690" spans="1:4" x14ac:dyDescent="0.25">
      <c r="A3690" t="s">
        <v>5643</v>
      </c>
      <c r="B3690" t="s">
        <v>5645</v>
      </c>
      <c r="C3690">
        <v>1</v>
      </c>
      <c r="D3690">
        <v>0</v>
      </c>
    </row>
    <row r="3691" spans="1:4" x14ac:dyDescent="0.25">
      <c r="A3691" t="s">
        <v>5646</v>
      </c>
      <c r="B3691" t="s">
        <v>5647</v>
      </c>
      <c r="C3691">
        <v>2</v>
      </c>
      <c r="D3691">
        <v>0</v>
      </c>
    </row>
    <row r="3692" spans="1:4" x14ac:dyDescent="0.25">
      <c r="A3692" t="s">
        <v>5648</v>
      </c>
      <c r="B3692" t="s">
        <v>5649</v>
      </c>
      <c r="C3692">
        <v>1</v>
      </c>
      <c r="D3692">
        <v>0</v>
      </c>
    </row>
    <row r="3693" spans="1:4" x14ac:dyDescent="0.25">
      <c r="A3693" t="s">
        <v>5650</v>
      </c>
      <c r="B3693" t="s">
        <v>5651</v>
      </c>
      <c r="C3693">
        <v>1</v>
      </c>
      <c r="D3693">
        <v>0</v>
      </c>
    </row>
    <row r="3694" spans="1:4" x14ac:dyDescent="0.25">
      <c r="A3694" t="s">
        <v>5650</v>
      </c>
      <c r="B3694" t="s">
        <v>5652</v>
      </c>
      <c r="C3694">
        <v>2</v>
      </c>
      <c r="D3694">
        <v>0</v>
      </c>
    </row>
    <row r="3695" spans="1:4" x14ac:dyDescent="0.25">
      <c r="A3695" t="s">
        <v>5653</v>
      </c>
      <c r="B3695" t="s">
        <v>5654</v>
      </c>
      <c r="C3695">
        <v>1</v>
      </c>
      <c r="D3695">
        <v>0</v>
      </c>
    </row>
    <row r="3696" spans="1:4" x14ac:dyDescent="0.25">
      <c r="A3696" t="s">
        <v>5653</v>
      </c>
      <c r="B3696" t="s">
        <v>5655</v>
      </c>
      <c r="C3696">
        <v>1</v>
      </c>
      <c r="D3696">
        <v>0</v>
      </c>
    </row>
    <row r="3697" spans="1:4" x14ac:dyDescent="0.25">
      <c r="A3697" t="s">
        <v>5653</v>
      </c>
      <c r="B3697" t="s">
        <v>5656</v>
      </c>
      <c r="C3697">
        <v>1</v>
      </c>
      <c r="D3697">
        <v>0</v>
      </c>
    </row>
    <row r="3698" spans="1:4" x14ac:dyDescent="0.25">
      <c r="A3698" t="s">
        <v>5657</v>
      </c>
      <c r="B3698" t="s">
        <v>5658</v>
      </c>
      <c r="C3698">
        <v>1</v>
      </c>
      <c r="D3698">
        <v>0</v>
      </c>
    </row>
    <row r="3699" spans="1:4" x14ac:dyDescent="0.25">
      <c r="A3699" t="s">
        <v>5659</v>
      </c>
      <c r="B3699" t="s">
        <v>5660</v>
      </c>
      <c r="C3699">
        <v>1</v>
      </c>
      <c r="D3699">
        <v>0</v>
      </c>
    </row>
    <row r="3700" spans="1:4" x14ac:dyDescent="0.25">
      <c r="A3700" t="s">
        <v>5661</v>
      </c>
      <c r="B3700" t="s">
        <v>5662</v>
      </c>
      <c r="C3700">
        <v>1</v>
      </c>
      <c r="D3700">
        <v>0</v>
      </c>
    </row>
    <row r="3701" spans="1:4" x14ac:dyDescent="0.25">
      <c r="A3701" t="s">
        <v>5661</v>
      </c>
      <c r="B3701" t="s">
        <v>5663</v>
      </c>
      <c r="C3701">
        <v>1</v>
      </c>
      <c r="D3701">
        <v>0</v>
      </c>
    </row>
    <row r="3702" spans="1:4" x14ac:dyDescent="0.25">
      <c r="A3702" t="s">
        <v>5661</v>
      </c>
      <c r="B3702" t="s">
        <v>5664</v>
      </c>
      <c r="C3702">
        <v>1</v>
      </c>
      <c r="D3702">
        <v>0</v>
      </c>
    </row>
    <row r="3703" spans="1:4" x14ac:dyDescent="0.25">
      <c r="A3703" t="s">
        <v>5665</v>
      </c>
      <c r="B3703" t="s">
        <v>852</v>
      </c>
      <c r="C3703">
        <v>0</v>
      </c>
      <c r="D3703">
        <v>0</v>
      </c>
    </row>
    <row r="3704" spans="1:4" x14ac:dyDescent="0.25">
      <c r="A3704" t="s">
        <v>5666</v>
      </c>
      <c r="B3704" t="s">
        <v>5667</v>
      </c>
      <c r="C3704">
        <v>1</v>
      </c>
      <c r="D3704">
        <v>0</v>
      </c>
    </row>
    <row r="3705" spans="1:4" x14ac:dyDescent="0.25">
      <c r="A3705" t="s">
        <v>5668</v>
      </c>
      <c r="B3705" t="s">
        <v>5669</v>
      </c>
      <c r="C3705">
        <v>0</v>
      </c>
      <c r="D3705">
        <v>0</v>
      </c>
    </row>
    <row r="3706" spans="1:4" x14ac:dyDescent="0.25">
      <c r="A3706" t="s">
        <v>5670</v>
      </c>
      <c r="B3706" t="s">
        <v>5671</v>
      </c>
      <c r="C3706">
        <v>0</v>
      </c>
      <c r="D3706">
        <v>0</v>
      </c>
    </row>
    <row r="3707" spans="1:4" x14ac:dyDescent="0.25">
      <c r="A3707" t="s">
        <v>5672</v>
      </c>
      <c r="B3707" t="s">
        <v>5673</v>
      </c>
      <c r="C3707">
        <v>0</v>
      </c>
      <c r="D3707">
        <v>0</v>
      </c>
    </row>
    <row r="3708" spans="1:4" x14ac:dyDescent="0.25">
      <c r="A3708" t="s">
        <v>5672</v>
      </c>
      <c r="B3708" t="s">
        <v>5674</v>
      </c>
      <c r="C3708">
        <v>1</v>
      </c>
      <c r="D3708">
        <v>0</v>
      </c>
    </row>
    <row r="3709" spans="1:4" x14ac:dyDescent="0.25">
      <c r="A3709" t="s">
        <v>5672</v>
      </c>
      <c r="B3709" t="s">
        <v>5675</v>
      </c>
      <c r="C3709">
        <v>0</v>
      </c>
      <c r="D3709">
        <v>0</v>
      </c>
    </row>
    <row r="3710" spans="1:4" x14ac:dyDescent="0.25">
      <c r="A3710" t="s">
        <v>5676</v>
      </c>
      <c r="B3710" t="s">
        <v>5677</v>
      </c>
      <c r="C3710">
        <v>2</v>
      </c>
      <c r="D3710">
        <v>0</v>
      </c>
    </row>
    <row r="3711" spans="1:4" x14ac:dyDescent="0.25">
      <c r="A3711" t="s">
        <v>5678</v>
      </c>
      <c r="B3711" t="s">
        <v>5679</v>
      </c>
      <c r="C3711">
        <v>1</v>
      </c>
      <c r="D3711">
        <v>0</v>
      </c>
    </row>
    <row r="3712" spans="1:4" x14ac:dyDescent="0.25">
      <c r="A3712" t="s">
        <v>5678</v>
      </c>
      <c r="B3712" t="s">
        <v>5680</v>
      </c>
      <c r="C3712">
        <v>0</v>
      </c>
      <c r="D3712">
        <v>0</v>
      </c>
    </row>
    <row r="3713" spans="1:4" x14ac:dyDescent="0.25">
      <c r="A3713" t="s">
        <v>5681</v>
      </c>
      <c r="B3713" t="s">
        <v>5682</v>
      </c>
      <c r="C3713">
        <v>1</v>
      </c>
      <c r="D3713">
        <v>0</v>
      </c>
    </row>
    <row r="3714" spans="1:4" x14ac:dyDescent="0.25">
      <c r="A3714" t="s">
        <v>5681</v>
      </c>
      <c r="B3714" t="s">
        <v>5683</v>
      </c>
      <c r="C3714">
        <v>1</v>
      </c>
      <c r="D3714">
        <v>0</v>
      </c>
    </row>
    <row r="3715" spans="1:4" x14ac:dyDescent="0.25">
      <c r="A3715" t="s">
        <v>5684</v>
      </c>
      <c r="B3715" t="s">
        <v>5685</v>
      </c>
      <c r="C3715">
        <v>0</v>
      </c>
      <c r="D3715">
        <v>0</v>
      </c>
    </row>
    <row r="3716" spans="1:4" x14ac:dyDescent="0.25">
      <c r="A3716" t="s">
        <v>5686</v>
      </c>
      <c r="B3716" t="s">
        <v>5687</v>
      </c>
      <c r="C3716">
        <v>2</v>
      </c>
      <c r="D3716">
        <v>0</v>
      </c>
    </row>
    <row r="3717" spans="1:4" x14ac:dyDescent="0.25">
      <c r="A3717" t="s">
        <v>5686</v>
      </c>
      <c r="B3717" t="s">
        <v>5688</v>
      </c>
      <c r="C3717">
        <v>1</v>
      </c>
      <c r="D3717">
        <v>0</v>
      </c>
    </row>
    <row r="3718" spans="1:4" x14ac:dyDescent="0.25">
      <c r="A3718" t="s">
        <v>5686</v>
      </c>
      <c r="B3718" t="s">
        <v>5689</v>
      </c>
      <c r="C3718">
        <v>1</v>
      </c>
      <c r="D3718">
        <v>0</v>
      </c>
    </row>
    <row r="3719" spans="1:4" x14ac:dyDescent="0.25">
      <c r="A3719" t="s">
        <v>5690</v>
      </c>
      <c r="B3719" t="s">
        <v>5691</v>
      </c>
      <c r="C3719">
        <v>2</v>
      </c>
      <c r="D3719">
        <v>0</v>
      </c>
    </row>
    <row r="3720" spans="1:4" x14ac:dyDescent="0.25">
      <c r="A3720" t="s">
        <v>5692</v>
      </c>
      <c r="B3720" t="s">
        <v>398</v>
      </c>
      <c r="C3720">
        <v>0</v>
      </c>
      <c r="D3720">
        <v>0</v>
      </c>
    </row>
    <row r="3721" spans="1:4" x14ac:dyDescent="0.25">
      <c r="A3721" t="s">
        <v>5693</v>
      </c>
      <c r="B3721" t="s">
        <v>5694</v>
      </c>
      <c r="C3721">
        <v>0</v>
      </c>
      <c r="D3721">
        <v>0</v>
      </c>
    </row>
    <row r="3722" spans="1:4" x14ac:dyDescent="0.25">
      <c r="A3722" t="s">
        <v>5695</v>
      </c>
      <c r="B3722" t="s">
        <v>5696</v>
      </c>
      <c r="C3722">
        <v>0</v>
      </c>
      <c r="D3722">
        <v>0</v>
      </c>
    </row>
    <row r="3723" spans="1:4" x14ac:dyDescent="0.25">
      <c r="A3723" t="s">
        <v>5695</v>
      </c>
      <c r="B3723" t="s">
        <v>5697</v>
      </c>
      <c r="C3723">
        <v>1</v>
      </c>
      <c r="D3723">
        <v>0</v>
      </c>
    </row>
    <row r="3724" spans="1:4" x14ac:dyDescent="0.25">
      <c r="A3724" t="s">
        <v>5698</v>
      </c>
      <c r="B3724" t="s">
        <v>5699</v>
      </c>
      <c r="C3724">
        <v>0</v>
      </c>
      <c r="D3724">
        <v>0</v>
      </c>
    </row>
    <row r="3725" spans="1:4" x14ac:dyDescent="0.25">
      <c r="A3725" t="s">
        <v>5698</v>
      </c>
      <c r="B3725" t="s">
        <v>5700</v>
      </c>
      <c r="C3725">
        <v>0</v>
      </c>
      <c r="D3725">
        <v>0</v>
      </c>
    </row>
    <row r="3726" spans="1:4" x14ac:dyDescent="0.25">
      <c r="A3726" t="s">
        <v>5698</v>
      </c>
      <c r="B3726" t="s">
        <v>5701</v>
      </c>
      <c r="C3726">
        <v>0</v>
      </c>
      <c r="D3726">
        <v>0</v>
      </c>
    </row>
    <row r="3727" spans="1:4" x14ac:dyDescent="0.25">
      <c r="A3727" t="s">
        <v>5702</v>
      </c>
      <c r="B3727" t="s">
        <v>5703</v>
      </c>
      <c r="C3727">
        <v>0</v>
      </c>
      <c r="D3727">
        <v>0</v>
      </c>
    </row>
    <row r="3728" spans="1:4" x14ac:dyDescent="0.25">
      <c r="A3728" t="s">
        <v>5702</v>
      </c>
      <c r="B3728" t="s">
        <v>5704</v>
      </c>
      <c r="C3728">
        <v>2</v>
      </c>
      <c r="D3728">
        <v>0</v>
      </c>
    </row>
    <row r="3729" spans="1:4" x14ac:dyDescent="0.25">
      <c r="A3729" t="s">
        <v>5705</v>
      </c>
      <c r="B3729" t="s">
        <v>5706</v>
      </c>
      <c r="C3729">
        <v>2</v>
      </c>
      <c r="D3729">
        <v>0</v>
      </c>
    </row>
    <row r="3730" spans="1:4" x14ac:dyDescent="0.25">
      <c r="A3730" t="s">
        <v>5707</v>
      </c>
      <c r="B3730" t="s">
        <v>5708</v>
      </c>
      <c r="C3730">
        <v>0</v>
      </c>
      <c r="D3730">
        <v>0</v>
      </c>
    </row>
    <row r="3731" spans="1:4" x14ac:dyDescent="0.25">
      <c r="A3731" t="s">
        <v>5707</v>
      </c>
      <c r="B3731" t="s">
        <v>5709</v>
      </c>
      <c r="C3731">
        <v>1</v>
      </c>
      <c r="D3731">
        <v>0</v>
      </c>
    </row>
    <row r="3732" spans="1:4" x14ac:dyDescent="0.25">
      <c r="A3732" t="s">
        <v>5710</v>
      </c>
      <c r="B3732" t="s">
        <v>5711</v>
      </c>
      <c r="C3732">
        <v>0</v>
      </c>
      <c r="D3732">
        <v>0</v>
      </c>
    </row>
    <row r="3733" spans="1:4" x14ac:dyDescent="0.25">
      <c r="A3733" t="s">
        <v>5712</v>
      </c>
      <c r="B3733" t="s">
        <v>5713</v>
      </c>
      <c r="C3733">
        <v>1</v>
      </c>
      <c r="D3733">
        <v>0</v>
      </c>
    </row>
    <row r="3734" spans="1:4" x14ac:dyDescent="0.25">
      <c r="A3734" t="s">
        <v>5712</v>
      </c>
      <c r="B3734" t="s">
        <v>5713</v>
      </c>
      <c r="C3734">
        <v>1</v>
      </c>
      <c r="D3734">
        <v>0</v>
      </c>
    </row>
    <row r="3735" spans="1:4" x14ac:dyDescent="0.25">
      <c r="A3735" t="s">
        <v>5712</v>
      </c>
      <c r="B3735" t="s">
        <v>5713</v>
      </c>
      <c r="C3735">
        <v>1</v>
      </c>
      <c r="D3735">
        <v>0</v>
      </c>
    </row>
    <row r="3736" spans="1:4" x14ac:dyDescent="0.25">
      <c r="A3736" t="s">
        <v>5714</v>
      </c>
      <c r="B3736" t="s">
        <v>5715</v>
      </c>
      <c r="C3736">
        <v>1</v>
      </c>
      <c r="D3736">
        <v>0</v>
      </c>
    </row>
    <row r="3737" spans="1:4" x14ac:dyDescent="0.25">
      <c r="A3737" t="s">
        <v>5714</v>
      </c>
      <c r="B3737" t="s">
        <v>5716</v>
      </c>
      <c r="C3737">
        <v>1</v>
      </c>
      <c r="D3737">
        <v>0</v>
      </c>
    </row>
    <row r="3738" spans="1:4" x14ac:dyDescent="0.25">
      <c r="A3738" t="s">
        <v>5717</v>
      </c>
      <c r="B3738" t="s">
        <v>5718</v>
      </c>
      <c r="C3738">
        <v>0</v>
      </c>
      <c r="D3738">
        <v>0</v>
      </c>
    </row>
    <row r="3739" spans="1:4" x14ac:dyDescent="0.25">
      <c r="A3739" t="s">
        <v>5719</v>
      </c>
      <c r="B3739" t="s">
        <v>5720</v>
      </c>
      <c r="C3739">
        <v>1</v>
      </c>
      <c r="D3739">
        <v>0</v>
      </c>
    </row>
    <row r="3740" spans="1:4" x14ac:dyDescent="0.25">
      <c r="A3740" t="s">
        <v>5721</v>
      </c>
      <c r="B3740" t="s">
        <v>5722</v>
      </c>
      <c r="C3740">
        <v>2</v>
      </c>
      <c r="D3740">
        <v>0</v>
      </c>
    </row>
    <row r="3741" spans="1:4" x14ac:dyDescent="0.25">
      <c r="A3741" t="s">
        <v>5721</v>
      </c>
      <c r="B3741" t="s">
        <v>5723</v>
      </c>
      <c r="C3741">
        <v>0</v>
      </c>
      <c r="D3741">
        <v>0</v>
      </c>
    </row>
    <row r="3742" spans="1:4" x14ac:dyDescent="0.25">
      <c r="A3742" t="s">
        <v>5721</v>
      </c>
      <c r="B3742" t="s">
        <v>5724</v>
      </c>
      <c r="C3742">
        <v>0</v>
      </c>
      <c r="D3742">
        <v>0</v>
      </c>
    </row>
    <row r="3743" spans="1:4" x14ac:dyDescent="0.25">
      <c r="A3743" t="s">
        <v>5725</v>
      </c>
      <c r="B3743" t="s">
        <v>5726</v>
      </c>
      <c r="C3743">
        <v>0</v>
      </c>
      <c r="D3743">
        <v>0</v>
      </c>
    </row>
    <row r="3744" spans="1:4" x14ac:dyDescent="0.25">
      <c r="A3744" t="s">
        <v>5727</v>
      </c>
      <c r="B3744" t="s">
        <v>5728</v>
      </c>
      <c r="C3744">
        <v>0</v>
      </c>
      <c r="D3744">
        <v>0</v>
      </c>
    </row>
    <row r="3745" spans="1:4" x14ac:dyDescent="0.25">
      <c r="A3745" t="s">
        <v>5729</v>
      </c>
      <c r="B3745" t="s">
        <v>5730</v>
      </c>
      <c r="C3745">
        <v>1</v>
      </c>
      <c r="D3745">
        <v>0</v>
      </c>
    </row>
    <row r="3746" spans="1:4" x14ac:dyDescent="0.25">
      <c r="A3746" t="s">
        <v>5731</v>
      </c>
      <c r="B3746" t="s">
        <v>5732</v>
      </c>
      <c r="C3746">
        <v>2</v>
      </c>
      <c r="D3746">
        <v>0</v>
      </c>
    </row>
    <row r="3747" spans="1:4" x14ac:dyDescent="0.25">
      <c r="A3747" t="s">
        <v>5733</v>
      </c>
      <c r="B3747" t="s">
        <v>5734</v>
      </c>
      <c r="C3747">
        <v>1</v>
      </c>
      <c r="D3747">
        <v>0</v>
      </c>
    </row>
    <row r="3748" spans="1:4" x14ac:dyDescent="0.25">
      <c r="A3748" t="s">
        <v>5735</v>
      </c>
      <c r="B3748" t="s">
        <v>5736</v>
      </c>
      <c r="C3748">
        <v>1</v>
      </c>
      <c r="D3748">
        <v>0</v>
      </c>
    </row>
    <row r="3749" spans="1:4" x14ac:dyDescent="0.25">
      <c r="A3749" t="s">
        <v>5737</v>
      </c>
      <c r="B3749" t="s">
        <v>1387</v>
      </c>
      <c r="C3749">
        <v>1</v>
      </c>
      <c r="D3749">
        <v>0</v>
      </c>
    </row>
    <row r="3750" spans="1:4" x14ac:dyDescent="0.25">
      <c r="A3750" t="s">
        <v>5738</v>
      </c>
      <c r="B3750" t="s">
        <v>5739</v>
      </c>
      <c r="C3750">
        <v>2</v>
      </c>
      <c r="D3750">
        <v>0</v>
      </c>
    </row>
    <row r="3751" spans="1:4" x14ac:dyDescent="0.25">
      <c r="A3751" t="s">
        <v>5738</v>
      </c>
      <c r="B3751" t="s">
        <v>5740</v>
      </c>
      <c r="C3751">
        <v>2</v>
      </c>
      <c r="D3751">
        <v>0</v>
      </c>
    </row>
    <row r="3752" spans="1:4" x14ac:dyDescent="0.25">
      <c r="A3752" t="s">
        <v>5741</v>
      </c>
      <c r="B3752" t="s">
        <v>5742</v>
      </c>
      <c r="C3752">
        <v>1</v>
      </c>
      <c r="D3752">
        <v>0</v>
      </c>
    </row>
    <row r="3753" spans="1:4" x14ac:dyDescent="0.25">
      <c r="A3753" t="s">
        <v>5741</v>
      </c>
      <c r="B3753" t="s">
        <v>5743</v>
      </c>
      <c r="C3753">
        <v>1</v>
      </c>
      <c r="D3753">
        <v>0</v>
      </c>
    </row>
    <row r="3754" spans="1:4" x14ac:dyDescent="0.25">
      <c r="A3754" t="s">
        <v>5741</v>
      </c>
      <c r="B3754" t="s">
        <v>5744</v>
      </c>
      <c r="C3754">
        <v>1</v>
      </c>
      <c r="D3754">
        <v>0</v>
      </c>
    </row>
    <row r="3755" spans="1:4" x14ac:dyDescent="0.25">
      <c r="A3755" t="s">
        <v>5745</v>
      </c>
      <c r="B3755" t="s">
        <v>5746</v>
      </c>
      <c r="C3755">
        <v>1</v>
      </c>
      <c r="D3755">
        <v>0</v>
      </c>
    </row>
    <row r="3756" spans="1:4" x14ac:dyDescent="0.25">
      <c r="A3756" t="s">
        <v>5747</v>
      </c>
      <c r="B3756" t="s">
        <v>1001</v>
      </c>
      <c r="C3756">
        <v>1</v>
      </c>
      <c r="D3756">
        <v>0</v>
      </c>
    </row>
    <row r="3757" spans="1:4" x14ac:dyDescent="0.25">
      <c r="A3757" t="s">
        <v>5747</v>
      </c>
      <c r="B3757" t="s">
        <v>969</v>
      </c>
      <c r="C3757">
        <v>0</v>
      </c>
      <c r="D3757">
        <v>0</v>
      </c>
    </row>
    <row r="3758" spans="1:4" x14ac:dyDescent="0.25">
      <c r="A3758" t="s">
        <v>5748</v>
      </c>
      <c r="B3758" t="s">
        <v>5749</v>
      </c>
      <c r="C3758">
        <v>1</v>
      </c>
      <c r="D3758">
        <v>0</v>
      </c>
    </row>
    <row r="3759" spans="1:4" x14ac:dyDescent="0.25">
      <c r="A3759" t="s">
        <v>5748</v>
      </c>
      <c r="B3759" t="s">
        <v>5750</v>
      </c>
      <c r="C3759">
        <v>2</v>
      </c>
      <c r="D3759">
        <v>0</v>
      </c>
    </row>
    <row r="3760" spans="1:4" x14ac:dyDescent="0.25">
      <c r="A3760" t="s">
        <v>5748</v>
      </c>
      <c r="B3760" t="s">
        <v>5751</v>
      </c>
      <c r="C3760">
        <v>0</v>
      </c>
      <c r="D3760">
        <v>0</v>
      </c>
    </row>
    <row r="3761" spans="1:4" x14ac:dyDescent="0.25">
      <c r="A3761" t="s">
        <v>5752</v>
      </c>
      <c r="B3761" t="s">
        <v>398</v>
      </c>
      <c r="C3761">
        <v>0</v>
      </c>
      <c r="D3761">
        <v>0</v>
      </c>
    </row>
    <row r="3762" spans="1:4" x14ac:dyDescent="0.25">
      <c r="A3762" t="s">
        <v>5753</v>
      </c>
      <c r="B3762" t="s">
        <v>1938</v>
      </c>
      <c r="C3762">
        <v>0</v>
      </c>
      <c r="D3762">
        <v>0</v>
      </c>
    </row>
    <row r="3763" spans="1:4" x14ac:dyDescent="0.25">
      <c r="A3763" t="s">
        <v>5754</v>
      </c>
      <c r="B3763" t="s">
        <v>5755</v>
      </c>
      <c r="C3763">
        <v>0</v>
      </c>
      <c r="D3763">
        <v>0</v>
      </c>
    </row>
    <row r="3764" spans="1:4" x14ac:dyDescent="0.25">
      <c r="A3764" t="s">
        <v>5756</v>
      </c>
      <c r="B3764" t="s">
        <v>5757</v>
      </c>
      <c r="C3764">
        <v>1</v>
      </c>
      <c r="D3764">
        <v>0</v>
      </c>
    </row>
    <row r="3765" spans="1:4" x14ac:dyDescent="0.25">
      <c r="A3765" t="s">
        <v>5756</v>
      </c>
      <c r="B3765" t="s">
        <v>5758</v>
      </c>
      <c r="C3765">
        <v>1</v>
      </c>
      <c r="D3765">
        <v>0</v>
      </c>
    </row>
    <row r="3766" spans="1:4" x14ac:dyDescent="0.25">
      <c r="A3766" t="s">
        <v>5756</v>
      </c>
      <c r="B3766" t="s">
        <v>5759</v>
      </c>
      <c r="C3766">
        <v>1</v>
      </c>
      <c r="D3766">
        <v>0</v>
      </c>
    </row>
    <row r="3767" spans="1:4" x14ac:dyDescent="0.25">
      <c r="A3767" t="s">
        <v>5760</v>
      </c>
      <c r="B3767" t="s">
        <v>5761</v>
      </c>
      <c r="C3767">
        <v>0</v>
      </c>
      <c r="D3767">
        <v>0</v>
      </c>
    </row>
    <row r="3768" spans="1:4" x14ac:dyDescent="0.25">
      <c r="A3768" t="s">
        <v>5762</v>
      </c>
      <c r="B3768" t="s">
        <v>5763</v>
      </c>
      <c r="C3768">
        <v>2</v>
      </c>
      <c r="D3768">
        <v>0</v>
      </c>
    </row>
    <row r="3769" spans="1:4" x14ac:dyDescent="0.25">
      <c r="A3769" t="s">
        <v>5762</v>
      </c>
      <c r="B3769" t="s">
        <v>5764</v>
      </c>
      <c r="C3769">
        <v>1</v>
      </c>
      <c r="D3769">
        <v>0</v>
      </c>
    </row>
    <row r="3770" spans="1:4" x14ac:dyDescent="0.25">
      <c r="A3770" t="s">
        <v>5765</v>
      </c>
      <c r="B3770" t="s">
        <v>5766</v>
      </c>
      <c r="C3770">
        <v>0</v>
      </c>
      <c r="D3770">
        <v>0</v>
      </c>
    </row>
    <row r="3771" spans="1:4" x14ac:dyDescent="0.25">
      <c r="A3771" t="s">
        <v>5765</v>
      </c>
      <c r="B3771" t="s">
        <v>5767</v>
      </c>
      <c r="C3771">
        <v>0</v>
      </c>
      <c r="D3771">
        <v>0</v>
      </c>
    </row>
    <row r="3772" spans="1:4" x14ac:dyDescent="0.25">
      <c r="A3772" t="s">
        <v>5768</v>
      </c>
      <c r="B3772" t="s">
        <v>5769</v>
      </c>
      <c r="C3772">
        <v>0</v>
      </c>
      <c r="D3772">
        <v>0</v>
      </c>
    </row>
    <row r="3773" spans="1:4" x14ac:dyDescent="0.25">
      <c r="A3773" t="s">
        <v>5768</v>
      </c>
      <c r="B3773" t="s">
        <v>5770</v>
      </c>
      <c r="C3773">
        <v>2</v>
      </c>
      <c r="D3773">
        <v>0</v>
      </c>
    </row>
    <row r="3774" spans="1:4" x14ac:dyDescent="0.25">
      <c r="A3774" t="s">
        <v>5771</v>
      </c>
      <c r="B3774" t="s">
        <v>5772</v>
      </c>
      <c r="C3774">
        <v>2</v>
      </c>
      <c r="D3774">
        <v>0</v>
      </c>
    </row>
    <row r="3775" spans="1:4" x14ac:dyDescent="0.25">
      <c r="A3775" t="s">
        <v>5771</v>
      </c>
      <c r="B3775" t="s">
        <v>1001</v>
      </c>
      <c r="C3775">
        <v>1</v>
      </c>
      <c r="D3775">
        <v>0</v>
      </c>
    </row>
    <row r="3776" spans="1:4" x14ac:dyDescent="0.25">
      <c r="A3776" t="s">
        <v>5771</v>
      </c>
      <c r="B3776" t="s">
        <v>5773</v>
      </c>
      <c r="C3776">
        <v>2</v>
      </c>
      <c r="D3776">
        <v>0</v>
      </c>
    </row>
    <row r="3777" spans="1:4" x14ac:dyDescent="0.25">
      <c r="A3777" t="s">
        <v>5774</v>
      </c>
      <c r="B3777" t="s">
        <v>5775</v>
      </c>
      <c r="C3777">
        <v>0</v>
      </c>
      <c r="D3777">
        <v>0</v>
      </c>
    </row>
    <row r="3778" spans="1:4" x14ac:dyDescent="0.25">
      <c r="A3778" t="s">
        <v>5774</v>
      </c>
      <c r="B3778" t="s">
        <v>5776</v>
      </c>
      <c r="C3778">
        <v>1</v>
      </c>
      <c r="D3778">
        <v>0</v>
      </c>
    </row>
    <row r="3779" spans="1:4" x14ac:dyDescent="0.25">
      <c r="A3779" t="s">
        <v>5774</v>
      </c>
      <c r="B3779" t="s">
        <v>5777</v>
      </c>
      <c r="C3779">
        <v>2</v>
      </c>
      <c r="D3779">
        <v>0</v>
      </c>
    </row>
    <row r="3780" spans="1:4" x14ac:dyDescent="0.25">
      <c r="A3780" t="s">
        <v>5778</v>
      </c>
      <c r="B3780" t="s">
        <v>5779</v>
      </c>
      <c r="C3780">
        <v>1</v>
      </c>
      <c r="D3780">
        <v>0</v>
      </c>
    </row>
    <row r="3781" spans="1:4" x14ac:dyDescent="0.25">
      <c r="A3781" t="s">
        <v>5778</v>
      </c>
      <c r="B3781" t="s">
        <v>5780</v>
      </c>
      <c r="C3781">
        <v>2</v>
      </c>
      <c r="D3781">
        <v>0</v>
      </c>
    </row>
    <row r="3782" spans="1:4" x14ac:dyDescent="0.25">
      <c r="A3782" t="s">
        <v>5778</v>
      </c>
      <c r="B3782" t="s">
        <v>5781</v>
      </c>
      <c r="C3782">
        <v>1</v>
      </c>
      <c r="D3782">
        <v>0</v>
      </c>
    </row>
    <row r="3783" spans="1:4" x14ac:dyDescent="0.25">
      <c r="A3783" t="s">
        <v>5782</v>
      </c>
      <c r="B3783" t="s">
        <v>5783</v>
      </c>
      <c r="C3783">
        <v>0</v>
      </c>
      <c r="D3783">
        <v>0</v>
      </c>
    </row>
    <row r="3784" spans="1:4" x14ac:dyDescent="0.25">
      <c r="A3784" t="s">
        <v>5782</v>
      </c>
      <c r="B3784" t="s">
        <v>1555</v>
      </c>
      <c r="C3784">
        <v>2</v>
      </c>
      <c r="D3784">
        <v>0</v>
      </c>
    </row>
    <row r="3785" spans="1:4" x14ac:dyDescent="0.25">
      <c r="A3785" t="s">
        <v>5782</v>
      </c>
      <c r="B3785" t="s">
        <v>5784</v>
      </c>
      <c r="C3785">
        <v>2</v>
      </c>
      <c r="D3785">
        <v>0</v>
      </c>
    </row>
    <row r="3786" spans="1:4" x14ac:dyDescent="0.25">
      <c r="A3786" t="s">
        <v>5785</v>
      </c>
      <c r="B3786" t="s">
        <v>5786</v>
      </c>
      <c r="C3786">
        <v>1</v>
      </c>
      <c r="D3786">
        <v>0</v>
      </c>
    </row>
    <row r="3787" spans="1:4" x14ac:dyDescent="0.25">
      <c r="A3787" t="s">
        <v>5785</v>
      </c>
      <c r="B3787" t="s">
        <v>5787</v>
      </c>
      <c r="C3787">
        <v>0</v>
      </c>
      <c r="D3787">
        <v>0</v>
      </c>
    </row>
    <row r="3788" spans="1:4" x14ac:dyDescent="0.25">
      <c r="A3788" t="s">
        <v>5785</v>
      </c>
      <c r="B3788" t="s">
        <v>5788</v>
      </c>
      <c r="C3788">
        <v>1</v>
      </c>
      <c r="D3788">
        <v>0</v>
      </c>
    </row>
    <row r="3789" spans="1:4" x14ac:dyDescent="0.25">
      <c r="A3789" t="s">
        <v>5789</v>
      </c>
      <c r="B3789" t="s">
        <v>5790</v>
      </c>
      <c r="C3789">
        <v>0</v>
      </c>
      <c r="D3789">
        <v>0</v>
      </c>
    </row>
    <row r="3790" spans="1:4" x14ac:dyDescent="0.25">
      <c r="A3790" t="s">
        <v>5791</v>
      </c>
      <c r="B3790" t="s">
        <v>5792</v>
      </c>
      <c r="C3790">
        <v>2</v>
      </c>
      <c r="D3790">
        <v>0</v>
      </c>
    </row>
    <row r="3791" spans="1:4" x14ac:dyDescent="0.25">
      <c r="A3791" t="s">
        <v>5793</v>
      </c>
      <c r="B3791" t="s">
        <v>5794</v>
      </c>
      <c r="C3791">
        <v>0</v>
      </c>
      <c r="D3791">
        <v>0</v>
      </c>
    </row>
    <row r="3792" spans="1:4" x14ac:dyDescent="0.25">
      <c r="A3792" t="s">
        <v>5793</v>
      </c>
      <c r="B3792" t="s">
        <v>5795</v>
      </c>
      <c r="C3792">
        <v>0</v>
      </c>
      <c r="D3792">
        <v>0</v>
      </c>
    </row>
    <row r="3793" spans="1:4" x14ac:dyDescent="0.25">
      <c r="A3793" t="s">
        <v>5796</v>
      </c>
      <c r="B3793" t="s">
        <v>5797</v>
      </c>
      <c r="C3793">
        <v>1</v>
      </c>
      <c r="D3793">
        <v>0</v>
      </c>
    </row>
    <row r="3794" spans="1:4" x14ac:dyDescent="0.25">
      <c r="A3794" t="s">
        <v>5798</v>
      </c>
      <c r="B3794" t="s">
        <v>5799</v>
      </c>
      <c r="C3794">
        <v>1</v>
      </c>
      <c r="D3794">
        <v>0</v>
      </c>
    </row>
    <row r="3795" spans="1:4" x14ac:dyDescent="0.25">
      <c r="A3795" t="s">
        <v>5798</v>
      </c>
      <c r="B3795" t="s">
        <v>5800</v>
      </c>
      <c r="C3795">
        <v>2</v>
      </c>
      <c r="D3795">
        <v>0</v>
      </c>
    </row>
    <row r="3796" spans="1:4" x14ac:dyDescent="0.25">
      <c r="A3796" t="s">
        <v>5801</v>
      </c>
      <c r="B3796" t="s">
        <v>5802</v>
      </c>
      <c r="C3796">
        <v>0</v>
      </c>
      <c r="D3796">
        <v>0</v>
      </c>
    </row>
    <row r="3797" spans="1:4" x14ac:dyDescent="0.25">
      <c r="A3797" t="s">
        <v>5803</v>
      </c>
      <c r="B3797" t="s">
        <v>5804</v>
      </c>
      <c r="C3797">
        <v>1</v>
      </c>
      <c r="D3797">
        <v>0</v>
      </c>
    </row>
    <row r="3798" spans="1:4" x14ac:dyDescent="0.25">
      <c r="A3798" t="s">
        <v>5805</v>
      </c>
      <c r="B3798" t="s">
        <v>5806</v>
      </c>
      <c r="C3798">
        <v>2</v>
      </c>
      <c r="D3798">
        <v>0</v>
      </c>
    </row>
    <row r="3799" spans="1:4" x14ac:dyDescent="0.25">
      <c r="A3799" t="s">
        <v>5807</v>
      </c>
      <c r="B3799" t="s">
        <v>5808</v>
      </c>
      <c r="C3799">
        <v>0</v>
      </c>
      <c r="D3799">
        <v>0</v>
      </c>
    </row>
    <row r="3800" spans="1:4" x14ac:dyDescent="0.25">
      <c r="A3800" t="s">
        <v>5807</v>
      </c>
      <c r="B3800" t="s">
        <v>5809</v>
      </c>
      <c r="C3800">
        <v>1</v>
      </c>
      <c r="D3800">
        <v>0</v>
      </c>
    </row>
    <row r="3801" spans="1:4" x14ac:dyDescent="0.25">
      <c r="A3801" t="s">
        <v>5810</v>
      </c>
      <c r="B3801" t="s">
        <v>5811</v>
      </c>
      <c r="C3801">
        <v>0</v>
      </c>
      <c r="D3801">
        <v>0</v>
      </c>
    </row>
    <row r="3802" spans="1:4" x14ac:dyDescent="0.25">
      <c r="A3802" t="s">
        <v>5812</v>
      </c>
      <c r="B3802" t="s">
        <v>5813</v>
      </c>
      <c r="C3802">
        <v>1</v>
      </c>
      <c r="D3802">
        <v>0</v>
      </c>
    </row>
    <row r="3803" spans="1:4" x14ac:dyDescent="0.25">
      <c r="A3803" t="s">
        <v>5814</v>
      </c>
      <c r="B3803" t="s">
        <v>1001</v>
      </c>
      <c r="C3803">
        <v>1</v>
      </c>
      <c r="D3803">
        <v>0</v>
      </c>
    </row>
    <row r="3804" spans="1:4" x14ac:dyDescent="0.25">
      <c r="A3804" t="s">
        <v>5815</v>
      </c>
      <c r="B3804" t="s">
        <v>5816</v>
      </c>
      <c r="C3804">
        <v>1</v>
      </c>
      <c r="D3804">
        <v>0</v>
      </c>
    </row>
    <row r="3805" spans="1:4" x14ac:dyDescent="0.25">
      <c r="A3805" t="s">
        <v>5817</v>
      </c>
      <c r="B3805" t="s">
        <v>5818</v>
      </c>
      <c r="C3805">
        <v>0</v>
      </c>
      <c r="D3805">
        <v>0</v>
      </c>
    </row>
    <row r="3806" spans="1:4" x14ac:dyDescent="0.25">
      <c r="A3806" t="s">
        <v>5817</v>
      </c>
      <c r="B3806" t="s">
        <v>5819</v>
      </c>
      <c r="C3806">
        <v>0</v>
      </c>
      <c r="D3806">
        <v>0</v>
      </c>
    </row>
    <row r="3807" spans="1:4" x14ac:dyDescent="0.25">
      <c r="A3807" t="s">
        <v>5817</v>
      </c>
      <c r="B3807" t="s">
        <v>5820</v>
      </c>
      <c r="C3807">
        <v>1</v>
      </c>
      <c r="D3807">
        <v>0</v>
      </c>
    </row>
    <row r="3808" spans="1:4" x14ac:dyDescent="0.25">
      <c r="A3808" t="s">
        <v>5821</v>
      </c>
      <c r="B3808" t="s">
        <v>5822</v>
      </c>
      <c r="C3808">
        <v>1</v>
      </c>
      <c r="D3808">
        <v>0</v>
      </c>
    </row>
    <row r="3809" spans="1:4" x14ac:dyDescent="0.25">
      <c r="A3809" t="s">
        <v>5823</v>
      </c>
      <c r="B3809" t="s">
        <v>5824</v>
      </c>
      <c r="C3809">
        <v>1</v>
      </c>
      <c r="D3809">
        <v>0</v>
      </c>
    </row>
    <row r="3810" spans="1:4" x14ac:dyDescent="0.25">
      <c r="A3810" t="s">
        <v>5825</v>
      </c>
      <c r="B3810" t="s">
        <v>5826</v>
      </c>
      <c r="C3810">
        <v>1</v>
      </c>
      <c r="D3810">
        <v>0</v>
      </c>
    </row>
    <row r="3811" spans="1:4" x14ac:dyDescent="0.25">
      <c r="A3811" t="s">
        <v>5825</v>
      </c>
      <c r="B3811" t="s">
        <v>5827</v>
      </c>
      <c r="C3811">
        <v>1</v>
      </c>
      <c r="D3811">
        <v>0</v>
      </c>
    </row>
    <row r="3812" spans="1:4" x14ac:dyDescent="0.25">
      <c r="A3812" t="s">
        <v>5828</v>
      </c>
      <c r="B3812" t="s">
        <v>843</v>
      </c>
      <c r="C3812">
        <v>1</v>
      </c>
      <c r="D3812">
        <v>0</v>
      </c>
    </row>
    <row r="3813" spans="1:4" x14ac:dyDescent="0.25">
      <c r="A3813" t="s">
        <v>5829</v>
      </c>
      <c r="B3813" t="s">
        <v>5830</v>
      </c>
      <c r="C3813">
        <v>1</v>
      </c>
      <c r="D3813">
        <v>0</v>
      </c>
    </row>
    <row r="3814" spans="1:4" x14ac:dyDescent="0.25">
      <c r="A3814" t="s">
        <v>5829</v>
      </c>
      <c r="B3814" t="s">
        <v>5831</v>
      </c>
      <c r="C3814">
        <v>0</v>
      </c>
      <c r="D3814">
        <v>0</v>
      </c>
    </row>
    <row r="3815" spans="1:4" x14ac:dyDescent="0.25">
      <c r="A3815" t="s">
        <v>5832</v>
      </c>
      <c r="B3815" t="s">
        <v>5833</v>
      </c>
      <c r="C3815">
        <v>0</v>
      </c>
      <c r="D3815">
        <v>0</v>
      </c>
    </row>
    <row r="3816" spans="1:4" x14ac:dyDescent="0.25">
      <c r="A3816" t="s">
        <v>5834</v>
      </c>
      <c r="B3816" t="s">
        <v>5835</v>
      </c>
      <c r="C3816">
        <v>1</v>
      </c>
      <c r="D3816">
        <v>0</v>
      </c>
    </row>
    <row r="3817" spans="1:4" x14ac:dyDescent="0.25">
      <c r="A3817" t="s">
        <v>5834</v>
      </c>
      <c r="B3817" t="s">
        <v>5836</v>
      </c>
      <c r="C3817">
        <v>0</v>
      </c>
      <c r="D3817">
        <v>0</v>
      </c>
    </row>
    <row r="3818" spans="1:4" x14ac:dyDescent="0.25">
      <c r="A3818" t="s">
        <v>5837</v>
      </c>
      <c r="B3818" t="s">
        <v>1769</v>
      </c>
      <c r="C3818">
        <v>1</v>
      </c>
      <c r="D3818">
        <v>0</v>
      </c>
    </row>
    <row r="3819" spans="1:4" x14ac:dyDescent="0.25">
      <c r="A3819" t="s">
        <v>5838</v>
      </c>
      <c r="B3819" t="s">
        <v>5839</v>
      </c>
      <c r="C3819">
        <v>0</v>
      </c>
      <c r="D3819">
        <v>0</v>
      </c>
    </row>
    <row r="3820" spans="1:4" x14ac:dyDescent="0.25">
      <c r="A3820" t="s">
        <v>5838</v>
      </c>
      <c r="B3820" t="s">
        <v>5840</v>
      </c>
      <c r="C3820">
        <v>1</v>
      </c>
      <c r="D3820">
        <v>0</v>
      </c>
    </row>
    <row r="3821" spans="1:4" x14ac:dyDescent="0.25">
      <c r="A3821" t="s">
        <v>5841</v>
      </c>
      <c r="B3821" t="s">
        <v>5842</v>
      </c>
      <c r="C3821">
        <v>2</v>
      </c>
      <c r="D3821">
        <v>0</v>
      </c>
    </row>
    <row r="3822" spans="1:4" x14ac:dyDescent="0.25">
      <c r="A3822" t="s">
        <v>5843</v>
      </c>
      <c r="B3822" t="s">
        <v>1001</v>
      </c>
      <c r="C3822">
        <v>1</v>
      </c>
      <c r="D3822">
        <v>0</v>
      </c>
    </row>
    <row r="3823" spans="1:4" x14ac:dyDescent="0.25">
      <c r="A3823" t="s">
        <v>5844</v>
      </c>
      <c r="B3823" t="s">
        <v>5845</v>
      </c>
      <c r="C3823">
        <v>0</v>
      </c>
      <c r="D3823">
        <v>0</v>
      </c>
    </row>
    <row r="3824" spans="1:4" x14ac:dyDescent="0.25">
      <c r="A3824" t="s">
        <v>5846</v>
      </c>
      <c r="B3824" t="s">
        <v>5847</v>
      </c>
      <c r="C3824">
        <v>0</v>
      </c>
      <c r="D3824">
        <v>0</v>
      </c>
    </row>
    <row r="3825" spans="1:4" x14ac:dyDescent="0.25">
      <c r="A3825" t="s">
        <v>5846</v>
      </c>
      <c r="B3825" t="s">
        <v>5848</v>
      </c>
      <c r="C3825">
        <v>0</v>
      </c>
      <c r="D3825">
        <v>0</v>
      </c>
    </row>
    <row r="3826" spans="1:4" x14ac:dyDescent="0.25">
      <c r="A3826" t="s">
        <v>5849</v>
      </c>
      <c r="B3826" t="s">
        <v>1090</v>
      </c>
      <c r="C3826">
        <v>1</v>
      </c>
      <c r="D3826">
        <v>0</v>
      </c>
    </row>
    <row r="3827" spans="1:4" x14ac:dyDescent="0.25">
      <c r="A3827" t="s">
        <v>5850</v>
      </c>
      <c r="B3827" t="s">
        <v>2953</v>
      </c>
      <c r="C3827">
        <v>0</v>
      </c>
      <c r="D3827">
        <v>0</v>
      </c>
    </row>
    <row r="3828" spans="1:4" x14ac:dyDescent="0.25">
      <c r="A3828" t="s">
        <v>5851</v>
      </c>
      <c r="B3828" t="s">
        <v>5852</v>
      </c>
      <c r="C3828">
        <v>1</v>
      </c>
      <c r="D3828">
        <v>0</v>
      </c>
    </row>
    <row r="3829" spans="1:4" x14ac:dyDescent="0.25">
      <c r="A3829" t="s">
        <v>5851</v>
      </c>
      <c r="B3829" t="s">
        <v>5853</v>
      </c>
      <c r="C3829">
        <v>2</v>
      </c>
      <c r="D3829">
        <v>0</v>
      </c>
    </row>
    <row r="3830" spans="1:4" x14ac:dyDescent="0.25">
      <c r="A3830" t="s">
        <v>5854</v>
      </c>
      <c r="B3830" t="s">
        <v>5855</v>
      </c>
      <c r="C3830">
        <v>0</v>
      </c>
      <c r="D3830">
        <v>0</v>
      </c>
    </row>
    <row r="3831" spans="1:4" x14ac:dyDescent="0.25">
      <c r="A3831" t="s">
        <v>5854</v>
      </c>
      <c r="B3831" t="s">
        <v>5856</v>
      </c>
      <c r="C3831">
        <v>1</v>
      </c>
      <c r="D3831">
        <v>0</v>
      </c>
    </row>
    <row r="3832" spans="1:4" x14ac:dyDescent="0.25">
      <c r="A3832" t="s">
        <v>5857</v>
      </c>
      <c r="B3832" t="s">
        <v>969</v>
      </c>
      <c r="C3832">
        <v>0</v>
      </c>
      <c r="D3832">
        <v>0</v>
      </c>
    </row>
    <row r="3833" spans="1:4" x14ac:dyDescent="0.25">
      <c r="A3833" t="s">
        <v>5857</v>
      </c>
      <c r="B3833" t="s">
        <v>5858</v>
      </c>
      <c r="C3833">
        <v>1</v>
      </c>
      <c r="D3833">
        <v>0</v>
      </c>
    </row>
    <row r="3834" spans="1:4" x14ac:dyDescent="0.25">
      <c r="A3834" t="s">
        <v>5859</v>
      </c>
      <c r="B3834" t="s">
        <v>1401</v>
      </c>
      <c r="C3834">
        <v>0</v>
      </c>
      <c r="D3834">
        <v>0</v>
      </c>
    </row>
    <row r="3835" spans="1:4" x14ac:dyDescent="0.25">
      <c r="A3835" t="s">
        <v>5859</v>
      </c>
      <c r="B3835" t="s">
        <v>5860</v>
      </c>
      <c r="C3835">
        <v>0</v>
      </c>
      <c r="D3835">
        <v>0</v>
      </c>
    </row>
    <row r="3836" spans="1:4" x14ac:dyDescent="0.25">
      <c r="A3836" t="s">
        <v>5861</v>
      </c>
      <c r="B3836" t="s">
        <v>5862</v>
      </c>
      <c r="C3836">
        <v>0</v>
      </c>
      <c r="D3836">
        <v>0</v>
      </c>
    </row>
    <row r="3837" spans="1:4" x14ac:dyDescent="0.25">
      <c r="A3837" t="s">
        <v>5863</v>
      </c>
      <c r="B3837" t="s">
        <v>5864</v>
      </c>
      <c r="C3837">
        <v>1</v>
      </c>
      <c r="D3837">
        <v>0</v>
      </c>
    </row>
    <row r="3838" spans="1:4" x14ac:dyDescent="0.25">
      <c r="A3838" t="s">
        <v>5865</v>
      </c>
      <c r="B3838" t="s">
        <v>1401</v>
      </c>
      <c r="C3838">
        <v>0</v>
      </c>
      <c r="D3838">
        <v>0</v>
      </c>
    </row>
    <row r="3839" spans="1:4" x14ac:dyDescent="0.25">
      <c r="A3839" t="s">
        <v>5865</v>
      </c>
      <c r="B3839" t="s">
        <v>5866</v>
      </c>
      <c r="C3839">
        <v>1</v>
      </c>
      <c r="D3839">
        <v>0</v>
      </c>
    </row>
    <row r="3840" spans="1:4" x14ac:dyDescent="0.25">
      <c r="A3840" t="s">
        <v>5867</v>
      </c>
      <c r="B3840" t="s">
        <v>2499</v>
      </c>
      <c r="C3840">
        <v>1</v>
      </c>
      <c r="D3840">
        <v>0</v>
      </c>
    </row>
    <row r="3841" spans="1:4" x14ac:dyDescent="0.25">
      <c r="A3841" t="s">
        <v>5868</v>
      </c>
      <c r="B3841" t="s">
        <v>5869</v>
      </c>
      <c r="C3841">
        <v>1</v>
      </c>
      <c r="D3841">
        <v>0</v>
      </c>
    </row>
    <row r="3842" spans="1:4" x14ac:dyDescent="0.25">
      <c r="A3842" t="s">
        <v>5870</v>
      </c>
      <c r="B3842" t="s">
        <v>5871</v>
      </c>
      <c r="C3842">
        <v>1</v>
      </c>
      <c r="D3842">
        <v>0</v>
      </c>
    </row>
    <row r="3843" spans="1:4" x14ac:dyDescent="0.25">
      <c r="A3843" t="s">
        <v>5872</v>
      </c>
      <c r="B3843" t="s">
        <v>968</v>
      </c>
      <c r="C3843">
        <v>1</v>
      </c>
      <c r="D3843">
        <v>0</v>
      </c>
    </row>
    <row r="3844" spans="1:4" x14ac:dyDescent="0.25">
      <c r="A3844" t="s">
        <v>5873</v>
      </c>
      <c r="B3844" t="s">
        <v>1001</v>
      </c>
      <c r="C3844">
        <v>1</v>
      </c>
      <c r="D3844">
        <v>0</v>
      </c>
    </row>
    <row r="3845" spans="1:4" x14ac:dyDescent="0.25">
      <c r="A3845" t="s">
        <v>5874</v>
      </c>
      <c r="B3845" t="s">
        <v>5875</v>
      </c>
      <c r="C3845">
        <v>1</v>
      </c>
      <c r="D3845">
        <v>0</v>
      </c>
    </row>
    <row r="3846" spans="1:4" x14ac:dyDescent="0.25">
      <c r="A3846" t="s">
        <v>5876</v>
      </c>
      <c r="B3846" t="s">
        <v>5877</v>
      </c>
      <c r="C3846">
        <v>1</v>
      </c>
      <c r="D3846">
        <v>0</v>
      </c>
    </row>
    <row r="3847" spans="1:4" x14ac:dyDescent="0.25">
      <c r="A3847" t="s">
        <v>5878</v>
      </c>
      <c r="B3847" t="s">
        <v>5879</v>
      </c>
      <c r="C3847">
        <v>2</v>
      </c>
      <c r="D3847">
        <v>0</v>
      </c>
    </row>
    <row r="3848" spans="1:4" x14ac:dyDescent="0.25">
      <c r="A3848" t="s">
        <v>5878</v>
      </c>
      <c r="B3848" t="s">
        <v>5880</v>
      </c>
      <c r="C3848">
        <v>0</v>
      </c>
      <c r="D3848">
        <v>0</v>
      </c>
    </row>
    <row r="3849" spans="1:4" x14ac:dyDescent="0.25">
      <c r="A3849" t="s">
        <v>5881</v>
      </c>
      <c r="B3849" t="s">
        <v>1526</v>
      </c>
      <c r="C3849">
        <v>1</v>
      </c>
      <c r="D3849">
        <v>0</v>
      </c>
    </row>
    <row r="3850" spans="1:4" x14ac:dyDescent="0.25">
      <c r="A3850" t="s">
        <v>5882</v>
      </c>
      <c r="B3850" t="s">
        <v>5883</v>
      </c>
      <c r="C3850">
        <v>1</v>
      </c>
      <c r="D3850">
        <v>0</v>
      </c>
    </row>
    <row r="3851" spans="1:4" x14ac:dyDescent="0.25">
      <c r="A3851" t="s">
        <v>5882</v>
      </c>
      <c r="B3851" t="s">
        <v>1526</v>
      </c>
      <c r="C3851">
        <v>1</v>
      </c>
      <c r="D3851">
        <v>0</v>
      </c>
    </row>
    <row r="3852" spans="1:4" x14ac:dyDescent="0.25">
      <c r="A3852" t="s">
        <v>5882</v>
      </c>
      <c r="B3852" t="s">
        <v>1401</v>
      </c>
      <c r="C3852">
        <v>0</v>
      </c>
      <c r="D3852">
        <v>0</v>
      </c>
    </row>
    <row r="3853" spans="1:4" x14ac:dyDescent="0.25">
      <c r="A3853" t="s">
        <v>5884</v>
      </c>
      <c r="B3853" t="s">
        <v>5885</v>
      </c>
      <c r="C3853">
        <v>0</v>
      </c>
      <c r="D3853">
        <v>0</v>
      </c>
    </row>
    <row r="3854" spans="1:4" x14ac:dyDescent="0.25">
      <c r="A3854" t="s">
        <v>5884</v>
      </c>
      <c r="B3854" t="s">
        <v>5886</v>
      </c>
      <c r="C3854">
        <v>0</v>
      </c>
      <c r="D3854">
        <v>0</v>
      </c>
    </row>
    <row r="3855" spans="1:4" x14ac:dyDescent="0.25">
      <c r="A3855" t="s">
        <v>5884</v>
      </c>
      <c r="B3855" t="s">
        <v>5887</v>
      </c>
      <c r="C3855">
        <v>1</v>
      </c>
      <c r="D3855">
        <v>0</v>
      </c>
    </row>
    <row r="3856" spans="1:4" x14ac:dyDescent="0.25">
      <c r="A3856" t="s">
        <v>5888</v>
      </c>
      <c r="B3856" t="s">
        <v>5889</v>
      </c>
      <c r="C3856">
        <v>1</v>
      </c>
      <c r="D3856">
        <v>0</v>
      </c>
    </row>
    <row r="3857" spans="1:4" x14ac:dyDescent="0.25">
      <c r="A3857" t="s">
        <v>5890</v>
      </c>
      <c r="B3857" t="s">
        <v>5891</v>
      </c>
      <c r="C3857">
        <v>0</v>
      </c>
      <c r="D3857">
        <v>0</v>
      </c>
    </row>
    <row r="3858" spans="1:4" x14ac:dyDescent="0.25">
      <c r="A3858" t="s">
        <v>5892</v>
      </c>
      <c r="B3858" t="s">
        <v>5893</v>
      </c>
      <c r="C3858">
        <v>1</v>
      </c>
      <c r="D3858">
        <v>0</v>
      </c>
    </row>
    <row r="3859" spans="1:4" x14ac:dyDescent="0.25">
      <c r="A3859" t="s">
        <v>5892</v>
      </c>
      <c r="B3859" t="s">
        <v>5894</v>
      </c>
      <c r="C3859">
        <v>0</v>
      </c>
      <c r="D3859">
        <v>0</v>
      </c>
    </row>
    <row r="3860" spans="1:4" x14ac:dyDescent="0.25">
      <c r="A3860" t="s">
        <v>5895</v>
      </c>
      <c r="B3860" t="s">
        <v>5896</v>
      </c>
      <c r="C3860">
        <v>0</v>
      </c>
      <c r="D3860">
        <v>0</v>
      </c>
    </row>
    <row r="3861" spans="1:4" x14ac:dyDescent="0.25">
      <c r="A3861" t="s">
        <v>5895</v>
      </c>
      <c r="B3861" t="s">
        <v>5897</v>
      </c>
      <c r="C3861">
        <v>0</v>
      </c>
      <c r="D3861">
        <v>0</v>
      </c>
    </row>
    <row r="3862" spans="1:4" x14ac:dyDescent="0.25">
      <c r="A3862" t="s">
        <v>5898</v>
      </c>
      <c r="B3862" t="s">
        <v>5899</v>
      </c>
      <c r="C3862">
        <v>0</v>
      </c>
      <c r="D3862">
        <v>0</v>
      </c>
    </row>
    <row r="3863" spans="1:4" x14ac:dyDescent="0.25">
      <c r="A3863" t="s">
        <v>5898</v>
      </c>
      <c r="B3863" t="s">
        <v>5900</v>
      </c>
      <c r="C3863">
        <v>0</v>
      </c>
      <c r="D3863">
        <v>0</v>
      </c>
    </row>
    <row r="3864" spans="1:4" x14ac:dyDescent="0.25">
      <c r="A3864" t="s">
        <v>5901</v>
      </c>
      <c r="B3864" t="s">
        <v>852</v>
      </c>
      <c r="C3864">
        <v>0</v>
      </c>
      <c r="D3864">
        <v>0</v>
      </c>
    </row>
    <row r="3865" spans="1:4" x14ac:dyDescent="0.25">
      <c r="A3865" t="s">
        <v>5902</v>
      </c>
      <c r="B3865" t="s">
        <v>4179</v>
      </c>
      <c r="C3865">
        <v>1</v>
      </c>
      <c r="D3865">
        <v>0</v>
      </c>
    </row>
    <row r="3866" spans="1:4" x14ac:dyDescent="0.25">
      <c r="A3866" t="s">
        <v>5902</v>
      </c>
      <c r="B3866" t="s">
        <v>5903</v>
      </c>
      <c r="C3866">
        <v>0</v>
      </c>
      <c r="D3866">
        <v>0</v>
      </c>
    </row>
    <row r="3867" spans="1:4" x14ac:dyDescent="0.25">
      <c r="A3867" t="s">
        <v>5904</v>
      </c>
      <c r="B3867" t="s">
        <v>1629</v>
      </c>
      <c r="C3867">
        <v>1</v>
      </c>
      <c r="D3867">
        <v>0</v>
      </c>
    </row>
    <row r="3868" spans="1:4" x14ac:dyDescent="0.25">
      <c r="A3868" t="s">
        <v>5905</v>
      </c>
      <c r="B3868" t="s">
        <v>5906</v>
      </c>
      <c r="C3868">
        <v>2</v>
      </c>
      <c r="D3868">
        <v>0</v>
      </c>
    </row>
    <row r="3869" spans="1:4" x14ac:dyDescent="0.25">
      <c r="A3869" t="s">
        <v>5907</v>
      </c>
      <c r="B3869" t="s">
        <v>5908</v>
      </c>
      <c r="C3869">
        <v>2</v>
      </c>
      <c r="D3869">
        <v>0</v>
      </c>
    </row>
    <row r="3870" spans="1:4" x14ac:dyDescent="0.25">
      <c r="A3870" t="s">
        <v>5907</v>
      </c>
      <c r="B3870" t="s">
        <v>5909</v>
      </c>
      <c r="C3870">
        <v>0</v>
      </c>
      <c r="D3870">
        <v>0</v>
      </c>
    </row>
    <row r="3871" spans="1:4" x14ac:dyDescent="0.25">
      <c r="A3871" t="s">
        <v>5910</v>
      </c>
      <c r="B3871" t="s">
        <v>5911</v>
      </c>
      <c r="C3871">
        <v>1</v>
      </c>
      <c r="D3871">
        <v>0</v>
      </c>
    </row>
    <row r="3872" spans="1:4" x14ac:dyDescent="0.25">
      <c r="A3872" t="s">
        <v>5912</v>
      </c>
      <c r="B3872" t="s">
        <v>5913</v>
      </c>
      <c r="C3872">
        <v>0</v>
      </c>
      <c r="D3872">
        <v>0</v>
      </c>
    </row>
    <row r="3873" spans="1:4" x14ac:dyDescent="0.25">
      <c r="A3873" t="s">
        <v>5912</v>
      </c>
      <c r="B3873" t="s">
        <v>5914</v>
      </c>
      <c r="C3873">
        <v>0</v>
      </c>
      <c r="D3873">
        <v>0</v>
      </c>
    </row>
    <row r="3874" spans="1:4" x14ac:dyDescent="0.25">
      <c r="A3874" t="s">
        <v>5915</v>
      </c>
      <c r="B3874" t="s">
        <v>795</v>
      </c>
      <c r="C3874">
        <v>0</v>
      </c>
      <c r="D3874">
        <v>0</v>
      </c>
    </row>
    <row r="3875" spans="1:4" x14ac:dyDescent="0.25">
      <c r="A3875" t="s">
        <v>5916</v>
      </c>
      <c r="B3875" t="s">
        <v>5917</v>
      </c>
      <c r="C3875">
        <v>1</v>
      </c>
      <c r="D3875">
        <v>0</v>
      </c>
    </row>
    <row r="3876" spans="1:4" x14ac:dyDescent="0.25">
      <c r="A3876" t="s">
        <v>5916</v>
      </c>
      <c r="B3876" t="s">
        <v>5918</v>
      </c>
      <c r="C3876">
        <v>2</v>
      </c>
      <c r="D3876">
        <v>0</v>
      </c>
    </row>
    <row r="3877" spans="1:4" x14ac:dyDescent="0.25">
      <c r="A3877" t="s">
        <v>5919</v>
      </c>
      <c r="B3877" t="s">
        <v>1001</v>
      </c>
      <c r="C3877">
        <v>1</v>
      </c>
      <c r="D3877">
        <v>0</v>
      </c>
    </row>
    <row r="3878" spans="1:4" x14ac:dyDescent="0.25">
      <c r="A3878" t="s">
        <v>5920</v>
      </c>
      <c r="B3878" t="s">
        <v>5921</v>
      </c>
      <c r="C3878">
        <v>1</v>
      </c>
      <c r="D3878">
        <v>0</v>
      </c>
    </row>
    <row r="3879" spans="1:4" x14ac:dyDescent="0.25">
      <c r="A3879" t="s">
        <v>5922</v>
      </c>
      <c r="B3879" t="s">
        <v>5923</v>
      </c>
      <c r="C3879">
        <v>2</v>
      </c>
      <c r="D3879">
        <v>0</v>
      </c>
    </row>
    <row r="3880" spans="1:4" x14ac:dyDescent="0.25">
      <c r="A3880" t="s">
        <v>5924</v>
      </c>
      <c r="B3880" t="s">
        <v>2061</v>
      </c>
      <c r="C3880">
        <v>0</v>
      </c>
      <c r="D3880">
        <v>0</v>
      </c>
    </row>
    <row r="3881" spans="1:4" x14ac:dyDescent="0.25">
      <c r="A3881" t="s">
        <v>5925</v>
      </c>
      <c r="B3881" t="s">
        <v>5926</v>
      </c>
      <c r="C3881">
        <v>2</v>
      </c>
      <c r="D3881">
        <v>0</v>
      </c>
    </row>
    <row r="3882" spans="1:4" x14ac:dyDescent="0.25">
      <c r="A3882" t="s">
        <v>5925</v>
      </c>
      <c r="B3882" t="s">
        <v>5927</v>
      </c>
      <c r="C3882">
        <v>1</v>
      </c>
      <c r="D3882">
        <v>0</v>
      </c>
    </row>
    <row r="3883" spans="1:4" x14ac:dyDescent="0.25">
      <c r="A3883" t="s">
        <v>5928</v>
      </c>
      <c r="B3883" t="s">
        <v>5929</v>
      </c>
      <c r="C3883">
        <v>1</v>
      </c>
      <c r="D3883">
        <v>0</v>
      </c>
    </row>
    <row r="3884" spans="1:4" x14ac:dyDescent="0.25">
      <c r="A3884" t="s">
        <v>5928</v>
      </c>
      <c r="B3884" t="s">
        <v>5930</v>
      </c>
      <c r="C3884">
        <v>0</v>
      </c>
      <c r="D3884">
        <v>0</v>
      </c>
    </row>
    <row r="3885" spans="1:4" x14ac:dyDescent="0.25">
      <c r="A3885" t="s">
        <v>5931</v>
      </c>
      <c r="B3885" t="s">
        <v>5932</v>
      </c>
      <c r="C3885">
        <v>2</v>
      </c>
      <c r="D3885">
        <v>0</v>
      </c>
    </row>
    <row r="3886" spans="1:4" x14ac:dyDescent="0.25">
      <c r="A3886" t="s">
        <v>5931</v>
      </c>
      <c r="B3886" t="s">
        <v>5933</v>
      </c>
      <c r="C3886">
        <v>1</v>
      </c>
      <c r="D3886">
        <v>0</v>
      </c>
    </row>
    <row r="3887" spans="1:4" x14ac:dyDescent="0.25">
      <c r="A3887" t="s">
        <v>5931</v>
      </c>
      <c r="B3887" t="s">
        <v>5934</v>
      </c>
      <c r="C3887">
        <v>2</v>
      </c>
      <c r="D3887">
        <v>0</v>
      </c>
    </row>
    <row r="3888" spans="1:4" x14ac:dyDescent="0.25">
      <c r="A3888" t="s">
        <v>5935</v>
      </c>
      <c r="B3888" t="s">
        <v>1499</v>
      </c>
      <c r="C3888">
        <v>1</v>
      </c>
      <c r="D3888">
        <v>0</v>
      </c>
    </row>
    <row r="3889" spans="1:4" x14ac:dyDescent="0.25">
      <c r="A3889" t="s">
        <v>5936</v>
      </c>
      <c r="B3889" t="s">
        <v>5937</v>
      </c>
      <c r="C3889">
        <v>1</v>
      </c>
      <c r="D3889">
        <v>0</v>
      </c>
    </row>
    <row r="3890" spans="1:4" x14ac:dyDescent="0.25">
      <c r="A3890" t="s">
        <v>5936</v>
      </c>
      <c r="B3890" t="s">
        <v>5938</v>
      </c>
      <c r="C3890">
        <v>1</v>
      </c>
      <c r="D3890">
        <v>0</v>
      </c>
    </row>
    <row r="3891" spans="1:4" x14ac:dyDescent="0.25">
      <c r="A3891" t="s">
        <v>5939</v>
      </c>
      <c r="B3891" t="s">
        <v>5940</v>
      </c>
      <c r="C3891">
        <v>1</v>
      </c>
      <c r="D3891">
        <v>0</v>
      </c>
    </row>
    <row r="3892" spans="1:4" x14ac:dyDescent="0.25">
      <c r="A3892" t="s">
        <v>5939</v>
      </c>
      <c r="B3892" t="s">
        <v>5941</v>
      </c>
      <c r="C3892">
        <v>1</v>
      </c>
      <c r="D3892">
        <v>0</v>
      </c>
    </row>
    <row r="3893" spans="1:4" x14ac:dyDescent="0.25">
      <c r="A3893" t="s">
        <v>5942</v>
      </c>
      <c r="B3893" t="s">
        <v>5943</v>
      </c>
      <c r="C3893">
        <v>1</v>
      </c>
      <c r="D3893">
        <v>0</v>
      </c>
    </row>
    <row r="3894" spans="1:4" x14ac:dyDescent="0.25">
      <c r="A3894" t="s">
        <v>5944</v>
      </c>
      <c r="B3894" t="s">
        <v>816</v>
      </c>
      <c r="C3894">
        <v>1</v>
      </c>
      <c r="D3894">
        <v>0</v>
      </c>
    </row>
    <row r="3895" spans="1:4" x14ac:dyDescent="0.25">
      <c r="A3895" t="s">
        <v>5945</v>
      </c>
      <c r="B3895" t="s">
        <v>5946</v>
      </c>
      <c r="C3895">
        <v>0</v>
      </c>
      <c r="D3895">
        <v>0</v>
      </c>
    </row>
    <row r="3896" spans="1:4" x14ac:dyDescent="0.25">
      <c r="A3896" t="s">
        <v>5947</v>
      </c>
      <c r="B3896" t="s">
        <v>5948</v>
      </c>
      <c r="C3896">
        <v>1</v>
      </c>
      <c r="D3896">
        <v>0</v>
      </c>
    </row>
    <row r="3897" spans="1:4" x14ac:dyDescent="0.25">
      <c r="A3897" t="s">
        <v>5949</v>
      </c>
      <c r="B3897" t="s">
        <v>5950</v>
      </c>
      <c r="C3897">
        <v>0</v>
      </c>
      <c r="D3897">
        <v>0</v>
      </c>
    </row>
    <row r="3898" spans="1:4" x14ac:dyDescent="0.25">
      <c r="A3898" t="s">
        <v>5951</v>
      </c>
      <c r="B3898" t="s">
        <v>5952</v>
      </c>
      <c r="C3898">
        <v>1</v>
      </c>
      <c r="D3898">
        <v>0</v>
      </c>
    </row>
    <row r="3899" spans="1:4" x14ac:dyDescent="0.25">
      <c r="A3899" t="s">
        <v>5953</v>
      </c>
      <c r="B3899" t="s">
        <v>5954</v>
      </c>
      <c r="C3899">
        <v>2</v>
      </c>
      <c r="D3899">
        <v>0</v>
      </c>
    </row>
    <row r="3900" spans="1:4" x14ac:dyDescent="0.25">
      <c r="A3900" t="s">
        <v>5955</v>
      </c>
      <c r="B3900" t="s">
        <v>5956</v>
      </c>
      <c r="C3900">
        <v>0</v>
      </c>
      <c r="D3900">
        <v>0</v>
      </c>
    </row>
    <row r="3901" spans="1:4" x14ac:dyDescent="0.25">
      <c r="A3901" t="s">
        <v>5957</v>
      </c>
      <c r="B3901" t="s">
        <v>5958</v>
      </c>
      <c r="C3901">
        <v>0</v>
      </c>
      <c r="D3901">
        <v>0</v>
      </c>
    </row>
    <row r="3902" spans="1:4" x14ac:dyDescent="0.25">
      <c r="A3902" t="s">
        <v>5957</v>
      </c>
      <c r="B3902" t="s">
        <v>5959</v>
      </c>
      <c r="C3902">
        <v>2</v>
      </c>
      <c r="D3902">
        <v>0</v>
      </c>
    </row>
    <row r="3903" spans="1:4" x14ac:dyDescent="0.25">
      <c r="A3903" t="s">
        <v>5957</v>
      </c>
      <c r="B3903" t="s">
        <v>5960</v>
      </c>
      <c r="C3903">
        <v>2</v>
      </c>
      <c r="D3903">
        <v>0</v>
      </c>
    </row>
    <row r="3904" spans="1:4" x14ac:dyDescent="0.25">
      <c r="A3904" t="s">
        <v>5961</v>
      </c>
      <c r="B3904" t="s">
        <v>5962</v>
      </c>
      <c r="C3904">
        <v>1</v>
      </c>
      <c r="D3904">
        <v>0</v>
      </c>
    </row>
    <row r="3905" spans="1:4" x14ac:dyDescent="0.25">
      <c r="A3905" t="s">
        <v>5963</v>
      </c>
      <c r="B3905" t="s">
        <v>5964</v>
      </c>
      <c r="C3905">
        <v>0</v>
      </c>
      <c r="D3905">
        <v>0</v>
      </c>
    </row>
    <row r="3906" spans="1:4" x14ac:dyDescent="0.25">
      <c r="A3906" t="s">
        <v>5963</v>
      </c>
      <c r="B3906" t="s">
        <v>5965</v>
      </c>
      <c r="C3906">
        <v>1</v>
      </c>
      <c r="D3906">
        <v>0</v>
      </c>
    </row>
    <row r="3907" spans="1:4" x14ac:dyDescent="0.25">
      <c r="A3907" t="s">
        <v>5966</v>
      </c>
      <c r="B3907" t="s">
        <v>5967</v>
      </c>
      <c r="C3907">
        <v>2</v>
      </c>
      <c r="D3907">
        <v>0</v>
      </c>
    </row>
    <row r="3908" spans="1:4" x14ac:dyDescent="0.25">
      <c r="A3908" t="s">
        <v>5966</v>
      </c>
      <c r="B3908" t="s">
        <v>5968</v>
      </c>
      <c r="C3908">
        <v>0</v>
      </c>
      <c r="D3908">
        <v>0</v>
      </c>
    </row>
    <row r="3909" spans="1:4" x14ac:dyDescent="0.25">
      <c r="A3909" t="s">
        <v>5969</v>
      </c>
      <c r="B3909" t="s">
        <v>5970</v>
      </c>
      <c r="C3909">
        <v>2</v>
      </c>
      <c r="D3909">
        <v>0</v>
      </c>
    </row>
    <row r="3910" spans="1:4" x14ac:dyDescent="0.25">
      <c r="A3910" t="s">
        <v>5971</v>
      </c>
      <c r="B3910" t="s">
        <v>5972</v>
      </c>
      <c r="C3910">
        <v>1</v>
      </c>
      <c r="D3910">
        <v>0</v>
      </c>
    </row>
    <row r="3911" spans="1:4" x14ac:dyDescent="0.25">
      <c r="A3911" t="s">
        <v>5971</v>
      </c>
      <c r="B3911" t="s">
        <v>5973</v>
      </c>
      <c r="C3911">
        <v>1</v>
      </c>
      <c r="D3911">
        <v>0</v>
      </c>
    </row>
    <row r="3912" spans="1:4" x14ac:dyDescent="0.25">
      <c r="A3912" t="s">
        <v>5971</v>
      </c>
      <c r="B3912" t="s">
        <v>398</v>
      </c>
      <c r="C3912">
        <v>0</v>
      </c>
      <c r="D3912">
        <v>0</v>
      </c>
    </row>
    <row r="3913" spans="1:4" x14ac:dyDescent="0.25">
      <c r="A3913" t="s">
        <v>5974</v>
      </c>
      <c r="B3913" t="s">
        <v>5975</v>
      </c>
      <c r="C3913">
        <v>1</v>
      </c>
      <c r="D3913">
        <v>0</v>
      </c>
    </row>
    <row r="3914" spans="1:4" x14ac:dyDescent="0.25">
      <c r="A3914" t="s">
        <v>5974</v>
      </c>
      <c r="B3914" t="s">
        <v>5976</v>
      </c>
      <c r="C3914">
        <v>1</v>
      </c>
      <c r="D3914">
        <v>0</v>
      </c>
    </row>
    <row r="3915" spans="1:4" x14ac:dyDescent="0.25">
      <c r="A3915" t="s">
        <v>5977</v>
      </c>
      <c r="B3915" t="s">
        <v>5978</v>
      </c>
      <c r="C3915">
        <v>0</v>
      </c>
      <c r="D3915">
        <v>0</v>
      </c>
    </row>
    <row r="3916" spans="1:4" x14ac:dyDescent="0.25">
      <c r="A3916" t="s">
        <v>5977</v>
      </c>
      <c r="B3916" t="s">
        <v>5979</v>
      </c>
      <c r="C3916">
        <v>1</v>
      </c>
      <c r="D3916">
        <v>0</v>
      </c>
    </row>
    <row r="3917" spans="1:4" x14ac:dyDescent="0.25">
      <c r="A3917" t="s">
        <v>5977</v>
      </c>
      <c r="B3917" t="s">
        <v>5980</v>
      </c>
      <c r="C3917">
        <v>0</v>
      </c>
      <c r="D3917">
        <v>0</v>
      </c>
    </row>
    <row r="3918" spans="1:4" x14ac:dyDescent="0.25">
      <c r="A3918" t="s">
        <v>5981</v>
      </c>
      <c r="B3918" t="s">
        <v>3292</v>
      </c>
      <c r="C3918">
        <v>0</v>
      </c>
      <c r="D3918">
        <v>0</v>
      </c>
    </row>
    <row r="3919" spans="1:4" x14ac:dyDescent="0.25">
      <c r="A3919" t="s">
        <v>5982</v>
      </c>
      <c r="B3919" t="s">
        <v>5983</v>
      </c>
      <c r="C3919">
        <v>1</v>
      </c>
      <c r="D3919">
        <v>0</v>
      </c>
    </row>
    <row r="3920" spans="1:4" x14ac:dyDescent="0.25">
      <c r="A3920" t="s">
        <v>5984</v>
      </c>
      <c r="B3920" t="s">
        <v>5985</v>
      </c>
      <c r="C3920">
        <v>2</v>
      </c>
      <c r="D3920">
        <v>0</v>
      </c>
    </row>
    <row r="3921" spans="1:4" x14ac:dyDescent="0.25">
      <c r="A3921" t="s">
        <v>5986</v>
      </c>
      <c r="B3921" t="s">
        <v>5987</v>
      </c>
      <c r="C3921">
        <v>2</v>
      </c>
      <c r="D3921">
        <v>0</v>
      </c>
    </row>
    <row r="3922" spans="1:4" x14ac:dyDescent="0.25">
      <c r="A3922" t="s">
        <v>5986</v>
      </c>
      <c r="B3922" t="s">
        <v>5988</v>
      </c>
      <c r="C3922">
        <v>0</v>
      </c>
      <c r="D3922">
        <v>0</v>
      </c>
    </row>
    <row r="3923" spans="1:4" x14ac:dyDescent="0.25">
      <c r="A3923" t="s">
        <v>5986</v>
      </c>
      <c r="B3923" t="s">
        <v>5989</v>
      </c>
      <c r="C3923">
        <v>0</v>
      </c>
      <c r="D3923">
        <v>0</v>
      </c>
    </row>
    <row r="3924" spans="1:4" x14ac:dyDescent="0.25">
      <c r="A3924" t="s">
        <v>5990</v>
      </c>
      <c r="B3924" t="s">
        <v>5991</v>
      </c>
      <c r="C3924">
        <v>1</v>
      </c>
      <c r="D3924">
        <v>0</v>
      </c>
    </row>
    <row r="3925" spans="1:4" x14ac:dyDescent="0.25">
      <c r="A3925" t="s">
        <v>5990</v>
      </c>
      <c r="B3925" t="s">
        <v>5992</v>
      </c>
      <c r="C3925">
        <v>0</v>
      </c>
      <c r="D3925">
        <v>0</v>
      </c>
    </row>
    <row r="3926" spans="1:4" x14ac:dyDescent="0.25">
      <c r="A3926" t="s">
        <v>5993</v>
      </c>
      <c r="B3926" t="s">
        <v>5994</v>
      </c>
      <c r="C3926">
        <v>0</v>
      </c>
      <c r="D3926">
        <v>0</v>
      </c>
    </row>
    <row r="3927" spans="1:4" x14ac:dyDescent="0.25">
      <c r="A3927" t="s">
        <v>5993</v>
      </c>
      <c r="B3927" t="s">
        <v>5995</v>
      </c>
      <c r="C3927">
        <v>1</v>
      </c>
      <c r="D3927">
        <v>0</v>
      </c>
    </row>
    <row r="3928" spans="1:4" x14ac:dyDescent="0.25">
      <c r="A3928" t="s">
        <v>5996</v>
      </c>
      <c r="B3928" t="s">
        <v>5997</v>
      </c>
      <c r="C3928">
        <v>1</v>
      </c>
      <c r="D3928">
        <v>0</v>
      </c>
    </row>
    <row r="3929" spans="1:4" x14ac:dyDescent="0.25">
      <c r="A3929" t="s">
        <v>5998</v>
      </c>
      <c r="B3929" t="s">
        <v>5999</v>
      </c>
      <c r="C3929">
        <v>2</v>
      </c>
      <c r="D3929">
        <v>0</v>
      </c>
    </row>
    <row r="3930" spans="1:4" x14ac:dyDescent="0.25">
      <c r="A3930" t="s">
        <v>6000</v>
      </c>
      <c r="B3930" t="s">
        <v>6001</v>
      </c>
      <c r="C3930">
        <v>0</v>
      </c>
      <c r="D3930">
        <v>0</v>
      </c>
    </row>
    <row r="3931" spans="1:4" x14ac:dyDescent="0.25">
      <c r="A3931" t="s">
        <v>6002</v>
      </c>
      <c r="B3931" t="s">
        <v>398</v>
      </c>
      <c r="C3931">
        <v>0</v>
      </c>
      <c r="D3931">
        <v>0</v>
      </c>
    </row>
    <row r="3932" spans="1:4" x14ac:dyDescent="0.25">
      <c r="A3932" t="s">
        <v>6003</v>
      </c>
      <c r="B3932" t="s">
        <v>6004</v>
      </c>
      <c r="C3932">
        <v>0</v>
      </c>
      <c r="D3932">
        <v>0</v>
      </c>
    </row>
    <row r="3933" spans="1:4" x14ac:dyDescent="0.25">
      <c r="A3933" t="s">
        <v>6003</v>
      </c>
      <c r="B3933" t="s">
        <v>6005</v>
      </c>
      <c r="C3933">
        <v>1</v>
      </c>
      <c r="D3933">
        <v>0</v>
      </c>
    </row>
    <row r="3934" spans="1:4" x14ac:dyDescent="0.25">
      <c r="A3934" t="s">
        <v>6006</v>
      </c>
      <c r="B3934" t="s">
        <v>1567</v>
      </c>
      <c r="C3934">
        <v>0</v>
      </c>
      <c r="D3934">
        <v>0</v>
      </c>
    </row>
    <row r="3935" spans="1:4" x14ac:dyDescent="0.25">
      <c r="A3935" t="s">
        <v>6006</v>
      </c>
      <c r="B3935" t="s">
        <v>3195</v>
      </c>
      <c r="C3935">
        <v>1</v>
      </c>
      <c r="D3935">
        <v>0</v>
      </c>
    </row>
    <row r="3936" spans="1:4" x14ac:dyDescent="0.25">
      <c r="A3936" t="s">
        <v>6007</v>
      </c>
      <c r="B3936" t="s">
        <v>6008</v>
      </c>
      <c r="C3936">
        <v>0</v>
      </c>
      <c r="D3936">
        <v>0</v>
      </c>
    </row>
    <row r="3937" spans="1:4" x14ac:dyDescent="0.25">
      <c r="A3937" t="s">
        <v>6009</v>
      </c>
      <c r="B3937" t="s">
        <v>1763</v>
      </c>
      <c r="C3937">
        <v>1</v>
      </c>
      <c r="D3937">
        <v>0</v>
      </c>
    </row>
    <row r="3938" spans="1:4" x14ac:dyDescent="0.25">
      <c r="A3938" t="s">
        <v>6010</v>
      </c>
      <c r="B3938" t="s">
        <v>6011</v>
      </c>
      <c r="C3938">
        <v>2</v>
      </c>
      <c r="D3938">
        <v>0</v>
      </c>
    </row>
    <row r="3939" spans="1:4" x14ac:dyDescent="0.25">
      <c r="A3939" t="s">
        <v>6010</v>
      </c>
      <c r="B3939" t="s">
        <v>6012</v>
      </c>
      <c r="C3939">
        <v>0</v>
      </c>
      <c r="D3939">
        <v>0</v>
      </c>
    </row>
    <row r="3940" spans="1:4" x14ac:dyDescent="0.25">
      <c r="A3940" t="s">
        <v>6010</v>
      </c>
      <c r="B3940" t="s">
        <v>6013</v>
      </c>
      <c r="C3940">
        <v>1</v>
      </c>
      <c r="D3940">
        <v>0</v>
      </c>
    </row>
    <row r="3941" spans="1:4" x14ac:dyDescent="0.25">
      <c r="A3941" t="s">
        <v>6014</v>
      </c>
      <c r="B3941" t="s">
        <v>6015</v>
      </c>
      <c r="C3941">
        <v>0</v>
      </c>
      <c r="D3941">
        <v>0</v>
      </c>
    </row>
    <row r="3942" spans="1:4" x14ac:dyDescent="0.25">
      <c r="A3942" t="s">
        <v>6014</v>
      </c>
      <c r="B3942" t="s">
        <v>6016</v>
      </c>
      <c r="C3942">
        <v>1</v>
      </c>
      <c r="D3942">
        <v>0</v>
      </c>
    </row>
    <row r="3943" spans="1:4" x14ac:dyDescent="0.25">
      <c r="A3943" t="s">
        <v>6017</v>
      </c>
      <c r="B3943" t="s">
        <v>6018</v>
      </c>
      <c r="C3943">
        <v>1</v>
      </c>
      <c r="D3943">
        <v>0</v>
      </c>
    </row>
    <row r="3944" spans="1:4" x14ac:dyDescent="0.25">
      <c r="A3944" t="s">
        <v>6017</v>
      </c>
      <c r="B3944" t="s">
        <v>6019</v>
      </c>
      <c r="C3944">
        <v>1</v>
      </c>
      <c r="D3944">
        <v>0</v>
      </c>
    </row>
    <row r="3945" spans="1:4" x14ac:dyDescent="0.25">
      <c r="A3945" t="s">
        <v>6017</v>
      </c>
      <c r="B3945" t="s">
        <v>6020</v>
      </c>
      <c r="C3945">
        <v>1</v>
      </c>
      <c r="D3945">
        <v>0</v>
      </c>
    </row>
    <row r="3946" spans="1:4" x14ac:dyDescent="0.25">
      <c r="A3946" t="s">
        <v>6021</v>
      </c>
      <c r="B3946" t="s">
        <v>398</v>
      </c>
      <c r="C3946">
        <v>0</v>
      </c>
      <c r="D3946">
        <v>0</v>
      </c>
    </row>
    <row r="3947" spans="1:4" x14ac:dyDescent="0.25">
      <c r="A3947" t="s">
        <v>6022</v>
      </c>
      <c r="B3947" t="s">
        <v>6023</v>
      </c>
      <c r="C3947">
        <v>1</v>
      </c>
      <c r="D3947">
        <v>0</v>
      </c>
    </row>
    <row r="3948" spans="1:4" x14ac:dyDescent="0.25">
      <c r="A3948" t="s">
        <v>6024</v>
      </c>
      <c r="B3948" t="s">
        <v>6025</v>
      </c>
      <c r="C3948">
        <v>0</v>
      </c>
      <c r="D3948">
        <v>0</v>
      </c>
    </row>
    <row r="3949" spans="1:4" x14ac:dyDescent="0.25">
      <c r="A3949" t="s">
        <v>6024</v>
      </c>
      <c r="B3949" t="s">
        <v>6026</v>
      </c>
      <c r="C3949">
        <v>0</v>
      </c>
      <c r="D3949">
        <v>0</v>
      </c>
    </row>
    <row r="3950" spans="1:4" x14ac:dyDescent="0.25">
      <c r="A3950" t="s">
        <v>6027</v>
      </c>
      <c r="B3950" t="s">
        <v>4637</v>
      </c>
      <c r="C3950">
        <v>1</v>
      </c>
      <c r="D3950">
        <v>0</v>
      </c>
    </row>
    <row r="3951" spans="1:4" x14ac:dyDescent="0.25">
      <c r="A3951" t="s">
        <v>6027</v>
      </c>
      <c r="B3951" t="s">
        <v>6028</v>
      </c>
      <c r="C3951">
        <v>2</v>
      </c>
      <c r="D3951">
        <v>0</v>
      </c>
    </row>
    <row r="3952" spans="1:4" x14ac:dyDescent="0.25">
      <c r="A3952" t="s">
        <v>6029</v>
      </c>
      <c r="B3952" t="s">
        <v>6030</v>
      </c>
      <c r="C3952">
        <v>0</v>
      </c>
      <c r="D3952">
        <v>0</v>
      </c>
    </row>
    <row r="3953" spans="1:4" x14ac:dyDescent="0.25">
      <c r="A3953" t="s">
        <v>6029</v>
      </c>
      <c r="B3953" t="s">
        <v>6031</v>
      </c>
      <c r="C3953">
        <v>0</v>
      </c>
      <c r="D3953">
        <v>0</v>
      </c>
    </row>
    <row r="3954" spans="1:4" x14ac:dyDescent="0.25">
      <c r="A3954" t="s">
        <v>6032</v>
      </c>
      <c r="B3954" t="s">
        <v>6033</v>
      </c>
      <c r="C3954">
        <v>1</v>
      </c>
      <c r="D3954">
        <v>0</v>
      </c>
    </row>
    <row r="3955" spans="1:4" x14ac:dyDescent="0.25">
      <c r="A3955" t="s">
        <v>6032</v>
      </c>
      <c r="B3955" t="s">
        <v>6034</v>
      </c>
      <c r="C3955">
        <v>1</v>
      </c>
      <c r="D3955">
        <v>0</v>
      </c>
    </row>
    <row r="3956" spans="1:4" x14ac:dyDescent="0.25">
      <c r="A3956" t="s">
        <v>6035</v>
      </c>
      <c r="B3956" t="s">
        <v>6036</v>
      </c>
      <c r="C3956">
        <v>2</v>
      </c>
      <c r="D3956">
        <v>0</v>
      </c>
    </row>
    <row r="3957" spans="1:4" x14ac:dyDescent="0.25">
      <c r="A3957" t="s">
        <v>6037</v>
      </c>
      <c r="B3957" t="s">
        <v>398</v>
      </c>
      <c r="C3957">
        <v>0</v>
      </c>
      <c r="D3957">
        <v>0</v>
      </c>
    </row>
    <row r="3958" spans="1:4" x14ac:dyDescent="0.25">
      <c r="A3958" t="s">
        <v>6038</v>
      </c>
      <c r="B3958" t="s">
        <v>6039</v>
      </c>
      <c r="C3958">
        <v>0</v>
      </c>
      <c r="D3958">
        <v>0</v>
      </c>
    </row>
    <row r="3959" spans="1:4" x14ac:dyDescent="0.25">
      <c r="A3959" t="s">
        <v>6040</v>
      </c>
      <c r="B3959" t="s">
        <v>6041</v>
      </c>
      <c r="C3959">
        <v>1</v>
      </c>
      <c r="D3959">
        <v>0</v>
      </c>
    </row>
    <row r="3960" spans="1:4" x14ac:dyDescent="0.25">
      <c r="A3960" t="s">
        <v>6042</v>
      </c>
      <c r="B3960" t="s">
        <v>6043</v>
      </c>
      <c r="C3960">
        <v>0</v>
      </c>
      <c r="D3960">
        <v>0</v>
      </c>
    </row>
    <row r="3961" spans="1:4" x14ac:dyDescent="0.25">
      <c r="A3961" t="s">
        <v>6044</v>
      </c>
      <c r="B3961" t="s">
        <v>6045</v>
      </c>
      <c r="C3961">
        <v>1</v>
      </c>
      <c r="D3961">
        <v>0</v>
      </c>
    </row>
    <row r="3962" spans="1:4" x14ac:dyDescent="0.25">
      <c r="A3962" t="s">
        <v>6044</v>
      </c>
      <c r="B3962" t="s">
        <v>6046</v>
      </c>
      <c r="C3962">
        <v>1</v>
      </c>
      <c r="D3962">
        <v>0</v>
      </c>
    </row>
    <row r="3963" spans="1:4" x14ac:dyDescent="0.25">
      <c r="A3963" t="s">
        <v>6047</v>
      </c>
      <c r="B3963" t="s">
        <v>6048</v>
      </c>
      <c r="C3963">
        <v>0</v>
      </c>
      <c r="D3963">
        <v>0</v>
      </c>
    </row>
    <row r="3964" spans="1:4" x14ac:dyDescent="0.25">
      <c r="A3964" t="s">
        <v>6047</v>
      </c>
      <c r="B3964" t="s">
        <v>6049</v>
      </c>
      <c r="C3964">
        <v>0</v>
      </c>
      <c r="D3964">
        <v>0</v>
      </c>
    </row>
    <row r="3965" spans="1:4" x14ac:dyDescent="0.25">
      <c r="A3965" t="s">
        <v>6047</v>
      </c>
      <c r="B3965" t="s">
        <v>6050</v>
      </c>
      <c r="C3965">
        <v>0</v>
      </c>
      <c r="D3965">
        <v>0</v>
      </c>
    </row>
    <row r="3966" spans="1:4" x14ac:dyDescent="0.25">
      <c r="A3966" t="s">
        <v>6051</v>
      </c>
      <c r="B3966" t="s">
        <v>6052</v>
      </c>
      <c r="C3966">
        <v>2</v>
      </c>
      <c r="D3966">
        <v>0</v>
      </c>
    </row>
    <row r="3967" spans="1:4" x14ac:dyDescent="0.25">
      <c r="A3967" t="s">
        <v>6051</v>
      </c>
      <c r="B3967" t="s">
        <v>6053</v>
      </c>
      <c r="C3967">
        <v>1</v>
      </c>
      <c r="D3967">
        <v>0</v>
      </c>
    </row>
    <row r="3968" spans="1:4" x14ac:dyDescent="0.25">
      <c r="A3968" t="s">
        <v>6054</v>
      </c>
      <c r="B3968" t="s">
        <v>6055</v>
      </c>
      <c r="C3968">
        <v>1</v>
      </c>
      <c r="D3968">
        <v>0</v>
      </c>
    </row>
    <row r="3969" spans="1:4" x14ac:dyDescent="0.25">
      <c r="A3969" t="s">
        <v>6056</v>
      </c>
      <c r="B3969" t="s">
        <v>6057</v>
      </c>
      <c r="C3969">
        <v>1</v>
      </c>
      <c r="D3969">
        <v>0</v>
      </c>
    </row>
    <row r="3970" spans="1:4" x14ac:dyDescent="0.25">
      <c r="A3970" t="s">
        <v>6056</v>
      </c>
      <c r="B3970" t="s">
        <v>6058</v>
      </c>
      <c r="C3970">
        <v>0</v>
      </c>
      <c r="D3970">
        <v>0</v>
      </c>
    </row>
    <row r="3971" spans="1:4" x14ac:dyDescent="0.25">
      <c r="A3971" t="s">
        <v>6059</v>
      </c>
      <c r="B3971" t="s">
        <v>6060</v>
      </c>
      <c r="C3971">
        <v>0</v>
      </c>
      <c r="D3971">
        <v>0</v>
      </c>
    </row>
    <row r="3972" spans="1:4" x14ac:dyDescent="0.25">
      <c r="A3972" t="s">
        <v>6059</v>
      </c>
      <c r="B3972" t="s">
        <v>6061</v>
      </c>
      <c r="C3972">
        <v>0</v>
      </c>
      <c r="D3972">
        <v>0</v>
      </c>
    </row>
    <row r="3973" spans="1:4" x14ac:dyDescent="0.25">
      <c r="A3973" t="s">
        <v>6062</v>
      </c>
      <c r="B3973" t="s">
        <v>4179</v>
      </c>
      <c r="C3973">
        <v>1</v>
      </c>
      <c r="D3973">
        <v>0</v>
      </c>
    </row>
    <row r="3974" spans="1:4" x14ac:dyDescent="0.25">
      <c r="A3974" t="s">
        <v>6063</v>
      </c>
      <c r="B3974" t="s">
        <v>6064</v>
      </c>
      <c r="C3974">
        <v>0</v>
      </c>
      <c r="D3974">
        <v>0</v>
      </c>
    </row>
    <row r="3975" spans="1:4" x14ac:dyDescent="0.25">
      <c r="A3975" t="s">
        <v>6065</v>
      </c>
      <c r="B3975" t="s">
        <v>6066</v>
      </c>
      <c r="C3975">
        <v>1</v>
      </c>
      <c r="D3975">
        <v>0</v>
      </c>
    </row>
    <row r="3976" spans="1:4" x14ac:dyDescent="0.25">
      <c r="A3976" t="s">
        <v>6065</v>
      </c>
      <c r="B3976" t="s">
        <v>6067</v>
      </c>
      <c r="C3976">
        <v>1</v>
      </c>
      <c r="D3976">
        <v>0</v>
      </c>
    </row>
    <row r="3977" spans="1:4" x14ac:dyDescent="0.25">
      <c r="A3977" t="s">
        <v>6068</v>
      </c>
      <c r="B3977" t="s">
        <v>816</v>
      </c>
      <c r="C3977">
        <v>1</v>
      </c>
      <c r="D3977">
        <v>0</v>
      </c>
    </row>
    <row r="3978" spans="1:4" x14ac:dyDescent="0.25">
      <c r="A3978" t="s">
        <v>6069</v>
      </c>
      <c r="B3978" t="s">
        <v>6070</v>
      </c>
      <c r="C3978">
        <v>2</v>
      </c>
      <c r="D3978">
        <v>0</v>
      </c>
    </row>
    <row r="3979" spans="1:4" x14ac:dyDescent="0.25">
      <c r="A3979" t="s">
        <v>6069</v>
      </c>
      <c r="B3979" t="s">
        <v>6071</v>
      </c>
      <c r="C3979">
        <v>2</v>
      </c>
      <c r="D3979">
        <v>0</v>
      </c>
    </row>
    <row r="3980" spans="1:4" x14ac:dyDescent="0.25">
      <c r="A3980" t="s">
        <v>6069</v>
      </c>
      <c r="B3980" t="s">
        <v>6072</v>
      </c>
      <c r="C3980">
        <v>2</v>
      </c>
      <c r="D3980">
        <v>0</v>
      </c>
    </row>
    <row r="3981" spans="1:4" x14ac:dyDescent="0.25">
      <c r="A3981" t="s">
        <v>6073</v>
      </c>
      <c r="B3981" t="s">
        <v>843</v>
      </c>
      <c r="C3981">
        <v>1</v>
      </c>
      <c r="D3981">
        <v>0</v>
      </c>
    </row>
    <row r="3982" spans="1:4" x14ac:dyDescent="0.25">
      <c r="A3982" t="s">
        <v>6074</v>
      </c>
      <c r="B3982" t="s">
        <v>398</v>
      </c>
      <c r="C3982">
        <v>0</v>
      </c>
      <c r="D3982">
        <v>0</v>
      </c>
    </row>
    <row r="3983" spans="1:4" x14ac:dyDescent="0.25">
      <c r="A3983" t="s">
        <v>6074</v>
      </c>
      <c r="B3983" t="s">
        <v>6075</v>
      </c>
      <c r="C3983">
        <v>1</v>
      </c>
      <c r="D3983">
        <v>0</v>
      </c>
    </row>
    <row r="3984" spans="1:4" x14ac:dyDescent="0.25">
      <c r="A3984" t="s">
        <v>6076</v>
      </c>
      <c r="B3984" t="s">
        <v>6077</v>
      </c>
      <c r="C3984">
        <v>2</v>
      </c>
      <c r="D3984">
        <v>0</v>
      </c>
    </row>
    <row r="3985" spans="1:4" x14ac:dyDescent="0.25">
      <c r="A3985" t="s">
        <v>6076</v>
      </c>
      <c r="B3985" t="s">
        <v>6078</v>
      </c>
      <c r="C3985">
        <v>1</v>
      </c>
      <c r="D3985">
        <v>0</v>
      </c>
    </row>
    <row r="3986" spans="1:4" x14ac:dyDescent="0.25">
      <c r="A3986" t="s">
        <v>6079</v>
      </c>
      <c r="B3986" t="s">
        <v>6080</v>
      </c>
      <c r="C3986">
        <v>2</v>
      </c>
      <c r="D3986">
        <v>0</v>
      </c>
    </row>
    <row r="3987" spans="1:4" x14ac:dyDescent="0.25">
      <c r="A3987" t="s">
        <v>6081</v>
      </c>
      <c r="B3987" t="s">
        <v>6082</v>
      </c>
      <c r="C3987">
        <v>0</v>
      </c>
      <c r="D3987">
        <v>0</v>
      </c>
    </row>
    <row r="3988" spans="1:4" x14ac:dyDescent="0.25">
      <c r="A3988" t="s">
        <v>6081</v>
      </c>
      <c r="B3988" t="s">
        <v>6083</v>
      </c>
      <c r="C3988">
        <v>1</v>
      </c>
      <c r="D3988">
        <v>0</v>
      </c>
    </row>
    <row r="3989" spans="1:4" x14ac:dyDescent="0.25">
      <c r="A3989" t="s">
        <v>6081</v>
      </c>
      <c r="B3989" t="s">
        <v>6084</v>
      </c>
      <c r="C3989">
        <v>0</v>
      </c>
      <c r="D3989">
        <v>0</v>
      </c>
    </row>
    <row r="3990" spans="1:4" x14ac:dyDescent="0.25">
      <c r="A3990" t="s">
        <v>6085</v>
      </c>
      <c r="B3990" t="s">
        <v>6086</v>
      </c>
      <c r="C3990">
        <v>2</v>
      </c>
      <c r="D3990">
        <v>0</v>
      </c>
    </row>
    <row r="3991" spans="1:4" x14ac:dyDescent="0.25">
      <c r="A3991" t="s">
        <v>6085</v>
      </c>
      <c r="B3991" t="s">
        <v>6087</v>
      </c>
      <c r="C3991">
        <v>0</v>
      </c>
      <c r="D3991">
        <v>0</v>
      </c>
    </row>
    <row r="3992" spans="1:4" x14ac:dyDescent="0.25">
      <c r="A3992" t="s">
        <v>6085</v>
      </c>
      <c r="B3992" t="s">
        <v>6088</v>
      </c>
      <c r="C3992">
        <v>1</v>
      </c>
      <c r="D3992">
        <v>0</v>
      </c>
    </row>
    <row r="3993" spans="1:4" x14ac:dyDescent="0.25">
      <c r="A3993" t="s">
        <v>6089</v>
      </c>
      <c r="B3993" t="s">
        <v>6090</v>
      </c>
      <c r="C3993">
        <v>1</v>
      </c>
      <c r="D3993">
        <v>0</v>
      </c>
    </row>
    <row r="3994" spans="1:4" x14ac:dyDescent="0.25">
      <c r="A3994" t="s">
        <v>6091</v>
      </c>
      <c r="B3994" t="s">
        <v>6092</v>
      </c>
      <c r="C3994">
        <v>0</v>
      </c>
      <c r="D3994">
        <v>0</v>
      </c>
    </row>
    <row r="3995" spans="1:4" x14ac:dyDescent="0.25">
      <c r="A3995" t="s">
        <v>6093</v>
      </c>
      <c r="B3995" t="s">
        <v>6094</v>
      </c>
      <c r="C3995">
        <v>1</v>
      </c>
      <c r="D3995">
        <v>0</v>
      </c>
    </row>
    <row r="3996" spans="1:4" x14ac:dyDescent="0.25">
      <c r="A3996" t="s">
        <v>6093</v>
      </c>
      <c r="B3996" t="s">
        <v>6095</v>
      </c>
      <c r="C3996">
        <v>1</v>
      </c>
      <c r="D3996">
        <v>0</v>
      </c>
    </row>
    <row r="3997" spans="1:4" x14ac:dyDescent="0.25">
      <c r="A3997" t="s">
        <v>6096</v>
      </c>
      <c r="B3997" t="s">
        <v>1246</v>
      </c>
      <c r="C3997">
        <v>0</v>
      </c>
      <c r="D3997">
        <v>0</v>
      </c>
    </row>
    <row r="3998" spans="1:4" x14ac:dyDescent="0.25">
      <c r="A3998" t="s">
        <v>6097</v>
      </c>
      <c r="B3998" t="s">
        <v>6098</v>
      </c>
      <c r="C3998">
        <v>1</v>
      </c>
      <c r="D3998">
        <v>0</v>
      </c>
    </row>
    <row r="3999" spans="1:4" x14ac:dyDescent="0.25">
      <c r="A3999" t="s">
        <v>6097</v>
      </c>
      <c r="B3999" t="s">
        <v>6099</v>
      </c>
      <c r="C3999">
        <v>1</v>
      </c>
      <c r="D3999">
        <v>0</v>
      </c>
    </row>
    <row r="4000" spans="1:4" x14ac:dyDescent="0.25">
      <c r="A4000" t="s">
        <v>6100</v>
      </c>
      <c r="B4000" t="s">
        <v>6101</v>
      </c>
      <c r="C4000">
        <v>0</v>
      </c>
      <c r="D4000">
        <v>0</v>
      </c>
    </row>
    <row r="4001" spans="1:4" x14ac:dyDescent="0.25">
      <c r="A4001" t="s">
        <v>6102</v>
      </c>
      <c r="B4001" t="s">
        <v>6103</v>
      </c>
      <c r="C4001">
        <v>1</v>
      </c>
      <c r="D4001">
        <v>0</v>
      </c>
    </row>
    <row r="4002" spans="1:4" x14ac:dyDescent="0.25">
      <c r="A4002" t="s">
        <v>6102</v>
      </c>
      <c r="B4002" t="s">
        <v>6104</v>
      </c>
      <c r="C4002">
        <v>1</v>
      </c>
      <c r="D4002">
        <v>0</v>
      </c>
    </row>
    <row r="4003" spans="1:4" x14ac:dyDescent="0.25">
      <c r="A4003" t="s">
        <v>6105</v>
      </c>
      <c r="B4003" t="s">
        <v>6106</v>
      </c>
      <c r="C4003">
        <v>2</v>
      </c>
      <c r="D4003">
        <v>0</v>
      </c>
    </row>
    <row r="4004" spans="1:4" x14ac:dyDescent="0.25">
      <c r="A4004" t="s">
        <v>6105</v>
      </c>
      <c r="B4004" t="s">
        <v>6107</v>
      </c>
      <c r="C4004">
        <v>1</v>
      </c>
      <c r="D4004">
        <v>0</v>
      </c>
    </row>
    <row r="4005" spans="1:4" x14ac:dyDescent="0.25">
      <c r="A4005" t="s">
        <v>6108</v>
      </c>
      <c r="B4005" t="s">
        <v>6109</v>
      </c>
      <c r="C4005">
        <v>0</v>
      </c>
      <c r="D4005">
        <v>0</v>
      </c>
    </row>
    <row r="4006" spans="1:4" x14ac:dyDescent="0.25">
      <c r="A4006" t="s">
        <v>6110</v>
      </c>
      <c r="B4006" t="s">
        <v>6111</v>
      </c>
      <c r="C4006">
        <v>0</v>
      </c>
      <c r="D4006">
        <v>0</v>
      </c>
    </row>
    <row r="4007" spans="1:4" x14ac:dyDescent="0.25">
      <c r="A4007" t="s">
        <v>6112</v>
      </c>
      <c r="B4007" t="s">
        <v>6113</v>
      </c>
      <c r="C4007">
        <v>1</v>
      </c>
      <c r="D4007">
        <v>0</v>
      </c>
    </row>
    <row r="4008" spans="1:4" x14ac:dyDescent="0.25">
      <c r="A4008" t="s">
        <v>6112</v>
      </c>
      <c r="B4008" t="s">
        <v>6114</v>
      </c>
      <c r="C4008">
        <v>2</v>
      </c>
      <c r="D4008">
        <v>0</v>
      </c>
    </row>
    <row r="4009" spans="1:4" x14ac:dyDescent="0.25">
      <c r="A4009" t="s">
        <v>6112</v>
      </c>
      <c r="B4009" t="s">
        <v>6115</v>
      </c>
      <c r="C4009">
        <v>2</v>
      </c>
      <c r="D4009">
        <v>0</v>
      </c>
    </row>
    <row r="4010" spans="1:4" x14ac:dyDescent="0.25">
      <c r="A4010" t="s">
        <v>6116</v>
      </c>
      <c r="B4010" t="s">
        <v>6117</v>
      </c>
      <c r="C4010">
        <v>0</v>
      </c>
      <c r="D4010">
        <v>0</v>
      </c>
    </row>
    <row r="4011" spans="1:4" x14ac:dyDescent="0.25">
      <c r="A4011" t="s">
        <v>6118</v>
      </c>
      <c r="B4011" t="s">
        <v>6119</v>
      </c>
      <c r="C4011">
        <v>1</v>
      </c>
      <c r="D4011">
        <v>0</v>
      </c>
    </row>
    <row r="4012" spans="1:4" x14ac:dyDescent="0.25">
      <c r="A4012" t="s">
        <v>6120</v>
      </c>
      <c r="B4012" t="s">
        <v>6121</v>
      </c>
      <c r="C4012">
        <v>2</v>
      </c>
      <c r="D4012">
        <v>0</v>
      </c>
    </row>
    <row r="4013" spans="1:4" x14ac:dyDescent="0.25">
      <c r="A4013" t="s">
        <v>6120</v>
      </c>
      <c r="B4013" t="s">
        <v>6122</v>
      </c>
      <c r="C4013">
        <v>0</v>
      </c>
      <c r="D4013">
        <v>0</v>
      </c>
    </row>
    <row r="4014" spans="1:4" x14ac:dyDescent="0.25">
      <c r="A4014" t="s">
        <v>6123</v>
      </c>
      <c r="B4014" t="s">
        <v>6124</v>
      </c>
      <c r="C4014">
        <v>0</v>
      </c>
      <c r="D4014">
        <v>0</v>
      </c>
    </row>
    <row r="4015" spans="1:4" x14ac:dyDescent="0.25">
      <c r="A4015" t="s">
        <v>6123</v>
      </c>
      <c r="B4015" t="s">
        <v>6125</v>
      </c>
      <c r="C4015">
        <v>1</v>
      </c>
      <c r="D4015">
        <v>0</v>
      </c>
    </row>
    <row r="4016" spans="1:4" x14ac:dyDescent="0.25">
      <c r="A4016" t="s">
        <v>6126</v>
      </c>
      <c r="B4016" t="s">
        <v>6127</v>
      </c>
      <c r="C4016">
        <v>1</v>
      </c>
      <c r="D4016">
        <v>0</v>
      </c>
    </row>
    <row r="4017" spans="1:4" x14ac:dyDescent="0.25">
      <c r="A4017" t="s">
        <v>6128</v>
      </c>
      <c r="B4017" t="s">
        <v>6129</v>
      </c>
      <c r="C4017">
        <v>2</v>
      </c>
      <c r="D4017">
        <v>0</v>
      </c>
    </row>
    <row r="4018" spans="1:4" x14ac:dyDescent="0.25">
      <c r="A4018" t="s">
        <v>6128</v>
      </c>
      <c r="B4018" t="s">
        <v>6130</v>
      </c>
      <c r="C4018">
        <v>2</v>
      </c>
      <c r="D4018">
        <v>0</v>
      </c>
    </row>
    <row r="4019" spans="1:4" x14ac:dyDescent="0.25">
      <c r="A4019" t="s">
        <v>6128</v>
      </c>
      <c r="B4019" t="s">
        <v>6131</v>
      </c>
      <c r="C4019">
        <v>2</v>
      </c>
      <c r="D4019">
        <v>0</v>
      </c>
    </row>
    <row r="4020" spans="1:4" x14ac:dyDescent="0.25">
      <c r="A4020" t="s">
        <v>6132</v>
      </c>
      <c r="B4020" t="s">
        <v>6133</v>
      </c>
      <c r="C4020">
        <v>1</v>
      </c>
      <c r="D4020">
        <v>0</v>
      </c>
    </row>
    <row r="4021" spans="1:4" x14ac:dyDescent="0.25">
      <c r="A4021" t="s">
        <v>6132</v>
      </c>
      <c r="B4021" t="s">
        <v>6134</v>
      </c>
      <c r="C4021">
        <v>1</v>
      </c>
      <c r="D4021">
        <v>0</v>
      </c>
    </row>
    <row r="4022" spans="1:4" x14ac:dyDescent="0.25">
      <c r="A4022" t="s">
        <v>6135</v>
      </c>
      <c r="B4022" t="s">
        <v>6136</v>
      </c>
      <c r="C4022">
        <v>1</v>
      </c>
      <c r="D4022">
        <v>0</v>
      </c>
    </row>
    <row r="4023" spans="1:4" x14ac:dyDescent="0.25">
      <c r="A4023" t="s">
        <v>6135</v>
      </c>
      <c r="B4023" t="s">
        <v>6137</v>
      </c>
      <c r="C4023">
        <v>0</v>
      </c>
      <c r="D4023">
        <v>0</v>
      </c>
    </row>
    <row r="4024" spans="1:4" x14ac:dyDescent="0.25">
      <c r="A4024" t="s">
        <v>6138</v>
      </c>
      <c r="B4024" t="s">
        <v>6139</v>
      </c>
      <c r="C4024">
        <v>1</v>
      </c>
      <c r="D4024">
        <v>0</v>
      </c>
    </row>
    <row r="4025" spans="1:4" x14ac:dyDescent="0.25">
      <c r="A4025" t="s">
        <v>6138</v>
      </c>
      <c r="B4025" t="s">
        <v>6140</v>
      </c>
      <c r="C4025">
        <v>1</v>
      </c>
      <c r="D4025">
        <v>0</v>
      </c>
    </row>
    <row r="4026" spans="1:4" x14ac:dyDescent="0.25">
      <c r="A4026" t="s">
        <v>6138</v>
      </c>
      <c r="B4026" t="s">
        <v>6141</v>
      </c>
      <c r="C4026">
        <v>0</v>
      </c>
      <c r="D4026">
        <v>0</v>
      </c>
    </row>
    <row r="4027" spans="1:4" x14ac:dyDescent="0.25">
      <c r="A4027" t="s">
        <v>6142</v>
      </c>
      <c r="B4027" t="s">
        <v>6143</v>
      </c>
      <c r="C4027">
        <v>1</v>
      </c>
      <c r="D4027">
        <v>0</v>
      </c>
    </row>
    <row r="4028" spans="1:4" x14ac:dyDescent="0.25">
      <c r="A4028" t="s">
        <v>6142</v>
      </c>
      <c r="B4028" t="s">
        <v>6144</v>
      </c>
      <c r="C4028">
        <v>2</v>
      </c>
      <c r="D4028">
        <v>0</v>
      </c>
    </row>
    <row r="4029" spans="1:4" x14ac:dyDescent="0.25">
      <c r="A4029" t="s">
        <v>6145</v>
      </c>
      <c r="B4029" t="s">
        <v>6146</v>
      </c>
      <c r="C4029">
        <v>1</v>
      </c>
      <c r="D4029">
        <v>0</v>
      </c>
    </row>
    <row r="4030" spans="1:4" x14ac:dyDescent="0.25">
      <c r="A4030" t="s">
        <v>6147</v>
      </c>
      <c r="B4030" t="s">
        <v>6148</v>
      </c>
      <c r="C4030">
        <v>0</v>
      </c>
      <c r="D4030">
        <v>0</v>
      </c>
    </row>
    <row r="4031" spans="1:4" x14ac:dyDescent="0.25">
      <c r="A4031" t="s">
        <v>6147</v>
      </c>
      <c r="B4031" t="s">
        <v>2267</v>
      </c>
      <c r="C4031">
        <v>0</v>
      </c>
      <c r="D4031">
        <v>0</v>
      </c>
    </row>
    <row r="4032" spans="1:4" x14ac:dyDescent="0.25">
      <c r="A4032" t="s">
        <v>6149</v>
      </c>
      <c r="B4032" t="s">
        <v>6150</v>
      </c>
      <c r="C4032">
        <v>1</v>
      </c>
      <c r="D4032">
        <v>0</v>
      </c>
    </row>
    <row r="4033" spans="1:4" x14ac:dyDescent="0.25">
      <c r="A4033" t="s">
        <v>6149</v>
      </c>
      <c r="B4033" t="s">
        <v>6151</v>
      </c>
      <c r="C4033">
        <v>1</v>
      </c>
      <c r="D4033">
        <v>0</v>
      </c>
    </row>
    <row r="4034" spans="1:4" x14ac:dyDescent="0.25">
      <c r="A4034" t="s">
        <v>6152</v>
      </c>
      <c r="B4034" t="s">
        <v>6153</v>
      </c>
      <c r="C4034">
        <v>2</v>
      </c>
      <c r="D4034">
        <v>0</v>
      </c>
    </row>
    <row r="4035" spans="1:4" x14ac:dyDescent="0.25">
      <c r="A4035" t="s">
        <v>6152</v>
      </c>
      <c r="B4035" t="s">
        <v>6154</v>
      </c>
      <c r="C4035">
        <v>0</v>
      </c>
      <c r="D4035">
        <v>0</v>
      </c>
    </row>
    <row r="4036" spans="1:4" x14ac:dyDescent="0.25">
      <c r="A4036" t="s">
        <v>6152</v>
      </c>
      <c r="B4036" t="s">
        <v>6155</v>
      </c>
      <c r="C4036">
        <v>0</v>
      </c>
      <c r="D4036">
        <v>0</v>
      </c>
    </row>
    <row r="4037" spans="1:4" x14ac:dyDescent="0.25">
      <c r="A4037" t="s">
        <v>6156</v>
      </c>
      <c r="B4037" t="s">
        <v>6157</v>
      </c>
      <c r="C4037">
        <v>1</v>
      </c>
      <c r="D4037">
        <v>0</v>
      </c>
    </row>
    <row r="4038" spans="1:4" x14ac:dyDescent="0.25">
      <c r="A4038" t="s">
        <v>6158</v>
      </c>
      <c r="B4038" t="s">
        <v>1499</v>
      </c>
      <c r="C4038">
        <v>1</v>
      </c>
      <c r="D4038">
        <v>0</v>
      </c>
    </row>
    <row r="4039" spans="1:4" x14ac:dyDescent="0.25">
      <c r="A4039" t="s">
        <v>6159</v>
      </c>
      <c r="B4039" t="s">
        <v>6160</v>
      </c>
      <c r="C4039">
        <v>0</v>
      </c>
      <c r="D4039">
        <v>0</v>
      </c>
    </row>
    <row r="4040" spans="1:4" x14ac:dyDescent="0.25">
      <c r="A4040" t="s">
        <v>6159</v>
      </c>
      <c r="B4040" t="s">
        <v>6161</v>
      </c>
      <c r="C4040">
        <v>0</v>
      </c>
      <c r="D4040">
        <v>0</v>
      </c>
    </row>
    <row r="4041" spans="1:4" x14ac:dyDescent="0.25">
      <c r="A4041" t="s">
        <v>6162</v>
      </c>
      <c r="B4041" t="s">
        <v>6163</v>
      </c>
      <c r="C4041">
        <v>1</v>
      </c>
      <c r="D4041">
        <v>0</v>
      </c>
    </row>
    <row r="4042" spans="1:4" x14ac:dyDescent="0.25">
      <c r="A4042" t="s">
        <v>6162</v>
      </c>
      <c r="B4042" t="s">
        <v>6164</v>
      </c>
      <c r="C4042">
        <v>1</v>
      </c>
      <c r="D4042">
        <v>0</v>
      </c>
    </row>
    <row r="4043" spans="1:4" x14ac:dyDescent="0.25">
      <c r="A4043" t="s">
        <v>6162</v>
      </c>
      <c r="B4043" t="s">
        <v>6165</v>
      </c>
      <c r="C4043">
        <v>1</v>
      </c>
      <c r="D4043">
        <v>0</v>
      </c>
    </row>
    <row r="4044" spans="1:4" x14ac:dyDescent="0.25">
      <c r="A4044" t="s">
        <v>6166</v>
      </c>
      <c r="B4044" t="s">
        <v>969</v>
      </c>
      <c r="C4044">
        <v>0</v>
      </c>
      <c r="D4044">
        <v>0</v>
      </c>
    </row>
    <row r="4045" spans="1:4" x14ac:dyDescent="0.25">
      <c r="A4045" t="s">
        <v>6167</v>
      </c>
      <c r="B4045" t="s">
        <v>888</v>
      </c>
      <c r="C4045">
        <v>1</v>
      </c>
      <c r="D4045">
        <v>0</v>
      </c>
    </row>
    <row r="4046" spans="1:4" x14ac:dyDescent="0.25">
      <c r="A4046" t="s">
        <v>6167</v>
      </c>
      <c r="B4046" t="s">
        <v>6168</v>
      </c>
      <c r="C4046">
        <v>1</v>
      </c>
      <c r="D4046">
        <v>0</v>
      </c>
    </row>
    <row r="4047" spans="1:4" x14ac:dyDescent="0.25">
      <c r="A4047" t="s">
        <v>6169</v>
      </c>
      <c r="B4047" t="s">
        <v>6170</v>
      </c>
      <c r="C4047">
        <v>0</v>
      </c>
      <c r="D4047">
        <v>0</v>
      </c>
    </row>
    <row r="4048" spans="1:4" x14ac:dyDescent="0.25">
      <c r="A4048" t="s">
        <v>6169</v>
      </c>
      <c r="B4048" t="s">
        <v>6171</v>
      </c>
      <c r="C4048">
        <v>0</v>
      </c>
      <c r="D4048">
        <v>0</v>
      </c>
    </row>
    <row r="4049" spans="1:4" x14ac:dyDescent="0.25">
      <c r="A4049" t="s">
        <v>6169</v>
      </c>
      <c r="B4049" t="s">
        <v>6172</v>
      </c>
      <c r="C4049">
        <v>1</v>
      </c>
      <c r="D4049">
        <v>0</v>
      </c>
    </row>
    <row r="4050" spans="1:4" x14ac:dyDescent="0.25">
      <c r="A4050" t="s">
        <v>6173</v>
      </c>
      <c r="B4050" t="s">
        <v>6174</v>
      </c>
      <c r="C4050">
        <v>0</v>
      </c>
      <c r="D4050">
        <v>0</v>
      </c>
    </row>
    <row r="4051" spans="1:4" x14ac:dyDescent="0.25">
      <c r="A4051" t="s">
        <v>6173</v>
      </c>
      <c r="B4051" t="s">
        <v>6175</v>
      </c>
      <c r="C4051">
        <v>0</v>
      </c>
      <c r="D4051">
        <v>0</v>
      </c>
    </row>
    <row r="4052" spans="1:4" x14ac:dyDescent="0.25">
      <c r="A4052" t="s">
        <v>6176</v>
      </c>
      <c r="B4052" t="s">
        <v>6177</v>
      </c>
      <c r="C4052">
        <v>0</v>
      </c>
      <c r="D4052">
        <v>0</v>
      </c>
    </row>
    <row r="4053" spans="1:4" x14ac:dyDescent="0.25">
      <c r="A4053" t="s">
        <v>6176</v>
      </c>
      <c r="B4053" t="s">
        <v>6178</v>
      </c>
      <c r="C4053">
        <v>1</v>
      </c>
      <c r="D4053">
        <v>0</v>
      </c>
    </row>
    <row r="4054" spans="1:4" x14ac:dyDescent="0.25">
      <c r="A4054" t="s">
        <v>6179</v>
      </c>
      <c r="B4054" t="s">
        <v>1499</v>
      </c>
      <c r="C4054">
        <v>1</v>
      </c>
      <c r="D4054">
        <v>0</v>
      </c>
    </row>
    <row r="4055" spans="1:4" x14ac:dyDescent="0.25">
      <c r="A4055" t="s">
        <v>6180</v>
      </c>
      <c r="B4055" t="s">
        <v>843</v>
      </c>
      <c r="C4055">
        <v>1</v>
      </c>
      <c r="D4055">
        <v>0</v>
      </c>
    </row>
    <row r="4056" spans="1:4" x14ac:dyDescent="0.25">
      <c r="A4056" t="s">
        <v>6180</v>
      </c>
      <c r="B4056" t="s">
        <v>2825</v>
      </c>
      <c r="C4056">
        <v>1</v>
      </c>
      <c r="D4056">
        <v>0</v>
      </c>
    </row>
    <row r="4057" spans="1:4" x14ac:dyDescent="0.25">
      <c r="A4057" t="s">
        <v>6181</v>
      </c>
      <c r="B4057" t="s">
        <v>6182</v>
      </c>
      <c r="C4057">
        <v>0</v>
      </c>
      <c r="D4057">
        <v>0</v>
      </c>
    </row>
    <row r="4058" spans="1:4" x14ac:dyDescent="0.25">
      <c r="A4058" t="s">
        <v>6183</v>
      </c>
      <c r="B4058" t="s">
        <v>6184</v>
      </c>
      <c r="C4058">
        <v>1</v>
      </c>
      <c r="D4058">
        <v>0</v>
      </c>
    </row>
    <row r="4059" spans="1:4" x14ac:dyDescent="0.25">
      <c r="A4059" t="s">
        <v>6183</v>
      </c>
      <c r="B4059" t="s">
        <v>6185</v>
      </c>
      <c r="C4059">
        <v>1</v>
      </c>
      <c r="D4059">
        <v>0</v>
      </c>
    </row>
    <row r="4060" spans="1:4" x14ac:dyDescent="0.25">
      <c r="A4060" t="s">
        <v>6186</v>
      </c>
      <c r="B4060" t="s">
        <v>6187</v>
      </c>
      <c r="C4060">
        <v>0</v>
      </c>
      <c r="D4060">
        <v>0</v>
      </c>
    </row>
    <row r="4061" spans="1:4" x14ac:dyDescent="0.25">
      <c r="A4061" t="s">
        <v>6188</v>
      </c>
      <c r="B4061" t="s">
        <v>6189</v>
      </c>
      <c r="C4061">
        <v>0</v>
      </c>
      <c r="D4061">
        <v>0</v>
      </c>
    </row>
    <row r="4062" spans="1:4" x14ac:dyDescent="0.25">
      <c r="A4062" t="s">
        <v>6188</v>
      </c>
      <c r="B4062" t="s">
        <v>6190</v>
      </c>
      <c r="C4062">
        <v>1</v>
      </c>
      <c r="D4062">
        <v>0</v>
      </c>
    </row>
    <row r="4063" spans="1:4" x14ac:dyDescent="0.25">
      <c r="A4063" t="s">
        <v>6188</v>
      </c>
      <c r="B4063" t="s">
        <v>6191</v>
      </c>
      <c r="C4063">
        <v>2</v>
      </c>
      <c r="D4063">
        <v>0</v>
      </c>
    </row>
    <row r="4064" spans="1:4" x14ac:dyDescent="0.25">
      <c r="A4064" t="s">
        <v>6192</v>
      </c>
      <c r="B4064" t="s">
        <v>6193</v>
      </c>
      <c r="C4064">
        <v>2</v>
      </c>
      <c r="D4064">
        <v>0</v>
      </c>
    </row>
    <row r="4065" spans="1:4" x14ac:dyDescent="0.25">
      <c r="A4065" t="s">
        <v>6192</v>
      </c>
      <c r="B4065" t="s">
        <v>6194</v>
      </c>
      <c r="C4065">
        <v>2</v>
      </c>
      <c r="D4065">
        <v>0</v>
      </c>
    </row>
    <row r="4066" spans="1:4" x14ac:dyDescent="0.25">
      <c r="A4066" t="s">
        <v>6195</v>
      </c>
      <c r="B4066" t="s">
        <v>6196</v>
      </c>
      <c r="C4066">
        <v>0</v>
      </c>
      <c r="D4066">
        <v>0</v>
      </c>
    </row>
    <row r="4067" spans="1:4" x14ac:dyDescent="0.25">
      <c r="A4067" t="s">
        <v>6195</v>
      </c>
      <c r="B4067" t="s">
        <v>6197</v>
      </c>
      <c r="C4067">
        <v>1</v>
      </c>
      <c r="D4067">
        <v>0</v>
      </c>
    </row>
    <row r="4068" spans="1:4" x14ac:dyDescent="0.25">
      <c r="A4068" t="s">
        <v>6198</v>
      </c>
      <c r="B4068" t="s">
        <v>6199</v>
      </c>
      <c r="C4068">
        <v>1</v>
      </c>
      <c r="D4068">
        <v>0</v>
      </c>
    </row>
    <row r="4069" spans="1:4" x14ac:dyDescent="0.25">
      <c r="A4069" t="s">
        <v>6200</v>
      </c>
      <c r="B4069" t="s">
        <v>6201</v>
      </c>
      <c r="C4069">
        <v>2</v>
      </c>
      <c r="D4069">
        <v>0</v>
      </c>
    </row>
    <row r="4070" spans="1:4" x14ac:dyDescent="0.25">
      <c r="A4070" t="s">
        <v>6200</v>
      </c>
      <c r="B4070" t="s">
        <v>6202</v>
      </c>
      <c r="C4070">
        <v>0</v>
      </c>
      <c r="D4070">
        <v>0</v>
      </c>
    </row>
    <row r="4071" spans="1:4" x14ac:dyDescent="0.25">
      <c r="A4071" t="s">
        <v>6203</v>
      </c>
      <c r="B4071" t="s">
        <v>6204</v>
      </c>
      <c r="C4071">
        <v>0</v>
      </c>
      <c r="D4071">
        <v>0</v>
      </c>
    </row>
    <row r="4072" spans="1:4" x14ac:dyDescent="0.25">
      <c r="A4072" t="s">
        <v>6203</v>
      </c>
      <c r="B4072" t="s">
        <v>6205</v>
      </c>
      <c r="C4072">
        <v>2</v>
      </c>
      <c r="D4072">
        <v>0</v>
      </c>
    </row>
    <row r="4073" spans="1:4" x14ac:dyDescent="0.25">
      <c r="A4073" t="s">
        <v>6203</v>
      </c>
      <c r="B4073" t="s">
        <v>6206</v>
      </c>
      <c r="C4073">
        <v>0</v>
      </c>
      <c r="D4073">
        <v>0</v>
      </c>
    </row>
    <row r="4074" spans="1:4" x14ac:dyDescent="0.25">
      <c r="A4074" t="s">
        <v>6207</v>
      </c>
      <c r="B4074" t="s">
        <v>6208</v>
      </c>
      <c r="C4074">
        <v>0</v>
      </c>
      <c r="D4074">
        <v>0</v>
      </c>
    </row>
    <row r="4075" spans="1:4" x14ac:dyDescent="0.25">
      <c r="A4075" t="s">
        <v>6207</v>
      </c>
      <c r="B4075" t="s">
        <v>6209</v>
      </c>
      <c r="C4075">
        <v>0</v>
      </c>
      <c r="D4075">
        <v>0</v>
      </c>
    </row>
    <row r="4076" spans="1:4" x14ac:dyDescent="0.25">
      <c r="A4076" t="s">
        <v>6210</v>
      </c>
      <c r="B4076" t="s">
        <v>1294</v>
      </c>
      <c r="C4076">
        <v>1</v>
      </c>
      <c r="D4076">
        <v>0</v>
      </c>
    </row>
    <row r="4077" spans="1:4" x14ac:dyDescent="0.25">
      <c r="A4077" t="s">
        <v>6211</v>
      </c>
      <c r="B4077" t="s">
        <v>6212</v>
      </c>
      <c r="C4077">
        <v>2</v>
      </c>
      <c r="D4077">
        <v>0</v>
      </c>
    </row>
    <row r="4078" spans="1:4" x14ac:dyDescent="0.25">
      <c r="A4078" t="s">
        <v>6211</v>
      </c>
      <c r="B4078" t="s">
        <v>6213</v>
      </c>
      <c r="C4078">
        <v>0</v>
      </c>
      <c r="D4078">
        <v>0</v>
      </c>
    </row>
    <row r="4079" spans="1:4" x14ac:dyDescent="0.25">
      <c r="A4079" t="s">
        <v>6214</v>
      </c>
      <c r="B4079" t="s">
        <v>6215</v>
      </c>
      <c r="C4079">
        <v>0</v>
      </c>
      <c r="D4079">
        <v>0</v>
      </c>
    </row>
    <row r="4080" spans="1:4" x14ac:dyDescent="0.25">
      <c r="A4080" t="s">
        <v>6214</v>
      </c>
      <c r="B4080" t="s">
        <v>6216</v>
      </c>
      <c r="C4080">
        <v>0</v>
      </c>
      <c r="D4080">
        <v>0</v>
      </c>
    </row>
    <row r="4081" spans="1:4" x14ac:dyDescent="0.25">
      <c r="A4081" t="s">
        <v>6217</v>
      </c>
      <c r="B4081" t="s">
        <v>6218</v>
      </c>
      <c r="C4081">
        <v>0</v>
      </c>
      <c r="D4081">
        <v>0</v>
      </c>
    </row>
    <row r="4082" spans="1:4" x14ac:dyDescent="0.25">
      <c r="A4082" t="s">
        <v>6219</v>
      </c>
      <c r="B4082" t="s">
        <v>6220</v>
      </c>
      <c r="C4082">
        <v>2</v>
      </c>
      <c r="D4082">
        <v>0</v>
      </c>
    </row>
    <row r="4083" spans="1:4" x14ac:dyDescent="0.25">
      <c r="A4083" t="s">
        <v>6219</v>
      </c>
      <c r="B4083" t="s">
        <v>6221</v>
      </c>
      <c r="C4083">
        <v>1</v>
      </c>
      <c r="D4083">
        <v>0</v>
      </c>
    </row>
    <row r="4084" spans="1:4" x14ac:dyDescent="0.25">
      <c r="A4084" t="s">
        <v>6222</v>
      </c>
      <c r="B4084" t="s">
        <v>6223</v>
      </c>
      <c r="C4084">
        <v>1</v>
      </c>
      <c r="D4084">
        <v>0</v>
      </c>
    </row>
    <row r="4085" spans="1:4" x14ac:dyDescent="0.25">
      <c r="A4085" t="s">
        <v>6224</v>
      </c>
      <c r="B4085" t="s">
        <v>1001</v>
      </c>
      <c r="C4085">
        <v>1</v>
      </c>
      <c r="D4085">
        <v>0</v>
      </c>
    </row>
    <row r="4086" spans="1:4" x14ac:dyDescent="0.25">
      <c r="A4086" t="s">
        <v>6225</v>
      </c>
      <c r="B4086" t="s">
        <v>6226</v>
      </c>
      <c r="C4086">
        <v>1</v>
      </c>
      <c r="D4086">
        <v>0</v>
      </c>
    </row>
    <row r="4087" spans="1:4" x14ac:dyDescent="0.25">
      <c r="A4087" t="s">
        <v>6225</v>
      </c>
      <c r="B4087" t="s">
        <v>6227</v>
      </c>
      <c r="C4087">
        <v>0</v>
      </c>
      <c r="D4087">
        <v>0</v>
      </c>
    </row>
    <row r="4088" spans="1:4" x14ac:dyDescent="0.25">
      <c r="A4088" t="s">
        <v>6228</v>
      </c>
      <c r="B4088" t="s">
        <v>6229</v>
      </c>
      <c r="C4088">
        <v>1</v>
      </c>
      <c r="D4088">
        <v>0</v>
      </c>
    </row>
    <row r="4089" spans="1:4" x14ac:dyDescent="0.25">
      <c r="A4089" t="s">
        <v>6230</v>
      </c>
      <c r="B4089" t="s">
        <v>6231</v>
      </c>
      <c r="C4089">
        <v>2</v>
      </c>
      <c r="D4089">
        <v>0</v>
      </c>
    </row>
    <row r="4090" spans="1:4" x14ac:dyDescent="0.25">
      <c r="A4090" t="s">
        <v>6232</v>
      </c>
      <c r="B4090" t="s">
        <v>6233</v>
      </c>
      <c r="C4090">
        <v>1</v>
      </c>
      <c r="D4090">
        <v>0</v>
      </c>
    </row>
    <row r="4091" spans="1:4" x14ac:dyDescent="0.25">
      <c r="A4091" t="s">
        <v>6234</v>
      </c>
      <c r="B4091" t="s">
        <v>6235</v>
      </c>
      <c r="C4091">
        <v>0</v>
      </c>
      <c r="D4091">
        <v>0</v>
      </c>
    </row>
    <row r="4092" spans="1:4" x14ac:dyDescent="0.25">
      <c r="A4092" t="s">
        <v>6236</v>
      </c>
      <c r="B4092" t="s">
        <v>6237</v>
      </c>
      <c r="C4092">
        <v>0</v>
      </c>
      <c r="D4092">
        <v>0</v>
      </c>
    </row>
    <row r="4093" spans="1:4" x14ac:dyDescent="0.25">
      <c r="A4093" t="s">
        <v>6236</v>
      </c>
      <c r="B4093" t="s">
        <v>6238</v>
      </c>
      <c r="C4093">
        <v>1</v>
      </c>
      <c r="D4093">
        <v>0</v>
      </c>
    </row>
    <row r="4094" spans="1:4" x14ac:dyDescent="0.25">
      <c r="A4094" t="s">
        <v>6239</v>
      </c>
      <c r="B4094" t="s">
        <v>6240</v>
      </c>
      <c r="C4094">
        <v>1</v>
      </c>
      <c r="D4094">
        <v>0</v>
      </c>
    </row>
    <row r="4095" spans="1:4" x14ac:dyDescent="0.25">
      <c r="A4095" t="s">
        <v>6241</v>
      </c>
      <c r="B4095" t="s">
        <v>6242</v>
      </c>
      <c r="C4095">
        <v>0</v>
      </c>
      <c r="D4095">
        <v>0</v>
      </c>
    </row>
    <row r="4096" spans="1:4" x14ac:dyDescent="0.25">
      <c r="A4096" t="s">
        <v>6243</v>
      </c>
      <c r="B4096" t="s">
        <v>6244</v>
      </c>
      <c r="C4096">
        <v>1</v>
      </c>
      <c r="D4096">
        <v>0</v>
      </c>
    </row>
    <row r="4097" spans="1:4" x14ac:dyDescent="0.25">
      <c r="A4097" t="s">
        <v>6243</v>
      </c>
      <c r="B4097" t="s">
        <v>6245</v>
      </c>
      <c r="C4097">
        <v>0</v>
      </c>
      <c r="D4097">
        <v>0</v>
      </c>
    </row>
    <row r="4098" spans="1:4" x14ac:dyDescent="0.25">
      <c r="A4098" t="s">
        <v>6246</v>
      </c>
      <c r="B4098" t="s">
        <v>6247</v>
      </c>
      <c r="C4098">
        <v>2</v>
      </c>
      <c r="D4098">
        <v>0</v>
      </c>
    </row>
    <row r="4099" spans="1:4" x14ac:dyDescent="0.25">
      <c r="A4099" t="s">
        <v>6246</v>
      </c>
      <c r="B4099" t="s">
        <v>6248</v>
      </c>
      <c r="C4099">
        <v>2</v>
      </c>
      <c r="D4099">
        <v>0</v>
      </c>
    </row>
    <row r="4100" spans="1:4" x14ac:dyDescent="0.25">
      <c r="A4100" t="s">
        <v>6246</v>
      </c>
      <c r="B4100" t="s">
        <v>6249</v>
      </c>
      <c r="C4100">
        <v>2</v>
      </c>
      <c r="D4100">
        <v>0</v>
      </c>
    </row>
    <row r="4101" spans="1:4" x14ac:dyDescent="0.25">
      <c r="A4101" t="s">
        <v>6250</v>
      </c>
      <c r="B4101" t="s">
        <v>6251</v>
      </c>
      <c r="C4101">
        <v>0</v>
      </c>
      <c r="D4101">
        <v>0</v>
      </c>
    </row>
    <row r="4102" spans="1:4" x14ac:dyDescent="0.25">
      <c r="A4102" t="s">
        <v>6250</v>
      </c>
      <c r="B4102" t="s">
        <v>6252</v>
      </c>
      <c r="C4102">
        <v>0</v>
      </c>
      <c r="D4102">
        <v>0</v>
      </c>
    </row>
    <row r="4103" spans="1:4" x14ac:dyDescent="0.25">
      <c r="A4103" t="s">
        <v>6253</v>
      </c>
      <c r="B4103" t="s">
        <v>6254</v>
      </c>
      <c r="C4103">
        <v>0</v>
      </c>
      <c r="D4103">
        <v>0</v>
      </c>
    </row>
    <row r="4104" spans="1:4" x14ac:dyDescent="0.25">
      <c r="A4104" t="s">
        <v>6255</v>
      </c>
      <c r="B4104" t="s">
        <v>6256</v>
      </c>
      <c r="C4104">
        <v>2</v>
      </c>
      <c r="D4104">
        <v>0</v>
      </c>
    </row>
    <row r="4105" spans="1:4" x14ac:dyDescent="0.25">
      <c r="A4105" t="s">
        <v>6257</v>
      </c>
      <c r="B4105" t="s">
        <v>6258</v>
      </c>
      <c r="C4105">
        <v>0</v>
      </c>
      <c r="D4105">
        <v>0</v>
      </c>
    </row>
    <row r="4106" spans="1:4" x14ac:dyDescent="0.25">
      <c r="A4106" t="s">
        <v>6259</v>
      </c>
      <c r="B4106" t="s">
        <v>6260</v>
      </c>
      <c r="C4106">
        <v>1</v>
      </c>
      <c r="D4106">
        <v>0</v>
      </c>
    </row>
    <row r="4107" spans="1:4" x14ac:dyDescent="0.25">
      <c r="A4107" t="s">
        <v>6261</v>
      </c>
      <c r="B4107" t="s">
        <v>6262</v>
      </c>
      <c r="C4107">
        <v>0</v>
      </c>
      <c r="D4107">
        <v>0</v>
      </c>
    </row>
    <row r="4108" spans="1:4" x14ac:dyDescent="0.25">
      <c r="A4108" t="s">
        <v>6261</v>
      </c>
      <c r="B4108" t="s">
        <v>6263</v>
      </c>
      <c r="C4108">
        <v>0</v>
      </c>
      <c r="D4108">
        <v>0</v>
      </c>
    </row>
    <row r="4109" spans="1:4" x14ac:dyDescent="0.25">
      <c r="A4109" t="s">
        <v>6261</v>
      </c>
      <c r="B4109" t="s">
        <v>6264</v>
      </c>
      <c r="C4109">
        <v>0</v>
      </c>
      <c r="D4109">
        <v>0</v>
      </c>
    </row>
    <row r="4110" spans="1:4" x14ac:dyDescent="0.25">
      <c r="A4110" t="s">
        <v>6265</v>
      </c>
      <c r="B4110" t="s">
        <v>6266</v>
      </c>
      <c r="C4110">
        <v>1</v>
      </c>
      <c r="D4110">
        <v>0</v>
      </c>
    </row>
    <row r="4111" spans="1:4" x14ac:dyDescent="0.25">
      <c r="A4111" t="s">
        <v>6267</v>
      </c>
      <c r="B4111" t="s">
        <v>969</v>
      </c>
      <c r="C4111">
        <v>0</v>
      </c>
      <c r="D4111">
        <v>0</v>
      </c>
    </row>
    <row r="4112" spans="1:4" x14ac:dyDescent="0.25">
      <c r="A4112" t="s">
        <v>6267</v>
      </c>
      <c r="B4112" t="s">
        <v>1001</v>
      </c>
      <c r="C4112">
        <v>1</v>
      </c>
      <c r="D4112">
        <v>0</v>
      </c>
    </row>
    <row r="4113" spans="1:4" x14ac:dyDescent="0.25">
      <c r="A4113" t="s">
        <v>6268</v>
      </c>
      <c r="B4113" t="s">
        <v>6269</v>
      </c>
      <c r="C4113">
        <v>1</v>
      </c>
      <c r="D4113">
        <v>0</v>
      </c>
    </row>
    <row r="4114" spans="1:4" x14ac:dyDescent="0.25">
      <c r="A4114" t="s">
        <v>6268</v>
      </c>
      <c r="B4114" t="s">
        <v>6270</v>
      </c>
      <c r="C4114">
        <v>1</v>
      </c>
      <c r="D4114">
        <v>0</v>
      </c>
    </row>
    <row r="4115" spans="1:4" x14ac:dyDescent="0.25">
      <c r="A4115" t="s">
        <v>6271</v>
      </c>
      <c r="B4115" t="s">
        <v>6272</v>
      </c>
      <c r="C4115">
        <v>1</v>
      </c>
      <c r="D4115">
        <v>0</v>
      </c>
    </row>
    <row r="4116" spans="1:4" x14ac:dyDescent="0.25">
      <c r="A4116" t="s">
        <v>6273</v>
      </c>
      <c r="B4116" t="s">
        <v>6274</v>
      </c>
      <c r="C4116">
        <v>1</v>
      </c>
      <c r="D4116">
        <v>0</v>
      </c>
    </row>
    <row r="4117" spans="1:4" x14ac:dyDescent="0.25">
      <c r="A4117" t="s">
        <v>6273</v>
      </c>
      <c r="B4117" t="s">
        <v>6275</v>
      </c>
      <c r="C4117">
        <v>1</v>
      </c>
      <c r="D4117">
        <v>0</v>
      </c>
    </row>
    <row r="4118" spans="1:4" x14ac:dyDescent="0.25">
      <c r="A4118" t="s">
        <v>6276</v>
      </c>
      <c r="B4118" t="s">
        <v>6277</v>
      </c>
      <c r="C4118">
        <v>1</v>
      </c>
      <c r="D4118">
        <v>0</v>
      </c>
    </row>
    <row r="4119" spans="1:4" x14ac:dyDescent="0.25">
      <c r="A4119" t="s">
        <v>6276</v>
      </c>
      <c r="B4119" t="s">
        <v>6278</v>
      </c>
      <c r="C4119">
        <v>0</v>
      </c>
      <c r="D4119">
        <v>0</v>
      </c>
    </row>
    <row r="4120" spans="1:4" x14ac:dyDescent="0.25">
      <c r="A4120" t="s">
        <v>6276</v>
      </c>
      <c r="B4120" t="s">
        <v>6279</v>
      </c>
      <c r="C4120">
        <v>1</v>
      </c>
      <c r="D4120">
        <v>0</v>
      </c>
    </row>
    <row r="4121" spans="1:4" x14ac:dyDescent="0.25">
      <c r="A4121" t="s">
        <v>6280</v>
      </c>
      <c r="B4121" t="s">
        <v>1001</v>
      </c>
      <c r="C4121">
        <v>1</v>
      </c>
      <c r="D4121">
        <v>0</v>
      </c>
    </row>
    <row r="4122" spans="1:4" x14ac:dyDescent="0.25">
      <c r="A4122" t="s">
        <v>6281</v>
      </c>
      <c r="B4122" t="s">
        <v>6282</v>
      </c>
      <c r="C4122">
        <v>1</v>
      </c>
      <c r="D4122">
        <v>0</v>
      </c>
    </row>
    <row r="4123" spans="1:4" x14ac:dyDescent="0.25">
      <c r="A4123" t="s">
        <v>6283</v>
      </c>
      <c r="B4123" t="s">
        <v>2061</v>
      </c>
      <c r="C4123">
        <v>0</v>
      </c>
      <c r="D4123">
        <v>0</v>
      </c>
    </row>
    <row r="4124" spans="1:4" x14ac:dyDescent="0.25">
      <c r="A4124" t="s">
        <v>6284</v>
      </c>
      <c r="B4124" t="s">
        <v>6285</v>
      </c>
      <c r="C4124">
        <v>1</v>
      </c>
      <c r="D4124">
        <v>0</v>
      </c>
    </row>
    <row r="4125" spans="1:4" x14ac:dyDescent="0.25">
      <c r="A4125" t="s">
        <v>6286</v>
      </c>
      <c r="B4125" t="s">
        <v>6287</v>
      </c>
      <c r="C4125">
        <v>1</v>
      </c>
      <c r="D4125">
        <v>0</v>
      </c>
    </row>
    <row r="4126" spans="1:4" x14ac:dyDescent="0.25">
      <c r="A4126" t="s">
        <v>6288</v>
      </c>
      <c r="B4126" t="s">
        <v>6289</v>
      </c>
      <c r="C4126">
        <v>1</v>
      </c>
      <c r="D4126">
        <v>0</v>
      </c>
    </row>
    <row r="4127" spans="1:4" x14ac:dyDescent="0.25">
      <c r="A4127" t="s">
        <v>6290</v>
      </c>
      <c r="B4127" t="s">
        <v>6291</v>
      </c>
      <c r="C4127">
        <v>1</v>
      </c>
      <c r="D4127">
        <v>0</v>
      </c>
    </row>
    <row r="4128" spans="1:4" x14ac:dyDescent="0.25">
      <c r="A4128" t="s">
        <v>6292</v>
      </c>
      <c r="B4128" t="s">
        <v>6293</v>
      </c>
      <c r="C4128">
        <v>1</v>
      </c>
      <c r="D4128">
        <v>0</v>
      </c>
    </row>
    <row r="4129" spans="1:4" x14ac:dyDescent="0.25">
      <c r="A4129" t="s">
        <v>6292</v>
      </c>
      <c r="B4129" t="s">
        <v>6294</v>
      </c>
      <c r="C4129">
        <v>1</v>
      </c>
      <c r="D4129">
        <v>0</v>
      </c>
    </row>
    <row r="4130" spans="1:4" x14ac:dyDescent="0.25">
      <c r="A4130" t="s">
        <v>6295</v>
      </c>
      <c r="B4130" t="s">
        <v>2061</v>
      </c>
      <c r="C4130">
        <v>0</v>
      </c>
      <c r="D4130">
        <v>0</v>
      </c>
    </row>
    <row r="4131" spans="1:4" x14ac:dyDescent="0.25">
      <c r="A4131" t="s">
        <v>6296</v>
      </c>
      <c r="B4131" t="s">
        <v>6297</v>
      </c>
      <c r="C4131">
        <v>1</v>
      </c>
      <c r="D4131">
        <v>0</v>
      </c>
    </row>
    <row r="4132" spans="1:4" x14ac:dyDescent="0.25">
      <c r="A4132" t="s">
        <v>6298</v>
      </c>
      <c r="B4132" t="s">
        <v>6299</v>
      </c>
      <c r="C4132">
        <v>2</v>
      </c>
      <c r="D4132">
        <v>0</v>
      </c>
    </row>
    <row r="4133" spans="1:4" x14ac:dyDescent="0.25">
      <c r="A4133" t="s">
        <v>6298</v>
      </c>
      <c r="B4133" t="s">
        <v>6300</v>
      </c>
      <c r="C4133">
        <v>0</v>
      </c>
      <c r="D4133">
        <v>0</v>
      </c>
    </row>
    <row r="4134" spans="1:4" x14ac:dyDescent="0.25">
      <c r="A4134" t="s">
        <v>6298</v>
      </c>
      <c r="B4134" t="s">
        <v>6301</v>
      </c>
      <c r="C4134">
        <v>0</v>
      </c>
      <c r="D4134">
        <v>0</v>
      </c>
    </row>
    <row r="4135" spans="1:4" x14ac:dyDescent="0.25">
      <c r="A4135" t="s">
        <v>6302</v>
      </c>
      <c r="B4135" t="s">
        <v>6303</v>
      </c>
      <c r="C4135">
        <v>1</v>
      </c>
      <c r="D4135">
        <v>0</v>
      </c>
    </row>
    <row r="4136" spans="1:4" x14ac:dyDescent="0.25">
      <c r="A4136" t="s">
        <v>6304</v>
      </c>
      <c r="B4136" t="s">
        <v>843</v>
      </c>
      <c r="C4136">
        <v>1</v>
      </c>
      <c r="D4136">
        <v>0</v>
      </c>
    </row>
    <row r="4137" spans="1:4" x14ac:dyDescent="0.25">
      <c r="A4137" t="s">
        <v>6305</v>
      </c>
      <c r="B4137" t="s">
        <v>6306</v>
      </c>
      <c r="C4137">
        <v>2</v>
      </c>
      <c r="D4137">
        <v>0</v>
      </c>
    </row>
    <row r="4138" spans="1:4" x14ac:dyDescent="0.25">
      <c r="A4138" t="s">
        <v>6305</v>
      </c>
      <c r="B4138" t="s">
        <v>6307</v>
      </c>
      <c r="C4138">
        <v>0</v>
      </c>
      <c r="D4138">
        <v>0</v>
      </c>
    </row>
    <row r="4139" spans="1:4" x14ac:dyDescent="0.25">
      <c r="A4139" t="s">
        <v>6308</v>
      </c>
      <c r="B4139" t="s">
        <v>6309</v>
      </c>
      <c r="C4139">
        <v>0</v>
      </c>
      <c r="D4139">
        <v>0</v>
      </c>
    </row>
    <row r="4140" spans="1:4" x14ac:dyDescent="0.25">
      <c r="A4140" t="s">
        <v>6308</v>
      </c>
      <c r="B4140" t="s">
        <v>6310</v>
      </c>
      <c r="C4140">
        <v>0</v>
      </c>
      <c r="D4140">
        <v>0</v>
      </c>
    </row>
    <row r="4141" spans="1:4" x14ac:dyDescent="0.25">
      <c r="A4141" t="s">
        <v>6311</v>
      </c>
      <c r="B4141" t="s">
        <v>6312</v>
      </c>
      <c r="C4141">
        <v>0</v>
      </c>
      <c r="D4141">
        <v>0</v>
      </c>
    </row>
    <row r="4142" spans="1:4" x14ac:dyDescent="0.25">
      <c r="A4142" t="s">
        <v>6311</v>
      </c>
      <c r="B4142" t="s">
        <v>6313</v>
      </c>
      <c r="C4142">
        <v>2</v>
      </c>
      <c r="D4142">
        <v>0</v>
      </c>
    </row>
    <row r="4143" spans="1:4" x14ac:dyDescent="0.25">
      <c r="A4143" t="s">
        <v>6314</v>
      </c>
      <c r="B4143" t="s">
        <v>6315</v>
      </c>
      <c r="C4143">
        <v>1</v>
      </c>
      <c r="D4143">
        <v>0</v>
      </c>
    </row>
    <row r="4144" spans="1:4" x14ac:dyDescent="0.25">
      <c r="A4144" t="s">
        <v>6314</v>
      </c>
      <c r="B4144" t="s">
        <v>6316</v>
      </c>
      <c r="C4144">
        <v>1</v>
      </c>
      <c r="D4144">
        <v>0</v>
      </c>
    </row>
    <row r="4145" spans="1:4" x14ac:dyDescent="0.25">
      <c r="A4145" t="s">
        <v>6317</v>
      </c>
      <c r="B4145" t="s">
        <v>6318</v>
      </c>
      <c r="C4145">
        <v>0</v>
      </c>
      <c r="D4145">
        <v>0</v>
      </c>
    </row>
    <row r="4146" spans="1:4" x14ac:dyDescent="0.25">
      <c r="A4146" t="s">
        <v>6319</v>
      </c>
      <c r="B4146" t="s">
        <v>6320</v>
      </c>
      <c r="C4146">
        <v>1</v>
      </c>
      <c r="D4146">
        <v>0</v>
      </c>
    </row>
    <row r="4147" spans="1:4" x14ac:dyDescent="0.25">
      <c r="A4147" t="s">
        <v>6321</v>
      </c>
      <c r="B4147" t="s">
        <v>1001</v>
      </c>
      <c r="C4147">
        <v>1</v>
      </c>
      <c r="D4147">
        <v>0</v>
      </c>
    </row>
    <row r="4148" spans="1:4" x14ac:dyDescent="0.25">
      <c r="A4148" t="s">
        <v>6322</v>
      </c>
      <c r="B4148" t="s">
        <v>6323</v>
      </c>
      <c r="C4148">
        <v>0</v>
      </c>
      <c r="D4148">
        <v>0</v>
      </c>
    </row>
    <row r="4149" spans="1:4" x14ac:dyDescent="0.25">
      <c r="A4149" t="s">
        <v>6322</v>
      </c>
      <c r="B4149" t="s">
        <v>6324</v>
      </c>
      <c r="C4149">
        <v>1</v>
      </c>
      <c r="D4149">
        <v>0</v>
      </c>
    </row>
    <row r="4150" spans="1:4" x14ac:dyDescent="0.25">
      <c r="A4150" t="s">
        <v>6322</v>
      </c>
      <c r="B4150" t="s">
        <v>6325</v>
      </c>
      <c r="C4150">
        <v>0</v>
      </c>
      <c r="D4150">
        <v>0</v>
      </c>
    </row>
    <row r="4151" spans="1:4" x14ac:dyDescent="0.25">
      <c r="A4151" t="s">
        <v>6326</v>
      </c>
      <c r="B4151" t="s">
        <v>6327</v>
      </c>
      <c r="C4151">
        <v>0</v>
      </c>
      <c r="D4151">
        <v>0</v>
      </c>
    </row>
    <row r="4152" spans="1:4" x14ac:dyDescent="0.25">
      <c r="A4152" t="s">
        <v>6326</v>
      </c>
      <c r="B4152" t="s">
        <v>6328</v>
      </c>
      <c r="C4152">
        <v>1</v>
      </c>
      <c r="D4152">
        <v>0</v>
      </c>
    </row>
    <row r="4153" spans="1:4" x14ac:dyDescent="0.25">
      <c r="A4153" t="s">
        <v>6326</v>
      </c>
      <c r="B4153" t="s">
        <v>6329</v>
      </c>
      <c r="C4153">
        <v>0</v>
      </c>
      <c r="D4153">
        <v>0</v>
      </c>
    </row>
    <row r="4154" spans="1:4" x14ac:dyDescent="0.25">
      <c r="A4154" t="s">
        <v>6330</v>
      </c>
      <c r="B4154" t="s">
        <v>6331</v>
      </c>
      <c r="C4154">
        <v>0</v>
      </c>
      <c r="D4154">
        <v>0</v>
      </c>
    </row>
    <row r="4155" spans="1:4" x14ac:dyDescent="0.25">
      <c r="A4155" t="s">
        <v>6330</v>
      </c>
      <c r="B4155" t="s">
        <v>6332</v>
      </c>
      <c r="C4155">
        <v>0</v>
      </c>
      <c r="D4155">
        <v>0</v>
      </c>
    </row>
    <row r="4156" spans="1:4" x14ac:dyDescent="0.25">
      <c r="A4156" t="s">
        <v>6330</v>
      </c>
      <c r="B4156" t="s">
        <v>6333</v>
      </c>
      <c r="C4156">
        <v>1</v>
      </c>
      <c r="D4156">
        <v>0</v>
      </c>
    </row>
    <row r="4157" spans="1:4" x14ac:dyDescent="0.25">
      <c r="A4157" t="s">
        <v>6334</v>
      </c>
      <c r="B4157" t="s">
        <v>6335</v>
      </c>
      <c r="C4157">
        <v>0</v>
      </c>
      <c r="D4157">
        <v>0</v>
      </c>
    </row>
    <row r="4158" spans="1:4" x14ac:dyDescent="0.25">
      <c r="A4158" t="s">
        <v>6334</v>
      </c>
      <c r="B4158" t="s">
        <v>6336</v>
      </c>
      <c r="C4158">
        <v>0</v>
      </c>
      <c r="D4158">
        <v>0</v>
      </c>
    </row>
    <row r="4159" spans="1:4" x14ac:dyDescent="0.25">
      <c r="A4159" t="s">
        <v>6337</v>
      </c>
      <c r="B4159" t="s">
        <v>6338</v>
      </c>
      <c r="C4159">
        <v>2</v>
      </c>
      <c r="D4159">
        <v>0</v>
      </c>
    </row>
    <row r="4160" spans="1:4" x14ac:dyDescent="0.25">
      <c r="A4160" t="s">
        <v>6337</v>
      </c>
      <c r="B4160" t="s">
        <v>6339</v>
      </c>
      <c r="C4160">
        <v>0</v>
      </c>
      <c r="D4160">
        <v>0</v>
      </c>
    </row>
    <row r="4161" spans="1:4" x14ac:dyDescent="0.25">
      <c r="A4161" t="s">
        <v>6337</v>
      </c>
      <c r="B4161" t="s">
        <v>6340</v>
      </c>
      <c r="C4161">
        <v>2</v>
      </c>
      <c r="D4161">
        <v>0</v>
      </c>
    </row>
    <row r="4162" spans="1:4" x14ac:dyDescent="0.25">
      <c r="A4162" t="s">
        <v>6341</v>
      </c>
      <c r="B4162" t="s">
        <v>3926</v>
      </c>
      <c r="C4162">
        <v>1</v>
      </c>
      <c r="D4162">
        <v>0</v>
      </c>
    </row>
    <row r="4163" spans="1:4" x14ac:dyDescent="0.25">
      <c r="A4163" t="s">
        <v>6342</v>
      </c>
      <c r="B4163" t="s">
        <v>6343</v>
      </c>
      <c r="C4163">
        <v>1</v>
      </c>
      <c r="D4163">
        <v>0</v>
      </c>
    </row>
    <row r="4164" spans="1:4" x14ac:dyDescent="0.25">
      <c r="A4164" t="s">
        <v>6344</v>
      </c>
      <c r="B4164" t="s">
        <v>888</v>
      </c>
      <c r="C4164">
        <v>1</v>
      </c>
      <c r="D4164">
        <v>0</v>
      </c>
    </row>
    <row r="4165" spans="1:4" x14ac:dyDescent="0.25">
      <c r="A4165" t="s">
        <v>6345</v>
      </c>
      <c r="B4165" t="s">
        <v>6346</v>
      </c>
      <c r="C4165">
        <v>0</v>
      </c>
      <c r="D4165">
        <v>0</v>
      </c>
    </row>
    <row r="4166" spans="1:4" x14ac:dyDescent="0.25">
      <c r="A4166" t="s">
        <v>6345</v>
      </c>
      <c r="B4166" t="s">
        <v>6347</v>
      </c>
      <c r="C4166">
        <v>2</v>
      </c>
      <c r="D4166">
        <v>0</v>
      </c>
    </row>
    <row r="4167" spans="1:4" x14ac:dyDescent="0.25">
      <c r="A4167" t="s">
        <v>6348</v>
      </c>
      <c r="B4167" t="s">
        <v>6349</v>
      </c>
      <c r="C4167">
        <v>2</v>
      </c>
      <c r="D4167">
        <v>0</v>
      </c>
    </row>
    <row r="4168" spans="1:4" x14ac:dyDescent="0.25">
      <c r="A4168" t="s">
        <v>6350</v>
      </c>
      <c r="B4168" t="s">
        <v>6351</v>
      </c>
      <c r="C4168">
        <v>1</v>
      </c>
      <c r="D4168">
        <v>0</v>
      </c>
    </row>
    <row r="4169" spans="1:4" x14ac:dyDescent="0.25">
      <c r="A4169" t="s">
        <v>6350</v>
      </c>
      <c r="B4169" t="s">
        <v>6352</v>
      </c>
      <c r="C4169">
        <v>1</v>
      </c>
      <c r="D4169">
        <v>0</v>
      </c>
    </row>
    <row r="4170" spans="1:4" x14ac:dyDescent="0.25">
      <c r="A4170" t="s">
        <v>6350</v>
      </c>
      <c r="B4170" t="s">
        <v>6353</v>
      </c>
      <c r="C4170">
        <v>1</v>
      </c>
      <c r="D4170">
        <v>0</v>
      </c>
    </row>
    <row r="4171" spans="1:4" x14ac:dyDescent="0.25">
      <c r="A4171" t="s">
        <v>6354</v>
      </c>
      <c r="B4171" t="s">
        <v>1499</v>
      </c>
      <c r="C4171">
        <v>1</v>
      </c>
      <c r="D4171">
        <v>0</v>
      </c>
    </row>
    <row r="4172" spans="1:4" x14ac:dyDescent="0.25">
      <c r="A4172" t="s">
        <v>6355</v>
      </c>
      <c r="B4172" t="s">
        <v>6356</v>
      </c>
      <c r="C4172">
        <v>1</v>
      </c>
      <c r="D4172">
        <v>0</v>
      </c>
    </row>
    <row r="4173" spans="1:4" x14ac:dyDescent="0.25">
      <c r="A4173" t="s">
        <v>6355</v>
      </c>
      <c r="B4173" t="s">
        <v>6357</v>
      </c>
      <c r="C4173">
        <v>0</v>
      </c>
      <c r="D4173">
        <v>0</v>
      </c>
    </row>
    <row r="4174" spans="1:4" x14ac:dyDescent="0.25">
      <c r="A4174" t="s">
        <v>6358</v>
      </c>
      <c r="B4174" t="s">
        <v>6359</v>
      </c>
      <c r="C4174">
        <v>0</v>
      </c>
      <c r="D4174">
        <v>0</v>
      </c>
    </row>
    <row r="4175" spans="1:4" x14ac:dyDescent="0.25">
      <c r="A4175" t="s">
        <v>6358</v>
      </c>
      <c r="B4175" t="s">
        <v>6360</v>
      </c>
      <c r="C4175">
        <v>1</v>
      </c>
      <c r="D4175">
        <v>0</v>
      </c>
    </row>
    <row r="4176" spans="1:4" x14ac:dyDescent="0.25">
      <c r="A4176" t="s">
        <v>6361</v>
      </c>
      <c r="B4176" t="s">
        <v>6362</v>
      </c>
      <c r="C4176">
        <v>2</v>
      </c>
      <c r="D4176">
        <v>0</v>
      </c>
    </row>
    <row r="4177" spans="1:4" x14ac:dyDescent="0.25">
      <c r="A4177" t="s">
        <v>6361</v>
      </c>
      <c r="B4177" t="s">
        <v>6363</v>
      </c>
      <c r="C4177">
        <v>2</v>
      </c>
      <c r="D4177">
        <v>0</v>
      </c>
    </row>
    <row r="4178" spans="1:4" x14ac:dyDescent="0.25">
      <c r="A4178" t="s">
        <v>6364</v>
      </c>
      <c r="B4178" t="s">
        <v>6365</v>
      </c>
      <c r="C4178">
        <v>0</v>
      </c>
      <c r="D4178">
        <v>0</v>
      </c>
    </row>
    <row r="4179" spans="1:4" x14ac:dyDescent="0.25">
      <c r="A4179" t="s">
        <v>6366</v>
      </c>
      <c r="B4179" t="s">
        <v>6367</v>
      </c>
      <c r="C4179">
        <v>0</v>
      </c>
      <c r="D4179">
        <v>0</v>
      </c>
    </row>
    <row r="4180" spans="1:4" x14ac:dyDescent="0.25">
      <c r="A4180" t="s">
        <v>6366</v>
      </c>
      <c r="B4180" t="s">
        <v>6368</v>
      </c>
      <c r="C4180">
        <v>1</v>
      </c>
      <c r="D4180">
        <v>0</v>
      </c>
    </row>
    <row r="4181" spans="1:4" x14ac:dyDescent="0.25">
      <c r="A4181" t="s">
        <v>6366</v>
      </c>
      <c r="B4181" t="s">
        <v>6369</v>
      </c>
      <c r="C4181">
        <v>1</v>
      </c>
      <c r="D4181">
        <v>0</v>
      </c>
    </row>
    <row r="4182" spans="1:4" x14ac:dyDescent="0.25">
      <c r="A4182" t="s">
        <v>6370</v>
      </c>
      <c r="B4182" t="s">
        <v>398</v>
      </c>
      <c r="C4182">
        <v>0</v>
      </c>
      <c r="D4182">
        <v>0</v>
      </c>
    </row>
    <row r="4183" spans="1:4" x14ac:dyDescent="0.25">
      <c r="A4183" t="s">
        <v>6371</v>
      </c>
      <c r="B4183" t="s">
        <v>6372</v>
      </c>
      <c r="C4183">
        <v>2</v>
      </c>
      <c r="D4183">
        <v>0</v>
      </c>
    </row>
    <row r="4184" spans="1:4" x14ac:dyDescent="0.25">
      <c r="A4184" t="s">
        <v>6371</v>
      </c>
      <c r="B4184" t="s">
        <v>6373</v>
      </c>
      <c r="C4184">
        <v>0</v>
      </c>
      <c r="D4184">
        <v>0</v>
      </c>
    </row>
    <row r="4185" spans="1:4" x14ac:dyDescent="0.25">
      <c r="A4185" t="s">
        <v>6374</v>
      </c>
      <c r="B4185" t="s">
        <v>6375</v>
      </c>
      <c r="C4185">
        <v>1</v>
      </c>
      <c r="D4185">
        <v>0</v>
      </c>
    </row>
    <row r="4186" spans="1:4" x14ac:dyDescent="0.25">
      <c r="A4186" t="s">
        <v>6376</v>
      </c>
      <c r="B4186" t="s">
        <v>6377</v>
      </c>
      <c r="C4186">
        <v>0</v>
      </c>
      <c r="D4186">
        <v>0</v>
      </c>
    </row>
    <row r="4187" spans="1:4" x14ac:dyDescent="0.25">
      <c r="A4187" t="s">
        <v>6376</v>
      </c>
      <c r="B4187" t="s">
        <v>6378</v>
      </c>
      <c r="C4187">
        <v>0</v>
      </c>
      <c r="D4187">
        <v>0</v>
      </c>
    </row>
    <row r="4188" spans="1:4" x14ac:dyDescent="0.25">
      <c r="A4188" t="s">
        <v>6379</v>
      </c>
      <c r="B4188" t="s">
        <v>1101</v>
      </c>
      <c r="C4188">
        <v>1</v>
      </c>
      <c r="D4188">
        <v>0</v>
      </c>
    </row>
    <row r="4189" spans="1:4" x14ac:dyDescent="0.25">
      <c r="A4189" t="s">
        <v>6379</v>
      </c>
      <c r="B4189" t="s">
        <v>6380</v>
      </c>
      <c r="C4189">
        <v>2</v>
      </c>
      <c r="D4189">
        <v>0</v>
      </c>
    </row>
    <row r="4190" spans="1:4" x14ac:dyDescent="0.25">
      <c r="A4190" t="s">
        <v>6381</v>
      </c>
      <c r="B4190" t="s">
        <v>6382</v>
      </c>
      <c r="C4190">
        <v>0</v>
      </c>
      <c r="D4190">
        <v>0</v>
      </c>
    </row>
    <row r="4191" spans="1:4" x14ac:dyDescent="0.25">
      <c r="A4191" t="s">
        <v>6381</v>
      </c>
      <c r="B4191" t="s">
        <v>6383</v>
      </c>
      <c r="C4191">
        <v>1</v>
      </c>
      <c r="D4191">
        <v>0</v>
      </c>
    </row>
    <row r="4192" spans="1:4" x14ac:dyDescent="0.25">
      <c r="A4192" t="s">
        <v>6384</v>
      </c>
      <c r="B4192" t="s">
        <v>6385</v>
      </c>
      <c r="C4192">
        <v>1</v>
      </c>
      <c r="D4192">
        <v>0</v>
      </c>
    </row>
    <row r="4193" spans="1:4" x14ac:dyDescent="0.25">
      <c r="A4193" t="s">
        <v>6386</v>
      </c>
      <c r="B4193" t="s">
        <v>6387</v>
      </c>
      <c r="C4193">
        <v>0</v>
      </c>
      <c r="D4193">
        <v>0</v>
      </c>
    </row>
    <row r="4194" spans="1:4" x14ac:dyDescent="0.25">
      <c r="A4194" t="s">
        <v>6388</v>
      </c>
      <c r="B4194" t="s">
        <v>5995</v>
      </c>
      <c r="C4194">
        <v>1</v>
      </c>
      <c r="D4194">
        <v>0</v>
      </c>
    </row>
    <row r="4195" spans="1:4" x14ac:dyDescent="0.25">
      <c r="A4195" t="s">
        <v>6389</v>
      </c>
      <c r="B4195" t="s">
        <v>6390</v>
      </c>
      <c r="C4195">
        <v>0</v>
      </c>
      <c r="D4195">
        <v>0</v>
      </c>
    </row>
    <row r="4196" spans="1:4" x14ac:dyDescent="0.25">
      <c r="A4196" t="s">
        <v>6391</v>
      </c>
      <c r="B4196" t="s">
        <v>6392</v>
      </c>
      <c r="C4196">
        <v>1</v>
      </c>
      <c r="D4196">
        <v>0</v>
      </c>
    </row>
    <row r="4197" spans="1:4" x14ac:dyDescent="0.25">
      <c r="A4197" t="s">
        <v>6393</v>
      </c>
      <c r="B4197" t="s">
        <v>6394</v>
      </c>
      <c r="C4197">
        <v>0</v>
      </c>
      <c r="D4197">
        <v>0</v>
      </c>
    </row>
    <row r="4198" spans="1:4" x14ac:dyDescent="0.25">
      <c r="A4198" t="s">
        <v>6395</v>
      </c>
      <c r="B4198" t="s">
        <v>6396</v>
      </c>
      <c r="C4198">
        <v>2</v>
      </c>
      <c r="D4198">
        <v>0</v>
      </c>
    </row>
    <row r="4199" spans="1:4" x14ac:dyDescent="0.25">
      <c r="A4199" t="s">
        <v>6397</v>
      </c>
      <c r="B4199" t="s">
        <v>6398</v>
      </c>
      <c r="C4199">
        <v>0</v>
      </c>
      <c r="D4199">
        <v>0</v>
      </c>
    </row>
    <row r="4200" spans="1:4" x14ac:dyDescent="0.25">
      <c r="A4200" t="s">
        <v>6397</v>
      </c>
      <c r="B4200" t="s">
        <v>6399</v>
      </c>
      <c r="C4200">
        <v>2</v>
      </c>
      <c r="D4200">
        <v>0</v>
      </c>
    </row>
    <row r="4201" spans="1:4" x14ac:dyDescent="0.25">
      <c r="A4201" t="s">
        <v>6400</v>
      </c>
      <c r="B4201" t="s">
        <v>6401</v>
      </c>
      <c r="C4201">
        <v>0</v>
      </c>
      <c r="D4201">
        <v>0</v>
      </c>
    </row>
    <row r="4202" spans="1:4" x14ac:dyDescent="0.25">
      <c r="A4202" t="s">
        <v>6400</v>
      </c>
      <c r="B4202" t="s">
        <v>6402</v>
      </c>
      <c r="C4202">
        <v>1</v>
      </c>
      <c r="D4202">
        <v>0</v>
      </c>
    </row>
    <row r="4203" spans="1:4" x14ac:dyDescent="0.25">
      <c r="A4203" t="s">
        <v>6400</v>
      </c>
      <c r="B4203" t="s">
        <v>6403</v>
      </c>
      <c r="C4203">
        <v>0</v>
      </c>
      <c r="D4203">
        <v>0</v>
      </c>
    </row>
    <row r="4204" spans="1:4" x14ac:dyDescent="0.25">
      <c r="A4204" t="s">
        <v>6404</v>
      </c>
      <c r="B4204" t="s">
        <v>1151</v>
      </c>
      <c r="C4204">
        <v>1</v>
      </c>
      <c r="D4204">
        <v>0</v>
      </c>
    </row>
    <row r="4205" spans="1:4" x14ac:dyDescent="0.25">
      <c r="A4205" t="s">
        <v>6405</v>
      </c>
      <c r="B4205" t="s">
        <v>6406</v>
      </c>
      <c r="C4205">
        <v>0</v>
      </c>
      <c r="D4205">
        <v>0</v>
      </c>
    </row>
    <row r="4206" spans="1:4" x14ac:dyDescent="0.25">
      <c r="A4206" t="s">
        <v>6407</v>
      </c>
      <c r="B4206" t="s">
        <v>6408</v>
      </c>
      <c r="C4206">
        <v>1</v>
      </c>
      <c r="D4206">
        <v>0</v>
      </c>
    </row>
    <row r="4207" spans="1:4" x14ac:dyDescent="0.25">
      <c r="A4207" t="s">
        <v>6407</v>
      </c>
      <c r="B4207" t="s">
        <v>6409</v>
      </c>
      <c r="C4207">
        <v>2</v>
      </c>
      <c r="D4207">
        <v>0</v>
      </c>
    </row>
    <row r="4208" spans="1:4" x14ac:dyDescent="0.25">
      <c r="A4208" t="s">
        <v>6407</v>
      </c>
      <c r="B4208" t="s">
        <v>6410</v>
      </c>
      <c r="C4208">
        <v>1</v>
      </c>
      <c r="D4208">
        <v>0</v>
      </c>
    </row>
    <row r="4209" spans="1:4" x14ac:dyDescent="0.25">
      <c r="A4209" t="s">
        <v>6411</v>
      </c>
      <c r="B4209" t="s">
        <v>6412</v>
      </c>
      <c r="C4209">
        <v>2</v>
      </c>
      <c r="D4209">
        <v>0</v>
      </c>
    </row>
    <row r="4210" spans="1:4" x14ac:dyDescent="0.25">
      <c r="A4210" t="s">
        <v>6413</v>
      </c>
      <c r="B4210" t="s">
        <v>1387</v>
      </c>
      <c r="C4210">
        <v>1</v>
      </c>
      <c r="D4210">
        <v>0</v>
      </c>
    </row>
    <row r="4211" spans="1:4" x14ac:dyDescent="0.25">
      <c r="A4211" t="s">
        <v>6413</v>
      </c>
      <c r="B4211" t="s">
        <v>2943</v>
      </c>
      <c r="C4211">
        <v>0</v>
      </c>
      <c r="D4211">
        <v>0</v>
      </c>
    </row>
    <row r="4212" spans="1:4" x14ac:dyDescent="0.25">
      <c r="A4212" t="s">
        <v>6414</v>
      </c>
      <c r="B4212" t="s">
        <v>6415</v>
      </c>
      <c r="C4212">
        <v>0</v>
      </c>
      <c r="D4212">
        <v>0</v>
      </c>
    </row>
    <row r="4213" spans="1:4" x14ac:dyDescent="0.25">
      <c r="A4213" t="s">
        <v>6414</v>
      </c>
      <c r="B4213" t="s">
        <v>6416</v>
      </c>
      <c r="C4213">
        <v>0</v>
      </c>
      <c r="D4213">
        <v>0</v>
      </c>
    </row>
    <row r="4214" spans="1:4" x14ac:dyDescent="0.25">
      <c r="A4214" t="s">
        <v>6417</v>
      </c>
      <c r="B4214" t="s">
        <v>6418</v>
      </c>
      <c r="C4214">
        <v>0</v>
      </c>
      <c r="D4214">
        <v>0</v>
      </c>
    </row>
    <row r="4215" spans="1:4" x14ac:dyDescent="0.25">
      <c r="A4215" t="s">
        <v>6417</v>
      </c>
      <c r="B4215" t="s">
        <v>6419</v>
      </c>
      <c r="C4215">
        <v>1</v>
      </c>
      <c r="D4215">
        <v>0</v>
      </c>
    </row>
    <row r="4216" spans="1:4" x14ac:dyDescent="0.25">
      <c r="A4216" t="s">
        <v>6417</v>
      </c>
      <c r="B4216" t="s">
        <v>6420</v>
      </c>
      <c r="C4216">
        <v>1</v>
      </c>
      <c r="D4216">
        <v>0</v>
      </c>
    </row>
    <row r="4217" spans="1:4" x14ac:dyDescent="0.25">
      <c r="A4217" t="s">
        <v>6421</v>
      </c>
      <c r="B4217" t="s">
        <v>969</v>
      </c>
      <c r="C4217">
        <v>0</v>
      </c>
      <c r="D4217">
        <v>0</v>
      </c>
    </row>
    <row r="4218" spans="1:4" x14ac:dyDescent="0.25">
      <c r="A4218" t="s">
        <v>6422</v>
      </c>
      <c r="B4218" t="s">
        <v>6423</v>
      </c>
      <c r="C4218">
        <v>0</v>
      </c>
      <c r="D4218">
        <v>0</v>
      </c>
    </row>
    <row r="4219" spans="1:4" x14ac:dyDescent="0.25">
      <c r="A4219" t="s">
        <v>6424</v>
      </c>
      <c r="B4219" t="s">
        <v>398</v>
      </c>
      <c r="C4219">
        <v>0</v>
      </c>
      <c r="D4219">
        <v>0</v>
      </c>
    </row>
    <row r="4220" spans="1:4" x14ac:dyDescent="0.25">
      <c r="A4220" t="s">
        <v>6425</v>
      </c>
      <c r="B4220" t="s">
        <v>1499</v>
      </c>
      <c r="C4220">
        <v>1</v>
      </c>
      <c r="D4220">
        <v>0</v>
      </c>
    </row>
    <row r="4221" spans="1:4" x14ac:dyDescent="0.25">
      <c r="A4221" t="s">
        <v>6426</v>
      </c>
      <c r="B4221" t="s">
        <v>6427</v>
      </c>
      <c r="C4221">
        <v>2</v>
      </c>
      <c r="D4221">
        <v>0</v>
      </c>
    </row>
    <row r="4222" spans="1:4" x14ac:dyDescent="0.25">
      <c r="A4222" t="s">
        <v>6426</v>
      </c>
      <c r="B4222" t="s">
        <v>6428</v>
      </c>
      <c r="C4222">
        <v>0</v>
      </c>
      <c r="D4222">
        <v>0</v>
      </c>
    </row>
    <row r="4223" spans="1:4" x14ac:dyDescent="0.25">
      <c r="A4223" t="s">
        <v>6429</v>
      </c>
      <c r="B4223" t="s">
        <v>6430</v>
      </c>
      <c r="C4223">
        <v>0</v>
      </c>
      <c r="D4223">
        <v>0</v>
      </c>
    </row>
    <row r="4224" spans="1:4" x14ac:dyDescent="0.25">
      <c r="A4224" t="s">
        <v>6431</v>
      </c>
      <c r="B4224" t="s">
        <v>6432</v>
      </c>
      <c r="C4224">
        <v>1</v>
      </c>
      <c r="D4224">
        <v>0</v>
      </c>
    </row>
    <row r="4225" spans="1:4" x14ac:dyDescent="0.25">
      <c r="A4225" t="s">
        <v>6433</v>
      </c>
      <c r="B4225" t="s">
        <v>6434</v>
      </c>
      <c r="C4225">
        <v>0</v>
      </c>
      <c r="D4225">
        <v>0</v>
      </c>
    </row>
    <row r="4226" spans="1:4" x14ac:dyDescent="0.25">
      <c r="A4226" t="s">
        <v>6435</v>
      </c>
      <c r="B4226" t="s">
        <v>6436</v>
      </c>
      <c r="C4226">
        <v>0</v>
      </c>
      <c r="D4226">
        <v>0</v>
      </c>
    </row>
    <row r="4227" spans="1:4" x14ac:dyDescent="0.25">
      <c r="A4227" t="s">
        <v>6437</v>
      </c>
      <c r="B4227" t="s">
        <v>6438</v>
      </c>
      <c r="C4227">
        <v>0</v>
      </c>
      <c r="D4227">
        <v>0</v>
      </c>
    </row>
    <row r="4228" spans="1:4" x14ac:dyDescent="0.25">
      <c r="A4228" t="s">
        <v>6437</v>
      </c>
      <c r="B4228" t="s">
        <v>6439</v>
      </c>
      <c r="C4228">
        <v>2</v>
      </c>
      <c r="D4228">
        <v>0</v>
      </c>
    </row>
    <row r="4229" spans="1:4" x14ac:dyDescent="0.25">
      <c r="A4229" t="s">
        <v>6440</v>
      </c>
      <c r="B4229" t="s">
        <v>6441</v>
      </c>
      <c r="C4229">
        <v>1</v>
      </c>
      <c r="D4229">
        <v>0</v>
      </c>
    </row>
    <row r="4230" spans="1:4" x14ac:dyDescent="0.25">
      <c r="A4230" t="s">
        <v>6442</v>
      </c>
      <c r="B4230" t="s">
        <v>6443</v>
      </c>
      <c r="C4230">
        <v>0</v>
      </c>
      <c r="D4230">
        <v>0</v>
      </c>
    </row>
    <row r="4231" spans="1:4" x14ac:dyDescent="0.25">
      <c r="A4231" t="s">
        <v>6442</v>
      </c>
      <c r="B4231" t="s">
        <v>6444</v>
      </c>
      <c r="C4231">
        <v>0</v>
      </c>
      <c r="D4231">
        <v>0</v>
      </c>
    </row>
    <row r="4232" spans="1:4" x14ac:dyDescent="0.25">
      <c r="A4232" t="s">
        <v>6445</v>
      </c>
      <c r="B4232" t="s">
        <v>6446</v>
      </c>
      <c r="C4232">
        <v>0</v>
      </c>
      <c r="D4232">
        <v>0</v>
      </c>
    </row>
    <row r="4233" spans="1:4" x14ac:dyDescent="0.25">
      <c r="A4233" t="s">
        <v>6447</v>
      </c>
      <c r="B4233" t="s">
        <v>6448</v>
      </c>
      <c r="C4233">
        <v>2</v>
      </c>
      <c r="D4233">
        <v>0</v>
      </c>
    </row>
    <row r="4234" spans="1:4" x14ac:dyDescent="0.25">
      <c r="A4234" t="s">
        <v>6447</v>
      </c>
      <c r="B4234" t="s">
        <v>6449</v>
      </c>
      <c r="C4234">
        <v>0</v>
      </c>
      <c r="D4234">
        <v>0</v>
      </c>
    </row>
    <row r="4235" spans="1:4" x14ac:dyDescent="0.25">
      <c r="A4235" t="s">
        <v>6447</v>
      </c>
      <c r="B4235" t="s">
        <v>6450</v>
      </c>
      <c r="C4235">
        <v>2</v>
      </c>
      <c r="D4235">
        <v>0</v>
      </c>
    </row>
    <row r="4236" spans="1:4" x14ac:dyDescent="0.25">
      <c r="A4236" t="s">
        <v>6451</v>
      </c>
      <c r="B4236" t="s">
        <v>6452</v>
      </c>
      <c r="C4236">
        <v>0</v>
      </c>
      <c r="D4236">
        <v>0</v>
      </c>
    </row>
    <row r="4237" spans="1:4" x14ac:dyDescent="0.25">
      <c r="A4237" t="s">
        <v>6451</v>
      </c>
      <c r="B4237" t="s">
        <v>6453</v>
      </c>
      <c r="C4237">
        <v>1</v>
      </c>
      <c r="D4237">
        <v>0</v>
      </c>
    </row>
    <row r="4238" spans="1:4" x14ac:dyDescent="0.25">
      <c r="A4238" t="s">
        <v>6454</v>
      </c>
      <c r="B4238" t="s">
        <v>1938</v>
      </c>
      <c r="C4238">
        <v>0</v>
      </c>
      <c r="D4238">
        <v>0</v>
      </c>
    </row>
    <row r="4239" spans="1:4" x14ac:dyDescent="0.25">
      <c r="A4239" t="s">
        <v>6455</v>
      </c>
      <c r="B4239" t="s">
        <v>6456</v>
      </c>
      <c r="C4239">
        <v>1</v>
      </c>
      <c r="D4239">
        <v>0</v>
      </c>
    </row>
    <row r="4240" spans="1:4" x14ac:dyDescent="0.25">
      <c r="A4240" t="s">
        <v>6455</v>
      </c>
      <c r="B4240" t="s">
        <v>6457</v>
      </c>
      <c r="C4240">
        <v>0</v>
      </c>
      <c r="D4240">
        <v>0</v>
      </c>
    </row>
    <row r="4241" spans="1:4" x14ac:dyDescent="0.25">
      <c r="A4241" t="s">
        <v>6458</v>
      </c>
      <c r="B4241" t="s">
        <v>6459</v>
      </c>
      <c r="C4241">
        <v>2</v>
      </c>
      <c r="D4241">
        <v>0</v>
      </c>
    </row>
    <row r="4242" spans="1:4" x14ac:dyDescent="0.25">
      <c r="A4242" t="s">
        <v>6458</v>
      </c>
      <c r="B4242" t="s">
        <v>6460</v>
      </c>
      <c r="C4242">
        <v>1</v>
      </c>
      <c r="D4242">
        <v>0</v>
      </c>
    </row>
    <row r="4243" spans="1:4" x14ac:dyDescent="0.25">
      <c r="A4243" t="s">
        <v>6461</v>
      </c>
      <c r="B4243" t="s">
        <v>6462</v>
      </c>
      <c r="C4243">
        <v>1</v>
      </c>
      <c r="D4243">
        <v>0</v>
      </c>
    </row>
    <row r="4244" spans="1:4" x14ac:dyDescent="0.25">
      <c r="A4244" t="s">
        <v>6461</v>
      </c>
      <c r="B4244" t="s">
        <v>6463</v>
      </c>
      <c r="C4244">
        <v>1</v>
      </c>
      <c r="D4244">
        <v>0</v>
      </c>
    </row>
    <row r="4245" spans="1:4" x14ac:dyDescent="0.25">
      <c r="A4245" t="s">
        <v>6464</v>
      </c>
      <c r="B4245" t="s">
        <v>1769</v>
      </c>
      <c r="C4245">
        <v>1</v>
      </c>
      <c r="D4245">
        <v>0</v>
      </c>
    </row>
    <row r="4246" spans="1:4" x14ac:dyDescent="0.25">
      <c r="A4246" t="s">
        <v>6465</v>
      </c>
      <c r="B4246" t="s">
        <v>3410</v>
      </c>
      <c r="C4246">
        <v>1</v>
      </c>
      <c r="D4246">
        <v>0</v>
      </c>
    </row>
    <row r="4247" spans="1:4" x14ac:dyDescent="0.25">
      <c r="A4247" t="s">
        <v>6466</v>
      </c>
      <c r="B4247" t="s">
        <v>1629</v>
      </c>
      <c r="C4247">
        <v>1</v>
      </c>
      <c r="D4247">
        <v>0</v>
      </c>
    </row>
    <row r="4248" spans="1:4" x14ac:dyDescent="0.25">
      <c r="A4248" t="s">
        <v>6466</v>
      </c>
      <c r="B4248" t="s">
        <v>6467</v>
      </c>
      <c r="C4248">
        <v>1</v>
      </c>
      <c r="D4248">
        <v>0</v>
      </c>
    </row>
    <row r="4249" spans="1:4" x14ac:dyDescent="0.25">
      <c r="A4249" t="s">
        <v>6468</v>
      </c>
      <c r="B4249" t="s">
        <v>843</v>
      </c>
      <c r="C4249">
        <v>1</v>
      </c>
      <c r="D4249">
        <v>0</v>
      </c>
    </row>
    <row r="4250" spans="1:4" x14ac:dyDescent="0.25">
      <c r="A4250" t="s">
        <v>6469</v>
      </c>
      <c r="B4250" t="s">
        <v>6470</v>
      </c>
      <c r="C4250">
        <v>1</v>
      </c>
      <c r="D4250">
        <v>0</v>
      </c>
    </row>
    <row r="4251" spans="1:4" x14ac:dyDescent="0.25">
      <c r="A4251" t="s">
        <v>6471</v>
      </c>
      <c r="B4251" t="s">
        <v>6472</v>
      </c>
      <c r="C4251">
        <v>0</v>
      </c>
      <c r="D4251">
        <v>0</v>
      </c>
    </row>
    <row r="4252" spans="1:4" x14ac:dyDescent="0.25">
      <c r="A4252" t="s">
        <v>6473</v>
      </c>
      <c r="B4252" t="s">
        <v>6474</v>
      </c>
      <c r="C4252">
        <v>2</v>
      </c>
      <c r="D4252">
        <v>0</v>
      </c>
    </row>
    <row r="4253" spans="1:4" x14ac:dyDescent="0.25">
      <c r="A4253" t="s">
        <v>6475</v>
      </c>
      <c r="B4253" t="s">
        <v>6476</v>
      </c>
      <c r="C4253">
        <v>2</v>
      </c>
      <c r="D4253">
        <v>0</v>
      </c>
    </row>
    <row r="4254" spans="1:4" x14ac:dyDescent="0.25">
      <c r="A4254" t="s">
        <v>6475</v>
      </c>
      <c r="B4254" t="s">
        <v>6477</v>
      </c>
      <c r="C4254">
        <v>1</v>
      </c>
      <c r="D4254">
        <v>0</v>
      </c>
    </row>
    <row r="4255" spans="1:4" x14ac:dyDescent="0.25">
      <c r="A4255" t="s">
        <v>6478</v>
      </c>
      <c r="B4255" t="s">
        <v>6479</v>
      </c>
      <c r="C4255">
        <v>1</v>
      </c>
      <c r="D4255">
        <v>0</v>
      </c>
    </row>
    <row r="4256" spans="1:4" x14ac:dyDescent="0.25">
      <c r="A4256" t="s">
        <v>6478</v>
      </c>
      <c r="B4256" t="s">
        <v>6480</v>
      </c>
      <c r="C4256">
        <v>1</v>
      </c>
      <c r="D4256">
        <v>0</v>
      </c>
    </row>
    <row r="4257" spans="1:4" x14ac:dyDescent="0.25">
      <c r="A4257" t="s">
        <v>6478</v>
      </c>
      <c r="B4257" t="s">
        <v>6481</v>
      </c>
      <c r="C4257">
        <v>1</v>
      </c>
      <c r="D4257">
        <v>0</v>
      </c>
    </row>
    <row r="4258" spans="1:4" x14ac:dyDescent="0.25">
      <c r="A4258" t="s">
        <v>6482</v>
      </c>
      <c r="B4258" t="s">
        <v>6483</v>
      </c>
      <c r="C4258">
        <v>1</v>
      </c>
      <c r="D4258">
        <v>0</v>
      </c>
    </row>
    <row r="4259" spans="1:4" x14ac:dyDescent="0.25">
      <c r="A4259" t="s">
        <v>6484</v>
      </c>
      <c r="B4259" t="s">
        <v>6485</v>
      </c>
      <c r="C4259">
        <v>2</v>
      </c>
      <c r="D4259">
        <v>0</v>
      </c>
    </row>
    <row r="4260" spans="1:4" x14ac:dyDescent="0.25">
      <c r="A4260" t="s">
        <v>6484</v>
      </c>
      <c r="B4260" t="s">
        <v>6486</v>
      </c>
      <c r="C4260">
        <v>0</v>
      </c>
      <c r="D4260">
        <v>0</v>
      </c>
    </row>
    <row r="4261" spans="1:4" x14ac:dyDescent="0.25">
      <c r="A4261" t="s">
        <v>6484</v>
      </c>
      <c r="B4261" t="s">
        <v>6487</v>
      </c>
      <c r="C4261">
        <v>1</v>
      </c>
      <c r="D4261">
        <v>0</v>
      </c>
    </row>
    <row r="4262" spans="1:4" x14ac:dyDescent="0.25">
      <c r="A4262" t="s">
        <v>6488</v>
      </c>
      <c r="B4262" t="s">
        <v>6489</v>
      </c>
      <c r="C4262">
        <v>2</v>
      </c>
      <c r="D4262">
        <v>0</v>
      </c>
    </row>
    <row r="4263" spans="1:4" x14ac:dyDescent="0.25">
      <c r="A4263" t="s">
        <v>6488</v>
      </c>
      <c r="B4263" t="s">
        <v>6490</v>
      </c>
      <c r="C4263">
        <v>0</v>
      </c>
      <c r="D4263">
        <v>0</v>
      </c>
    </row>
    <row r="4264" spans="1:4" x14ac:dyDescent="0.25">
      <c r="A4264" t="s">
        <v>6488</v>
      </c>
      <c r="B4264" t="s">
        <v>6491</v>
      </c>
      <c r="C4264">
        <v>0</v>
      </c>
      <c r="D4264">
        <v>0</v>
      </c>
    </row>
    <row r="4265" spans="1:4" x14ac:dyDescent="0.25">
      <c r="A4265" t="s">
        <v>6492</v>
      </c>
      <c r="B4265" t="s">
        <v>6493</v>
      </c>
      <c r="C4265">
        <v>2</v>
      </c>
      <c r="D4265">
        <v>0</v>
      </c>
    </row>
    <row r="4266" spans="1:4" x14ac:dyDescent="0.25">
      <c r="A4266" t="s">
        <v>6492</v>
      </c>
      <c r="B4266" t="s">
        <v>6494</v>
      </c>
      <c r="C4266">
        <v>1</v>
      </c>
      <c r="D4266">
        <v>0</v>
      </c>
    </row>
    <row r="4267" spans="1:4" x14ac:dyDescent="0.25">
      <c r="A4267" t="s">
        <v>6492</v>
      </c>
      <c r="B4267" t="s">
        <v>6495</v>
      </c>
      <c r="C4267">
        <v>1</v>
      </c>
      <c r="D4267">
        <v>0</v>
      </c>
    </row>
    <row r="4268" spans="1:4" x14ac:dyDescent="0.25">
      <c r="A4268" t="s">
        <v>6496</v>
      </c>
      <c r="B4268" t="s">
        <v>6497</v>
      </c>
      <c r="C4268">
        <v>0</v>
      </c>
      <c r="D4268">
        <v>0</v>
      </c>
    </row>
    <row r="4269" spans="1:4" x14ac:dyDescent="0.25">
      <c r="A4269" t="s">
        <v>6498</v>
      </c>
      <c r="B4269" t="s">
        <v>6499</v>
      </c>
      <c r="C4269">
        <v>0</v>
      </c>
      <c r="D4269">
        <v>0</v>
      </c>
    </row>
    <row r="4270" spans="1:4" x14ac:dyDescent="0.25">
      <c r="A4270" t="s">
        <v>6500</v>
      </c>
      <c r="B4270" t="s">
        <v>6501</v>
      </c>
      <c r="C4270">
        <v>2</v>
      </c>
      <c r="D4270">
        <v>0</v>
      </c>
    </row>
    <row r="4271" spans="1:4" x14ac:dyDescent="0.25">
      <c r="A4271" t="s">
        <v>6500</v>
      </c>
      <c r="B4271" t="s">
        <v>6502</v>
      </c>
      <c r="C4271">
        <v>1</v>
      </c>
      <c r="D4271">
        <v>0</v>
      </c>
    </row>
    <row r="4272" spans="1:4" x14ac:dyDescent="0.25">
      <c r="A4272" t="s">
        <v>6500</v>
      </c>
      <c r="B4272" t="s">
        <v>6503</v>
      </c>
      <c r="C4272">
        <v>2</v>
      </c>
      <c r="D4272">
        <v>0</v>
      </c>
    </row>
    <row r="4273" spans="1:4" x14ac:dyDescent="0.25">
      <c r="A4273" t="s">
        <v>6504</v>
      </c>
      <c r="B4273" t="s">
        <v>6505</v>
      </c>
      <c r="C4273">
        <v>0</v>
      </c>
      <c r="D4273">
        <v>0</v>
      </c>
    </row>
    <row r="4274" spans="1:4" x14ac:dyDescent="0.25">
      <c r="A4274" t="s">
        <v>6504</v>
      </c>
      <c r="B4274" t="s">
        <v>6506</v>
      </c>
      <c r="C4274">
        <v>0</v>
      </c>
      <c r="D4274">
        <v>0</v>
      </c>
    </row>
    <row r="4275" spans="1:4" x14ac:dyDescent="0.25">
      <c r="A4275" t="s">
        <v>6507</v>
      </c>
      <c r="B4275" t="s">
        <v>6508</v>
      </c>
      <c r="C4275">
        <v>0</v>
      </c>
      <c r="D4275">
        <v>0</v>
      </c>
    </row>
    <row r="4276" spans="1:4" x14ac:dyDescent="0.25">
      <c r="A4276" t="s">
        <v>6507</v>
      </c>
      <c r="B4276" t="s">
        <v>6509</v>
      </c>
      <c r="C4276">
        <v>0</v>
      </c>
      <c r="D4276">
        <v>0</v>
      </c>
    </row>
    <row r="4277" spans="1:4" x14ac:dyDescent="0.25">
      <c r="A4277" t="s">
        <v>6507</v>
      </c>
      <c r="B4277" t="s">
        <v>6510</v>
      </c>
      <c r="C4277">
        <v>2</v>
      </c>
      <c r="D4277">
        <v>0</v>
      </c>
    </row>
    <row r="4278" spans="1:4" x14ac:dyDescent="0.25">
      <c r="A4278" t="s">
        <v>6511</v>
      </c>
      <c r="B4278" t="s">
        <v>1294</v>
      </c>
      <c r="C4278">
        <v>1</v>
      </c>
      <c r="D4278">
        <v>0</v>
      </c>
    </row>
    <row r="4279" spans="1:4" x14ac:dyDescent="0.25">
      <c r="A4279" t="s">
        <v>6512</v>
      </c>
      <c r="B4279" t="s">
        <v>6513</v>
      </c>
      <c r="C4279">
        <v>1</v>
      </c>
      <c r="D4279">
        <v>0</v>
      </c>
    </row>
    <row r="4280" spans="1:4" x14ac:dyDescent="0.25">
      <c r="A4280" t="s">
        <v>6514</v>
      </c>
      <c r="B4280" t="s">
        <v>6515</v>
      </c>
      <c r="C4280">
        <v>0</v>
      </c>
      <c r="D4280">
        <v>0</v>
      </c>
    </row>
    <row r="4281" spans="1:4" x14ac:dyDescent="0.25">
      <c r="A4281" t="s">
        <v>6514</v>
      </c>
      <c r="B4281" t="s">
        <v>6516</v>
      </c>
      <c r="C4281">
        <v>2</v>
      </c>
      <c r="D4281">
        <v>0</v>
      </c>
    </row>
    <row r="4282" spans="1:4" x14ac:dyDescent="0.25">
      <c r="A4282" t="s">
        <v>6514</v>
      </c>
      <c r="B4282" t="s">
        <v>6517</v>
      </c>
      <c r="C4282">
        <v>0</v>
      </c>
      <c r="D4282">
        <v>0</v>
      </c>
    </row>
    <row r="4283" spans="1:4" x14ac:dyDescent="0.25">
      <c r="A4283" t="s">
        <v>6518</v>
      </c>
      <c r="B4283" t="s">
        <v>1387</v>
      </c>
      <c r="C4283">
        <v>0</v>
      </c>
      <c r="D4283">
        <v>0</v>
      </c>
    </row>
    <row r="4284" spans="1:4" x14ac:dyDescent="0.25">
      <c r="A4284" t="s">
        <v>6519</v>
      </c>
      <c r="B4284" t="s">
        <v>6520</v>
      </c>
      <c r="C4284">
        <v>1</v>
      </c>
      <c r="D4284">
        <v>0</v>
      </c>
    </row>
    <row r="4285" spans="1:4" x14ac:dyDescent="0.25">
      <c r="A4285" t="s">
        <v>6519</v>
      </c>
      <c r="B4285" t="s">
        <v>6521</v>
      </c>
      <c r="C4285">
        <v>1</v>
      </c>
      <c r="D4285">
        <v>0</v>
      </c>
    </row>
    <row r="4286" spans="1:4" x14ac:dyDescent="0.25">
      <c r="A4286" t="s">
        <v>6519</v>
      </c>
      <c r="B4286" t="s">
        <v>6522</v>
      </c>
      <c r="C4286">
        <v>1</v>
      </c>
      <c r="D4286">
        <v>0</v>
      </c>
    </row>
    <row r="4287" spans="1:4" x14ac:dyDescent="0.25">
      <c r="A4287" t="s">
        <v>6523</v>
      </c>
      <c r="B4287" t="s">
        <v>6524</v>
      </c>
      <c r="C4287">
        <v>2</v>
      </c>
      <c r="D4287">
        <v>0</v>
      </c>
    </row>
    <row r="4288" spans="1:4" x14ac:dyDescent="0.25">
      <c r="A4288" t="s">
        <v>6523</v>
      </c>
      <c r="B4288" t="s">
        <v>6525</v>
      </c>
      <c r="C4288">
        <v>0</v>
      </c>
      <c r="D4288">
        <v>0</v>
      </c>
    </row>
    <row r="4289" spans="1:4" x14ac:dyDescent="0.25">
      <c r="A4289" t="s">
        <v>6526</v>
      </c>
      <c r="B4289" t="s">
        <v>6527</v>
      </c>
      <c r="C4289">
        <v>1</v>
      </c>
      <c r="D4289">
        <v>0</v>
      </c>
    </row>
    <row r="4290" spans="1:4" x14ac:dyDescent="0.25">
      <c r="A4290" t="s">
        <v>6526</v>
      </c>
      <c r="B4290" t="s">
        <v>6528</v>
      </c>
      <c r="C4290">
        <v>1</v>
      </c>
      <c r="D4290">
        <v>0</v>
      </c>
    </row>
    <row r="4291" spans="1:4" x14ac:dyDescent="0.25">
      <c r="A4291" t="s">
        <v>6529</v>
      </c>
      <c r="B4291" t="s">
        <v>6530</v>
      </c>
      <c r="C4291">
        <v>1</v>
      </c>
      <c r="D4291">
        <v>0</v>
      </c>
    </row>
    <row r="4292" spans="1:4" x14ac:dyDescent="0.25">
      <c r="A4292" t="s">
        <v>6529</v>
      </c>
      <c r="B4292" t="s">
        <v>6531</v>
      </c>
      <c r="C4292">
        <v>1</v>
      </c>
      <c r="D4292">
        <v>0</v>
      </c>
    </row>
    <row r="4293" spans="1:4" x14ac:dyDescent="0.25">
      <c r="A4293" t="s">
        <v>6529</v>
      </c>
      <c r="B4293" t="s">
        <v>6532</v>
      </c>
      <c r="C4293">
        <v>1</v>
      </c>
      <c r="D4293">
        <v>0</v>
      </c>
    </row>
    <row r="4294" spans="1:4" x14ac:dyDescent="0.25">
      <c r="A4294" t="s">
        <v>6533</v>
      </c>
      <c r="B4294" t="s">
        <v>6534</v>
      </c>
      <c r="C4294">
        <v>0</v>
      </c>
      <c r="D4294">
        <v>0</v>
      </c>
    </row>
    <row r="4295" spans="1:4" x14ac:dyDescent="0.25">
      <c r="A4295" t="s">
        <v>6533</v>
      </c>
      <c r="B4295" t="s">
        <v>6535</v>
      </c>
      <c r="C4295">
        <v>0</v>
      </c>
      <c r="D4295">
        <v>0</v>
      </c>
    </row>
    <row r="4296" spans="1:4" x14ac:dyDescent="0.25">
      <c r="A4296" t="s">
        <v>6533</v>
      </c>
      <c r="B4296" t="s">
        <v>6536</v>
      </c>
      <c r="C4296">
        <v>0</v>
      </c>
      <c r="D4296">
        <v>0</v>
      </c>
    </row>
    <row r="4297" spans="1:4" x14ac:dyDescent="0.25">
      <c r="A4297" t="s">
        <v>6537</v>
      </c>
      <c r="B4297" t="s">
        <v>6538</v>
      </c>
      <c r="C4297">
        <v>1</v>
      </c>
      <c r="D4297">
        <v>0</v>
      </c>
    </row>
    <row r="4298" spans="1:4" x14ac:dyDescent="0.25">
      <c r="A4298" t="s">
        <v>6537</v>
      </c>
      <c r="B4298" t="s">
        <v>6539</v>
      </c>
      <c r="C4298">
        <v>2</v>
      </c>
      <c r="D4298">
        <v>0</v>
      </c>
    </row>
    <row r="4299" spans="1:4" x14ac:dyDescent="0.25">
      <c r="A4299" t="s">
        <v>6540</v>
      </c>
      <c r="B4299" t="s">
        <v>6541</v>
      </c>
      <c r="C4299">
        <v>1</v>
      </c>
      <c r="D4299">
        <v>0</v>
      </c>
    </row>
    <row r="4300" spans="1:4" x14ac:dyDescent="0.25">
      <c r="A4300" t="s">
        <v>6542</v>
      </c>
      <c r="B4300" t="s">
        <v>6543</v>
      </c>
      <c r="C4300">
        <v>0</v>
      </c>
      <c r="D4300">
        <v>0</v>
      </c>
    </row>
    <row r="4301" spans="1:4" x14ac:dyDescent="0.25">
      <c r="A4301" t="s">
        <v>6544</v>
      </c>
      <c r="B4301" t="s">
        <v>6545</v>
      </c>
      <c r="C4301">
        <v>0</v>
      </c>
      <c r="D4301">
        <v>0</v>
      </c>
    </row>
    <row r="4302" spans="1:4" x14ac:dyDescent="0.25">
      <c r="A4302" t="s">
        <v>6544</v>
      </c>
      <c r="B4302" t="s">
        <v>6546</v>
      </c>
      <c r="C4302">
        <v>0</v>
      </c>
      <c r="D4302">
        <v>0</v>
      </c>
    </row>
    <row r="4303" spans="1:4" x14ac:dyDescent="0.25">
      <c r="A4303" t="s">
        <v>6547</v>
      </c>
      <c r="B4303" t="s">
        <v>1294</v>
      </c>
      <c r="C4303">
        <v>1</v>
      </c>
      <c r="D4303">
        <v>0</v>
      </c>
    </row>
    <row r="4304" spans="1:4" x14ac:dyDescent="0.25">
      <c r="A4304" t="s">
        <v>6547</v>
      </c>
      <c r="B4304" t="s">
        <v>6548</v>
      </c>
      <c r="C4304">
        <v>0</v>
      </c>
      <c r="D4304">
        <v>0</v>
      </c>
    </row>
    <row r="4305" spans="1:4" x14ac:dyDescent="0.25">
      <c r="A4305" t="s">
        <v>6549</v>
      </c>
      <c r="B4305" t="s">
        <v>6550</v>
      </c>
      <c r="C4305">
        <v>0</v>
      </c>
      <c r="D4305">
        <v>0</v>
      </c>
    </row>
    <row r="4306" spans="1:4" x14ac:dyDescent="0.25">
      <c r="A4306" t="s">
        <v>6549</v>
      </c>
      <c r="B4306" t="s">
        <v>6551</v>
      </c>
      <c r="C4306">
        <v>0</v>
      </c>
      <c r="D4306">
        <v>0</v>
      </c>
    </row>
    <row r="4307" spans="1:4" x14ac:dyDescent="0.25">
      <c r="A4307" t="s">
        <v>6552</v>
      </c>
      <c r="B4307" t="s">
        <v>6553</v>
      </c>
      <c r="C4307">
        <v>2</v>
      </c>
      <c r="D4307">
        <v>0</v>
      </c>
    </row>
    <row r="4308" spans="1:4" x14ac:dyDescent="0.25">
      <c r="A4308" t="s">
        <v>6552</v>
      </c>
      <c r="B4308" t="s">
        <v>6554</v>
      </c>
      <c r="C4308">
        <v>0</v>
      </c>
      <c r="D4308">
        <v>0</v>
      </c>
    </row>
    <row r="4309" spans="1:4" x14ac:dyDescent="0.25">
      <c r="A4309" t="s">
        <v>6552</v>
      </c>
      <c r="B4309" t="s">
        <v>6555</v>
      </c>
      <c r="C4309">
        <v>2</v>
      </c>
      <c r="D4309">
        <v>0</v>
      </c>
    </row>
    <row r="4310" spans="1:4" x14ac:dyDescent="0.25">
      <c r="A4310" t="s">
        <v>6556</v>
      </c>
      <c r="B4310" t="s">
        <v>6557</v>
      </c>
      <c r="C4310">
        <v>1</v>
      </c>
      <c r="D4310">
        <v>0</v>
      </c>
    </row>
    <row r="4311" spans="1:4" x14ac:dyDescent="0.25">
      <c r="A4311" t="s">
        <v>6558</v>
      </c>
      <c r="B4311" t="s">
        <v>6559</v>
      </c>
      <c r="C4311">
        <v>0</v>
      </c>
      <c r="D4311">
        <v>0</v>
      </c>
    </row>
    <row r="4312" spans="1:4" x14ac:dyDescent="0.25">
      <c r="A4312" t="s">
        <v>6558</v>
      </c>
      <c r="B4312" t="s">
        <v>6560</v>
      </c>
      <c r="C4312">
        <v>0</v>
      </c>
      <c r="D4312">
        <v>0</v>
      </c>
    </row>
    <row r="4313" spans="1:4" x14ac:dyDescent="0.25">
      <c r="A4313" t="s">
        <v>6561</v>
      </c>
      <c r="B4313" t="s">
        <v>6562</v>
      </c>
      <c r="C4313">
        <v>2</v>
      </c>
      <c r="D4313">
        <v>0</v>
      </c>
    </row>
    <row r="4314" spans="1:4" x14ac:dyDescent="0.25">
      <c r="A4314" t="s">
        <v>6561</v>
      </c>
      <c r="B4314" t="s">
        <v>6563</v>
      </c>
      <c r="C4314">
        <v>0</v>
      </c>
      <c r="D4314">
        <v>0</v>
      </c>
    </row>
    <row r="4315" spans="1:4" x14ac:dyDescent="0.25">
      <c r="A4315" t="s">
        <v>6561</v>
      </c>
      <c r="B4315" t="s">
        <v>6564</v>
      </c>
      <c r="C4315">
        <v>0</v>
      </c>
      <c r="D4315">
        <v>0</v>
      </c>
    </row>
    <row r="4316" spans="1:4" x14ac:dyDescent="0.25">
      <c r="A4316" t="s">
        <v>6565</v>
      </c>
      <c r="B4316" t="s">
        <v>6566</v>
      </c>
      <c r="C4316">
        <v>2</v>
      </c>
      <c r="D4316">
        <v>0</v>
      </c>
    </row>
    <row r="4317" spans="1:4" x14ac:dyDescent="0.25">
      <c r="A4317" t="s">
        <v>6565</v>
      </c>
      <c r="B4317" t="s">
        <v>6567</v>
      </c>
      <c r="C4317">
        <v>2</v>
      </c>
      <c r="D4317">
        <v>0</v>
      </c>
    </row>
    <row r="4318" spans="1:4" x14ac:dyDescent="0.25">
      <c r="A4318" t="s">
        <v>6565</v>
      </c>
      <c r="B4318" t="s">
        <v>6568</v>
      </c>
      <c r="C4318">
        <v>2</v>
      </c>
      <c r="D4318">
        <v>0</v>
      </c>
    </row>
    <row r="4319" spans="1:4" x14ac:dyDescent="0.25">
      <c r="A4319" t="s">
        <v>6569</v>
      </c>
      <c r="B4319" t="s">
        <v>6570</v>
      </c>
      <c r="C4319">
        <v>0</v>
      </c>
      <c r="D4319">
        <v>0</v>
      </c>
    </row>
    <row r="4320" spans="1:4" x14ac:dyDescent="0.25">
      <c r="A4320" t="s">
        <v>6569</v>
      </c>
      <c r="B4320" t="s">
        <v>1001</v>
      </c>
      <c r="C4320">
        <v>1</v>
      </c>
      <c r="D4320">
        <v>0</v>
      </c>
    </row>
    <row r="4321" spans="1:4" x14ac:dyDescent="0.25">
      <c r="A4321" t="s">
        <v>6571</v>
      </c>
      <c r="B4321" t="s">
        <v>852</v>
      </c>
      <c r="C4321">
        <v>0</v>
      </c>
      <c r="D4321">
        <v>0</v>
      </c>
    </row>
    <row r="4322" spans="1:4" x14ac:dyDescent="0.25">
      <c r="A4322" t="s">
        <v>6571</v>
      </c>
      <c r="B4322" t="s">
        <v>816</v>
      </c>
      <c r="C4322">
        <v>1</v>
      </c>
      <c r="D4322">
        <v>0</v>
      </c>
    </row>
    <row r="4323" spans="1:4" x14ac:dyDescent="0.25">
      <c r="A4323" t="s">
        <v>6572</v>
      </c>
      <c r="B4323" t="s">
        <v>6573</v>
      </c>
      <c r="C4323">
        <v>2</v>
      </c>
      <c r="D4323">
        <v>0</v>
      </c>
    </row>
    <row r="4324" spans="1:4" x14ac:dyDescent="0.25">
      <c r="A4324" t="s">
        <v>6572</v>
      </c>
      <c r="B4324" t="s">
        <v>6574</v>
      </c>
      <c r="C4324">
        <v>1</v>
      </c>
      <c r="D4324">
        <v>0</v>
      </c>
    </row>
    <row r="4325" spans="1:4" x14ac:dyDescent="0.25">
      <c r="A4325" t="s">
        <v>6572</v>
      </c>
      <c r="B4325" t="s">
        <v>6575</v>
      </c>
      <c r="C4325">
        <v>1</v>
      </c>
      <c r="D4325">
        <v>0</v>
      </c>
    </row>
    <row r="4326" spans="1:4" x14ac:dyDescent="0.25">
      <c r="A4326" t="s">
        <v>6576</v>
      </c>
      <c r="B4326" t="s">
        <v>6577</v>
      </c>
      <c r="C4326">
        <v>1</v>
      </c>
      <c r="D4326">
        <v>0</v>
      </c>
    </row>
    <row r="4327" spans="1:4" x14ac:dyDescent="0.25">
      <c r="A4327" t="s">
        <v>6576</v>
      </c>
      <c r="B4327" t="s">
        <v>6578</v>
      </c>
      <c r="C4327">
        <v>1</v>
      </c>
      <c r="D4327">
        <v>0</v>
      </c>
    </row>
    <row r="4328" spans="1:4" x14ac:dyDescent="0.25">
      <c r="A4328" t="s">
        <v>6579</v>
      </c>
      <c r="B4328" t="s">
        <v>6580</v>
      </c>
      <c r="C4328">
        <v>0</v>
      </c>
      <c r="D4328">
        <v>0</v>
      </c>
    </row>
    <row r="4329" spans="1:4" x14ac:dyDescent="0.25">
      <c r="A4329" t="s">
        <v>6581</v>
      </c>
      <c r="B4329" t="s">
        <v>4236</v>
      </c>
      <c r="C4329">
        <v>0</v>
      </c>
      <c r="D4329">
        <v>0</v>
      </c>
    </row>
    <row r="4330" spans="1:4" x14ac:dyDescent="0.25">
      <c r="A4330" t="s">
        <v>6581</v>
      </c>
      <c r="B4330" t="s">
        <v>6582</v>
      </c>
      <c r="C4330">
        <v>0</v>
      </c>
      <c r="D4330">
        <v>0</v>
      </c>
    </row>
    <row r="4331" spans="1:4" x14ac:dyDescent="0.25">
      <c r="A4331" t="s">
        <v>6581</v>
      </c>
      <c r="B4331" t="s">
        <v>6583</v>
      </c>
      <c r="C4331">
        <v>1</v>
      </c>
      <c r="D4331">
        <v>0</v>
      </c>
    </row>
    <row r="4332" spans="1:4" x14ac:dyDescent="0.25">
      <c r="A4332" t="s">
        <v>6584</v>
      </c>
      <c r="B4332" t="s">
        <v>6585</v>
      </c>
      <c r="C4332">
        <v>0</v>
      </c>
      <c r="D4332">
        <v>0</v>
      </c>
    </row>
    <row r="4333" spans="1:4" x14ac:dyDescent="0.25">
      <c r="A4333" t="s">
        <v>6586</v>
      </c>
      <c r="B4333" t="s">
        <v>6587</v>
      </c>
      <c r="C4333">
        <v>1</v>
      </c>
      <c r="D4333">
        <v>0</v>
      </c>
    </row>
    <row r="4334" spans="1:4" x14ac:dyDescent="0.25">
      <c r="A4334" t="s">
        <v>6586</v>
      </c>
      <c r="B4334" t="s">
        <v>6588</v>
      </c>
      <c r="C4334">
        <v>1</v>
      </c>
      <c r="D4334">
        <v>0</v>
      </c>
    </row>
    <row r="4335" spans="1:4" x14ac:dyDescent="0.25">
      <c r="A4335" t="s">
        <v>6586</v>
      </c>
      <c r="B4335" t="s">
        <v>6589</v>
      </c>
      <c r="C4335">
        <v>1</v>
      </c>
      <c r="D4335">
        <v>0</v>
      </c>
    </row>
    <row r="4336" spans="1:4" x14ac:dyDescent="0.25">
      <c r="A4336" t="s">
        <v>6590</v>
      </c>
      <c r="B4336" t="s">
        <v>6591</v>
      </c>
      <c r="C4336">
        <v>1</v>
      </c>
      <c r="D4336">
        <v>0</v>
      </c>
    </row>
    <row r="4337" spans="1:4" x14ac:dyDescent="0.25">
      <c r="A4337" t="s">
        <v>6590</v>
      </c>
      <c r="B4337" t="s">
        <v>6592</v>
      </c>
      <c r="C4337">
        <v>2</v>
      </c>
      <c r="D4337">
        <v>0</v>
      </c>
    </row>
    <row r="4338" spans="1:4" x14ac:dyDescent="0.25">
      <c r="A4338" t="s">
        <v>6593</v>
      </c>
      <c r="B4338" t="s">
        <v>6594</v>
      </c>
      <c r="C4338">
        <v>1</v>
      </c>
      <c r="D4338">
        <v>0</v>
      </c>
    </row>
    <row r="4339" spans="1:4" x14ac:dyDescent="0.25">
      <c r="A4339" t="s">
        <v>6593</v>
      </c>
      <c r="B4339" t="s">
        <v>6595</v>
      </c>
      <c r="C4339">
        <v>1</v>
      </c>
      <c r="D4339">
        <v>0</v>
      </c>
    </row>
    <row r="4340" spans="1:4" x14ac:dyDescent="0.25">
      <c r="A4340" t="s">
        <v>6593</v>
      </c>
      <c r="B4340" t="s">
        <v>6596</v>
      </c>
      <c r="C4340">
        <v>0</v>
      </c>
      <c r="D4340">
        <v>0</v>
      </c>
    </row>
    <row r="4341" spans="1:4" x14ac:dyDescent="0.25">
      <c r="A4341" t="s">
        <v>6597</v>
      </c>
      <c r="B4341" t="s">
        <v>6598</v>
      </c>
      <c r="C4341">
        <v>2</v>
      </c>
      <c r="D4341">
        <v>0</v>
      </c>
    </row>
    <row r="4342" spans="1:4" x14ac:dyDescent="0.25">
      <c r="A4342" t="s">
        <v>6597</v>
      </c>
      <c r="B4342" t="s">
        <v>6599</v>
      </c>
      <c r="C4342">
        <v>2</v>
      </c>
      <c r="D4342">
        <v>0</v>
      </c>
    </row>
    <row r="4343" spans="1:4" x14ac:dyDescent="0.25">
      <c r="A4343" t="s">
        <v>6597</v>
      </c>
      <c r="B4343" t="s">
        <v>6600</v>
      </c>
      <c r="C4343">
        <v>2</v>
      </c>
      <c r="D4343">
        <v>0</v>
      </c>
    </row>
    <row r="4344" spans="1:4" x14ac:dyDescent="0.25">
      <c r="A4344" t="s">
        <v>6601</v>
      </c>
      <c r="B4344" t="s">
        <v>6602</v>
      </c>
      <c r="C4344">
        <v>0</v>
      </c>
      <c r="D4344">
        <v>0</v>
      </c>
    </row>
    <row r="4345" spans="1:4" x14ac:dyDescent="0.25">
      <c r="A4345" t="s">
        <v>6603</v>
      </c>
      <c r="B4345" t="s">
        <v>6604</v>
      </c>
      <c r="C4345">
        <v>2</v>
      </c>
      <c r="D4345">
        <v>0</v>
      </c>
    </row>
    <row r="4346" spans="1:4" x14ac:dyDescent="0.25">
      <c r="A4346" t="s">
        <v>6605</v>
      </c>
      <c r="B4346" t="s">
        <v>4894</v>
      </c>
      <c r="C4346">
        <v>0</v>
      </c>
      <c r="D4346">
        <v>0</v>
      </c>
    </row>
    <row r="4347" spans="1:4" x14ac:dyDescent="0.25">
      <c r="A4347" t="s">
        <v>6606</v>
      </c>
      <c r="B4347" t="s">
        <v>816</v>
      </c>
      <c r="C4347">
        <v>1</v>
      </c>
      <c r="D4347">
        <v>0</v>
      </c>
    </row>
    <row r="4348" spans="1:4" x14ac:dyDescent="0.25">
      <c r="A4348" t="s">
        <v>6607</v>
      </c>
      <c r="B4348" t="s">
        <v>1567</v>
      </c>
      <c r="C4348">
        <v>0</v>
      </c>
      <c r="D4348">
        <v>0</v>
      </c>
    </row>
    <row r="4349" spans="1:4" x14ac:dyDescent="0.25">
      <c r="A4349" t="s">
        <v>6607</v>
      </c>
      <c r="B4349" t="s">
        <v>6608</v>
      </c>
      <c r="C4349">
        <v>1</v>
      </c>
      <c r="D4349">
        <v>0</v>
      </c>
    </row>
    <row r="4350" spans="1:4" x14ac:dyDescent="0.25">
      <c r="A4350" t="s">
        <v>6607</v>
      </c>
      <c r="B4350" t="s">
        <v>6609</v>
      </c>
      <c r="C4350">
        <v>1</v>
      </c>
      <c r="D4350">
        <v>0</v>
      </c>
    </row>
    <row r="4351" spans="1:4" x14ac:dyDescent="0.25">
      <c r="A4351" t="s">
        <v>6610</v>
      </c>
      <c r="B4351" t="s">
        <v>6611</v>
      </c>
      <c r="C4351">
        <v>0</v>
      </c>
      <c r="D4351">
        <v>0</v>
      </c>
    </row>
    <row r="4352" spans="1:4" x14ac:dyDescent="0.25">
      <c r="A4352" t="s">
        <v>6610</v>
      </c>
      <c r="B4352" t="s">
        <v>6612</v>
      </c>
      <c r="C4352">
        <v>1</v>
      </c>
      <c r="D4352">
        <v>0</v>
      </c>
    </row>
    <row r="4353" spans="1:4" x14ac:dyDescent="0.25">
      <c r="A4353" t="s">
        <v>6613</v>
      </c>
      <c r="B4353" t="s">
        <v>6614</v>
      </c>
      <c r="C4353">
        <v>1</v>
      </c>
      <c r="D4353">
        <v>0</v>
      </c>
    </row>
    <row r="4354" spans="1:4" x14ac:dyDescent="0.25">
      <c r="A4354" t="s">
        <v>6613</v>
      </c>
      <c r="B4354" t="s">
        <v>6615</v>
      </c>
      <c r="C4354">
        <v>2</v>
      </c>
      <c r="D4354">
        <v>0</v>
      </c>
    </row>
    <row r="4355" spans="1:4" x14ac:dyDescent="0.25">
      <c r="A4355" t="s">
        <v>6613</v>
      </c>
      <c r="B4355" t="s">
        <v>6616</v>
      </c>
      <c r="C4355">
        <v>1</v>
      </c>
      <c r="D4355">
        <v>0</v>
      </c>
    </row>
    <row r="4356" spans="1:4" x14ac:dyDescent="0.25">
      <c r="A4356" t="s">
        <v>6617</v>
      </c>
      <c r="B4356" t="s">
        <v>6618</v>
      </c>
      <c r="C4356">
        <v>2</v>
      </c>
      <c r="D4356">
        <v>0</v>
      </c>
    </row>
    <row r="4357" spans="1:4" x14ac:dyDescent="0.25">
      <c r="A4357" t="s">
        <v>6617</v>
      </c>
      <c r="B4357" t="s">
        <v>6619</v>
      </c>
      <c r="C4357">
        <v>2</v>
      </c>
      <c r="D4357">
        <v>0</v>
      </c>
    </row>
    <row r="4358" spans="1:4" x14ac:dyDescent="0.25">
      <c r="A4358" t="s">
        <v>6620</v>
      </c>
      <c r="B4358" t="s">
        <v>6621</v>
      </c>
      <c r="C4358">
        <v>2</v>
      </c>
      <c r="D4358">
        <v>0</v>
      </c>
    </row>
    <row r="4359" spans="1:4" x14ac:dyDescent="0.25">
      <c r="A4359" t="s">
        <v>6620</v>
      </c>
      <c r="B4359" t="s">
        <v>6622</v>
      </c>
      <c r="C4359">
        <v>2</v>
      </c>
      <c r="D4359">
        <v>0</v>
      </c>
    </row>
    <row r="4360" spans="1:4" x14ac:dyDescent="0.25">
      <c r="A4360" t="s">
        <v>6623</v>
      </c>
      <c r="B4360" t="s">
        <v>398</v>
      </c>
      <c r="C4360">
        <v>0</v>
      </c>
      <c r="D4360">
        <v>0</v>
      </c>
    </row>
    <row r="4361" spans="1:4" x14ac:dyDescent="0.25">
      <c r="A4361" t="s">
        <v>6624</v>
      </c>
      <c r="B4361" t="s">
        <v>6625</v>
      </c>
      <c r="C4361">
        <v>2</v>
      </c>
      <c r="D4361">
        <v>0</v>
      </c>
    </row>
    <row r="4362" spans="1:4" x14ac:dyDescent="0.25">
      <c r="A4362" t="s">
        <v>6624</v>
      </c>
      <c r="B4362" t="s">
        <v>6626</v>
      </c>
      <c r="C4362">
        <v>1</v>
      </c>
      <c r="D4362">
        <v>0</v>
      </c>
    </row>
    <row r="4363" spans="1:4" x14ac:dyDescent="0.25">
      <c r="A4363" t="s">
        <v>6624</v>
      </c>
      <c r="B4363" t="s">
        <v>6627</v>
      </c>
      <c r="C4363">
        <v>2</v>
      </c>
      <c r="D4363">
        <v>0</v>
      </c>
    </row>
    <row r="4364" spans="1:4" x14ac:dyDescent="0.25">
      <c r="A4364" t="s">
        <v>6628</v>
      </c>
      <c r="B4364" t="s">
        <v>6629</v>
      </c>
      <c r="C4364">
        <v>1</v>
      </c>
      <c r="D4364">
        <v>0</v>
      </c>
    </row>
    <row r="4365" spans="1:4" x14ac:dyDescent="0.25">
      <c r="A4365" t="s">
        <v>6628</v>
      </c>
      <c r="B4365" t="s">
        <v>6630</v>
      </c>
      <c r="C4365">
        <v>0</v>
      </c>
      <c r="D4365">
        <v>0</v>
      </c>
    </row>
    <row r="4366" spans="1:4" x14ac:dyDescent="0.25">
      <c r="A4366" t="s">
        <v>6631</v>
      </c>
      <c r="B4366" t="s">
        <v>6632</v>
      </c>
      <c r="C4366">
        <v>1</v>
      </c>
      <c r="D4366">
        <v>0</v>
      </c>
    </row>
    <row r="4367" spans="1:4" x14ac:dyDescent="0.25">
      <c r="A4367" t="s">
        <v>6631</v>
      </c>
      <c r="B4367" t="s">
        <v>6633</v>
      </c>
      <c r="C4367">
        <v>0</v>
      </c>
      <c r="D4367">
        <v>0</v>
      </c>
    </row>
    <row r="4368" spans="1:4" x14ac:dyDescent="0.25">
      <c r="A4368" t="s">
        <v>6634</v>
      </c>
      <c r="B4368" t="s">
        <v>6635</v>
      </c>
      <c r="C4368">
        <v>2</v>
      </c>
      <c r="D4368">
        <v>0</v>
      </c>
    </row>
    <row r="4369" spans="1:4" x14ac:dyDescent="0.25">
      <c r="A4369" t="s">
        <v>6634</v>
      </c>
      <c r="B4369" t="s">
        <v>6636</v>
      </c>
      <c r="C4369">
        <v>0</v>
      </c>
      <c r="D4369">
        <v>0</v>
      </c>
    </row>
    <row r="4370" spans="1:4" x14ac:dyDescent="0.25">
      <c r="A4370" t="s">
        <v>6634</v>
      </c>
      <c r="B4370" t="s">
        <v>6637</v>
      </c>
      <c r="C4370">
        <v>0</v>
      </c>
      <c r="D4370">
        <v>0</v>
      </c>
    </row>
    <row r="4371" spans="1:4" x14ac:dyDescent="0.25">
      <c r="A4371" t="s">
        <v>6638</v>
      </c>
      <c r="B4371" t="s">
        <v>968</v>
      </c>
      <c r="C4371">
        <v>1</v>
      </c>
      <c r="D4371">
        <v>0</v>
      </c>
    </row>
    <row r="4372" spans="1:4" x14ac:dyDescent="0.25">
      <c r="A4372" t="s">
        <v>6639</v>
      </c>
      <c r="B4372" t="s">
        <v>6640</v>
      </c>
      <c r="C4372">
        <v>1</v>
      </c>
      <c r="D4372">
        <v>0</v>
      </c>
    </row>
    <row r="4373" spans="1:4" x14ac:dyDescent="0.25">
      <c r="A4373" t="s">
        <v>6639</v>
      </c>
      <c r="B4373" t="s">
        <v>6641</v>
      </c>
      <c r="C4373">
        <v>1</v>
      </c>
      <c r="D4373">
        <v>0</v>
      </c>
    </row>
    <row r="4374" spans="1:4" x14ac:dyDescent="0.25">
      <c r="A4374" t="s">
        <v>6642</v>
      </c>
      <c r="B4374" t="s">
        <v>6643</v>
      </c>
      <c r="C4374">
        <v>1</v>
      </c>
      <c r="D4374">
        <v>0</v>
      </c>
    </row>
    <row r="4375" spans="1:4" x14ac:dyDescent="0.25">
      <c r="A4375" t="s">
        <v>6644</v>
      </c>
      <c r="B4375" t="s">
        <v>968</v>
      </c>
      <c r="C4375">
        <v>1</v>
      </c>
      <c r="D4375">
        <v>0</v>
      </c>
    </row>
    <row r="4376" spans="1:4" x14ac:dyDescent="0.25">
      <c r="A4376" t="s">
        <v>6645</v>
      </c>
      <c r="B4376" t="s">
        <v>6646</v>
      </c>
      <c r="C4376">
        <v>2</v>
      </c>
      <c r="D4376">
        <v>0</v>
      </c>
    </row>
    <row r="4377" spans="1:4" x14ac:dyDescent="0.25">
      <c r="A4377" t="s">
        <v>6647</v>
      </c>
      <c r="B4377" t="s">
        <v>6648</v>
      </c>
      <c r="C4377">
        <v>0</v>
      </c>
      <c r="D4377">
        <v>0</v>
      </c>
    </row>
    <row r="4378" spans="1:4" x14ac:dyDescent="0.25">
      <c r="A4378" t="s">
        <v>6649</v>
      </c>
      <c r="B4378" t="s">
        <v>6650</v>
      </c>
      <c r="C4378">
        <v>2</v>
      </c>
      <c r="D4378">
        <v>0</v>
      </c>
    </row>
    <row r="4379" spans="1:4" x14ac:dyDescent="0.25">
      <c r="A4379" t="s">
        <v>6651</v>
      </c>
      <c r="B4379" t="s">
        <v>6652</v>
      </c>
      <c r="C4379">
        <v>1</v>
      </c>
      <c r="D4379">
        <v>0</v>
      </c>
    </row>
    <row r="4380" spans="1:4" x14ac:dyDescent="0.25">
      <c r="A4380" t="s">
        <v>6653</v>
      </c>
      <c r="B4380" t="s">
        <v>816</v>
      </c>
      <c r="C4380">
        <v>1</v>
      </c>
      <c r="D4380">
        <v>0</v>
      </c>
    </row>
    <row r="4381" spans="1:4" x14ac:dyDescent="0.25">
      <c r="A4381" t="s">
        <v>6654</v>
      </c>
      <c r="B4381" t="s">
        <v>6655</v>
      </c>
      <c r="C4381">
        <v>1</v>
      </c>
      <c r="D4381">
        <v>0</v>
      </c>
    </row>
    <row r="4382" spans="1:4" x14ac:dyDescent="0.25">
      <c r="A4382" t="s">
        <v>6654</v>
      </c>
      <c r="B4382" t="s">
        <v>6656</v>
      </c>
      <c r="C4382">
        <v>1</v>
      </c>
      <c r="D4382">
        <v>0</v>
      </c>
    </row>
    <row r="4383" spans="1:4" x14ac:dyDescent="0.25">
      <c r="A4383" t="s">
        <v>6654</v>
      </c>
      <c r="B4383" t="s">
        <v>6657</v>
      </c>
      <c r="C4383">
        <v>1</v>
      </c>
      <c r="D4383">
        <v>0</v>
      </c>
    </row>
    <row r="4384" spans="1:4" x14ac:dyDescent="0.25">
      <c r="A4384" t="s">
        <v>6658</v>
      </c>
      <c r="B4384" t="s">
        <v>6659</v>
      </c>
      <c r="C4384">
        <v>1</v>
      </c>
      <c r="D4384">
        <v>0</v>
      </c>
    </row>
    <row r="4385" spans="1:4" x14ac:dyDescent="0.25">
      <c r="A4385" t="s">
        <v>6660</v>
      </c>
      <c r="B4385" t="s">
        <v>6661</v>
      </c>
      <c r="C4385">
        <v>1</v>
      </c>
      <c r="D4385">
        <v>0</v>
      </c>
    </row>
    <row r="4386" spans="1:4" x14ac:dyDescent="0.25">
      <c r="A4386" t="s">
        <v>6660</v>
      </c>
      <c r="B4386" t="s">
        <v>6662</v>
      </c>
      <c r="C4386">
        <v>1</v>
      </c>
      <c r="D4386">
        <v>0</v>
      </c>
    </row>
    <row r="4387" spans="1:4" x14ac:dyDescent="0.25">
      <c r="A4387" t="s">
        <v>6663</v>
      </c>
      <c r="B4387" t="s">
        <v>6664</v>
      </c>
      <c r="C4387">
        <v>2</v>
      </c>
      <c r="D4387">
        <v>0</v>
      </c>
    </row>
    <row r="4388" spans="1:4" x14ac:dyDescent="0.25">
      <c r="A4388" t="s">
        <v>6663</v>
      </c>
      <c r="B4388" t="s">
        <v>6665</v>
      </c>
      <c r="C4388">
        <v>2</v>
      </c>
      <c r="D4388">
        <v>0</v>
      </c>
    </row>
    <row r="4389" spans="1:4" x14ac:dyDescent="0.25">
      <c r="A4389" t="s">
        <v>6666</v>
      </c>
      <c r="B4389" t="s">
        <v>6667</v>
      </c>
      <c r="C4389">
        <v>1</v>
      </c>
      <c r="D4389">
        <v>0</v>
      </c>
    </row>
    <row r="4390" spans="1:4" x14ac:dyDescent="0.25">
      <c r="A4390" t="s">
        <v>6666</v>
      </c>
      <c r="B4390" t="s">
        <v>6668</v>
      </c>
      <c r="C4390">
        <v>1</v>
      </c>
      <c r="D4390">
        <v>0</v>
      </c>
    </row>
    <row r="4391" spans="1:4" x14ac:dyDescent="0.25">
      <c r="A4391" t="s">
        <v>6666</v>
      </c>
      <c r="B4391" t="s">
        <v>6669</v>
      </c>
      <c r="C4391">
        <v>1</v>
      </c>
      <c r="D4391">
        <v>0</v>
      </c>
    </row>
    <row r="4392" spans="1:4" x14ac:dyDescent="0.25">
      <c r="A4392" t="s">
        <v>6670</v>
      </c>
      <c r="B4392" t="s">
        <v>6671</v>
      </c>
      <c r="C4392">
        <v>1</v>
      </c>
      <c r="D4392">
        <v>0</v>
      </c>
    </row>
    <row r="4393" spans="1:4" x14ac:dyDescent="0.25">
      <c r="A4393" t="s">
        <v>6672</v>
      </c>
      <c r="B4393" t="s">
        <v>852</v>
      </c>
      <c r="C4393">
        <v>0</v>
      </c>
      <c r="D4393">
        <v>0</v>
      </c>
    </row>
    <row r="4394" spans="1:4" x14ac:dyDescent="0.25">
      <c r="A4394" t="s">
        <v>6673</v>
      </c>
      <c r="B4394" t="s">
        <v>6674</v>
      </c>
      <c r="C4394">
        <v>1</v>
      </c>
      <c r="D4394">
        <v>0</v>
      </c>
    </row>
    <row r="4395" spans="1:4" x14ac:dyDescent="0.25">
      <c r="A4395" t="s">
        <v>6673</v>
      </c>
      <c r="B4395" t="s">
        <v>6675</v>
      </c>
      <c r="C4395">
        <v>1</v>
      </c>
      <c r="D4395">
        <v>0</v>
      </c>
    </row>
    <row r="4396" spans="1:4" x14ac:dyDescent="0.25">
      <c r="A4396" t="s">
        <v>6676</v>
      </c>
      <c r="B4396" t="s">
        <v>3926</v>
      </c>
      <c r="C4396">
        <v>1</v>
      </c>
      <c r="D4396">
        <v>0</v>
      </c>
    </row>
    <row r="4397" spans="1:4" x14ac:dyDescent="0.25">
      <c r="A4397" t="s">
        <v>6676</v>
      </c>
      <c r="B4397" t="s">
        <v>6677</v>
      </c>
      <c r="C4397">
        <v>1</v>
      </c>
      <c r="D4397">
        <v>0</v>
      </c>
    </row>
    <row r="4398" spans="1:4" x14ac:dyDescent="0.25">
      <c r="A4398" t="s">
        <v>6678</v>
      </c>
      <c r="B4398" t="s">
        <v>6679</v>
      </c>
      <c r="C4398">
        <v>2</v>
      </c>
      <c r="D4398">
        <v>0</v>
      </c>
    </row>
    <row r="4399" spans="1:4" x14ac:dyDescent="0.25">
      <c r="A4399" t="s">
        <v>6678</v>
      </c>
      <c r="B4399" t="s">
        <v>6680</v>
      </c>
      <c r="C4399">
        <v>2</v>
      </c>
      <c r="D4399">
        <v>0</v>
      </c>
    </row>
    <row r="4400" spans="1:4" x14ac:dyDescent="0.25">
      <c r="A4400" t="s">
        <v>6681</v>
      </c>
      <c r="B4400" t="s">
        <v>6682</v>
      </c>
      <c r="C4400">
        <v>0</v>
      </c>
      <c r="D4400">
        <v>0</v>
      </c>
    </row>
    <row r="4401" spans="1:4" x14ac:dyDescent="0.25">
      <c r="A4401" t="s">
        <v>6683</v>
      </c>
      <c r="B4401" t="s">
        <v>6684</v>
      </c>
      <c r="C4401">
        <v>0</v>
      </c>
      <c r="D4401">
        <v>0</v>
      </c>
    </row>
    <row r="4402" spans="1:4" x14ac:dyDescent="0.25">
      <c r="A4402" t="s">
        <v>6683</v>
      </c>
      <c r="B4402" t="s">
        <v>6685</v>
      </c>
      <c r="C4402">
        <v>2</v>
      </c>
      <c r="D4402">
        <v>0</v>
      </c>
    </row>
    <row r="4403" spans="1:4" x14ac:dyDescent="0.25">
      <c r="A4403" t="s">
        <v>6686</v>
      </c>
      <c r="B4403" t="s">
        <v>6687</v>
      </c>
      <c r="C4403">
        <v>1</v>
      </c>
      <c r="D4403">
        <v>0</v>
      </c>
    </row>
    <row r="4404" spans="1:4" x14ac:dyDescent="0.25">
      <c r="A4404" t="s">
        <v>6688</v>
      </c>
      <c r="B4404" t="s">
        <v>6689</v>
      </c>
      <c r="C4404">
        <v>1</v>
      </c>
      <c r="D4404">
        <v>0</v>
      </c>
    </row>
    <row r="4405" spans="1:4" x14ac:dyDescent="0.25">
      <c r="A4405" t="s">
        <v>6688</v>
      </c>
      <c r="B4405" t="s">
        <v>6690</v>
      </c>
      <c r="C4405">
        <v>1</v>
      </c>
      <c r="D4405">
        <v>0</v>
      </c>
    </row>
    <row r="4406" spans="1:4" x14ac:dyDescent="0.25">
      <c r="A4406" t="s">
        <v>6691</v>
      </c>
      <c r="B4406" t="s">
        <v>6692</v>
      </c>
      <c r="C4406">
        <v>2</v>
      </c>
      <c r="D4406">
        <v>0</v>
      </c>
    </row>
    <row r="4407" spans="1:4" x14ac:dyDescent="0.25">
      <c r="A4407" t="s">
        <v>6691</v>
      </c>
      <c r="B4407" t="s">
        <v>6693</v>
      </c>
      <c r="C4407">
        <v>0</v>
      </c>
      <c r="D4407">
        <v>0</v>
      </c>
    </row>
    <row r="4408" spans="1:4" x14ac:dyDescent="0.25">
      <c r="A4408" t="s">
        <v>6691</v>
      </c>
      <c r="B4408" t="s">
        <v>6694</v>
      </c>
      <c r="C4408">
        <v>0</v>
      </c>
      <c r="D4408">
        <v>0</v>
      </c>
    </row>
    <row r="4409" spans="1:4" x14ac:dyDescent="0.25">
      <c r="A4409" t="s">
        <v>6695</v>
      </c>
      <c r="B4409" t="s">
        <v>6696</v>
      </c>
      <c r="C4409">
        <v>1</v>
      </c>
      <c r="D4409">
        <v>0</v>
      </c>
    </row>
    <row r="4410" spans="1:4" x14ac:dyDescent="0.25">
      <c r="A4410" t="s">
        <v>6695</v>
      </c>
      <c r="B4410" t="s">
        <v>6697</v>
      </c>
      <c r="C4410">
        <v>1</v>
      </c>
      <c r="D4410">
        <v>0</v>
      </c>
    </row>
    <row r="4411" spans="1:4" x14ac:dyDescent="0.25">
      <c r="A4411" t="s">
        <v>6695</v>
      </c>
      <c r="B4411" t="s">
        <v>6698</v>
      </c>
      <c r="C4411">
        <v>1</v>
      </c>
      <c r="D4411">
        <v>0</v>
      </c>
    </row>
    <row r="4412" spans="1:4" x14ac:dyDescent="0.25">
      <c r="A4412" t="s">
        <v>6699</v>
      </c>
      <c r="B4412" t="s">
        <v>1499</v>
      </c>
      <c r="C4412">
        <v>1</v>
      </c>
      <c r="D4412">
        <v>0</v>
      </c>
    </row>
    <row r="4413" spans="1:4" x14ac:dyDescent="0.25">
      <c r="A4413" t="s">
        <v>6700</v>
      </c>
      <c r="B4413" t="s">
        <v>6701</v>
      </c>
      <c r="C4413">
        <v>0</v>
      </c>
      <c r="D4413">
        <v>0</v>
      </c>
    </row>
    <row r="4414" spans="1:4" x14ac:dyDescent="0.25">
      <c r="A4414" t="s">
        <v>6700</v>
      </c>
      <c r="B4414" t="s">
        <v>6702</v>
      </c>
      <c r="C4414">
        <v>1</v>
      </c>
      <c r="D4414">
        <v>0</v>
      </c>
    </row>
    <row r="4415" spans="1:4" x14ac:dyDescent="0.25">
      <c r="A4415" t="s">
        <v>6703</v>
      </c>
      <c r="B4415" t="s">
        <v>6704</v>
      </c>
      <c r="C4415">
        <v>1</v>
      </c>
      <c r="D4415">
        <v>0</v>
      </c>
    </row>
    <row r="4416" spans="1:4" x14ac:dyDescent="0.25">
      <c r="A4416" t="s">
        <v>6703</v>
      </c>
      <c r="B4416" t="s">
        <v>6705</v>
      </c>
      <c r="C4416">
        <v>2</v>
      </c>
      <c r="D4416">
        <v>0</v>
      </c>
    </row>
    <row r="4417" spans="1:4" x14ac:dyDescent="0.25">
      <c r="A4417" t="s">
        <v>6706</v>
      </c>
      <c r="B4417" t="s">
        <v>6707</v>
      </c>
      <c r="C4417">
        <v>2</v>
      </c>
      <c r="D4417">
        <v>0</v>
      </c>
    </row>
    <row r="4418" spans="1:4" x14ac:dyDescent="0.25">
      <c r="A4418" t="s">
        <v>6706</v>
      </c>
      <c r="B4418" t="s">
        <v>6708</v>
      </c>
      <c r="C4418">
        <v>2</v>
      </c>
      <c r="D4418">
        <v>0</v>
      </c>
    </row>
    <row r="4419" spans="1:4" x14ac:dyDescent="0.25">
      <c r="A4419" t="s">
        <v>6709</v>
      </c>
      <c r="B4419" t="s">
        <v>6710</v>
      </c>
      <c r="C4419">
        <v>1</v>
      </c>
      <c r="D4419">
        <v>0</v>
      </c>
    </row>
    <row r="4420" spans="1:4" x14ac:dyDescent="0.25">
      <c r="A4420" t="s">
        <v>6711</v>
      </c>
      <c r="B4420" t="s">
        <v>6712</v>
      </c>
      <c r="C4420">
        <v>0</v>
      </c>
      <c r="D4420">
        <v>0</v>
      </c>
    </row>
    <row r="4421" spans="1:4" x14ac:dyDescent="0.25">
      <c r="A4421" t="s">
        <v>6711</v>
      </c>
      <c r="B4421" t="s">
        <v>6713</v>
      </c>
      <c r="C4421">
        <v>0</v>
      </c>
      <c r="D4421">
        <v>0</v>
      </c>
    </row>
    <row r="4422" spans="1:4" x14ac:dyDescent="0.25">
      <c r="A4422" t="s">
        <v>6714</v>
      </c>
      <c r="B4422" t="s">
        <v>6715</v>
      </c>
      <c r="C4422">
        <v>0</v>
      </c>
      <c r="D4422">
        <v>0</v>
      </c>
    </row>
    <row r="4423" spans="1:4" x14ac:dyDescent="0.25">
      <c r="A4423" t="s">
        <v>6716</v>
      </c>
      <c r="B4423" t="s">
        <v>6717</v>
      </c>
      <c r="C4423">
        <v>0</v>
      </c>
      <c r="D4423">
        <v>0</v>
      </c>
    </row>
    <row r="4424" spans="1:4" x14ac:dyDescent="0.25">
      <c r="A4424" t="s">
        <v>6716</v>
      </c>
      <c r="B4424" t="s">
        <v>6718</v>
      </c>
      <c r="C4424">
        <v>1</v>
      </c>
      <c r="D4424">
        <v>0</v>
      </c>
    </row>
    <row r="4425" spans="1:4" x14ac:dyDescent="0.25">
      <c r="A4425" t="s">
        <v>6719</v>
      </c>
      <c r="B4425" t="s">
        <v>6720</v>
      </c>
      <c r="C4425">
        <v>1</v>
      </c>
      <c r="D4425">
        <v>0</v>
      </c>
    </row>
    <row r="4426" spans="1:4" x14ac:dyDescent="0.25">
      <c r="A4426" t="s">
        <v>6719</v>
      </c>
      <c r="B4426" t="s">
        <v>398</v>
      </c>
      <c r="C4426">
        <v>0</v>
      </c>
      <c r="D4426">
        <v>0</v>
      </c>
    </row>
    <row r="4427" spans="1:4" x14ac:dyDescent="0.25">
      <c r="A4427" t="s">
        <v>6721</v>
      </c>
      <c r="B4427" t="s">
        <v>6722</v>
      </c>
      <c r="C4427">
        <v>1</v>
      </c>
      <c r="D4427">
        <v>0</v>
      </c>
    </row>
    <row r="4428" spans="1:4" x14ac:dyDescent="0.25">
      <c r="A4428" t="s">
        <v>6723</v>
      </c>
      <c r="B4428" t="s">
        <v>6724</v>
      </c>
      <c r="C4428">
        <v>1</v>
      </c>
      <c r="D4428">
        <v>0</v>
      </c>
    </row>
    <row r="4429" spans="1:4" x14ac:dyDescent="0.25">
      <c r="A4429" t="s">
        <v>6725</v>
      </c>
      <c r="B4429" t="s">
        <v>6726</v>
      </c>
      <c r="C4429">
        <v>1</v>
      </c>
      <c r="D4429">
        <v>0</v>
      </c>
    </row>
    <row r="4430" spans="1:4" x14ac:dyDescent="0.25">
      <c r="A4430" t="s">
        <v>6725</v>
      </c>
      <c r="B4430" t="s">
        <v>968</v>
      </c>
      <c r="C4430">
        <v>1</v>
      </c>
      <c r="D4430">
        <v>0</v>
      </c>
    </row>
    <row r="4431" spans="1:4" x14ac:dyDescent="0.25">
      <c r="A4431" t="s">
        <v>6727</v>
      </c>
      <c r="B4431" t="s">
        <v>6728</v>
      </c>
      <c r="C4431">
        <v>1</v>
      </c>
      <c r="D4431">
        <v>0</v>
      </c>
    </row>
    <row r="4432" spans="1:4" x14ac:dyDescent="0.25">
      <c r="A4432" t="s">
        <v>6729</v>
      </c>
      <c r="B4432" t="s">
        <v>6730</v>
      </c>
      <c r="C4432">
        <v>1</v>
      </c>
      <c r="D4432">
        <v>0</v>
      </c>
    </row>
    <row r="4433" spans="1:4" x14ac:dyDescent="0.25">
      <c r="A4433" t="s">
        <v>6731</v>
      </c>
      <c r="B4433" t="s">
        <v>6732</v>
      </c>
      <c r="C4433">
        <v>0</v>
      </c>
      <c r="D4433">
        <v>0</v>
      </c>
    </row>
    <row r="4434" spans="1:4" x14ac:dyDescent="0.25">
      <c r="A4434" t="s">
        <v>6733</v>
      </c>
      <c r="B4434" t="s">
        <v>6734</v>
      </c>
      <c r="C4434">
        <v>0</v>
      </c>
      <c r="D4434">
        <v>0</v>
      </c>
    </row>
    <row r="4435" spans="1:4" x14ac:dyDescent="0.25">
      <c r="A4435" t="s">
        <v>6733</v>
      </c>
      <c r="B4435" t="s">
        <v>6735</v>
      </c>
      <c r="C4435">
        <v>2</v>
      </c>
      <c r="D4435">
        <v>0</v>
      </c>
    </row>
    <row r="4436" spans="1:4" x14ac:dyDescent="0.25">
      <c r="A4436" t="s">
        <v>6736</v>
      </c>
      <c r="B4436" t="s">
        <v>6737</v>
      </c>
      <c r="C4436">
        <v>2</v>
      </c>
      <c r="D4436">
        <v>0</v>
      </c>
    </row>
    <row r="4437" spans="1:4" x14ac:dyDescent="0.25">
      <c r="A4437" t="s">
        <v>6738</v>
      </c>
      <c r="B4437" t="s">
        <v>1763</v>
      </c>
      <c r="C4437">
        <v>1</v>
      </c>
      <c r="D4437">
        <v>0</v>
      </c>
    </row>
    <row r="4438" spans="1:4" x14ac:dyDescent="0.25">
      <c r="A4438" t="s">
        <v>6739</v>
      </c>
      <c r="B4438" t="s">
        <v>6740</v>
      </c>
      <c r="C4438">
        <v>0</v>
      </c>
      <c r="D4438">
        <v>0</v>
      </c>
    </row>
    <row r="4439" spans="1:4" x14ac:dyDescent="0.25">
      <c r="A4439" t="s">
        <v>6741</v>
      </c>
      <c r="B4439" t="s">
        <v>6742</v>
      </c>
      <c r="C4439">
        <v>2</v>
      </c>
      <c r="D4439">
        <v>0</v>
      </c>
    </row>
    <row r="4440" spans="1:4" x14ac:dyDescent="0.25">
      <c r="A4440" t="s">
        <v>6741</v>
      </c>
      <c r="B4440" t="s">
        <v>6743</v>
      </c>
      <c r="C4440">
        <v>1</v>
      </c>
      <c r="D4440">
        <v>0</v>
      </c>
    </row>
    <row r="4441" spans="1:4" x14ac:dyDescent="0.25">
      <c r="A4441" t="s">
        <v>6741</v>
      </c>
      <c r="B4441" t="s">
        <v>6744</v>
      </c>
      <c r="C4441">
        <v>2</v>
      </c>
      <c r="D4441">
        <v>0</v>
      </c>
    </row>
    <row r="4442" spans="1:4" x14ac:dyDescent="0.25">
      <c r="A4442" t="s">
        <v>6745</v>
      </c>
      <c r="B4442" t="s">
        <v>6746</v>
      </c>
      <c r="C4442">
        <v>1</v>
      </c>
      <c r="D4442">
        <v>0</v>
      </c>
    </row>
    <row r="4443" spans="1:4" x14ac:dyDescent="0.25">
      <c r="A4443" t="s">
        <v>6747</v>
      </c>
      <c r="B4443" t="s">
        <v>6748</v>
      </c>
      <c r="C4443">
        <v>1</v>
      </c>
      <c r="D4443">
        <v>0</v>
      </c>
    </row>
    <row r="4444" spans="1:4" x14ac:dyDescent="0.25">
      <c r="A4444" t="s">
        <v>6749</v>
      </c>
      <c r="B4444" t="s">
        <v>6750</v>
      </c>
      <c r="C4444">
        <v>1</v>
      </c>
      <c r="D4444">
        <v>0</v>
      </c>
    </row>
    <row r="4445" spans="1:4" x14ac:dyDescent="0.25">
      <c r="A4445" t="s">
        <v>6751</v>
      </c>
      <c r="B4445" t="s">
        <v>6752</v>
      </c>
      <c r="C4445">
        <v>2</v>
      </c>
      <c r="D4445">
        <v>0</v>
      </c>
    </row>
    <row r="4446" spans="1:4" x14ac:dyDescent="0.25">
      <c r="A4446" t="s">
        <v>6753</v>
      </c>
      <c r="B4446" t="s">
        <v>6754</v>
      </c>
      <c r="C4446">
        <v>1</v>
      </c>
      <c r="D4446">
        <v>0</v>
      </c>
    </row>
    <row r="4447" spans="1:4" x14ac:dyDescent="0.25">
      <c r="A4447" t="s">
        <v>6753</v>
      </c>
      <c r="B4447" t="s">
        <v>6755</v>
      </c>
      <c r="C4447">
        <v>1</v>
      </c>
      <c r="D4447">
        <v>0</v>
      </c>
    </row>
    <row r="4448" spans="1:4" x14ac:dyDescent="0.25">
      <c r="A4448" t="s">
        <v>6756</v>
      </c>
      <c r="B4448" t="s">
        <v>6757</v>
      </c>
      <c r="C4448">
        <v>1</v>
      </c>
      <c r="D4448">
        <v>0</v>
      </c>
    </row>
    <row r="4449" spans="1:4" x14ac:dyDescent="0.25">
      <c r="A4449" t="s">
        <v>6756</v>
      </c>
      <c r="B4449" t="s">
        <v>6758</v>
      </c>
      <c r="C4449">
        <v>2</v>
      </c>
      <c r="D4449">
        <v>0</v>
      </c>
    </row>
    <row r="4450" spans="1:4" x14ac:dyDescent="0.25">
      <c r="A4450" t="s">
        <v>6756</v>
      </c>
      <c r="B4450" t="s">
        <v>6759</v>
      </c>
      <c r="C4450">
        <v>2</v>
      </c>
      <c r="D4450">
        <v>0</v>
      </c>
    </row>
    <row r="4451" spans="1:4" x14ac:dyDescent="0.25">
      <c r="A4451" t="s">
        <v>6760</v>
      </c>
      <c r="B4451" t="s">
        <v>6761</v>
      </c>
      <c r="C4451">
        <v>0</v>
      </c>
      <c r="D4451">
        <v>0</v>
      </c>
    </row>
    <row r="4452" spans="1:4" x14ac:dyDescent="0.25">
      <c r="A4452" t="s">
        <v>6762</v>
      </c>
      <c r="B4452" t="s">
        <v>6763</v>
      </c>
      <c r="C4452">
        <v>2</v>
      </c>
      <c r="D4452">
        <v>0</v>
      </c>
    </row>
    <row r="4453" spans="1:4" x14ac:dyDescent="0.25">
      <c r="A4453" t="s">
        <v>6764</v>
      </c>
      <c r="B4453" t="s">
        <v>6765</v>
      </c>
      <c r="C4453">
        <v>2</v>
      </c>
      <c r="D4453">
        <v>0</v>
      </c>
    </row>
    <row r="4454" spans="1:4" x14ac:dyDescent="0.25">
      <c r="A4454" t="s">
        <v>6764</v>
      </c>
      <c r="B4454" t="s">
        <v>6766</v>
      </c>
      <c r="C4454">
        <v>1</v>
      </c>
      <c r="D4454">
        <v>0</v>
      </c>
    </row>
    <row r="4455" spans="1:4" x14ac:dyDescent="0.25">
      <c r="A4455" t="s">
        <v>6764</v>
      </c>
      <c r="B4455" t="s">
        <v>6767</v>
      </c>
      <c r="C4455">
        <v>0</v>
      </c>
      <c r="D4455">
        <v>0</v>
      </c>
    </row>
    <row r="4456" spans="1:4" x14ac:dyDescent="0.25">
      <c r="A4456" t="s">
        <v>6768</v>
      </c>
      <c r="B4456" t="s">
        <v>6769</v>
      </c>
      <c r="C4456">
        <v>1</v>
      </c>
      <c r="D4456">
        <v>0</v>
      </c>
    </row>
    <row r="4457" spans="1:4" x14ac:dyDescent="0.25">
      <c r="A4457" t="s">
        <v>6768</v>
      </c>
      <c r="B4457" t="s">
        <v>6770</v>
      </c>
      <c r="C4457">
        <v>1</v>
      </c>
      <c r="D4457">
        <v>0</v>
      </c>
    </row>
    <row r="4458" spans="1:4" x14ac:dyDescent="0.25">
      <c r="A4458" t="s">
        <v>6768</v>
      </c>
      <c r="B4458" t="s">
        <v>6771</v>
      </c>
      <c r="C4458">
        <v>0</v>
      </c>
      <c r="D4458">
        <v>0</v>
      </c>
    </row>
    <row r="4459" spans="1:4" x14ac:dyDescent="0.25">
      <c r="A4459" t="s">
        <v>6772</v>
      </c>
      <c r="B4459" t="s">
        <v>6773</v>
      </c>
      <c r="C4459">
        <v>1</v>
      </c>
      <c r="D4459">
        <v>0</v>
      </c>
    </row>
    <row r="4460" spans="1:4" x14ac:dyDescent="0.25">
      <c r="A4460" t="s">
        <v>6772</v>
      </c>
      <c r="B4460" t="s">
        <v>6774</v>
      </c>
      <c r="C4460">
        <v>1</v>
      </c>
      <c r="D4460">
        <v>0</v>
      </c>
    </row>
    <row r="4461" spans="1:4" x14ac:dyDescent="0.25">
      <c r="A4461" t="s">
        <v>6775</v>
      </c>
      <c r="B4461" t="s">
        <v>6776</v>
      </c>
      <c r="C4461">
        <v>0</v>
      </c>
      <c r="D4461">
        <v>0</v>
      </c>
    </row>
    <row r="4462" spans="1:4" x14ac:dyDescent="0.25">
      <c r="A4462" t="s">
        <v>6777</v>
      </c>
      <c r="B4462" t="s">
        <v>6778</v>
      </c>
      <c r="C4462">
        <v>1</v>
      </c>
      <c r="D4462">
        <v>0</v>
      </c>
    </row>
    <row r="4463" spans="1:4" x14ac:dyDescent="0.25">
      <c r="A4463" t="s">
        <v>6779</v>
      </c>
      <c r="B4463" t="s">
        <v>6780</v>
      </c>
      <c r="C4463">
        <v>1</v>
      </c>
      <c r="D4463">
        <v>0</v>
      </c>
    </row>
    <row r="4464" spans="1:4" x14ac:dyDescent="0.25">
      <c r="A4464" t="s">
        <v>6781</v>
      </c>
      <c r="B4464" t="s">
        <v>1401</v>
      </c>
      <c r="C4464">
        <v>0</v>
      </c>
      <c r="D4464">
        <v>0</v>
      </c>
    </row>
    <row r="4465" spans="1:4" x14ac:dyDescent="0.25">
      <c r="A4465" t="s">
        <v>6782</v>
      </c>
      <c r="B4465" t="s">
        <v>6783</v>
      </c>
      <c r="C4465">
        <v>1</v>
      </c>
      <c r="D4465">
        <v>0</v>
      </c>
    </row>
    <row r="4466" spans="1:4" x14ac:dyDescent="0.25">
      <c r="A4466" t="s">
        <v>6782</v>
      </c>
      <c r="B4466" t="s">
        <v>6784</v>
      </c>
      <c r="C4466">
        <v>1</v>
      </c>
      <c r="D4466">
        <v>0</v>
      </c>
    </row>
    <row r="4467" spans="1:4" x14ac:dyDescent="0.25">
      <c r="A4467" t="s">
        <v>6785</v>
      </c>
      <c r="B4467" t="s">
        <v>6786</v>
      </c>
      <c r="C4467">
        <v>1</v>
      </c>
      <c r="D4467">
        <v>0</v>
      </c>
    </row>
    <row r="4468" spans="1:4" x14ac:dyDescent="0.25">
      <c r="A4468" t="s">
        <v>6785</v>
      </c>
      <c r="B4468" t="s">
        <v>6787</v>
      </c>
      <c r="C4468">
        <v>2</v>
      </c>
      <c r="D4468">
        <v>0</v>
      </c>
    </row>
    <row r="4469" spans="1:4" x14ac:dyDescent="0.25">
      <c r="A4469" t="s">
        <v>6788</v>
      </c>
      <c r="B4469" t="s">
        <v>6789</v>
      </c>
      <c r="C4469">
        <v>1</v>
      </c>
      <c r="D4469">
        <v>0</v>
      </c>
    </row>
    <row r="4470" spans="1:4" x14ac:dyDescent="0.25">
      <c r="A4470" t="s">
        <v>6788</v>
      </c>
      <c r="B4470" t="s">
        <v>6790</v>
      </c>
      <c r="C4470">
        <v>2</v>
      </c>
      <c r="D4470">
        <v>0</v>
      </c>
    </row>
    <row r="4471" spans="1:4" x14ac:dyDescent="0.25">
      <c r="A4471" t="s">
        <v>6791</v>
      </c>
      <c r="B4471" t="s">
        <v>6792</v>
      </c>
      <c r="C4471">
        <v>0</v>
      </c>
      <c r="D4471">
        <v>0</v>
      </c>
    </row>
    <row r="4472" spans="1:4" x14ac:dyDescent="0.25">
      <c r="A4472" t="s">
        <v>6791</v>
      </c>
      <c r="B4472" t="s">
        <v>6793</v>
      </c>
      <c r="C4472">
        <v>2</v>
      </c>
      <c r="D4472">
        <v>0</v>
      </c>
    </row>
    <row r="4473" spans="1:4" x14ac:dyDescent="0.25">
      <c r="A4473" t="s">
        <v>6794</v>
      </c>
      <c r="B4473" t="s">
        <v>3169</v>
      </c>
      <c r="C4473">
        <v>0</v>
      </c>
      <c r="D4473">
        <v>0</v>
      </c>
    </row>
    <row r="4474" spans="1:4" x14ac:dyDescent="0.25">
      <c r="A4474" t="s">
        <v>6795</v>
      </c>
      <c r="B4474" t="s">
        <v>6796</v>
      </c>
      <c r="C4474">
        <v>0</v>
      </c>
      <c r="D4474">
        <v>0</v>
      </c>
    </row>
    <row r="4475" spans="1:4" x14ac:dyDescent="0.25">
      <c r="A4475" t="s">
        <v>6795</v>
      </c>
      <c r="B4475" t="s">
        <v>6797</v>
      </c>
      <c r="C4475">
        <v>1</v>
      </c>
      <c r="D4475">
        <v>0</v>
      </c>
    </row>
    <row r="4476" spans="1:4" x14ac:dyDescent="0.25">
      <c r="A4476" t="s">
        <v>6795</v>
      </c>
      <c r="B4476" t="s">
        <v>6798</v>
      </c>
      <c r="C4476">
        <v>1</v>
      </c>
      <c r="D4476">
        <v>0</v>
      </c>
    </row>
    <row r="4477" spans="1:4" x14ac:dyDescent="0.25">
      <c r="A4477" t="s">
        <v>6799</v>
      </c>
      <c r="B4477" t="s">
        <v>6800</v>
      </c>
      <c r="C4477">
        <v>1</v>
      </c>
      <c r="D4477">
        <v>0</v>
      </c>
    </row>
    <row r="4478" spans="1:4" x14ac:dyDescent="0.25">
      <c r="A4478" t="s">
        <v>6801</v>
      </c>
      <c r="B4478" t="s">
        <v>6802</v>
      </c>
      <c r="C4478">
        <v>0</v>
      </c>
      <c r="D4478">
        <v>0</v>
      </c>
    </row>
    <row r="4479" spans="1:4" x14ac:dyDescent="0.25">
      <c r="A4479" t="s">
        <v>6801</v>
      </c>
      <c r="B4479" t="s">
        <v>6803</v>
      </c>
      <c r="C4479">
        <v>0</v>
      </c>
      <c r="D4479">
        <v>0</v>
      </c>
    </row>
    <row r="4480" spans="1:4" x14ac:dyDescent="0.25">
      <c r="A4480" t="s">
        <v>6804</v>
      </c>
      <c r="B4480" t="s">
        <v>398</v>
      </c>
      <c r="C4480">
        <v>0</v>
      </c>
      <c r="D4480">
        <v>0</v>
      </c>
    </row>
    <row r="4481" spans="1:4" x14ac:dyDescent="0.25">
      <c r="A4481" t="s">
        <v>6804</v>
      </c>
      <c r="B4481" t="s">
        <v>6805</v>
      </c>
      <c r="C4481">
        <v>1</v>
      </c>
      <c r="D4481">
        <v>0</v>
      </c>
    </row>
    <row r="4482" spans="1:4" x14ac:dyDescent="0.25">
      <c r="A4482" t="s">
        <v>6806</v>
      </c>
      <c r="B4482" t="s">
        <v>6807</v>
      </c>
      <c r="C4482">
        <v>2</v>
      </c>
      <c r="D4482">
        <v>0</v>
      </c>
    </row>
    <row r="4483" spans="1:4" x14ac:dyDescent="0.25">
      <c r="A4483" t="s">
        <v>6806</v>
      </c>
      <c r="B4483" t="s">
        <v>6808</v>
      </c>
      <c r="C4483">
        <v>2</v>
      </c>
      <c r="D4483">
        <v>0</v>
      </c>
    </row>
    <row r="4484" spans="1:4" x14ac:dyDescent="0.25">
      <c r="A4484" t="s">
        <v>6809</v>
      </c>
      <c r="B4484" t="s">
        <v>6810</v>
      </c>
      <c r="C4484">
        <v>1</v>
      </c>
      <c r="D4484">
        <v>0</v>
      </c>
    </row>
    <row r="4485" spans="1:4" x14ac:dyDescent="0.25">
      <c r="A4485" t="s">
        <v>6811</v>
      </c>
      <c r="B4485" t="s">
        <v>6812</v>
      </c>
      <c r="C4485">
        <v>0</v>
      </c>
      <c r="D4485">
        <v>0</v>
      </c>
    </row>
    <row r="4486" spans="1:4" x14ac:dyDescent="0.25">
      <c r="A4486" t="s">
        <v>6813</v>
      </c>
      <c r="B4486" t="s">
        <v>1001</v>
      </c>
      <c r="C4486">
        <v>1</v>
      </c>
      <c r="D4486">
        <v>0</v>
      </c>
    </row>
    <row r="4487" spans="1:4" x14ac:dyDescent="0.25">
      <c r="A4487" t="s">
        <v>6813</v>
      </c>
      <c r="B4487" t="s">
        <v>6814</v>
      </c>
      <c r="C4487">
        <v>0</v>
      </c>
      <c r="D4487">
        <v>0</v>
      </c>
    </row>
    <row r="4488" spans="1:4" x14ac:dyDescent="0.25">
      <c r="A4488" t="s">
        <v>6815</v>
      </c>
      <c r="B4488" t="s">
        <v>843</v>
      </c>
      <c r="C4488">
        <v>1</v>
      </c>
      <c r="D4488">
        <v>0</v>
      </c>
    </row>
    <row r="4489" spans="1:4" x14ac:dyDescent="0.25">
      <c r="A4489" t="s">
        <v>6815</v>
      </c>
      <c r="B4489" t="s">
        <v>398</v>
      </c>
      <c r="C4489">
        <v>0</v>
      </c>
      <c r="D4489">
        <v>0</v>
      </c>
    </row>
    <row r="4490" spans="1:4" x14ac:dyDescent="0.25">
      <c r="A4490" t="s">
        <v>6816</v>
      </c>
      <c r="B4490" t="s">
        <v>6817</v>
      </c>
      <c r="C4490">
        <v>1</v>
      </c>
      <c r="D4490">
        <v>0</v>
      </c>
    </row>
    <row r="4491" spans="1:4" x14ac:dyDescent="0.25">
      <c r="A4491" t="s">
        <v>6818</v>
      </c>
      <c r="B4491" t="s">
        <v>6819</v>
      </c>
      <c r="C4491">
        <v>1</v>
      </c>
      <c r="D4491">
        <v>0</v>
      </c>
    </row>
    <row r="4492" spans="1:4" x14ac:dyDescent="0.25">
      <c r="A4492" t="s">
        <v>6818</v>
      </c>
      <c r="B4492" t="s">
        <v>6820</v>
      </c>
      <c r="C4492">
        <v>2</v>
      </c>
      <c r="D4492">
        <v>0</v>
      </c>
    </row>
    <row r="4493" spans="1:4" x14ac:dyDescent="0.25">
      <c r="A4493" t="s">
        <v>6818</v>
      </c>
      <c r="B4493" t="s">
        <v>6821</v>
      </c>
      <c r="C4493">
        <v>0</v>
      </c>
      <c r="D4493">
        <v>0</v>
      </c>
    </row>
    <row r="4494" spans="1:4" x14ac:dyDescent="0.25">
      <c r="A4494" t="s">
        <v>6822</v>
      </c>
      <c r="B4494" t="s">
        <v>6823</v>
      </c>
      <c r="C4494">
        <v>0</v>
      </c>
      <c r="D4494">
        <v>0</v>
      </c>
    </row>
    <row r="4495" spans="1:4" x14ac:dyDescent="0.25">
      <c r="A4495" t="s">
        <v>6822</v>
      </c>
      <c r="B4495" t="s">
        <v>6824</v>
      </c>
      <c r="C4495">
        <v>0</v>
      </c>
      <c r="D4495">
        <v>0</v>
      </c>
    </row>
    <row r="4496" spans="1:4" x14ac:dyDescent="0.25">
      <c r="A4496" t="s">
        <v>6822</v>
      </c>
      <c r="B4496" t="s">
        <v>6825</v>
      </c>
      <c r="C4496">
        <v>0</v>
      </c>
      <c r="D4496">
        <v>0</v>
      </c>
    </row>
    <row r="4497" spans="1:4" x14ac:dyDescent="0.25">
      <c r="A4497" t="s">
        <v>6826</v>
      </c>
      <c r="B4497" t="s">
        <v>6827</v>
      </c>
      <c r="C4497">
        <v>1</v>
      </c>
      <c r="D4497">
        <v>0</v>
      </c>
    </row>
    <row r="4498" spans="1:4" x14ac:dyDescent="0.25">
      <c r="A4498" t="s">
        <v>6828</v>
      </c>
      <c r="B4498" t="s">
        <v>6829</v>
      </c>
      <c r="C4498">
        <v>1</v>
      </c>
      <c r="D4498">
        <v>0</v>
      </c>
    </row>
    <row r="4499" spans="1:4" x14ac:dyDescent="0.25">
      <c r="A4499" t="s">
        <v>6830</v>
      </c>
      <c r="B4499" t="s">
        <v>843</v>
      </c>
      <c r="C4499">
        <v>1</v>
      </c>
      <c r="D4499">
        <v>0</v>
      </c>
    </row>
    <row r="4500" spans="1:4" x14ac:dyDescent="0.25">
      <c r="A4500" t="s">
        <v>6831</v>
      </c>
      <c r="B4500" t="s">
        <v>1294</v>
      </c>
      <c r="C4500">
        <v>1</v>
      </c>
      <c r="D4500">
        <v>0</v>
      </c>
    </row>
    <row r="4501" spans="1:4" x14ac:dyDescent="0.25">
      <c r="A4501" t="s">
        <v>6832</v>
      </c>
      <c r="B4501" t="s">
        <v>6833</v>
      </c>
      <c r="C4501">
        <v>1</v>
      </c>
      <c r="D4501">
        <v>0</v>
      </c>
    </row>
    <row r="4502" spans="1:4" x14ac:dyDescent="0.25">
      <c r="A4502" t="s">
        <v>6834</v>
      </c>
      <c r="B4502" t="s">
        <v>6835</v>
      </c>
      <c r="C4502">
        <v>0</v>
      </c>
      <c r="D4502">
        <v>0</v>
      </c>
    </row>
    <row r="4503" spans="1:4" x14ac:dyDescent="0.25">
      <c r="A4503" t="s">
        <v>6836</v>
      </c>
      <c r="B4503" t="s">
        <v>6837</v>
      </c>
      <c r="C4503">
        <v>1</v>
      </c>
      <c r="D4503">
        <v>0</v>
      </c>
    </row>
    <row r="4504" spans="1:4" x14ac:dyDescent="0.25">
      <c r="A4504" t="s">
        <v>6838</v>
      </c>
      <c r="B4504" t="s">
        <v>6839</v>
      </c>
      <c r="C4504">
        <v>0</v>
      </c>
      <c r="D4504">
        <v>0</v>
      </c>
    </row>
    <row r="4505" spans="1:4" x14ac:dyDescent="0.25">
      <c r="A4505" t="s">
        <v>6840</v>
      </c>
      <c r="B4505" t="s">
        <v>2052</v>
      </c>
      <c r="C4505">
        <v>0</v>
      </c>
      <c r="D4505">
        <v>0</v>
      </c>
    </row>
    <row r="4506" spans="1:4" x14ac:dyDescent="0.25">
      <c r="A4506" t="s">
        <v>6841</v>
      </c>
      <c r="B4506" t="s">
        <v>2293</v>
      </c>
      <c r="C4506">
        <v>1</v>
      </c>
      <c r="D4506">
        <v>0</v>
      </c>
    </row>
    <row r="4507" spans="1:4" x14ac:dyDescent="0.25">
      <c r="A4507" t="s">
        <v>6841</v>
      </c>
      <c r="B4507" t="s">
        <v>1808</v>
      </c>
      <c r="C4507">
        <v>0</v>
      </c>
      <c r="D4507">
        <v>0</v>
      </c>
    </row>
    <row r="4508" spans="1:4" x14ac:dyDescent="0.25">
      <c r="A4508" t="s">
        <v>6842</v>
      </c>
      <c r="B4508" t="s">
        <v>6843</v>
      </c>
      <c r="C4508">
        <v>2</v>
      </c>
      <c r="D4508">
        <v>0</v>
      </c>
    </row>
    <row r="4509" spans="1:4" x14ac:dyDescent="0.25">
      <c r="A4509" t="s">
        <v>6842</v>
      </c>
      <c r="B4509" t="s">
        <v>6844</v>
      </c>
      <c r="C4509">
        <v>1</v>
      </c>
      <c r="D4509">
        <v>0</v>
      </c>
    </row>
    <row r="4510" spans="1:4" x14ac:dyDescent="0.25">
      <c r="A4510" t="s">
        <v>6845</v>
      </c>
      <c r="B4510" t="s">
        <v>6846</v>
      </c>
      <c r="C4510">
        <v>1</v>
      </c>
      <c r="D4510">
        <v>0</v>
      </c>
    </row>
    <row r="4511" spans="1:4" x14ac:dyDescent="0.25">
      <c r="A4511" t="s">
        <v>6847</v>
      </c>
      <c r="B4511" t="s">
        <v>6848</v>
      </c>
      <c r="C4511">
        <v>2</v>
      </c>
      <c r="D4511">
        <v>0</v>
      </c>
    </row>
    <row r="4512" spans="1:4" x14ac:dyDescent="0.25">
      <c r="A4512" t="s">
        <v>6847</v>
      </c>
      <c r="B4512" t="s">
        <v>6849</v>
      </c>
      <c r="C4512">
        <v>1</v>
      </c>
      <c r="D4512">
        <v>0</v>
      </c>
    </row>
    <row r="4513" spans="1:4" x14ac:dyDescent="0.25">
      <c r="A4513" t="s">
        <v>6850</v>
      </c>
      <c r="B4513" t="s">
        <v>6851</v>
      </c>
      <c r="C4513">
        <v>1</v>
      </c>
      <c r="D4513">
        <v>0</v>
      </c>
    </row>
    <row r="4514" spans="1:4" x14ac:dyDescent="0.25">
      <c r="A4514" t="s">
        <v>6852</v>
      </c>
      <c r="B4514" t="s">
        <v>1001</v>
      </c>
      <c r="C4514">
        <v>1</v>
      </c>
      <c r="D4514">
        <v>0</v>
      </c>
    </row>
    <row r="4515" spans="1:4" x14ac:dyDescent="0.25">
      <c r="A4515" t="s">
        <v>6853</v>
      </c>
      <c r="B4515" t="s">
        <v>6854</v>
      </c>
      <c r="C4515">
        <v>1</v>
      </c>
      <c r="D4515">
        <v>0</v>
      </c>
    </row>
    <row r="4516" spans="1:4" x14ac:dyDescent="0.25">
      <c r="A4516" t="s">
        <v>6855</v>
      </c>
      <c r="B4516" t="s">
        <v>6856</v>
      </c>
      <c r="C4516">
        <v>0</v>
      </c>
      <c r="D4516">
        <v>0</v>
      </c>
    </row>
    <row r="4517" spans="1:4" x14ac:dyDescent="0.25">
      <c r="A4517" t="s">
        <v>6857</v>
      </c>
      <c r="B4517" t="s">
        <v>6858</v>
      </c>
      <c r="C4517">
        <v>1</v>
      </c>
      <c r="D4517">
        <v>0</v>
      </c>
    </row>
    <row r="4518" spans="1:4" x14ac:dyDescent="0.25">
      <c r="A4518" t="s">
        <v>6859</v>
      </c>
      <c r="B4518" t="s">
        <v>6860</v>
      </c>
      <c r="C4518">
        <v>1</v>
      </c>
      <c r="D4518">
        <v>0</v>
      </c>
    </row>
    <row r="4519" spans="1:4" x14ac:dyDescent="0.25">
      <c r="A4519" t="s">
        <v>6861</v>
      </c>
      <c r="B4519" t="s">
        <v>6862</v>
      </c>
      <c r="C4519">
        <v>1</v>
      </c>
      <c r="D4519">
        <v>0</v>
      </c>
    </row>
    <row r="4520" spans="1:4" x14ac:dyDescent="0.25">
      <c r="A4520" t="s">
        <v>6863</v>
      </c>
      <c r="B4520" t="s">
        <v>6864</v>
      </c>
      <c r="C4520">
        <v>1</v>
      </c>
      <c r="D4520">
        <v>0</v>
      </c>
    </row>
    <row r="4521" spans="1:4" x14ac:dyDescent="0.25">
      <c r="A4521" t="s">
        <v>6865</v>
      </c>
      <c r="B4521" t="s">
        <v>6866</v>
      </c>
      <c r="C4521">
        <v>0</v>
      </c>
      <c r="D4521">
        <v>0</v>
      </c>
    </row>
    <row r="4522" spans="1:4" x14ac:dyDescent="0.25">
      <c r="A4522" t="s">
        <v>6867</v>
      </c>
      <c r="B4522" t="s">
        <v>6868</v>
      </c>
      <c r="C4522">
        <v>0</v>
      </c>
      <c r="D4522">
        <v>0</v>
      </c>
    </row>
    <row r="4523" spans="1:4" x14ac:dyDescent="0.25">
      <c r="A4523" t="s">
        <v>6867</v>
      </c>
      <c r="B4523" t="s">
        <v>6869</v>
      </c>
      <c r="C4523">
        <v>1</v>
      </c>
      <c r="D4523">
        <v>0</v>
      </c>
    </row>
    <row r="4524" spans="1:4" x14ac:dyDescent="0.25">
      <c r="A4524" t="s">
        <v>6870</v>
      </c>
      <c r="B4524" t="s">
        <v>4351</v>
      </c>
      <c r="C4524">
        <v>0</v>
      </c>
      <c r="D4524">
        <v>0</v>
      </c>
    </row>
    <row r="4525" spans="1:4" x14ac:dyDescent="0.25">
      <c r="A4525" t="s">
        <v>6870</v>
      </c>
      <c r="B4525" t="s">
        <v>797</v>
      </c>
      <c r="C4525">
        <v>0</v>
      </c>
      <c r="D4525">
        <v>0</v>
      </c>
    </row>
    <row r="4526" spans="1:4" x14ac:dyDescent="0.25">
      <c r="A4526" t="s">
        <v>6871</v>
      </c>
      <c r="B4526" t="s">
        <v>6872</v>
      </c>
      <c r="C4526">
        <v>2</v>
      </c>
      <c r="D4526">
        <v>0</v>
      </c>
    </row>
    <row r="4527" spans="1:4" x14ac:dyDescent="0.25">
      <c r="A4527" t="s">
        <v>6871</v>
      </c>
      <c r="B4527" t="s">
        <v>6873</v>
      </c>
      <c r="C4527">
        <v>1</v>
      </c>
      <c r="D4527">
        <v>0</v>
      </c>
    </row>
    <row r="4528" spans="1:4" x14ac:dyDescent="0.25">
      <c r="A4528" t="s">
        <v>6874</v>
      </c>
      <c r="B4528" t="s">
        <v>6875</v>
      </c>
      <c r="C4528">
        <v>1</v>
      </c>
      <c r="D4528">
        <v>0</v>
      </c>
    </row>
    <row r="4529" spans="1:4" x14ac:dyDescent="0.25">
      <c r="A4529" t="s">
        <v>6876</v>
      </c>
      <c r="B4529" t="s">
        <v>6877</v>
      </c>
      <c r="C4529">
        <v>1</v>
      </c>
      <c r="D4529">
        <v>0</v>
      </c>
    </row>
    <row r="4530" spans="1:4" x14ac:dyDescent="0.25">
      <c r="A4530" t="s">
        <v>6876</v>
      </c>
      <c r="B4530" t="s">
        <v>6878</v>
      </c>
      <c r="C4530">
        <v>1</v>
      </c>
      <c r="D4530">
        <v>0</v>
      </c>
    </row>
    <row r="4531" spans="1:4" x14ac:dyDescent="0.25">
      <c r="A4531" t="s">
        <v>6879</v>
      </c>
      <c r="B4531" t="s">
        <v>6880</v>
      </c>
      <c r="C4531">
        <v>0</v>
      </c>
      <c r="D4531">
        <v>0</v>
      </c>
    </row>
    <row r="4532" spans="1:4" x14ac:dyDescent="0.25">
      <c r="A4532" t="s">
        <v>6879</v>
      </c>
      <c r="B4532" t="s">
        <v>4591</v>
      </c>
      <c r="C4532">
        <v>0</v>
      </c>
      <c r="D4532">
        <v>0</v>
      </c>
    </row>
    <row r="4533" spans="1:4" x14ac:dyDescent="0.25">
      <c r="A4533" t="s">
        <v>6879</v>
      </c>
      <c r="B4533" t="s">
        <v>6881</v>
      </c>
      <c r="C4533">
        <v>2</v>
      </c>
      <c r="D4533">
        <v>0</v>
      </c>
    </row>
    <row r="4534" spans="1:4" x14ac:dyDescent="0.25">
      <c r="A4534" t="s">
        <v>6882</v>
      </c>
      <c r="B4534" t="s">
        <v>6883</v>
      </c>
      <c r="C4534">
        <v>1</v>
      </c>
      <c r="D4534">
        <v>0</v>
      </c>
    </row>
    <row r="4535" spans="1:4" x14ac:dyDescent="0.25">
      <c r="A4535" t="s">
        <v>6882</v>
      </c>
      <c r="B4535" t="s">
        <v>6884</v>
      </c>
      <c r="C4535">
        <v>1</v>
      </c>
      <c r="D4535">
        <v>0</v>
      </c>
    </row>
    <row r="4536" spans="1:4" x14ac:dyDescent="0.25">
      <c r="A4536" t="s">
        <v>6882</v>
      </c>
      <c r="B4536" t="s">
        <v>6885</v>
      </c>
      <c r="C4536">
        <v>1</v>
      </c>
      <c r="D4536">
        <v>0</v>
      </c>
    </row>
    <row r="4537" spans="1:4" x14ac:dyDescent="0.25">
      <c r="A4537" t="s">
        <v>6886</v>
      </c>
      <c r="B4537" t="s">
        <v>6887</v>
      </c>
      <c r="C4537">
        <v>0</v>
      </c>
      <c r="D4537">
        <v>0</v>
      </c>
    </row>
    <row r="4538" spans="1:4" x14ac:dyDescent="0.25">
      <c r="A4538" t="s">
        <v>6888</v>
      </c>
      <c r="B4538" t="s">
        <v>6889</v>
      </c>
      <c r="C4538">
        <v>1</v>
      </c>
      <c r="D4538">
        <v>0</v>
      </c>
    </row>
    <row r="4539" spans="1:4" x14ac:dyDescent="0.25">
      <c r="A4539" t="s">
        <v>6888</v>
      </c>
      <c r="B4539" t="s">
        <v>6890</v>
      </c>
      <c r="C4539">
        <v>0</v>
      </c>
      <c r="D4539">
        <v>0</v>
      </c>
    </row>
    <row r="4540" spans="1:4" x14ac:dyDescent="0.25">
      <c r="A4540" t="s">
        <v>6891</v>
      </c>
      <c r="B4540" t="s">
        <v>6892</v>
      </c>
      <c r="C4540">
        <v>0</v>
      </c>
      <c r="D4540">
        <v>0</v>
      </c>
    </row>
    <row r="4541" spans="1:4" x14ac:dyDescent="0.25">
      <c r="A4541" t="s">
        <v>6893</v>
      </c>
      <c r="B4541" t="s">
        <v>6894</v>
      </c>
      <c r="C4541">
        <v>1</v>
      </c>
      <c r="D4541">
        <v>0</v>
      </c>
    </row>
    <row r="4542" spans="1:4" x14ac:dyDescent="0.25">
      <c r="A4542" t="s">
        <v>6895</v>
      </c>
      <c r="B4542" t="s">
        <v>6896</v>
      </c>
      <c r="C4542">
        <v>0</v>
      </c>
      <c r="D4542">
        <v>0</v>
      </c>
    </row>
    <row r="4543" spans="1:4" x14ac:dyDescent="0.25">
      <c r="A4543" t="s">
        <v>6895</v>
      </c>
      <c r="B4543" t="s">
        <v>6897</v>
      </c>
      <c r="C4543">
        <v>0</v>
      </c>
      <c r="D4543">
        <v>0</v>
      </c>
    </row>
    <row r="4544" spans="1:4" x14ac:dyDescent="0.25">
      <c r="A4544" t="s">
        <v>6895</v>
      </c>
      <c r="B4544" t="s">
        <v>6898</v>
      </c>
      <c r="C4544">
        <v>0</v>
      </c>
      <c r="D4544">
        <v>0</v>
      </c>
    </row>
    <row r="4545" spans="1:4" x14ac:dyDescent="0.25">
      <c r="A4545" t="s">
        <v>6899</v>
      </c>
      <c r="B4545" t="s">
        <v>1912</v>
      </c>
      <c r="C4545">
        <v>0</v>
      </c>
      <c r="D4545">
        <v>0</v>
      </c>
    </row>
    <row r="4546" spans="1:4" x14ac:dyDescent="0.25">
      <c r="A4546" t="s">
        <v>6899</v>
      </c>
      <c r="B4546" t="s">
        <v>2273</v>
      </c>
      <c r="C4546">
        <v>1</v>
      </c>
      <c r="D4546">
        <v>0</v>
      </c>
    </row>
    <row r="4547" spans="1:4" x14ac:dyDescent="0.25">
      <c r="A4547" t="s">
        <v>6900</v>
      </c>
      <c r="B4547" t="s">
        <v>6901</v>
      </c>
      <c r="C4547">
        <v>1</v>
      </c>
      <c r="D4547">
        <v>0</v>
      </c>
    </row>
    <row r="4548" spans="1:4" x14ac:dyDescent="0.25">
      <c r="A4548" t="s">
        <v>6902</v>
      </c>
      <c r="B4548" t="s">
        <v>6903</v>
      </c>
      <c r="C4548">
        <v>1</v>
      </c>
      <c r="D4548">
        <v>0</v>
      </c>
    </row>
    <row r="4549" spans="1:4" x14ac:dyDescent="0.25">
      <c r="A4549" t="s">
        <v>6902</v>
      </c>
      <c r="B4549" t="s">
        <v>6904</v>
      </c>
      <c r="C4549">
        <v>2</v>
      </c>
      <c r="D4549">
        <v>0</v>
      </c>
    </row>
    <row r="4550" spans="1:4" x14ac:dyDescent="0.25">
      <c r="A4550" t="s">
        <v>6905</v>
      </c>
      <c r="B4550" t="s">
        <v>6906</v>
      </c>
      <c r="C4550">
        <v>0</v>
      </c>
      <c r="D4550">
        <v>0</v>
      </c>
    </row>
    <row r="4551" spans="1:4" x14ac:dyDescent="0.25">
      <c r="A4551" t="s">
        <v>6907</v>
      </c>
      <c r="B4551" t="s">
        <v>6908</v>
      </c>
      <c r="C4551">
        <v>0</v>
      </c>
      <c r="D4551">
        <v>0</v>
      </c>
    </row>
    <row r="4552" spans="1:4" x14ac:dyDescent="0.25">
      <c r="A4552" t="s">
        <v>6909</v>
      </c>
      <c r="B4552" t="s">
        <v>6910</v>
      </c>
      <c r="C4552">
        <v>0</v>
      </c>
      <c r="D4552">
        <v>0</v>
      </c>
    </row>
    <row r="4553" spans="1:4" x14ac:dyDescent="0.25">
      <c r="A4553" t="s">
        <v>6911</v>
      </c>
      <c r="B4553" t="s">
        <v>6912</v>
      </c>
      <c r="C4553">
        <v>0</v>
      </c>
      <c r="D4553">
        <v>0</v>
      </c>
    </row>
    <row r="4554" spans="1:4" x14ac:dyDescent="0.25">
      <c r="A4554" t="s">
        <v>6911</v>
      </c>
      <c r="B4554" t="s">
        <v>6913</v>
      </c>
      <c r="C4554">
        <v>1</v>
      </c>
      <c r="D4554">
        <v>0</v>
      </c>
    </row>
    <row r="4555" spans="1:4" x14ac:dyDescent="0.25">
      <c r="A4555" t="s">
        <v>6914</v>
      </c>
      <c r="B4555" t="s">
        <v>6915</v>
      </c>
      <c r="C4555">
        <v>0</v>
      </c>
      <c r="D4555">
        <v>0</v>
      </c>
    </row>
    <row r="4556" spans="1:4" x14ac:dyDescent="0.25">
      <c r="A4556" t="s">
        <v>6916</v>
      </c>
      <c r="B4556" t="s">
        <v>6917</v>
      </c>
      <c r="C4556">
        <v>1</v>
      </c>
      <c r="D4556">
        <v>0</v>
      </c>
    </row>
    <row r="4557" spans="1:4" x14ac:dyDescent="0.25">
      <c r="A4557" t="s">
        <v>6918</v>
      </c>
      <c r="B4557" t="s">
        <v>6919</v>
      </c>
      <c r="C4557">
        <v>1</v>
      </c>
      <c r="D4557">
        <v>0</v>
      </c>
    </row>
    <row r="4558" spans="1:4" x14ac:dyDescent="0.25">
      <c r="A4558" t="s">
        <v>6918</v>
      </c>
      <c r="B4558" t="s">
        <v>6920</v>
      </c>
      <c r="C4558">
        <v>2</v>
      </c>
      <c r="D4558">
        <v>0</v>
      </c>
    </row>
    <row r="4559" spans="1:4" x14ac:dyDescent="0.25">
      <c r="A4559" t="s">
        <v>6918</v>
      </c>
      <c r="B4559" t="s">
        <v>6921</v>
      </c>
      <c r="C4559">
        <v>2</v>
      </c>
      <c r="D4559">
        <v>0</v>
      </c>
    </row>
    <row r="4560" spans="1:4" x14ac:dyDescent="0.25">
      <c r="A4560" t="s">
        <v>6922</v>
      </c>
      <c r="B4560" t="s">
        <v>6923</v>
      </c>
      <c r="C4560">
        <v>0</v>
      </c>
      <c r="D4560">
        <v>0</v>
      </c>
    </row>
    <row r="4561" spans="1:4" x14ac:dyDescent="0.25">
      <c r="A4561" t="s">
        <v>6924</v>
      </c>
      <c r="B4561" t="s">
        <v>6925</v>
      </c>
      <c r="C4561">
        <v>1</v>
      </c>
      <c r="D4561">
        <v>0</v>
      </c>
    </row>
    <row r="4562" spans="1:4" x14ac:dyDescent="0.25">
      <c r="A4562" t="s">
        <v>6924</v>
      </c>
      <c r="B4562" t="s">
        <v>1938</v>
      </c>
      <c r="C4562">
        <v>0</v>
      </c>
      <c r="D4562">
        <v>0</v>
      </c>
    </row>
    <row r="4563" spans="1:4" x14ac:dyDescent="0.25">
      <c r="A4563" t="s">
        <v>6926</v>
      </c>
      <c r="B4563" t="s">
        <v>6927</v>
      </c>
      <c r="C4563">
        <v>1</v>
      </c>
      <c r="D4563">
        <v>0</v>
      </c>
    </row>
    <row r="4564" spans="1:4" x14ac:dyDescent="0.25">
      <c r="A4564" t="s">
        <v>6928</v>
      </c>
      <c r="B4564" t="s">
        <v>6929</v>
      </c>
      <c r="C4564">
        <v>0</v>
      </c>
      <c r="D4564">
        <v>0</v>
      </c>
    </row>
    <row r="4565" spans="1:4" x14ac:dyDescent="0.25">
      <c r="A4565" t="s">
        <v>6928</v>
      </c>
      <c r="B4565" t="s">
        <v>6930</v>
      </c>
      <c r="C4565">
        <v>1</v>
      </c>
      <c r="D4565">
        <v>0</v>
      </c>
    </row>
    <row r="4566" spans="1:4" x14ac:dyDescent="0.25">
      <c r="A4566" t="s">
        <v>6931</v>
      </c>
      <c r="B4566" t="s">
        <v>6932</v>
      </c>
      <c r="C4566">
        <v>1</v>
      </c>
      <c r="D4566">
        <v>0</v>
      </c>
    </row>
    <row r="4567" spans="1:4" x14ac:dyDescent="0.25">
      <c r="A4567" t="s">
        <v>6933</v>
      </c>
      <c r="B4567" t="s">
        <v>6934</v>
      </c>
      <c r="C4567">
        <v>1</v>
      </c>
      <c r="D4567">
        <v>0</v>
      </c>
    </row>
    <row r="4568" spans="1:4" x14ac:dyDescent="0.25">
      <c r="A4568" t="s">
        <v>6933</v>
      </c>
      <c r="B4568" t="s">
        <v>6935</v>
      </c>
      <c r="C4568">
        <v>1</v>
      </c>
      <c r="D4568">
        <v>0</v>
      </c>
    </row>
    <row r="4569" spans="1:4" x14ac:dyDescent="0.25">
      <c r="A4569" t="s">
        <v>6936</v>
      </c>
      <c r="B4569" t="s">
        <v>6937</v>
      </c>
      <c r="C4569">
        <v>1</v>
      </c>
      <c r="D4569">
        <v>0</v>
      </c>
    </row>
    <row r="4570" spans="1:4" x14ac:dyDescent="0.25">
      <c r="A4570" t="s">
        <v>6938</v>
      </c>
      <c r="B4570" t="s">
        <v>6939</v>
      </c>
      <c r="C4570">
        <v>0</v>
      </c>
      <c r="D4570">
        <v>0</v>
      </c>
    </row>
    <row r="4571" spans="1:4" x14ac:dyDescent="0.25">
      <c r="A4571" t="s">
        <v>6940</v>
      </c>
      <c r="B4571" t="s">
        <v>6941</v>
      </c>
      <c r="C4571">
        <v>1</v>
      </c>
      <c r="D4571">
        <v>0</v>
      </c>
    </row>
    <row r="4572" spans="1:4" x14ac:dyDescent="0.25">
      <c r="A4572" t="s">
        <v>6942</v>
      </c>
      <c r="B4572" t="s">
        <v>1001</v>
      </c>
      <c r="C4572">
        <v>1</v>
      </c>
      <c r="D4572">
        <v>0</v>
      </c>
    </row>
    <row r="4573" spans="1:4" x14ac:dyDescent="0.25">
      <c r="A4573" t="s">
        <v>6942</v>
      </c>
      <c r="B4573" t="s">
        <v>6943</v>
      </c>
      <c r="C4573">
        <v>1</v>
      </c>
      <c r="D4573">
        <v>0</v>
      </c>
    </row>
    <row r="4574" spans="1:4" x14ac:dyDescent="0.25">
      <c r="A4574" t="s">
        <v>6944</v>
      </c>
      <c r="B4574" t="s">
        <v>6945</v>
      </c>
      <c r="C4574">
        <v>1</v>
      </c>
      <c r="D4574">
        <v>0</v>
      </c>
    </row>
    <row r="4575" spans="1:4" x14ac:dyDescent="0.25">
      <c r="A4575" t="s">
        <v>6944</v>
      </c>
      <c r="B4575" t="s">
        <v>6946</v>
      </c>
      <c r="C4575">
        <v>2</v>
      </c>
      <c r="D4575">
        <v>0</v>
      </c>
    </row>
    <row r="4576" spans="1:4" x14ac:dyDescent="0.25">
      <c r="A4576" t="s">
        <v>6944</v>
      </c>
      <c r="B4576" t="s">
        <v>6947</v>
      </c>
      <c r="C4576">
        <v>1</v>
      </c>
      <c r="D4576">
        <v>0</v>
      </c>
    </row>
    <row r="4577" spans="1:4" x14ac:dyDescent="0.25">
      <c r="A4577" t="s">
        <v>6948</v>
      </c>
      <c r="B4577" t="s">
        <v>6949</v>
      </c>
      <c r="C4577">
        <v>1</v>
      </c>
      <c r="D4577">
        <v>0</v>
      </c>
    </row>
    <row r="4578" spans="1:4" x14ac:dyDescent="0.25">
      <c r="A4578" t="s">
        <v>6948</v>
      </c>
      <c r="B4578" t="s">
        <v>6950</v>
      </c>
      <c r="C4578">
        <v>0</v>
      </c>
      <c r="D4578">
        <v>0</v>
      </c>
    </row>
    <row r="4579" spans="1:4" x14ac:dyDescent="0.25">
      <c r="A4579" t="s">
        <v>6951</v>
      </c>
      <c r="B4579" t="s">
        <v>6952</v>
      </c>
      <c r="C4579">
        <v>2</v>
      </c>
      <c r="D4579">
        <v>0</v>
      </c>
    </row>
    <row r="4580" spans="1:4" x14ac:dyDescent="0.25">
      <c r="A4580" t="s">
        <v>6951</v>
      </c>
      <c r="B4580" t="s">
        <v>6953</v>
      </c>
      <c r="C4580">
        <v>0</v>
      </c>
      <c r="D4580">
        <v>0</v>
      </c>
    </row>
    <row r="4581" spans="1:4" x14ac:dyDescent="0.25">
      <c r="A4581" t="s">
        <v>6951</v>
      </c>
      <c r="B4581" t="s">
        <v>6954</v>
      </c>
      <c r="C4581">
        <v>0</v>
      </c>
      <c r="D4581">
        <v>0</v>
      </c>
    </row>
    <row r="4582" spans="1:4" x14ac:dyDescent="0.25">
      <c r="A4582" t="s">
        <v>6955</v>
      </c>
      <c r="B4582" t="s">
        <v>6956</v>
      </c>
      <c r="C4582">
        <v>1</v>
      </c>
      <c r="D4582">
        <v>0</v>
      </c>
    </row>
    <row r="4583" spans="1:4" x14ac:dyDescent="0.25">
      <c r="A4583" t="s">
        <v>6957</v>
      </c>
      <c r="B4583" t="s">
        <v>2061</v>
      </c>
      <c r="C4583">
        <v>0</v>
      </c>
      <c r="D4583">
        <v>0</v>
      </c>
    </row>
    <row r="4584" spans="1:4" x14ac:dyDescent="0.25">
      <c r="A4584" t="s">
        <v>6957</v>
      </c>
      <c r="B4584" t="s">
        <v>1001</v>
      </c>
      <c r="C4584">
        <v>1</v>
      </c>
      <c r="D4584">
        <v>0</v>
      </c>
    </row>
    <row r="4585" spans="1:4" x14ac:dyDescent="0.25">
      <c r="A4585" t="s">
        <v>6957</v>
      </c>
      <c r="B4585" t="s">
        <v>2061</v>
      </c>
      <c r="C4585">
        <v>0</v>
      </c>
      <c r="D4585">
        <v>0</v>
      </c>
    </row>
    <row r="4586" spans="1:4" x14ac:dyDescent="0.25">
      <c r="A4586" t="s">
        <v>6958</v>
      </c>
      <c r="B4586" t="s">
        <v>6959</v>
      </c>
      <c r="C4586">
        <v>1</v>
      </c>
      <c r="D4586">
        <v>0</v>
      </c>
    </row>
    <row r="4587" spans="1:4" x14ac:dyDescent="0.25">
      <c r="A4587" t="s">
        <v>6958</v>
      </c>
      <c r="B4587" t="s">
        <v>6960</v>
      </c>
      <c r="C4587">
        <v>0</v>
      </c>
      <c r="D4587">
        <v>0</v>
      </c>
    </row>
    <row r="4588" spans="1:4" x14ac:dyDescent="0.25">
      <c r="A4588" t="s">
        <v>6961</v>
      </c>
      <c r="B4588" t="s">
        <v>6962</v>
      </c>
      <c r="C4588">
        <v>0</v>
      </c>
      <c r="D4588">
        <v>0</v>
      </c>
    </row>
    <row r="4589" spans="1:4" x14ac:dyDescent="0.25">
      <c r="A4589" t="s">
        <v>6961</v>
      </c>
      <c r="B4589" t="s">
        <v>6963</v>
      </c>
      <c r="C4589">
        <v>0</v>
      </c>
      <c r="D4589">
        <v>0</v>
      </c>
    </row>
    <row r="4590" spans="1:4" x14ac:dyDescent="0.25">
      <c r="A4590" t="s">
        <v>6961</v>
      </c>
      <c r="B4590" t="s">
        <v>6964</v>
      </c>
      <c r="C4590">
        <v>0</v>
      </c>
      <c r="D4590">
        <v>0</v>
      </c>
    </row>
    <row r="4591" spans="1:4" x14ac:dyDescent="0.25">
      <c r="A4591" t="s">
        <v>6965</v>
      </c>
      <c r="B4591" t="s">
        <v>1938</v>
      </c>
      <c r="C4591">
        <v>0</v>
      </c>
      <c r="D4591">
        <v>0</v>
      </c>
    </row>
    <row r="4592" spans="1:4" x14ac:dyDescent="0.25">
      <c r="A4592" t="s">
        <v>6966</v>
      </c>
      <c r="B4592" t="s">
        <v>6967</v>
      </c>
      <c r="C4592">
        <v>1</v>
      </c>
      <c r="D4592">
        <v>0</v>
      </c>
    </row>
    <row r="4593" spans="1:4" x14ac:dyDescent="0.25">
      <c r="A4593" t="s">
        <v>6968</v>
      </c>
      <c r="B4593" t="s">
        <v>6969</v>
      </c>
      <c r="C4593">
        <v>1</v>
      </c>
      <c r="D4593">
        <v>0</v>
      </c>
    </row>
    <row r="4594" spans="1:4" x14ac:dyDescent="0.25">
      <c r="A4594" t="s">
        <v>6968</v>
      </c>
      <c r="B4594" t="s">
        <v>6970</v>
      </c>
      <c r="C4594">
        <v>1</v>
      </c>
      <c r="D4594">
        <v>0</v>
      </c>
    </row>
    <row r="4595" spans="1:4" x14ac:dyDescent="0.25">
      <c r="A4595" t="s">
        <v>6968</v>
      </c>
      <c r="B4595" t="s">
        <v>6971</v>
      </c>
      <c r="C4595">
        <v>1</v>
      </c>
      <c r="D4595">
        <v>0</v>
      </c>
    </row>
    <row r="4596" spans="1:4" x14ac:dyDescent="0.25">
      <c r="A4596" t="s">
        <v>6972</v>
      </c>
      <c r="B4596" t="s">
        <v>6973</v>
      </c>
      <c r="C4596">
        <v>1</v>
      </c>
      <c r="D4596">
        <v>0</v>
      </c>
    </row>
    <row r="4597" spans="1:4" x14ac:dyDescent="0.25">
      <c r="A4597" t="s">
        <v>6972</v>
      </c>
      <c r="B4597" t="s">
        <v>6974</v>
      </c>
      <c r="C4597">
        <v>0</v>
      </c>
      <c r="D4597">
        <v>0</v>
      </c>
    </row>
    <row r="4598" spans="1:4" x14ac:dyDescent="0.25">
      <c r="A4598" t="s">
        <v>6972</v>
      </c>
      <c r="B4598" t="s">
        <v>6975</v>
      </c>
      <c r="C4598">
        <v>1</v>
      </c>
      <c r="D4598">
        <v>0</v>
      </c>
    </row>
    <row r="4599" spans="1:4" x14ac:dyDescent="0.25">
      <c r="A4599" t="s">
        <v>6976</v>
      </c>
      <c r="B4599" t="s">
        <v>6977</v>
      </c>
      <c r="C4599">
        <v>0</v>
      </c>
      <c r="D4599">
        <v>0</v>
      </c>
    </row>
    <row r="4600" spans="1:4" x14ac:dyDescent="0.25">
      <c r="A4600" t="s">
        <v>6976</v>
      </c>
      <c r="B4600" t="s">
        <v>6978</v>
      </c>
      <c r="C4600">
        <v>0</v>
      </c>
      <c r="D4600">
        <v>0</v>
      </c>
    </row>
    <row r="4601" spans="1:4" x14ac:dyDescent="0.25">
      <c r="A4601" t="s">
        <v>6976</v>
      </c>
      <c r="B4601" t="s">
        <v>6979</v>
      </c>
      <c r="C4601">
        <v>2</v>
      </c>
      <c r="D4601">
        <v>0</v>
      </c>
    </row>
    <row r="4602" spans="1:4" x14ac:dyDescent="0.25">
      <c r="A4602" t="s">
        <v>6980</v>
      </c>
      <c r="B4602" t="s">
        <v>6981</v>
      </c>
      <c r="C4602">
        <v>1</v>
      </c>
      <c r="D4602">
        <v>0</v>
      </c>
    </row>
    <row r="4603" spans="1:4" x14ac:dyDescent="0.25">
      <c r="A4603" t="s">
        <v>6982</v>
      </c>
      <c r="B4603" t="s">
        <v>6983</v>
      </c>
      <c r="C4603">
        <v>1</v>
      </c>
      <c r="D4603">
        <v>0</v>
      </c>
    </row>
    <row r="4604" spans="1:4" x14ac:dyDescent="0.25">
      <c r="A4604" t="s">
        <v>6984</v>
      </c>
      <c r="B4604" t="s">
        <v>6985</v>
      </c>
      <c r="C4604">
        <v>0</v>
      </c>
      <c r="D4604">
        <v>0</v>
      </c>
    </row>
    <row r="4605" spans="1:4" x14ac:dyDescent="0.25">
      <c r="A4605" t="s">
        <v>6984</v>
      </c>
      <c r="B4605" t="s">
        <v>6986</v>
      </c>
      <c r="C4605">
        <v>0</v>
      </c>
      <c r="D4605">
        <v>0</v>
      </c>
    </row>
    <row r="4606" spans="1:4" x14ac:dyDescent="0.25">
      <c r="A4606" t="s">
        <v>6987</v>
      </c>
      <c r="B4606" t="s">
        <v>6988</v>
      </c>
      <c r="C4606">
        <v>2</v>
      </c>
      <c r="D4606">
        <v>0</v>
      </c>
    </row>
    <row r="4607" spans="1:4" x14ac:dyDescent="0.25">
      <c r="A4607" t="s">
        <v>6989</v>
      </c>
      <c r="B4607" t="s">
        <v>6990</v>
      </c>
      <c r="C4607">
        <v>1</v>
      </c>
      <c r="D4607">
        <v>0</v>
      </c>
    </row>
    <row r="4608" spans="1:4" x14ac:dyDescent="0.25">
      <c r="A4608" t="s">
        <v>6991</v>
      </c>
      <c r="B4608" t="s">
        <v>6992</v>
      </c>
      <c r="C4608">
        <v>1</v>
      </c>
      <c r="D4608">
        <v>0</v>
      </c>
    </row>
    <row r="4609" spans="1:4" x14ac:dyDescent="0.25">
      <c r="A4609" t="s">
        <v>6993</v>
      </c>
      <c r="B4609" t="s">
        <v>6994</v>
      </c>
      <c r="C4609">
        <v>0</v>
      </c>
      <c r="D4609">
        <v>0</v>
      </c>
    </row>
    <row r="4610" spans="1:4" x14ac:dyDescent="0.25">
      <c r="A4610" t="s">
        <v>6993</v>
      </c>
      <c r="B4610" t="s">
        <v>6995</v>
      </c>
      <c r="C4610">
        <v>0</v>
      </c>
      <c r="D4610">
        <v>0</v>
      </c>
    </row>
    <row r="4611" spans="1:4" x14ac:dyDescent="0.25">
      <c r="A4611" t="s">
        <v>6993</v>
      </c>
      <c r="B4611" t="s">
        <v>6996</v>
      </c>
      <c r="C4611">
        <v>0</v>
      </c>
      <c r="D4611">
        <v>0</v>
      </c>
    </row>
    <row r="4612" spans="1:4" x14ac:dyDescent="0.25">
      <c r="A4612" t="s">
        <v>6997</v>
      </c>
      <c r="B4612" t="s">
        <v>6998</v>
      </c>
      <c r="C4612">
        <v>2</v>
      </c>
      <c r="D4612">
        <v>0</v>
      </c>
    </row>
    <row r="4613" spans="1:4" x14ac:dyDescent="0.25">
      <c r="A4613" t="s">
        <v>6997</v>
      </c>
      <c r="B4613" t="s">
        <v>6999</v>
      </c>
      <c r="C4613">
        <v>0</v>
      </c>
      <c r="D4613">
        <v>0</v>
      </c>
    </row>
    <row r="4614" spans="1:4" x14ac:dyDescent="0.25">
      <c r="A4614" t="s">
        <v>6997</v>
      </c>
      <c r="B4614" t="s">
        <v>7000</v>
      </c>
      <c r="C4614">
        <v>2</v>
      </c>
      <c r="D4614">
        <v>0</v>
      </c>
    </row>
    <row r="4615" spans="1:4" x14ac:dyDescent="0.25">
      <c r="A4615" t="s">
        <v>7001</v>
      </c>
      <c r="B4615" t="s">
        <v>7002</v>
      </c>
      <c r="C4615">
        <v>1</v>
      </c>
      <c r="D4615">
        <v>0</v>
      </c>
    </row>
    <row r="4616" spans="1:4" x14ac:dyDescent="0.25">
      <c r="A4616" t="s">
        <v>7001</v>
      </c>
      <c r="B4616" t="s">
        <v>7003</v>
      </c>
      <c r="C4616">
        <v>0</v>
      </c>
      <c r="D4616">
        <v>0</v>
      </c>
    </row>
    <row r="4617" spans="1:4" x14ac:dyDescent="0.25">
      <c r="A4617" t="s">
        <v>7001</v>
      </c>
      <c r="B4617" t="s">
        <v>7004</v>
      </c>
      <c r="C4617">
        <v>2</v>
      </c>
      <c r="D4617">
        <v>0</v>
      </c>
    </row>
    <row r="4618" spans="1:4" x14ac:dyDescent="0.25">
      <c r="A4618" t="s">
        <v>7005</v>
      </c>
      <c r="B4618" t="s">
        <v>7006</v>
      </c>
      <c r="C4618">
        <v>1</v>
      </c>
      <c r="D4618">
        <v>0</v>
      </c>
    </row>
    <row r="4619" spans="1:4" x14ac:dyDescent="0.25">
      <c r="A4619" t="s">
        <v>7005</v>
      </c>
      <c r="B4619" t="s">
        <v>7007</v>
      </c>
      <c r="C4619">
        <v>0</v>
      </c>
      <c r="D4619">
        <v>0</v>
      </c>
    </row>
    <row r="4620" spans="1:4" x14ac:dyDescent="0.25">
      <c r="A4620" t="s">
        <v>7005</v>
      </c>
      <c r="B4620" t="s">
        <v>7008</v>
      </c>
      <c r="C4620">
        <v>0</v>
      </c>
      <c r="D4620">
        <v>0</v>
      </c>
    </row>
    <row r="4621" spans="1:4" x14ac:dyDescent="0.25">
      <c r="A4621" t="s">
        <v>7009</v>
      </c>
      <c r="B4621" t="s">
        <v>7010</v>
      </c>
      <c r="C4621">
        <v>2</v>
      </c>
      <c r="D4621">
        <v>0</v>
      </c>
    </row>
    <row r="4622" spans="1:4" x14ac:dyDescent="0.25">
      <c r="A4622" t="s">
        <v>7009</v>
      </c>
      <c r="B4622" t="s">
        <v>843</v>
      </c>
      <c r="C4622">
        <v>1</v>
      </c>
      <c r="D4622">
        <v>0</v>
      </c>
    </row>
    <row r="4623" spans="1:4" x14ac:dyDescent="0.25">
      <c r="A4623" t="s">
        <v>7009</v>
      </c>
      <c r="B4623" t="s">
        <v>7011</v>
      </c>
      <c r="C4623">
        <v>0</v>
      </c>
      <c r="D4623">
        <v>0</v>
      </c>
    </row>
    <row r="4624" spans="1:4" x14ac:dyDescent="0.25">
      <c r="A4624" t="s">
        <v>7012</v>
      </c>
      <c r="B4624" t="s">
        <v>2267</v>
      </c>
      <c r="C4624">
        <v>0</v>
      </c>
      <c r="D4624">
        <v>0</v>
      </c>
    </row>
    <row r="4625" spans="1:4" x14ac:dyDescent="0.25">
      <c r="A4625" t="s">
        <v>7013</v>
      </c>
      <c r="B4625" t="s">
        <v>7014</v>
      </c>
      <c r="C4625">
        <v>2</v>
      </c>
      <c r="D4625">
        <v>0</v>
      </c>
    </row>
    <row r="4626" spans="1:4" x14ac:dyDescent="0.25">
      <c r="A4626" t="s">
        <v>7013</v>
      </c>
      <c r="B4626" t="s">
        <v>7015</v>
      </c>
      <c r="C4626">
        <v>2</v>
      </c>
      <c r="D4626">
        <v>0</v>
      </c>
    </row>
    <row r="4627" spans="1:4" x14ac:dyDescent="0.25">
      <c r="A4627" t="s">
        <v>7013</v>
      </c>
      <c r="B4627" t="s">
        <v>7016</v>
      </c>
      <c r="C4627">
        <v>1</v>
      </c>
      <c r="D4627">
        <v>0</v>
      </c>
    </row>
    <row r="4628" spans="1:4" x14ac:dyDescent="0.25">
      <c r="A4628" t="s">
        <v>7017</v>
      </c>
      <c r="B4628" t="s">
        <v>7018</v>
      </c>
      <c r="C4628">
        <v>1</v>
      </c>
      <c r="D4628">
        <v>0</v>
      </c>
    </row>
    <row r="4629" spans="1:4" x14ac:dyDescent="0.25">
      <c r="A4629" t="s">
        <v>7017</v>
      </c>
      <c r="B4629" t="s">
        <v>7019</v>
      </c>
      <c r="C4629">
        <v>1</v>
      </c>
      <c r="D4629">
        <v>0</v>
      </c>
    </row>
    <row r="4630" spans="1:4" x14ac:dyDescent="0.25">
      <c r="A4630" t="s">
        <v>7020</v>
      </c>
      <c r="B4630" t="s">
        <v>7021</v>
      </c>
      <c r="C4630">
        <v>2</v>
      </c>
      <c r="D4630">
        <v>0</v>
      </c>
    </row>
    <row r="4631" spans="1:4" x14ac:dyDescent="0.25">
      <c r="A4631" t="s">
        <v>7022</v>
      </c>
      <c r="B4631" t="s">
        <v>7023</v>
      </c>
      <c r="C4631">
        <v>2</v>
      </c>
      <c r="D4631">
        <v>0</v>
      </c>
    </row>
    <row r="4632" spans="1:4" x14ac:dyDescent="0.25">
      <c r="A4632" t="s">
        <v>7022</v>
      </c>
      <c r="B4632" t="s">
        <v>7024</v>
      </c>
      <c r="C4632">
        <v>2</v>
      </c>
      <c r="D4632">
        <v>0</v>
      </c>
    </row>
    <row r="4633" spans="1:4" x14ac:dyDescent="0.25">
      <c r="A4633" t="s">
        <v>7022</v>
      </c>
      <c r="B4633" t="s">
        <v>7025</v>
      </c>
      <c r="C4633">
        <v>1</v>
      </c>
      <c r="D4633">
        <v>0</v>
      </c>
    </row>
    <row r="4634" spans="1:4" x14ac:dyDescent="0.25">
      <c r="A4634" t="s">
        <v>7026</v>
      </c>
      <c r="B4634" t="s">
        <v>2316</v>
      </c>
      <c r="C4634">
        <v>2</v>
      </c>
      <c r="D4634">
        <v>0</v>
      </c>
    </row>
    <row r="4635" spans="1:4" x14ac:dyDescent="0.25">
      <c r="A4635" t="s">
        <v>7026</v>
      </c>
      <c r="B4635" t="s">
        <v>7027</v>
      </c>
      <c r="C4635">
        <v>2</v>
      </c>
      <c r="D4635">
        <v>0</v>
      </c>
    </row>
    <row r="4636" spans="1:4" x14ac:dyDescent="0.25">
      <c r="A4636" t="s">
        <v>7028</v>
      </c>
      <c r="B4636" t="s">
        <v>7029</v>
      </c>
      <c r="C4636">
        <v>0</v>
      </c>
      <c r="D4636">
        <v>0</v>
      </c>
    </row>
    <row r="4637" spans="1:4" x14ac:dyDescent="0.25">
      <c r="A4637" t="s">
        <v>7028</v>
      </c>
      <c r="B4637" t="s">
        <v>7030</v>
      </c>
      <c r="C4637">
        <v>1</v>
      </c>
      <c r="D4637">
        <v>0</v>
      </c>
    </row>
    <row r="4638" spans="1:4" x14ac:dyDescent="0.25">
      <c r="A4638" t="s">
        <v>7031</v>
      </c>
      <c r="B4638" t="s">
        <v>7032</v>
      </c>
      <c r="C4638">
        <v>0</v>
      </c>
      <c r="D4638">
        <v>0</v>
      </c>
    </row>
    <row r="4639" spans="1:4" x14ac:dyDescent="0.25">
      <c r="A4639" t="s">
        <v>7033</v>
      </c>
      <c r="B4639" t="s">
        <v>6438</v>
      </c>
      <c r="C4639">
        <v>0</v>
      </c>
      <c r="D4639">
        <v>0</v>
      </c>
    </row>
    <row r="4640" spans="1:4" x14ac:dyDescent="0.25">
      <c r="A4640" t="s">
        <v>7034</v>
      </c>
      <c r="B4640" t="s">
        <v>7035</v>
      </c>
      <c r="C4640">
        <v>2</v>
      </c>
      <c r="D4640">
        <v>0</v>
      </c>
    </row>
    <row r="4641" spans="1:4" x14ac:dyDescent="0.25">
      <c r="A4641" t="s">
        <v>7034</v>
      </c>
      <c r="B4641" t="s">
        <v>7036</v>
      </c>
      <c r="C4641">
        <v>1</v>
      </c>
      <c r="D4641">
        <v>0</v>
      </c>
    </row>
    <row r="4642" spans="1:4" x14ac:dyDescent="0.25">
      <c r="A4642" t="s">
        <v>7034</v>
      </c>
      <c r="B4642" t="s">
        <v>7037</v>
      </c>
      <c r="C4642">
        <v>2</v>
      </c>
      <c r="D4642">
        <v>0</v>
      </c>
    </row>
    <row r="4643" spans="1:4" x14ac:dyDescent="0.25">
      <c r="A4643" t="s">
        <v>7038</v>
      </c>
      <c r="B4643" t="s">
        <v>1001</v>
      </c>
      <c r="C4643">
        <v>1</v>
      </c>
      <c r="D4643">
        <v>0</v>
      </c>
    </row>
    <row r="4644" spans="1:4" x14ac:dyDescent="0.25">
      <c r="A4644" t="s">
        <v>7038</v>
      </c>
      <c r="B4644" t="s">
        <v>969</v>
      </c>
      <c r="C4644">
        <v>1</v>
      </c>
      <c r="D4644">
        <v>0</v>
      </c>
    </row>
    <row r="4645" spans="1:4" x14ac:dyDescent="0.25">
      <c r="A4645" t="s">
        <v>7039</v>
      </c>
      <c r="B4645" t="s">
        <v>7040</v>
      </c>
      <c r="C4645">
        <v>0</v>
      </c>
      <c r="D4645">
        <v>0</v>
      </c>
    </row>
    <row r="4646" spans="1:4" x14ac:dyDescent="0.25">
      <c r="A4646" t="s">
        <v>7039</v>
      </c>
      <c r="B4646" t="s">
        <v>7041</v>
      </c>
      <c r="C4646">
        <v>1</v>
      </c>
      <c r="D4646">
        <v>0</v>
      </c>
    </row>
    <row r="4647" spans="1:4" x14ac:dyDescent="0.25">
      <c r="A4647" t="s">
        <v>7042</v>
      </c>
      <c r="B4647" t="s">
        <v>7043</v>
      </c>
      <c r="C4647">
        <v>2</v>
      </c>
      <c r="D4647">
        <v>0</v>
      </c>
    </row>
    <row r="4648" spans="1:4" x14ac:dyDescent="0.25">
      <c r="A4648" t="s">
        <v>7042</v>
      </c>
      <c r="B4648" t="s">
        <v>7044</v>
      </c>
      <c r="C4648">
        <v>1</v>
      </c>
      <c r="D4648">
        <v>0</v>
      </c>
    </row>
    <row r="4649" spans="1:4" x14ac:dyDescent="0.25">
      <c r="A4649" t="s">
        <v>7045</v>
      </c>
      <c r="B4649" t="s">
        <v>7046</v>
      </c>
      <c r="C4649">
        <v>1</v>
      </c>
      <c r="D4649">
        <v>0</v>
      </c>
    </row>
    <row r="4650" spans="1:4" x14ac:dyDescent="0.25">
      <c r="A4650" t="s">
        <v>7047</v>
      </c>
      <c r="B4650" t="s">
        <v>7048</v>
      </c>
      <c r="C4650">
        <v>0</v>
      </c>
      <c r="D4650">
        <v>0</v>
      </c>
    </row>
    <row r="4651" spans="1:4" x14ac:dyDescent="0.25">
      <c r="A4651" t="s">
        <v>7047</v>
      </c>
      <c r="B4651" t="s">
        <v>7049</v>
      </c>
      <c r="C4651">
        <v>1</v>
      </c>
      <c r="D4651">
        <v>0</v>
      </c>
    </row>
    <row r="4652" spans="1:4" x14ac:dyDescent="0.25">
      <c r="A4652" t="s">
        <v>7050</v>
      </c>
      <c r="B4652" t="s">
        <v>7051</v>
      </c>
      <c r="C4652">
        <v>0</v>
      </c>
      <c r="D4652">
        <v>0</v>
      </c>
    </row>
    <row r="4653" spans="1:4" x14ac:dyDescent="0.25">
      <c r="A4653" t="s">
        <v>7052</v>
      </c>
      <c r="B4653" t="s">
        <v>7053</v>
      </c>
      <c r="C4653">
        <v>0</v>
      </c>
      <c r="D4653">
        <v>0</v>
      </c>
    </row>
    <row r="4654" spans="1:4" x14ac:dyDescent="0.25">
      <c r="A4654" t="s">
        <v>7054</v>
      </c>
      <c r="B4654" t="s">
        <v>7055</v>
      </c>
      <c r="C4654">
        <v>2</v>
      </c>
      <c r="D4654">
        <v>0</v>
      </c>
    </row>
    <row r="4655" spans="1:4" x14ac:dyDescent="0.25">
      <c r="A4655" t="s">
        <v>7054</v>
      </c>
      <c r="B4655" t="s">
        <v>7056</v>
      </c>
      <c r="C4655">
        <v>1</v>
      </c>
      <c r="D4655">
        <v>0</v>
      </c>
    </row>
    <row r="4656" spans="1:4" x14ac:dyDescent="0.25">
      <c r="A4656" t="s">
        <v>7057</v>
      </c>
      <c r="B4656" t="s">
        <v>7058</v>
      </c>
      <c r="C4656">
        <v>1</v>
      </c>
      <c r="D4656">
        <v>0</v>
      </c>
    </row>
    <row r="4657" spans="1:4" x14ac:dyDescent="0.25">
      <c r="A4657" t="s">
        <v>7059</v>
      </c>
      <c r="B4657" t="s">
        <v>7060</v>
      </c>
      <c r="C4657">
        <v>0</v>
      </c>
      <c r="D4657">
        <v>0</v>
      </c>
    </row>
    <row r="4658" spans="1:4" x14ac:dyDescent="0.25">
      <c r="A4658" t="s">
        <v>7059</v>
      </c>
      <c r="B4658" t="s">
        <v>7061</v>
      </c>
      <c r="C4658">
        <v>2</v>
      </c>
      <c r="D4658">
        <v>0</v>
      </c>
    </row>
    <row r="4659" spans="1:4" x14ac:dyDescent="0.25">
      <c r="A4659" t="s">
        <v>7062</v>
      </c>
      <c r="B4659" t="s">
        <v>398</v>
      </c>
      <c r="C4659">
        <v>0</v>
      </c>
      <c r="D4659">
        <v>0</v>
      </c>
    </row>
    <row r="4660" spans="1:4" x14ac:dyDescent="0.25">
      <c r="A4660" t="s">
        <v>7063</v>
      </c>
      <c r="B4660" t="s">
        <v>7064</v>
      </c>
      <c r="C4660">
        <v>2</v>
      </c>
      <c r="D4660">
        <v>0</v>
      </c>
    </row>
    <row r="4661" spans="1:4" x14ac:dyDescent="0.25">
      <c r="A4661" t="s">
        <v>7063</v>
      </c>
      <c r="B4661" t="s">
        <v>7065</v>
      </c>
      <c r="C4661">
        <v>2</v>
      </c>
      <c r="D4661">
        <v>0</v>
      </c>
    </row>
    <row r="4662" spans="1:4" x14ac:dyDescent="0.25">
      <c r="A4662" t="s">
        <v>7063</v>
      </c>
      <c r="B4662" t="s">
        <v>7066</v>
      </c>
      <c r="C4662">
        <v>0</v>
      </c>
      <c r="D4662">
        <v>0</v>
      </c>
    </row>
    <row r="4663" spans="1:4" x14ac:dyDescent="0.25">
      <c r="A4663" t="s">
        <v>7067</v>
      </c>
      <c r="B4663" t="s">
        <v>7068</v>
      </c>
      <c r="C4663">
        <v>0</v>
      </c>
      <c r="D4663">
        <v>0</v>
      </c>
    </row>
    <row r="4664" spans="1:4" x14ac:dyDescent="0.25">
      <c r="A4664" t="s">
        <v>7069</v>
      </c>
      <c r="B4664" t="s">
        <v>1001</v>
      </c>
      <c r="C4664">
        <v>1</v>
      </c>
      <c r="D4664">
        <v>0</v>
      </c>
    </row>
    <row r="4665" spans="1:4" x14ac:dyDescent="0.25">
      <c r="A4665" t="s">
        <v>7070</v>
      </c>
      <c r="B4665" t="s">
        <v>7071</v>
      </c>
      <c r="C4665">
        <v>0</v>
      </c>
      <c r="D4665">
        <v>0</v>
      </c>
    </row>
    <row r="4666" spans="1:4" x14ac:dyDescent="0.25">
      <c r="A4666" t="s">
        <v>7070</v>
      </c>
      <c r="B4666" t="s">
        <v>7072</v>
      </c>
      <c r="C4666">
        <v>0</v>
      </c>
      <c r="D4666">
        <v>0</v>
      </c>
    </row>
    <row r="4667" spans="1:4" x14ac:dyDescent="0.25">
      <c r="A4667" t="s">
        <v>7070</v>
      </c>
      <c r="B4667" t="s">
        <v>7073</v>
      </c>
      <c r="C4667">
        <v>0</v>
      </c>
      <c r="D4667">
        <v>0</v>
      </c>
    </row>
    <row r="4668" spans="1:4" x14ac:dyDescent="0.25">
      <c r="A4668" t="s">
        <v>7074</v>
      </c>
      <c r="B4668" t="s">
        <v>7075</v>
      </c>
      <c r="C4668">
        <v>1</v>
      </c>
      <c r="D4668">
        <v>0</v>
      </c>
    </row>
    <row r="4669" spans="1:4" x14ac:dyDescent="0.25">
      <c r="A4669" t="s">
        <v>7076</v>
      </c>
      <c r="B4669" t="s">
        <v>7077</v>
      </c>
      <c r="C4669">
        <v>1</v>
      </c>
      <c r="D4669">
        <v>0</v>
      </c>
    </row>
    <row r="4670" spans="1:4" x14ac:dyDescent="0.25">
      <c r="A4670" t="s">
        <v>7076</v>
      </c>
      <c r="B4670" t="s">
        <v>7078</v>
      </c>
      <c r="C4670">
        <v>1</v>
      </c>
      <c r="D4670">
        <v>0</v>
      </c>
    </row>
    <row r="4671" spans="1:4" x14ac:dyDescent="0.25">
      <c r="A4671" t="s">
        <v>7079</v>
      </c>
      <c r="B4671" t="s">
        <v>843</v>
      </c>
      <c r="C4671">
        <v>1</v>
      </c>
      <c r="D4671">
        <v>0</v>
      </c>
    </row>
    <row r="4672" spans="1:4" x14ac:dyDescent="0.25">
      <c r="A4672" t="s">
        <v>7079</v>
      </c>
      <c r="B4672" t="s">
        <v>7080</v>
      </c>
      <c r="C4672">
        <v>2</v>
      </c>
      <c r="D4672">
        <v>0</v>
      </c>
    </row>
    <row r="4673" spans="1:4" x14ac:dyDescent="0.25">
      <c r="A4673" t="s">
        <v>7081</v>
      </c>
      <c r="B4673" t="s">
        <v>7082</v>
      </c>
      <c r="C4673">
        <v>0</v>
      </c>
      <c r="D4673">
        <v>0</v>
      </c>
    </row>
    <row r="4674" spans="1:4" x14ac:dyDescent="0.25">
      <c r="A4674" t="s">
        <v>7081</v>
      </c>
      <c r="B4674" t="s">
        <v>7083</v>
      </c>
      <c r="C4674">
        <v>0</v>
      </c>
      <c r="D4674">
        <v>0</v>
      </c>
    </row>
    <row r="4675" spans="1:4" x14ac:dyDescent="0.25">
      <c r="A4675" t="s">
        <v>7084</v>
      </c>
      <c r="B4675" t="s">
        <v>1567</v>
      </c>
      <c r="C4675">
        <v>0</v>
      </c>
      <c r="D4675">
        <v>0</v>
      </c>
    </row>
    <row r="4676" spans="1:4" x14ac:dyDescent="0.25">
      <c r="A4676" t="s">
        <v>7085</v>
      </c>
      <c r="B4676" t="s">
        <v>7086</v>
      </c>
      <c r="C4676">
        <v>1</v>
      </c>
      <c r="D4676">
        <v>0</v>
      </c>
    </row>
    <row r="4677" spans="1:4" x14ac:dyDescent="0.25">
      <c r="A4677" t="s">
        <v>7087</v>
      </c>
      <c r="B4677" t="s">
        <v>852</v>
      </c>
      <c r="C4677">
        <v>0</v>
      </c>
      <c r="D4677">
        <v>0</v>
      </c>
    </row>
    <row r="4678" spans="1:4" x14ac:dyDescent="0.25">
      <c r="A4678" t="s">
        <v>7088</v>
      </c>
      <c r="B4678" t="s">
        <v>7089</v>
      </c>
      <c r="C4678">
        <v>0</v>
      </c>
      <c r="D4678">
        <v>0</v>
      </c>
    </row>
    <row r="4679" spans="1:4" x14ac:dyDescent="0.25">
      <c r="A4679" t="s">
        <v>7090</v>
      </c>
      <c r="B4679" t="s">
        <v>7091</v>
      </c>
      <c r="C4679">
        <v>1</v>
      </c>
      <c r="D4679">
        <v>0</v>
      </c>
    </row>
    <row r="4680" spans="1:4" x14ac:dyDescent="0.25">
      <c r="A4680" t="s">
        <v>7092</v>
      </c>
      <c r="B4680" t="s">
        <v>7093</v>
      </c>
      <c r="C4680">
        <v>0</v>
      </c>
      <c r="D4680">
        <v>0</v>
      </c>
    </row>
    <row r="4681" spans="1:4" x14ac:dyDescent="0.25">
      <c r="A4681" t="s">
        <v>7094</v>
      </c>
      <c r="B4681" t="s">
        <v>7095</v>
      </c>
      <c r="C4681">
        <v>2</v>
      </c>
      <c r="D4681">
        <v>0</v>
      </c>
    </row>
    <row r="4682" spans="1:4" x14ac:dyDescent="0.25">
      <c r="A4682" t="s">
        <v>7094</v>
      </c>
      <c r="B4682" t="s">
        <v>7096</v>
      </c>
      <c r="C4682">
        <v>0</v>
      </c>
      <c r="D4682">
        <v>0</v>
      </c>
    </row>
    <row r="4683" spans="1:4" x14ac:dyDescent="0.25">
      <c r="A4683" t="s">
        <v>7094</v>
      </c>
      <c r="B4683" t="s">
        <v>7097</v>
      </c>
      <c r="C4683">
        <v>0</v>
      </c>
      <c r="D4683">
        <v>0</v>
      </c>
    </row>
    <row r="4684" spans="1:4" x14ac:dyDescent="0.25">
      <c r="A4684" t="s">
        <v>7098</v>
      </c>
      <c r="B4684" t="s">
        <v>7099</v>
      </c>
      <c r="C4684">
        <v>2</v>
      </c>
      <c r="D4684">
        <v>0</v>
      </c>
    </row>
    <row r="4685" spans="1:4" x14ac:dyDescent="0.25">
      <c r="A4685" t="s">
        <v>7098</v>
      </c>
      <c r="B4685" t="s">
        <v>7100</v>
      </c>
      <c r="C4685">
        <v>1</v>
      </c>
      <c r="D4685">
        <v>0</v>
      </c>
    </row>
    <row r="4686" spans="1:4" x14ac:dyDescent="0.25">
      <c r="A4686" t="s">
        <v>7101</v>
      </c>
      <c r="B4686" t="s">
        <v>7102</v>
      </c>
      <c r="C4686">
        <v>1</v>
      </c>
      <c r="D4686">
        <v>0</v>
      </c>
    </row>
    <row r="4687" spans="1:4" x14ac:dyDescent="0.25">
      <c r="A4687" t="s">
        <v>7101</v>
      </c>
      <c r="B4687" t="s">
        <v>7103</v>
      </c>
      <c r="C4687">
        <v>0</v>
      </c>
      <c r="D4687">
        <v>0</v>
      </c>
    </row>
    <row r="4688" spans="1:4" x14ac:dyDescent="0.25">
      <c r="A4688" t="s">
        <v>7104</v>
      </c>
      <c r="B4688" t="s">
        <v>7105</v>
      </c>
      <c r="C4688">
        <v>0</v>
      </c>
      <c r="D4688">
        <v>0</v>
      </c>
    </row>
    <row r="4689" spans="1:4" x14ac:dyDescent="0.25">
      <c r="A4689" t="s">
        <v>7104</v>
      </c>
      <c r="B4689" t="s">
        <v>7106</v>
      </c>
      <c r="C4689">
        <v>1</v>
      </c>
      <c r="D4689">
        <v>0</v>
      </c>
    </row>
    <row r="4690" spans="1:4" x14ac:dyDescent="0.25">
      <c r="A4690" t="s">
        <v>7107</v>
      </c>
      <c r="B4690" t="s">
        <v>7108</v>
      </c>
      <c r="C4690">
        <v>0</v>
      </c>
      <c r="D4690">
        <v>0</v>
      </c>
    </row>
    <row r="4691" spans="1:4" x14ac:dyDescent="0.25">
      <c r="A4691" t="s">
        <v>7107</v>
      </c>
      <c r="B4691" t="s">
        <v>7109</v>
      </c>
      <c r="C4691">
        <v>2</v>
      </c>
      <c r="D4691">
        <v>0</v>
      </c>
    </row>
    <row r="4692" spans="1:4" x14ac:dyDescent="0.25">
      <c r="A4692" t="s">
        <v>7107</v>
      </c>
      <c r="B4692" t="s">
        <v>7110</v>
      </c>
      <c r="C4692">
        <v>0</v>
      </c>
      <c r="D4692">
        <v>0</v>
      </c>
    </row>
    <row r="4693" spans="1:4" x14ac:dyDescent="0.25">
      <c r="A4693" t="s">
        <v>7111</v>
      </c>
      <c r="B4693" t="s">
        <v>7112</v>
      </c>
      <c r="C4693">
        <v>0</v>
      </c>
      <c r="D4693">
        <v>0</v>
      </c>
    </row>
    <row r="4694" spans="1:4" x14ac:dyDescent="0.25">
      <c r="A4694" t="s">
        <v>7113</v>
      </c>
      <c r="B4694" t="s">
        <v>7114</v>
      </c>
      <c r="C4694">
        <v>1</v>
      </c>
      <c r="D4694">
        <v>0</v>
      </c>
    </row>
    <row r="4695" spans="1:4" x14ac:dyDescent="0.25">
      <c r="A4695" t="s">
        <v>7115</v>
      </c>
      <c r="B4695" t="s">
        <v>1499</v>
      </c>
      <c r="C4695">
        <v>1</v>
      </c>
      <c r="D4695">
        <v>0</v>
      </c>
    </row>
    <row r="4696" spans="1:4" x14ac:dyDescent="0.25">
      <c r="A4696" t="s">
        <v>7115</v>
      </c>
      <c r="B4696" t="s">
        <v>852</v>
      </c>
      <c r="C4696">
        <v>0</v>
      </c>
      <c r="D4696">
        <v>0</v>
      </c>
    </row>
    <row r="4697" spans="1:4" x14ac:dyDescent="0.25">
      <c r="A4697" t="s">
        <v>7116</v>
      </c>
      <c r="B4697" t="s">
        <v>7117</v>
      </c>
      <c r="C4697">
        <v>1</v>
      </c>
      <c r="D4697">
        <v>0</v>
      </c>
    </row>
    <row r="4698" spans="1:4" x14ac:dyDescent="0.25">
      <c r="A4698" t="s">
        <v>7118</v>
      </c>
      <c r="B4698" t="s">
        <v>7119</v>
      </c>
      <c r="C4698">
        <v>0</v>
      </c>
      <c r="D4698">
        <v>0</v>
      </c>
    </row>
    <row r="4699" spans="1:4" x14ac:dyDescent="0.25">
      <c r="A4699" t="s">
        <v>7118</v>
      </c>
      <c r="B4699" t="s">
        <v>7120</v>
      </c>
      <c r="C4699">
        <v>2</v>
      </c>
      <c r="D4699">
        <v>0</v>
      </c>
    </row>
    <row r="4700" spans="1:4" x14ac:dyDescent="0.25">
      <c r="A4700" t="s">
        <v>7118</v>
      </c>
      <c r="B4700" t="s">
        <v>7121</v>
      </c>
      <c r="C4700">
        <v>0</v>
      </c>
      <c r="D4700">
        <v>0</v>
      </c>
    </row>
    <row r="4701" spans="1:4" x14ac:dyDescent="0.25">
      <c r="A4701" t="s">
        <v>7122</v>
      </c>
      <c r="B4701" t="s">
        <v>7123</v>
      </c>
      <c r="C4701">
        <v>0</v>
      </c>
      <c r="D4701">
        <v>0</v>
      </c>
    </row>
    <row r="4702" spans="1:4" x14ac:dyDescent="0.25">
      <c r="A4702" t="s">
        <v>7122</v>
      </c>
      <c r="B4702" t="s">
        <v>7124</v>
      </c>
      <c r="C4702">
        <v>1</v>
      </c>
      <c r="D4702">
        <v>0</v>
      </c>
    </row>
    <row r="4703" spans="1:4" x14ac:dyDescent="0.25">
      <c r="A4703" t="s">
        <v>7125</v>
      </c>
      <c r="B4703" t="s">
        <v>1001</v>
      </c>
      <c r="C4703">
        <v>1</v>
      </c>
      <c r="D4703">
        <v>0</v>
      </c>
    </row>
    <row r="4704" spans="1:4" x14ac:dyDescent="0.25">
      <c r="A4704" t="s">
        <v>7126</v>
      </c>
      <c r="B4704" t="s">
        <v>7127</v>
      </c>
      <c r="C4704">
        <v>1</v>
      </c>
      <c r="D4704">
        <v>0</v>
      </c>
    </row>
    <row r="4705" spans="1:4" x14ac:dyDescent="0.25">
      <c r="A4705" t="s">
        <v>7126</v>
      </c>
      <c r="B4705" t="s">
        <v>7128</v>
      </c>
      <c r="C4705">
        <v>1</v>
      </c>
      <c r="D4705">
        <v>0</v>
      </c>
    </row>
    <row r="4706" spans="1:4" x14ac:dyDescent="0.25">
      <c r="A4706" t="s">
        <v>7126</v>
      </c>
      <c r="B4706" t="s">
        <v>2061</v>
      </c>
      <c r="C4706">
        <v>0</v>
      </c>
      <c r="D4706">
        <v>0</v>
      </c>
    </row>
    <row r="4707" spans="1:4" x14ac:dyDescent="0.25">
      <c r="A4707" t="s">
        <v>7129</v>
      </c>
      <c r="B4707" t="s">
        <v>7130</v>
      </c>
      <c r="C4707">
        <v>1</v>
      </c>
      <c r="D4707">
        <v>0</v>
      </c>
    </row>
    <row r="4708" spans="1:4" x14ac:dyDescent="0.25">
      <c r="A4708" t="s">
        <v>7131</v>
      </c>
      <c r="B4708" t="s">
        <v>888</v>
      </c>
      <c r="C4708">
        <v>1</v>
      </c>
      <c r="D4708">
        <v>0</v>
      </c>
    </row>
    <row r="4709" spans="1:4" x14ac:dyDescent="0.25">
      <c r="A4709" t="s">
        <v>7132</v>
      </c>
      <c r="B4709" t="s">
        <v>7133</v>
      </c>
      <c r="C4709">
        <v>0</v>
      </c>
      <c r="D4709">
        <v>0</v>
      </c>
    </row>
    <row r="4710" spans="1:4" x14ac:dyDescent="0.25">
      <c r="A4710" t="s">
        <v>7132</v>
      </c>
      <c r="B4710" t="s">
        <v>7134</v>
      </c>
      <c r="C4710">
        <v>2</v>
      </c>
      <c r="D4710">
        <v>0</v>
      </c>
    </row>
    <row r="4711" spans="1:4" x14ac:dyDescent="0.25">
      <c r="A4711" t="s">
        <v>7135</v>
      </c>
      <c r="B4711" t="s">
        <v>7136</v>
      </c>
      <c r="C4711">
        <v>2</v>
      </c>
      <c r="D4711">
        <v>0</v>
      </c>
    </row>
    <row r="4712" spans="1:4" x14ac:dyDescent="0.25">
      <c r="A4712" t="s">
        <v>7135</v>
      </c>
      <c r="B4712" t="s">
        <v>1555</v>
      </c>
      <c r="C4712">
        <v>2</v>
      </c>
      <c r="D4712">
        <v>0</v>
      </c>
    </row>
    <row r="4713" spans="1:4" x14ac:dyDescent="0.25">
      <c r="A4713" t="s">
        <v>7137</v>
      </c>
      <c r="B4713" t="s">
        <v>7138</v>
      </c>
      <c r="C4713">
        <v>1</v>
      </c>
      <c r="D4713">
        <v>0</v>
      </c>
    </row>
    <row r="4714" spans="1:4" x14ac:dyDescent="0.25">
      <c r="A4714" t="s">
        <v>7137</v>
      </c>
      <c r="B4714" t="s">
        <v>7139</v>
      </c>
      <c r="C4714">
        <v>1</v>
      </c>
      <c r="D4714">
        <v>0</v>
      </c>
    </row>
    <row r="4715" spans="1:4" x14ac:dyDescent="0.25">
      <c r="A4715" t="s">
        <v>7140</v>
      </c>
      <c r="B4715" t="s">
        <v>7141</v>
      </c>
      <c r="C4715">
        <v>1</v>
      </c>
      <c r="D4715">
        <v>0</v>
      </c>
    </row>
    <row r="4716" spans="1:4" x14ac:dyDescent="0.25">
      <c r="A4716" t="s">
        <v>7142</v>
      </c>
      <c r="B4716" t="s">
        <v>7143</v>
      </c>
      <c r="C4716">
        <v>0</v>
      </c>
      <c r="D4716">
        <v>0</v>
      </c>
    </row>
    <row r="4717" spans="1:4" x14ac:dyDescent="0.25">
      <c r="A4717" t="s">
        <v>7142</v>
      </c>
      <c r="B4717" t="s">
        <v>7144</v>
      </c>
      <c r="C4717">
        <v>1</v>
      </c>
      <c r="D4717">
        <v>0</v>
      </c>
    </row>
    <row r="4718" spans="1:4" x14ac:dyDescent="0.25">
      <c r="A4718" t="s">
        <v>7145</v>
      </c>
      <c r="B4718" t="s">
        <v>7146</v>
      </c>
      <c r="C4718">
        <v>2</v>
      </c>
      <c r="D4718">
        <v>0</v>
      </c>
    </row>
    <row r="4719" spans="1:4" x14ac:dyDescent="0.25">
      <c r="A4719" t="s">
        <v>7147</v>
      </c>
      <c r="B4719" t="s">
        <v>7148</v>
      </c>
      <c r="C4719">
        <v>1</v>
      </c>
      <c r="D4719">
        <v>0</v>
      </c>
    </row>
    <row r="4720" spans="1:4" x14ac:dyDescent="0.25">
      <c r="A4720" t="s">
        <v>7149</v>
      </c>
      <c r="B4720" t="s">
        <v>7150</v>
      </c>
      <c r="C4720">
        <v>0</v>
      </c>
      <c r="D4720">
        <v>0</v>
      </c>
    </row>
    <row r="4721" spans="1:4" x14ac:dyDescent="0.25">
      <c r="A4721" t="s">
        <v>7149</v>
      </c>
      <c r="B4721" t="s">
        <v>7151</v>
      </c>
      <c r="C4721">
        <v>1</v>
      </c>
      <c r="D4721">
        <v>0</v>
      </c>
    </row>
    <row r="4722" spans="1:4" x14ac:dyDescent="0.25">
      <c r="A4722" t="s">
        <v>7152</v>
      </c>
      <c r="B4722" t="s">
        <v>3617</v>
      </c>
      <c r="C4722">
        <v>1</v>
      </c>
      <c r="D4722">
        <v>0</v>
      </c>
    </row>
    <row r="4723" spans="1:4" x14ac:dyDescent="0.25">
      <c r="A4723" t="s">
        <v>7153</v>
      </c>
      <c r="B4723" t="s">
        <v>1001</v>
      </c>
      <c r="C4723">
        <v>1</v>
      </c>
      <c r="D4723">
        <v>0</v>
      </c>
    </row>
    <row r="4724" spans="1:4" x14ac:dyDescent="0.25">
      <c r="A4724" t="s">
        <v>7153</v>
      </c>
      <c r="B4724" t="s">
        <v>7154</v>
      </c>
      <c r="C4724">
        <v>2</v>
      </c>
      <c r="D4724">
        <v>0</v>
      </c>
    </row>
    <row r="4725" spans="1:4" x14ac:dyDescent="0.25">
      <c r="A4725" t="s">
        <v>7155</v>
      </c>
      <c r="B4725" t="s">
        <v>7156</v>
      </c>
      <c r="C4725">
        <v>1</v>
      </c>
      <c r="D4725">
        <v>0</v>
      </c>
    </row>
    <row r="4726" spans="1:4" x14ac:dyDescent="0.25">
      <c r="A4726" t="s">
        <v>7155</v>
      </c>
      <c r="B4726" t="s">
        <v>7157</v>
      </c>
      <c r="C4726">
        <v>0</v>
      </c>
      <c r="D4726">
        <v>0</v>
      </c>
    </row>
    <row r="4727" spans="1:4" x14ac:dyDescent="0.25">
      <c r="A4727" t="s">
        <v>7155</v>
      </c>
      <c r="B4727" t="s">
        <v>7158</v>
      </c>
      <c r="C4727">
        <v>0</v>
      </c>
      <c r="D4727">
        <v>0</v>
      </c>
    </row>
    <row r="4728" spans="1:4" x14ac:dyDescent="0.25">
      <c r="A4728" t="s">
        <v>7159</v>
      </c>
      <c r="B4728" t="s">
        <v>843</v>
      </c>
      <c r="C4728">
        <v>1</v>
      </c>
      <c r="D4728">
        <v>0</v>
      </c>
    </row>
    <row r="4729" spans="1:4" x14ac:dyDescent="0.25">
      <c r="A4729" t="s">
        <v>7160</v>
      </c>
      <c r="B4729" t="s">
        <v>7161</v>
      </c>
      <c r="C4729">
        <v>0</v>
      </c>
      <c r="D4729">
        <v>0</v>
      </c>
    </row>
    <row r="4730" spans="1:4" x14ac:dyDescent="0.25">
      <c r="A4730" t="s">
        <v>7160</v>
      </c>
      <c r="B4730" t="s">
        <v>7162</v>
      </c>
      <c r="C4730">
        <v>1</v>
      </c>
      <c r="D4730">
        <v>0</v>
      </c>
    </row>
    <row r="4731" spans="1:4" x14ac:dyDescent="0.25">
      <c r="A4731" t="s">
        <v>7160</v>
      </c>
      <c r="B4731" t="s">
        <v>7163</v>
      </c>
      <c r="C4731">
        <v>0</v>
      </c>
      <c r="D4731">
        <v>0</v>
      </c>
    </row>
    <row r="4732" spans="1:4" x14ac:dyDescent="0.25">
      <c r="A4732" t="s">
        <v>7164</v>
      </c>
      <c r="B4732" t="s">
        <v>7165</v>
      </c>
      <c r="C4732">
        <v>1</v>
      </c>
      <c r="D4732">
        <v>0</v>
      </c>
    </row>
    <row r="4733" spans="1:4" x14ac:dyDescent="0.25">
      <c r="A4733" t="s">
        <v>7164</v>
      </c>
      <c r="B4733" t="s">
        <v>7166</v>
      </c>
      <c r="C4733">
        <v>1</v>
      </c>
      <c r="D4733">
        <v>0</v>
      </c>
    </row>
    <row r="4734" spans="1:4" x14ac:dyDescent="0.25">
      <c r="A4734" t="s">
        <v>7167</v>
      </c>
      <c r="B4734" t="s">
        <v>7168</v>
      </c>
      <c r="C4734">
        <v>2</v>
      </c>
      <c r="D4734">
        <v>0</v>
      </c>
    </row>
    <row r="4735" spans="1:4" x14ac:dyDescent="0.25">
      <c r="A4735" t="s">
        <v>7167</v>
      </c>
      <c r="B4735" t="s">
        <v>7169</v>
      </c>
      <c r="C4735">
        <v>0</v>
      </c>
      <c r="D4735">
        <v>0</v>
      </c>
    </row>
    <row r="4736" spans="1:4" x14ac:dyDescent="0.25">
      <c r="A4736" t="s">
        <v>7167</v>
      </c>
      <c r="B4736" t="s">
        <v>7170</v>
      </c>
      <c r="C4736">
        <v>2</v>
      </c>
      <c r="D4736">
        <v>0</v>
      </c>
    </row>
    <row r="4737" spans="1:4" x14ac:dyDescent="0.25">
      <c r="A4737" t="s">
        <v>7171</v>
      </c>
      <c r="B4737" t="s">
        <v>7172</v>
      </c>
      <c r="C4737">
        <v>1</v>
      </c>
      <c r="D4737">
        <v>0</v>
      </c>
    </row>
    <row r="4738" spans="1:4" x14ac:dyDescent="0.25">
      <c r="A4738" t="s">
        <v>7173</v>
      </c>
      <c r="B4738" t="s">
        <v>7174</v>
      </c>
      <c r="C4738">
        <v>1</v>
      </c>
      <c r="D4738">
        <v>0</v>
      </c>
    </row>
    <row r="4739" spans="1:4" x14ac:dyDescent="0.25">
      <c r="A4739" t="s">
        <v>7173</v>
      </c>
      <c r="B4739" t="s">
        <v>7175</v>
      </c>
      <c r="C4739">
        <v>1</v>
      </c>
      <c r="D4739">
        <v>0</v>
      </c>
    </row>
    <row r="4740" spans="1:4" x14ac:dyDescent="0.25">
      <c r="A4740" t="s">
        <v>7176</v>
      </c>
      <c r="B4740" t="s">
        <v>7177</v>
      </c>
      <c r="C4740">
        <v>2</v>
      </c>
      <c r="D4740">
        <v>0</v>
      </c>
    </row>
    <row r="4741" spans="1:4" x14ac:dyDescent="0.25">
      <c r="A4741" t="s">
        <v>7176</v>
      </c>
      <c r="B4741" t="s">
        <v>7178</v>
      </c>
      <c r="C4741">
        <v>1</v>
      </c>
      <c r="D4741">
        <v>0</v>
      </c>
    </row>
    <row r="4742" spans="1:4" x14ac:dyDescent="0.25">
      <c r="A4742" t="s">
        <v>7179</v>
      </c>
      <c r="B4742" t="s">
        <v>7180</v>
      </c>
      <c r="C4742">
        <v>0</v>
      </c>
      <c r="D4742">
        <v>0</v>
      </c>
    </row>
    <row r="4743" spans="1:4" x14ac:dyDescent="0.25">
      <c r="A4743" t="s">
        <v>7181</v>
      </c>
      <c r="B4743" t="s">
        <v>7182</v>
      </c>
      <c r="C4743">
        <v>1</v>
      </c>
      <c r="D4743">
        <v>0</v>
      </c>
    </row>
    <row r="4744" spans="1:4" x14ac:dyDescent="0.25">
      <c r="A4744" t="s">
        <v>7181</v>
      </c>
      <c r="B4744" t="s">
        <v>7183</v>
      </c>
      <c r="C4744">
        <v>0</v>
      </c>
      <c r="D4744">
        <v>0</v>
      </c>
    </row>
    <row r="4745" spans="1:4" x14ac:dyDescent="0.25">
      <c r="A4745" t="s">
        <v>7181</v>
      </c>
      <c r="B4745" t="s">
        <v>7184</v>
      </c>
      <c r="C4745">
        <v>1</v>
      </c>
      <c r="D4745">
        <v>0</v>
      </c>
    </row>
    <row r="4746" spans="1:4" x14ac:dyDescent="0.25">
      <c r="A4746" t="s">
        <v>7185</v>
      </c>
      <c r="B4746" t="s">
        <v>7186</v>
      </c>
      <c r="C4746">
        <v>2</v>
      </c>
      <c r="D4746">
        <v>0</v>
      </c>
    </row>
    <row r="4747" spans="1:4" x14ac:dyDescent="0.25">
      <c r="A4747" t="s">
        <v>7185</v>
      </c>
      <c r="B4747" t="s">
        <v>7187</v>
      </c>
      <c r="C4747">
        <v>2</v>
      </c>
      <c r="D4747">
        <v>0</v>
      </c>
    </row>
    <row r="4748" spans="1:4" x14ac:dyDescent="0.25">
      <c r="A4748" t="s">
        <v>7185</v>
      </c>
      <c r="B4748" t="s">
        <v>7188</v>
      </c>
      <c r="C4748">
        <v>1</v>
      </c>
      <c r="D4748">
        <v>0</v>
      </c>
    </row>
    <row r="4749" spans="1:4" x14ac:dyDescent="0.25">
      <c r="A4749" t="s">
        <v>7189</v>
      </c>
      <c r="B4749" t="s">
        <v>7190</v>
      </c>
      <c r="C4749">
        <v>1</v>
      </c>
      <c r="D4749">
        <v>0</v>
      </c>
    </row>
    <row r="4750" spans="1:4" x14ac:dyDescent="0.25">
      <c r="A4750" t="s">
        <v>7191</v>
      </c>
      <c r="B4750" t="s">
        <v>7192</v>
      </c>
      <c r="C4750">
        <v>1</v>
      </c>
      <c r="D4750">
        <v>0</v>
      </c>
    </row>
    <row r="4751" spans="1:4" x14ac:dyDescent="0.25">
      <c r="A4751" t="s">
        <v>7191</v>
      </c>
      <c r="B4751" t="s">
        <v>7193</v>
      </c>
      <c r="C4751">
        <v>1</v>
      </c>
      <c r="D4751">
        <v>0</v>
      </c>
    </row>
    <row r="4752" spans="1:4" x14ac:dyDescent="0.25">
      <c r="A4752" t="s">
        <v>7191</v>
      </c>
      <c r="B4752" t="s">
        <v>7194</v>
      </c>
      <c r="C4752">
        <v>2</v>
      </c>
      <c r="D4752">
        <v>0</v>
      </c>
    </row>
    <row r="4753" spans="1:4" x14ac:dyDescent="0.25">
      <c r="A4753" t="s">
        <v>7195</v>
      </c>
      <c r="B4753" t="s">
        <v>1101</v>
      </c>
      <c r="C4753">
        <v>1</v>
      </c>
      <c r="D4753">
        <v>0</v>
      </c>
    </row>
    <row r="4754" spans="1:4" x14ac:dyDescent="0.25">
      <c r="A4754" t="s">
        <v>7196</v>
      </c>
      <c r="B4754" t="s">
        <v>2061</v>
      </c>
      <c r="C4754">
        <v>0</v>
      </c>
      <c r="D4754">
        <v>0</v>
      </c>
    </row>
    <row r="4755" spans="1:4" x14ac:dyDescent="0.25">
      <c r="A4755" t="s">
        <v>7196</v>
      </c>
      <c r="B4755" t="s">
        <v>1001</v>
      </c>
      <c r="C4755">
        <v>1</v>
      </c>
      <c r="D4755">
        <v>0</v>
      </c>
    </row>
    <row r="4756" spans="1:4" x14ac:dyDescent="0.25">
      <c r="A4756" t="s">
        <v>7197</v>
      </c>
      <c r="B4756" t="s">
        <v>7198</v>
      </c>
      <c r="C4756">
        <v>2</v>
      </c>
      <c r="D4756">
        <v>0</v>
      </c>
    </row>
    <row r="4757" spans="1:4" x14ac:dyDescent="0.25">
      <c r="A4757" t="s">
        <v>7199</v>
      </c>
      <c r="B4757" t="s">
        <v>7200</v>
      </c>
      <c r="C4757">
        <v>1</v>
      </c>
      <c r="D4757">
        <v>0</v>
      </c>
    </row>
    <row r="4758" spans="1:4" x14ac:dyDescent="0.25">
      <c r="A4758" t="s">
        <v>7199</v>
      </c>
      <c r="B4758" t="s">
        <v>7201</v>
      </c>
      <c r="C4758">
        <v>0</v>
      </c>
      <c r="D4758">
        <v>0</v>
      </c>
    </row>
    <row r="4759" spans="1:4" x14ac:dyDescent="0.25">
      <c r="A4759" t="s">
        <v>7199</v>
      </c>
      <c r="B4759" t="s">
        <v>7202</v>
      </c>
      <c r="C4759">
        <v>1</v>
      </c>
      <c r="D4759">
        <v>0</v>
      </c>
    </row>
    <row r="4760" spans="1:4" x14ac:dyDescent="0.25">
      <c r="A4760" t="s">
        <v>7203</v>
      </c>
      <c r="B4760" t="s">
        <v>1001</v>
      </c>
      <c r="C4760">
        <v>1</v>
      </c>
      <c r="D4760">
        <v>0</v>
      </c>
    </row>
    <row r="4761" spans="1:4" x14ac:dyDescent="0.25">
      <c r="A4761" t="s">
        <v>7204</v>
      </c>
      <c r="B4761" t="s">
        <v>1001</v>
      </c>
      <c r="C4761">
        <v>1</v>
      </c>
      <c r="D4761">
        <v>0</v>
      </c>
    </row>
    <row r="4762" spans="1:4" x14ac:dyDescent="0.25">
      <c r="A4762" t="s">
        <v>7205</v>
      </c>
      <c r="B4762" t="s">
        <v>7206</v>
      </c>
      <c r="C4762">
        <v>0</v>
      </c>
      <c r="D4762">
        <v>0</v>
      </c>
    </row>
    <row r="4763" spans="1:4" x14ac:dyDescent="0.25">
      <c r="A4763" t="s">
        <v>7205</v>
      </c>
      <c r="B4763" t="s">
        <v>7207</v>
      </c>
      <c r="C4763">
        <v>1</v>
      </c>
      <c r="D4763">
        <v>0</v>
      </c>
    </row>
    <row r="4764" spans="1:4" x14ac:dyDescent="0.25">
      <c r="A4764" t="s">
        <v>7205</v>
      </c>
      <c r="B4764" t="s">
        <v>7208</v>
      </c>
      <c r="C4764">
        <v>1</v>
      </c>
      <c r="D4764">
        <v>0</v>
      </c>
    </row>
    <row r="4765" spans="1:4" x14ac:dyDescent="0.25">
      <c r="A4765" t="s">
        <v>7209</v>
      </c>
      <c r="B4765" t="s">
        <v>1008</v>
      </c>
      <c r="C4765">
        <v>1</v>
      </c>
      <c r="D4765">
        <v>0</v>
      </c>
    </row>
    <row r="4766" spans="1:4" x14ac:dyDescent="0.25">
      <c r="A4766" t="s">
        <v>7210</v>
      </c>
      <c r="B4766" t="s">
        <v>7211</v>
      </c>
      <c r="C4766">
        <v>1</v>
      </c>
      <c r="D4766">
        <v>0</v>
      </c>
    </row>
    <row r="4767" spans="1:4" x14ac:dyDescent="0.25">
      <c r="A4767" t="s">
        <v>7212</v>
      </c>
      <c r="B4767" t="s">
        <v>1246</v>
      </c>
      <c r="C4767">
        <v>0</v>
      </c>
      <c r="D4767">
        <v>0</v>
      </c>
    </row>
    <row r="4768" spans="1:4" x14ac:dyDescent="0.25">
      <c r="A4768" t="s">
        <v>7213</v>
      </c>
      <c r="B4768" t="s">
        <v>7214</v>
      </c>
      <c r="C4768">
        <v>2</v>
      </c>
      <c r="D4768">
        <v>0</v>
      </c>
    </row>
    <row r="4769" spans="1:4" x14ac:dyDescent="0.25">
      <c r="A4769" t="s">
        <v>7213</v>
      </c>
      <c r="B4769" t="s">
        <v>7215</v>
      </c>
      <c r="C4769">
        <v>0</v>
      </c>
      <c r="D4769">
        <v>0</v>
      </c>
    </row>
    <row r="4770" spans="1:4" x14ac:dyDescent="0.25">
      <c r="A4770" t="s">
        <v>7216</v>
      </c>
      <c r="B4770" t="s">
        <v>7217</v>
      </c>
      <c r="C4770">
        <v>0</v>
      </c>
      <c r="D4770">
        <v>0</v>
      </c>
    </row>
    <row r="4771" spans="1:4" x14ac:dyDescent="0.25">
      <c r="A4771" t="s">
        <v>7218</v>
      </c>
      <c r="B4771" t="s">
        <v>7219</v>
      </c>
      <c r="C4771">
        <v>0</v>
      </c>
      <c r="D4771">
        <v>0</v>
      </c>
    </row>
    <row r="4772" spans="1:4" x14ac:dyDescent="0.25">
      <c r="A4772" t="s">
        <v>7218</v>
      </c>
      <c r="B4772" t="s">
        <v>7220</v>
      </c>
      <c r="C4772">
        <v>1</v>
      </c>
      <c r="D4772">
        <v>0</v>
      </c>
    </row>
    <row r="4773" spans="1:4" x14ac:dyDescent="0.25">
      <c r="A4773" t="s">
        <v>7221</v>
      </c>
      <c r="B4773" t="s">
        <v>7222</v>
      </c>
      <c r="C4773">
        <v>1</v>
      </c>
      <c r="D4773">
        <v>0</v>
      </c>
    </row>
    <row r="4774" spans="1:4" x14ac:dyDescent="0.25">
      <c r="A4774" t="s">
        <v>7223</v>
      </c>
      <c r="B4774" t="s">
        <v>7224</v>
      </c>
      <c r="C4774">
        <v>0</v>
      </c>
      <c r="D4774">
        <v>0</v>
      </c>
    </row>
    <row r="4775" spans="1:4" x14ac:dyDescent="0.25">
      <c r="A4775" t="s">
        <v>7225</v>
      </c>
      <c r="B4775" t="s">
        <v>7226</v>
      </c>
      <c r="C4775">
        <v>0</v>
      </c>
      <c r="D4775">
        <v>0</v>
      </c>
    </row>
    <row r="4776" spans="1:4" x14ac:dyDescent="0.25">
      <c r="A4776" t="s">
        <v>7225</v>
      </c>
      <c r="B4776" t="s">
        <v>7227</v>
      </c>
      <c r="C4776">
        <v>2</v>
      </c>
      <c r="D4776">
        <v>0</v>
      </c>
    </row>
    <row r="4777" spans="1:4" x14ac:dyDescent="0.25">
      <c r="A4777" t="s">
        <v>7228</v>
      </c>
      <c r="B4777" t="s">
        <v>7229</v>
      </c>
      <c r="C4777">
        <v>1</v>
      </c>
      <c r="D4777">
        <v>0</v>
      </c>
    </row>
    <row r="4778" spans="1:4" x14ac:dyDescent="0.25">
      <c r="A4778" t="s">
        <v>7230</v>
      </c>
      <c r="B4778" t="s">
        <v>7231</v>
      </c>
      <c r="C4778">
        <v>0</v>
      </c>
      <c r="D4778">
        <v>0</v>
      </c>
    </row>
    <row r="4779" spans="1:4" x14ac:dyDescent="0.25">
      <c r="A4779" t="s">
        <v>7232</v>
      </c>
      <c r="B4779" t="s">
        <v>7233</v>
      </c>
      <c r="C4779">
        <v>1</v>
      </c>
      <c r="D4779">
        <v>0</v>
      </c>
    </row>
    <row r="4780" spans="1:4" x14ac:dyDescent="0.25">
      <c r="A4780" t="s">
        <v>7234</v>
      </c>
      <c r="B4780" t="s">
        <v>7235</v>
      </c>
      <c r="C4780">
        <v>1</v>
      </c>
      <c r="D4780">
        <v>0</v>
      </c>
    </row>
    <row r="4781" spans="1:4" x14ac:dyDescent="0.25">
      <c r="A4781" t="s">
        <v>7236</v>
      </c>
      <c r="B4781" t="s">
        <v>7237</v>
      </c>
      <c r="C4781">
        <v>2</v>
      </c>
      <c r="D4781">
        <v>0</v>
      </c>
    </row>
    <row r="4782" spans="1:4" x14ac:dyDescent="0.25">
      <c r="A4782" t="s">
        <v>7238</v>
      </c>
      <c r="B4782" t="s">
        <v>7239</v>
      </c>
      <c r="C4782">
        <v>1</v>
      </c>
      <c r="D4782">
        <v>0</v>
      </c>
    </row>
    <row r="4783" spans="1:4" x14ac:dyDescent="0.25">
      <c r="A4783" t="s">
        <v>7238</v>
      </c>
      <c r="B4783" t="s">
        <v>7240</v>
      </c>
      <c r="C4783">
        <v>1</v>
      </c>
      <c r="D4783">
        <v>0</v>
      </c>
    </row>
    <row r="4784" spans="1:4" x14ac:dyDescent="0.25">
      <c r="A4784" t="s">
        <v>7241</v>
      </c>
      <c r="B4784" t="s">
        <v>7242</v>
      </c>
      <c r="C4784">
        <v>1</v>
      </c>
      <c r="D4784">
        <v>0</v>
      </c>
    </row>
    <row r="4785" spans="1:4" x14ac:dyDescent="0.25">
      <c r="A4785" t="s">
        <v>7241</v>
      </c>
      <c r="B4785" t="s">
        <v>7243</v>
      </c>
      <c r="C4785">
        <v>1</v>
      </c>
      <c r="D4785">
        <v>0</v>
      </c>
    </row>
    <row r="4786" spans="1:4" x14ac:dyDescent="0.25">
      <c r="A4786" t="s">
        <v>7241</v>
      </c>
      <c r="B4786" t="s">
        <v>7244</v>
      </c>
      <c r="C4786">
        <v>0</v>
      </c>
      <c r="D4786">
        <v>0</v>
      </c>
    </row>
    <row r="4787" spans="1:4" x14ac:dyDescent="0.25">
      <c r="A4787" t="s">
        <v>7245</v>
      </c>
      <c r="B4787" t="s">
        <v>7246</v>
      </c>
      <c r="C4787">
        <v>1</v>
      </c>
      <c r="D4787">
        <v>0</v>
      </c>
    </row>
    <row r="4788" spans="1:4" x14ac:dyDescent="0.25">
      <c r="A4788" t="s">
        <v>7245</v>
      </c>
      <c r="B4788" t="s">
        <v>7247</v>
      </c>
      <c r="C4788">
        <v>1</v>
      </c>
      <c r="D4788">
        <v>0</v>
      </c>
    </row>
    <row r="4789" spans="1:4" x14ac:dyDescent="0.25">
      <c r="A4789" t="s">
        <v>7248</v>
      </c>
      <c r="B4789" t="s">
        <v>7249</v>
      </c>
      <c r="C4789">
        <v>1</v>
      </c>
      <c r="D4789">
        <v>0</v>
      </c>
    </row>
    <row r="4790" spans="1:4" x14ac:dyDescent="0.25">
      <c r="A4790" t="s">
        <v>7250</v>
      </c>
      <c r="B4790" t="s">
        <v>843</v>
      </c>
      <c r="C4790">
        <v>1</v>
      </c>
      <c r="D4790">
        <v>0</v>
      </c>
    </row>
    <row r="4791" spans="1:4" x14ac:dyDescent="0.25">
      <c r="A4791" t="s">
        <v>7251</v>
      </c>
      <c r="B4791" t="s">
        <v>7252</v>
      </c>
      <c r="C4791">
        <v>0</v>
      </c>
      <c r="D4791">
        <v>0</v>
      </c>
    </row>
    <row r="4792" spans="1:4" x14ac:dyDescent="0.25">
      <c r="A4792" t="s">
        <v>7253</v>
      </c>
      <c r="B4792" t="s">
        <v>7254</v>
      </c>
      <c r="C4792">
        <v>0</v>
      </c>
      <c r="D4792">
        <v>0</v>
      </c>
    </row>
    <row r="4793" spans="1:4" x14ac:dyDescent="0.25">
      <c r="A4793" t="s">
        <v>7253</v>
      </c>
      <c r="B4793" t="s">
        <v>7255</v>
      </c>
      <c r="C4793">
        <v>1</v>
      </c>
      <c r="D4793">
        <v>0</v>
      </c>
    </row>
    <row r="4794" spans="1:4" x14ac:dyDescent="0.25">
      <c r="A4794" t="s">
        <v>7256</v>
      </c>
      <c r="B4794" t="s">
        <v>7257</v>
      </c>
      <c r="C4794">
        <v>2</v>
      </c>
      <c r="D4794">
        <v>0</v>
      </c>
    </row>
    <row r="4795" spans="1:4" x14ac:dyDescent="0.25">
      <c r="A4795" t="s">
        <v>7256</v>
      </c>
      <c r="B4795" t="s">
        <v>7258</v>
      </c>
      <c r="C4795">
        <v>2</v>
      </c>
      <c r="D4795">
        <v>0</v>
      </c>
    </row>
    <row r="4796" spans="1:4" x14ac:dyDescent="0.25">
      <c r="A4796" t="s">
        <v>7256</v>
      </c>
      <c r="B4796" t="s">
        <v>7259</v>
      </c>
      <c r="C4796">
        <v>2</v>
      </c>
      <c r="D4796">
        <v>0</v>
      </c>
    </row>
    <row r="4797" spans="1:4" x14ac:dyDescent="0.25">
      <c r="A4797" t="s">
        <v>7260</v>
      </c>
      <c r="B4797" t="s">
        <v>7261</v>
      </c>
      <c r="C4797">
        <v>0</v>
      </c>
      <c r="D4797">
        <v>0</v>
      </c>
    </row>
    <row r="4798" spans="1:4" x14ac:dyDescent="0.25">
      <c r="A4798" t="s">
        <v>7260</v>
      </c>
      <c r="B4798" t="s">
        <v>7262</v>
      </c>
      <c r="C4798">
        <v>2</v>
      </c>
      <c r="D4798">
        <v>0</v>
      </c>
    </row>
    <row r="4799" spans="1:4" x14ac:dyDescent="0.25">
      <c r="A4799" t="s">
        <v>7263</v>
      </c>
      <c r="B4799" t="s">
        <v>7264</v>
      </c>
      <c r="C4799">
        <v>2</v>
      </c>
      <c r="D4799">
        <v>0</v>
      </c>
    </row>
    <row r="4800" spans="1:4" x14ac:dyDescent="0.25">
      <c r="A4800" t="s">
        <v>7263</v>
      </c>
      <c r="B4800" t="s">
        <v>7265</v>
      </c>
      <c r="C4800">
        <v>2</v>
      </c>
      <c r="D4800">
        <v>0</v>
      </c>
    </row>
    <row r="4801" spans="1:4" x14ac:dyDescent="0.25">
      <c r="A4801" t="s">
        <v>7263</v>
      </c>
      <c r="B4801" t="s">
        <v>7266</v>
      </c>
      <c r="C4801">
        <v>2</v>
      </c>
      <c r="D4801">
        <v>0</v>
      </c>
    </row>
    <row r="4802" spans="1:4" x14ac:dyDescent="0.25">
      <c r="A4802" t="s">
        <v>7267</v>
      </c>
      <c r="B4802" t="s">
        <v>7268</v>
      </c>
      <c r="C4802">
        <v>2</v>
      </c>
      <c r="D4802">
        <v>0</v>
      </c>
    </row>
    <row r="4803" spans="1:4" x14ac:dyDescent="0.25">
      <c r="A4803" t="s">
        <v>7267</v>
      </c>
      <c r="B4803" t="s">
        <v>7269</v>
      </c>
      <c r="C4803">
        <v>2</v>
      </c>
      <c r="D4803">
        <v>0</v>
      </c>
    </row>
    <row r="4804" spans="1:4" x14ac:dyDescent="0.25">
      <c r="A4804" t="s">
        <v>7270</v>
      </c>
      <c r="B4804" t="s">
        <v>7271</v>
      </c>
      <c r="C4804">
        <v>1</v>
      </c>
      <c r="D4804">
        <v>0</v>
      </c>
    </row>
    <row r="4805" spans="1:4" x14ac:dyDescent="0.25">
      <c r="A4805" t="s">
        <v>7272</v>
      </c>
      <c r="B4805" t="s">
        <v>968</v>
      </c>
      <c r="C4805">
        <v>1</v>
      </c>
      <c r="D4805">
        <v>0</v>
      </c>
    </row>
    <row r="4806" spans="1:4" x14ac:dyDescent="0.25">
      <c r="A4806" t="s">
        <v>7273</v>
      </c>
      <c r="B4806" t="s">
        <v>7274</v>
      </c>
      <c r="C4806">
        <v>0</v>
      </c>
      <c r="D4806">
        <v>0</v>
      </c>
    </row>
    <row r="4807" spans="1:4" x14ac:dyDescent="0.25">
      <c r="A4807" t="s">
        <v>7273</v>
      </c>
      <c r="B4807" t="s">
        <v>7275</v>
      </c>
      <c r="C4807">
        <v>0</v>
      </c>
      <c r="D4807">
        <v>0</v>
      </c>
    </row>
    <row r="4808" spans="1:4" x14ac:dyDescent="0.25">
      <c r="A4808" t="s">
        <v>7276</v>
      </c>
      <c r="B4808" t="s">
        <v>7277</v>
      </c>
      <c r="C4808">
        <v>0</v>
      </c>
      <c r="D4808">
        <v>0</v>
      </c>
    </row>
    <row r="4809" spans="1:4" x14ac:dyDescent="0.25">
      <c r="A4809" t="s">
        <v>7276</v>
      </c>
      <c r="B4809" t="s">
        <v>816</v>
      </c>
      <c r="C4809">
        <v>1</v>
      </c>
      <c r="D4809">
        <v>0</v>
      </c>
    </row>
    <row r="4810" spans="1:4" x14ac:dyDescent="0.25">
      <c r="A4810" t="s">
        <v>7278</v>
      </c>
      <c r="B4810" t="s">
        <v>7279</v>
      </c>
      <c r="C4810">
        <v>0</v>
      </c>
      <c r="D4810">
        <v>0</v>
      </c>
    </row>
    <row r="4811" spans="1:4" x14ac:dyDescent="0.25">
      <c r="A4811" t="s">
        <v>7278</v>
      </c>
      <c r="B4811" t="s">
        <v>7280</v>
      </c>
      <c r="C4811">
        <v>1</v>
      </c>
      <c r="D4811">
        <v>0</v>
      </c>
    </row>
    <row r="4812" spans="1:4" x14ac:dyDescent="0.25">
      <c r="A4812" t="s">
        <v>7281</v>
      </c>
      <c r="B4812" t="s">
        <v>7282</v>
      </c>
      <c r="C4812">
        <v>1</v>
      </c>
      <c r="D4812">
        <v>0</v>
      </c>
    </row>
    <row r="4813" spans="1:4" x14ac:dyDescent="0.25">
      <c r="A4813" t="s">
        <v>7283</v>
      </c>
      <c r="B4813" t="s">
        <v>7284</v>
      </c>
      <c r="C4813">
        <v>1</v>
      </c>
      <c r="D4813">
        <v>0</v>
      </c>
    </row>
    <row r="4814" spans="1:4" x14ac:dyDescent="0.25">
      <c r="A4814" t="s">
        <v>7285</v>
      </c>
      <c r="B4814" t="s">
        <v>7286</v>
      </c>
      <c r="C4814">
        <v>2</v>
      </c>
      <c r="D4814">
        <v>0</v>
      </c>
    </row>
    <row r="4815" spans="1:4" x14ac:dyDescent="0.25">
      <c r="A4815" t="s">
        <v>7287</v>
      </c>
      <c r="B4815" t="s">
        <v>7288</v>
      </c>
      <c r="C4815">
        <v>1</v>
      </c>
      <c r="D4815">
        <v>0</v>
      </c>
    </row>
    <row r="4816" spans="1:4" x14ac:dyDescent="0.25">
      <c r="A4816" t="s">
        <v>7289</v>
      </c>
      <c r="B4816" t="s">
        <v>7290</v>
      </c>
      <c r="C4816">
        <v>0</v>
      </c>
      <c r="D4816">
        <v>0</v>
      </c>
    </row>
    <row r="4817" spans="1:4" x14ac:dyDescent="0.25">
      <c r="A4817" t="s">
        <v>7289</v>
      </c>
      <c r="B4817" t="s">
        <v>7291</v>
      </c>
      <c r="C4817">
        <v>1</v>
      </c>
      <c r="D4817">
        <v>0</v>
      </c>
    </row>
    <row r="4818" spans="1:4" x14ac:dyDescent="0.25">
      <c r="A4818" t="s">
        <v>7292</v>
      </c>
      <c r="B4818" t="s">
        <v>7293</v>
      </c>
      <c r="C4818">
        <v>1</v>
      </c>
      <c r="D4818">
        <v>0</v>
      </c>
    </row>
    <row r="4819" spans="1:4" x14ac:dyDescent="0.25">
      <c r="A4819" t="s">
        <v>7292</v>
      </c>
      <c r="B4819" t="s">
        <v>7294</v>
      </c>
      <c r="C4819">
        <v>0</v>
      </c>
      <c r="D4819">
        <v>0</v>
      </c>
    </row>
    <row r="4820" spans="1:4" x14ac:dyDescent="0.25">
      <c r="A4820" t="s">
        <v>7295</v>
      </c>
      <c r="B4820" t="s">
        <v>7296</v>
      </c>
      <c r="C4820">
        <v>1</v>
      </c>
      <c r="D4820">
        <v>0</v>
      </c>
    </row>
    <row r="4821" spans="1:4" x14ac:dyDescent="0.25">
      <c r="A4821" t="s">
        <v>7295</v>
      </c>
      <c r="B4821" t="s">
        <v>7297</v>
      </c>
      <c r="C4821">
        <v>0</v>
      </c>
      <c r="D4821">
        <v>0</v>
      </c>
    </row>
    <row r="4822" spans="1:4" x14ac:dyDescent="0.25">
      <c r="A4822" t="s">
        <v>7295</v>
      </c>
      <c r="B4822" t="s">
        <v>7298</v>
      </c>
      <c r="C4822">
        <v>0</v>
      </c>
      <c r="D4822">
        <v>0</v>
      </c>
    </row>
    <row r="4823" spans="1:4" x14ac:dyDescent="0.25">
      <c r="A4823" t="s">
        <v>7299</v>
      </c>
      <c r="B4823" t="s">
        <v>7300</v>
      </c>
      <c r="C4823">
        <v>0</v>
      </c>
      <c r="D4823">
        <v>0</v>
      </c>
    </row>
    <row r="4824" spans="1:4" x14ac:dyDescent="0.25">
      <c r="A4824" t="s">
        <v>7301</v>
      </c>
      <c r="B4824" t="s">
        <v>7302</v>
      </c>
      <c r="C4824">
        <v>0</v>
      </c>
      <c r="D4824">
        <v>0</v>
      </c>
    </row>
    <row r="4825" spans="1:4" x14ac:dyDescent="0.25">
      <c r="A4825" t="s">
        <v>7301</v>
      </c>
      <c r="B4825" t="s">
        <v>7303</v>
      </c>
      <c r="C4825">
        <v>1</v>
      </c>
      <c r="D4825">
        <v>0</v>
      </c>
    </row>
    <row r="4826" spans="1:4" x14ac:dyDescent="0.25">
      <c r="A4826" t="s">
        <v>7304</v>
      </c>
      <c r="B4826" t="s">
        <v>2671</v>
      </c>
      <c r="C4826">
        <v>1</v>
      </c>
      <c r="D4826">
        <v>0</v>
      </c>
    </row>
    <row r="4827" spans="1:4" x14ac:dyDescent="0.25">
      <c r="A4827" t="s">
        <v>7305</v>
      </c>
      <c r="B4827" t="s">
        <v>7306</v>
      </c>
      <c r="C4827">
        <v>1</v>
      </c>
      <c r="D4827">
        <v>0</v>
      </c>
    </row>
    <row r="4828" spans="1:4" x14ac:dyDescent="0.25">
      <c r="A4828" t="s">
        <v>7305</v>
      </c>
      <c r="B4828" t="s">
        <v>7307</v>
      </c>
      <c r="C4828">
        <v>0</v>
      </c>
      <c r="D4828">
        <v>0</v>
      </c>
    </row>
    <row r="4829" spans="1:4" x14ac:dyDescent="0.25">
      <c r="A4829" t="s">
        <v>7308</v>
      </c>
      <c r="B4829" t="s">
        <v>7309</v>
      </c>
      <c r="C4829">
        <v>0</v>
      </c>
      <c r="D4829">
        <v>0</v>
      </c>
    </row>
    <row r="4830" spans="1:4" x14ac:dyDescent="0.25">
      <c r="A4830" t="s">
        <v>7310</v>
      </c>
      <c r="B4830" t="s">
        <v>7311</v>
      </c>
      <c r="C4830">
        <v>0</v>
      </c>
      <c r="D4830">
        <v>0</v>
      </c>
    </row>
    <row r="4831" spans="1:4" x14ac:dyDescent="0.25">
      <c r="A4831" t="s">
        <v>7310</v>
      </c>
      <c r="B4831" t="s">
        <v>7312</v>
      </c>
      <c r="C4831">
        <v>1</v>
      </c>
      <c r="D4831">
        <v>0</v>
      </c>
    </row>
    <row r="4832" spans="1:4" x14ac:dyDescent="0.25">
      <c r="A4832" t="s">
        <v>7313</v>
      </c>
      <c r="B4832" t="s">
        <v>7314</v>
      </c>
      <c r="C4832">
        <v>1</v>
      </c>
      <c r="D4832">
        <v>0</v>
      </c>
    </row>
    <row r="4833" spans="1:4" x14ac:dyDescent="0.25">
      <c r="A4833" t="s">
        <v>7315</v>
      </c>
      <c r="B4833" t="s">
        <v>7316</v>
      </c>
      <c r="C4833">
        <v>0</v>
      </c>
      <c r="D4833">
        <v>0</v>
      </c>
    </row>
    <row r="4834" spans="1:4" x14ac:dyDescent="0.25">
      <c r="A4834" t="s">
        <v>7317</v>
      </c>
      <c r="B4834" t="s">
        <v>7318</v>
      </c>
      <c r="C4834">
        <v>2</v>
      </c>
      <c r="D4834">
        <v>0</v>
      </c>
    </row>
    <row r="4835" spans="1:4" x14ac:dyDescent="0.25">
      <c r="A4835" t="s">
        <v>7317</v>
      </c>
      <c r="B4835" t="s">
        <v>7319</v>
      </c>
      <c r="C4835">
        <v>0</v>
      </c>
      <c r="D4835">
        <v>0</v>
      </c>
    </row>
    <row r="4836" spans="1:4" x14ac:dyDescent="0.25">
      <c r="A4836" t="s">
        <v>7320</v>
      </c>
      <c r="B4836" t="s">
        <v>7321</v>
      </c>
      <c r="C4836">
        <v>0</v>
      </c>
      <c r="D4836">
        <v>0</v>
      </c>
    </row>
    <row r="4837" spans="1:4" x14ac:dyDescent="0.25">
      <c r="A4837" t="s">
        <v>7322</v>
      </c>
      <c r="B4837" t="s">
        <v>7323</v>
      </c>
      <c r="C4837">
        <v>1</v>
      </c>
      <c r="D4837">
        <v>0</v>
      </c>
    </row>
    <row r="4838" spans="1:4" x14ac:dyDescent="0.25">
      <c r="A4838" t="s">
        <v>7324</v>
      </c>
      <c r="B4838" t="s">
        <v>7325</v>
      </c>
      <c r="C4838">
        <v>0</v>
      </c>
      <c r="D4838">
        <v>0</v>
      </c>
    </row>
    <row r="4839" spans="1:4" x14ac:dyDescent="0.25">
      <c r="A4839" t="s">
        <v>7324</v>
      </c>
      <c r="B4839" t="s">
        <v>7326</v>
      </c>
      <c r="C4839">
        <v>1</v>
      </c>
      <c r="D4839">
        <v>0</v>
      </c>
    </row>
    <row r="4840" spans="1:4" x14ac:dyDescent="0.25">
      <c r="A4840" t="s">
        <v>7327</v>
      </c>
      <c r="B4840" t="s">
        <v>7328</v>
      </c>
      <c r="C4840">
        <v>0</v>
      </c>
      <c r="D4840">
        <v>0</v>
      </c>
    </row>
    <row r="4841" spans="1:4" x14ac:dyDescent="0.25">
      <c r="A4841" t="s">
        <v>7329</v>
      </c>
      <c r="B4841" t="s">
        <v>7330</v>
      </c>
      <c r="C4841">
        <v>2</v>
      </c>
      <c r="D4841">
        <v>0</v>
      </c>
    </row>
    <row r="4842" spans="1:4" x14ac:dyDescent="0.25">
      <c r="A4842" t="s">
        <v>7331</v>
      </c>
      <c r="B4842" t="s">
        <v>7332</v>
      </c>
      <c r="C4842">
        <v>1</v>
      </c>
      <c r="D4842">
        <v>0</v>
      </c>
    </row>
    <row r="4843" spans="1:4" x14ac:dyDescent="0.25">
      <c r="A4843" t="s">
        <v>7333</v>
      </c>
      <c r="B4843" t="s">
        <v>2359</v>
      </c>
      <c r="C4843">
        <v>0</v>
      </c>
      <c r="D4843">
        <v>0</v>
      </c>
    </row>
    <row r="4844" spans="1:4" x14ac:dyDescent="0.25">
      <c r="A4844" t="s">
        <v>7334</v>
      </c>
      <c r="B4844" t="s">
        <v>7335</v>
      </c>
      <c r="C4844">
        <v>0</v>
      </c>
      <c r="D4844">
        <v>0</v>
      </c>
    </row>
    <row r="4845" spans="1:4" x14ac:dyDescent="0.25">
      <c r="A4845" t="s">
        <v>7334</v>
      </c>
      <c r="B4845" t="s">
        <v>7336</v>
      </c>
      <c r="C4845">
        <v>1</v>
      </c>
      <c r="D4845">
        <v>0</v>
      </c>
    </row>
    <row r="4846" spans="1:4" x14ac:dyDescent="0.25">
      <c r="A4846" t="s">
        <v>7337</v>
      </c>
      <c r="B4846" t="s">
        <v>7338</v>
      </c>
      <c r="C4846">
        <v>0</v>
      </c>
      <c r="D4846">
        <v>0</v>
      </c>
    </row>
    <row r="4847" spans="1:4" x14ac:dyDescent="0.25">
      <c r="A4847" t="s">
        <v>7337</v>
      </c>
      <c r="B4847" t="s">
        <v>7339</v>
      </c>
      <c r="C4847">
        <v>2</v>
      </c>
      <c r="D4847">
        <v>0</v>
      </c>
    </row>
    <row r="4848" spans="1:4" x14ac:dyDescent="0.25">
      <c r="A4848" t="s">
        <v>7337</v>
      </c>
      <c r="B4848" t="s">
        <v>7340</v>
      </c>
      <c r="C4848">
        <v>2</v>
      </c>
      <c r="D4848">
        <v>0</v>
      </c>
    </row>
    <row r="4849" spans="1:4" x14ac:dyDescent="0.25">
      <c r="A4849" t="s">
        <v>7341</v>
      </c>
      <c r="B4849" t="s">
        <v>7342</v>
      </c>
      <c r="C4849">
        <v>0</v>
      </c>
      <c r="D4849">
        <v>0</v>
      </c>
    </row>
    <row r="4850" spans="1:4" x14ac:dyDescent="0.25">
      <c r="A4850" t="s">
        <v>7343</v>
      </c>
      <c r="B4850" t="s">
        <v>7344</v>
      </c>
      <c r="C4850">
        <v>1</v>
      </c>
      <c r="D4850">
        <v>0</v>
      </c>
    </row>
    <row r="4851" spans="1:4" x14ac:dyDescent="0.25">
      <c r="A4851" t="s">
        <v>7343</v>
      </c>
      <c r="B4851" t="s">
        <v>7345</v>
      </c>
      <c r="C4851">
        <v>0</v>
      </c>
      <c r="D4851">
        <v>0</v>
      </c>
    </row>
    <row r="4852" spans="1:4" x14ac:dyDescent="0.25">
      <c r="A4852" t="s">
        <v>7343</v>
      </c>
      <c r="B4852" t="s">
        <v>7346</v>
      </c>
      <c r="C4852">
        <v>0</v>
      </c>
      <c r="D4852">
        <v>0</v>
      </c>
    </row>
    <row r="4853" spans="1:4" x14ac:dyDescent="0.25">
      <c r="A4853" t="s">
        <v>7347</v>
      </c>
      <c r="B4853" t="s">
        <v>969</v>
      </c>
      <c r="C4853">
        <v>0</v>
      </c>
      <c r="D4853">
        <v>0</v>
      </c>
    </row>
    <row r="4854" spans="1:4" x14ac:dyDescent="0.25">
      <c r="A4854" t="s">
        <v>7347</v>
      </c>
      <c r="B4854" t="s">
        <v>7348</v>
      </c>
      <c r="C4854">
        <v>2</v>
      </c>
      <c r="D4854">
        <v>0</v>
      </c>
    </row>
    <row r="4855" spans="1:4" x14ac:dyDescent="0.25">
      <c r="A4855" t="s">
        <v>7349</v>
      </c>
      <c r="B4855" t="s">
        <v>4894</v>
      </c>
      <c r="C4855">
        <v>0</v>
      </c>
      <c r="D4855">
        <v>0</v>
      </c>
    </row>
    <row r="4856" spans="1:4" x14ac:dyDescent="0.25">
      <c r="A4856" t="s">
        <v>7349</v>
      </c>
      <c r="B4856" t="s">
        <v>7350</v>
      </c>
      <c r="C4856">
        <v>0</v>
      </c>
      <c r="D4856">
        <v>0</v>
      </c>
    </row>
    <row r="4857" spans="1:4" x14ac:dyDescent="0.25">
      <c r="A4857" t="s">
        <v>7351</v>
      </c>
      <c r="B4857" t="s">
        <v>2943</v>
      </c>
      <c r="C4857">
        <v>0</v>
      </c>
      <c r="D4857">
        <v>0</v>
      </c>
    </row>
    <row r="4858" spans="1:4" x14ac:dyDescent="0.25">
      <c r="A4858" t="s">
        <v>7352</v>
      </c>
      <c r="B4858" t="s">
        <v>852</v>
      </c>
      <c r="C4858">
        <v>0</v>
      </c>
      <c r="D4858">
        <v>0</v>
      </c>
    </row>
    <row r="4859" spans="1:4" x14ac:dyDescent="0.25">
      <c r="A4859" t="s">
        <v>7353</v>
      </c>
      <c r="B4859" t="s">
        <v>7354</v>
      </c>
      <c r="C4859">
        <v>2</v>
      </c>
      <c r="D4859">
        <v>0</v>
      </c>
    </row>
    <row r="4860" spans="1:4" x14ac:dyDescent="0.25">
      <c r="A4860" t="s">
        <v>7353</v>
      </c>
      <c r="B4860" t="s">
        <v>7355</v>
      </c>
      <c r="C4860">
        <v>1</v>
      </c>
      <c r="D4860">
        <v>0</v>
      </c>
    </row>
    <row r="4861" spans="1:4" x14ac:dyDescent="0.25">
      <c r="A4861" t="s">
        <v>7356</v>
      </c>
      <c r="B4861" t="s">
        <v>7357</v>
      </c>
      <c r="C4861">
        <v>0</v>
      </c>
      <c r="D4861">
        <v>0</v>
      </c>
    </row>
    <row r="4862" spans="1:4" x14ac:dyDescent="0.25">
      <c r="A4862" t="s">
        <v>7358</v>
      </c>
      <c r="B4862" t="s">
        <v>7359</v>
      </c>
      <c r="C4862">
        <v>1</v>
      </c>
      <c r="D4862">
        <v>0</v>
      </c>
    </row>
    <row r="4863" spans="1:4" x14ac:dyDescent="0.25">
      <c r="A4863" t="s">
        <v>7360</v>
      </c>
      <c r="B4863" t="s">
        <v>7361</v>
      </c>
      <c r="C4863">
        <v>1</v>
      </c>
      <c r="D4863">
        <v>0</v>
      </c>
    </row>
    <row r="4864" spans="1:4" x14ac:dyDescent="0.25">
      <c r="A4864" t="s">
        <v>7362</v>
      </c>
      <c r="B4864" t="s">
        <v>1101</v>
      </c>
      <c r="C4864">
        <v>1</v>
      </c>
      <c r="D4864">
        <v>0</v>
      </c>
    </row>
    <row r="4865" spans="1:4" x14ac:dyDescent="0.25">
      <c r="A4865" t="s">
        <v>7363</v>
      </c>
      <c r="B4865" t="s">
        <v>7364</v>
      </c>
      <c r="C4865">
        <v>1</v>
      </c>
      <c r="D4865">
        <v>0</v>
      </c>
    </row>
    <row r="4866" spans="1:4" x14ac:dyDescent="0.25">
      <c r="A4866" t="s">
        <v>7363</v>
      </c>
      <c r="B4866" t="s">
        <v>7365</v>
      </c>
      <c r="C4866">
        <v>0</v>
      </c>
      <c r="D4866">
        <v>0</v>
      </c>
    </row>
    <row r="4867" spans="1:4" x14ac:dyDescent="0.25">
      <c r="A4867" t="s">
        <v>7366</v>
      </c>
      <c r="B4867" t="s">
        <v>7367</v>
      </c>
      <c r="C4867">
        <v>1</v>
      </c>
      <c r="D4867">
        <v>0</v>
      </c>
    </row>
    <row r="4868" spans="1:4" x14ac:dyDescent="0.25">
      <c r="A4868" t="s">
        <v>7368</v>
      </c>
      <c r="B4868" t="s">
        <v>7369</v>
      </c>
      <c r="C4868">
        <v>0</v>
      </c>
      <c r="D4868">
        <v>0</v>
      </c>
    </row>
    <row r="4869" spans="1:4" x14ac:dyDescent="0.25">
      <c r="A4869" t="s">
        <v>7370</v>
      </c>
      <c r="B4869" t="s">
        <v>7371</v>
      </c>
      <c r="C4869">
        <v>1</v>
      </c>
      <c r="D4869">
        <v>0</v>
      </c>
    </row>
    <row r="4870" spans="1:4" x14ac:dyDescent="0.25">
      <c r="A4870" t="s">
        <v>7372</v>
      </c>
      <c r="B4870" t="s">
        <v>7373</v>
      </c>
      <c r="C4870">
        <v>0</v>
      </c>
      <c r="D4870">
        <v>0</v>
      </c>
    </row>
    <row r="4871" spans="1:4" x14ac:dyDescent="0.25">
      <c r="A4871" t="s">
        <v>7374</v>
      </c>
      <c r="B4871" t="s">
        <v>7375</v>
      </c>
      <c r="C4871">
        <v>1</v>
      </c>
      <c r="D4871">
        <v>0</v>
      </c>
    </row>
    <row r="4872" spans="1:4" x14ac:dyDescent="0.25">
      <c r="A4872" t="s">
        <v>7376</v>
      </c>
      <c r="B4872" t="s">
        <v>7377</v>
      </c>
      <c r="C4872">
        <v>1</v>
      </c>
      <c r="D4872">
        <v>0</v>
      </c>
    </row>
    <row r="4873" spans="1:4" x14ac:dyDescent="0.25">
      <c r="A4873" t="s">
        <v>7378</v>
      </c>
      <c r="B4873" t="s">
        <v>7379</v>
      </c>
      <c r="C4873">
        <v>0</v>
      </c>
      <c r="D4873">
        <v>0</v>
      </c>
    </row>
    <row r="4874" spans="1:4" x14ac:dyDescent="0.25">
      <c r="A4874" t="s">
        <v>7380</v>
      </c>
      <c r="B4874" t="s">
        <v>7381</v>
      </c>
      <c r="C4874">
        <v>1</v>
      </c>
      <c r="D4874">
        <v>0</v>
      </c>
    </row>
    <row r="4875" spans="1:4" x14ac:dyDescent="0.25">
      <c r="A4875" t="s">
        <v>7382</v>
      </c>
      <c r="B4875" t="s">
        <v>7383</v>
      </c>
      <c r="C4875">
        <v>1</v>
      </c>
      <c r="D4875">
        <v>0</v>
      </c>
    </row>
    <row r="4876" spans="1:4" x14ac:dyDescent="0.25">
      <c r="A4876" t="s">
        <v>7384</v>
      </c>
      <c r="B4876" t="s">
        <v>7385</v>
      </c>
      <c r="C4876">
        <v>0</v>
      </c>
      <c r="D4876">
        <v>0</v>
      </c>
    </row>
    <row r="4877" spans="1:4" x14ac:dyDescent="0.25">
      <c r="A4877" t="s">
        <v>7386</v>
      </c>
      <c r="B4877" t="s">
        <v>1570</v>
      </c>
      <c r="C4877">
        <v>1</v>
      </c>
      <c r="D4877">
        <v>0</v>
      </c>
    </row>
    <row r="4878" spans="1:4" x14ac:dyDescent="0.25">
      <c r="A4878" t="s">
        <v>7386</v>
      </c>
      <c r="B4878" t="s">
        <v>1246</v>
      </c>
      <c r="C4878">
        <v>0</v>
      </c>
      <c r="D4878">
        <v>0</v>
      </c>
    </row>
    <row r="4879" spans="1:4" x14ac:dyDescent="0.25">
      <c r="A4879" t="s">
        <v>7387</v>
      </c>
      <c r="B4879" t="s">
        <v>7388</v>
      </c>
      <c r="C4879">
        <v>1</v>
      </c>
      <c r="D4879">
        <v>0</v>
      </c>
    </row>
    <row r="4880" spans="1:4" x14ac:dyDescent="0.25">
      <c r="A4880" t="s">
        <v>7389</v>
      </c>
      <c r="B4880" t="s">
        <v>7390</v>
      </c>
      <c r="C4880">
        <v>0</v>
      </c>
      <c r="D4880">
        <v>0</v>
      </c>
    </row>
    <row r="4881" spans="1:4" x14ac:dyDescent="0.25">
      <c r="A4881" t="s">
        <v>7391</v>
      </c>
      <c r="B4881" t="s">
        <v>7392</v>
      </c>
      <c r="C4881">
        <v>0</v>
      </c>
      <c r="D4881">
        <v>0</v>
      </c>
    </row>
    <row r="4882" spans="1:4" x14ac:dyDescent="0.25">
      <c r="A4882" t="s">
        <v>7391</v>
      </c>
      <c r="B4882" t="s">
        <v>7393</v>
      </c>
      <c r="C4882">
        <v>2</v>
      </c>
      <c r="D4882">
        <v>0</v>
      </c>
    </row>
    <row r="4883" spans="1:4" x14ac:dyDescent="0.25">
      <c r="A4883" t="s">
        <v>7394</v>
      </c>
      <c r="B4883" t="s">
        <v>7395</v>
      </c>
      <c r="C4883">
        <v>0</v>
      </c>
      <c r="D4883">
        <v>0</v>
      </c>
    </row>
    <row r="4884" spans="1:4" x14ac:dyDescent="0.25">
      <c r="A4884" t="s">
        <v>7396</v>
      </c>
      <c r="B4884" t="s">
        <v>7397</v>
      </c>
      <c r="C4884">
        <v>0</v>
      </c>
      <c r="D4884">
        <v>0</v>
      </c>
    </row>
    <row r="4885" spans="1:4" x14ac:dyDescent="0.25">
      <c r="A4885" t="s">
        <v>7398</v>
      </c>
      <c r="B4885" t="s">
        <v>7399</v>
      </c>
      <c r="C4885">
        <v>2</v>
      </c>
      <c r="D4885">
        <v>0</v>
      </c>
    </row>
    <row r="4886" spans="1:4" x14ac:dyDescent="0.25">
      <c r="A4886" t="s">
        <v>7398</v>
      </c>
      <c r="B4886" t="s">
        <v>7400</v>
      </c>
      <c r="C4886">
        <v>2</v>
      </c>
      <c r="D4886">
        <v>0</v>
      </c>
    </row>
    <row r="4887" spans="1:4" x14ac:dyDescent="0.25">
      <c r="A4887" t="s">
        <v>7398</v>
      </c>
      <c r="B4887" t="s">
        <v>7401</v>
      </c>
      <c r="C4887">
        <v>0</v>
      </c>
      <c r="D4887">
        <v>0</v>
      </c>
    </row>
    <row r="4888" spans="1:4" x14ac:dyDescent="0.25">
      <c r="A4888" t="s">
        <v>7402</v>
      </c>
      <c r="B4888" t="s">
        <v>7403</v>
      </c>
      <c r="C4888">
        <v>0</v>
      </c>
      <c r="D4888">
        <v>0</v>
      </c>
    </row>
    <row r="4889" spans="1:4" x14ac:dyDescent="0.25">
      <c r="A4889" t="s">
        <v>7402</v>
      </c>
      <c r="B4889" t="s">
        <v>7404</v>
      </c>
      <c r="C4889">
        <v>0</v>
      </c>
      <c r="D4889">
        <v>0</v>
      </c>
    </row>
    <row r="4890" spans="1:4" x14ac:dyDescent="0.25">
      <c r="A4890" t="s">
        <v>7405</v>
      </c>
      <c r="B4890" t="s">
        <v>2267</v>
      </c>
      <c r="C4890">
        <v>0</v>
      </c>
      <c r="D4890">
        <v>0</v>
      </c>
    </row>
    <row r="4891" spans="1:4" x14ac:dyDescent="0.25">
      <c r="A4891" t="s">
        <v>7406</v>
      </c>
      <c r="B4891" t="s">
        <v>7407</v>
      </c>
      <c r="C4891">
        <v>2</v>
      </c>
      <c r="D4891">
        <v>0</v>
      </c>
    </row>
    <row r="4892" spans="1:4" x14ac:dyDescent="0.25">
      <c r="A4892" t="s">
        <v>7408</v>
      </c>
      <c r="B4892" t="s">
        <v>7409</v>
      </c>
      <c r="C4892">
        <v>1</v>
      </c>
      <c r="D4892">
        <v>0</v>
      </c>
    </row>
    <row r="4893" spans="1:4" x14ac:dyDescent="0.25">
      <c r="A4893" t="s">
        <v>7410</v>
      </c>
      <c r="B4893" t="s">
        <v>7411</v>
      </c>
      <c r="C4893">
        <v>2</v>
      </c>
      <c r="D4893">
        <v>0</v>
      </c>
    </row>
    <row r="4894" spans="1:4" x14ac:dyDescent="0.25">
      <c r="A4894" t="s">
        <v>7412</v>
      </c>
      <c r="B4894" t="s">
        <v>7413</v>
      </c>
      <c r="C4894">
        <v>1</v>
      </c>
      <c r="D4894">
        <v>0</v>
      </c>
    </row>
    <row r="4895" spans="1:4" x14ac:dyDescent="0.25">
      <c r="A4895" t="s">
        <v>7412</v>
      </c>
      <c r="B4895" t="s">
        <v>7414</v>
      </c>
      <c r="C4895">
        <v>0</v>
      </c>
      <c r="D4895">
        <v>0</v>
      </c>
    </row>
    <row r="4896" spans="1:4" x14ac:dyDescent="0.25">
      <c r="A4896" t="s">
        <v>7412</v>
      </c>
      <c r="B4896" t="s">
        <v>7415</v>
      </c>
      <c r="C4896">
        <v>1</v>
      </c>
      <c r="D4896">
        <v>0</v>
      </c>
    </row>
    <row r="4897" spans="1:4" x14ac:dyDescent="0.25">
      <c r="A4897" t="s">
        <v>7416</v>
      </c>
      <c r="B4897" t="s">
        <v>7417</v>
      </c>
      <c r="C4897">
        <v>0</v>
      </c>
      <c r="D4897">
        <v>0</v>
      </c>
    </row>
    <row r="4898" spans="1:4" x14ac:dyDescent="0.25">
      <c r="A4898" t="s">
        <v>7418</v>
      </c>
      <c r="B4898" t="s">
        <v>969</v>
      </c>
      <c r="C4898">
        <v>0</v>
      </c>
      <c r="D4898">
        <v>0</v>
      </c>
    </row>
    <row r="4899" spans="1:4" x14ac:dyDescent="0.25">
      <c r="A4899" t="s">
        <v>7419</v>
      </c>
      <c r="B4899" t="s">
        <v>7420</v>
      </c>
      <c r="C4899">
        <v>1</v>
      </c>
      <c r="D4899">
        <v>0</v>
      </c>
    </row>
    <row r="4900" spans="1:4" x14ac:dyDescent="0.25">
      <c r="A4900" t="s">
        <v>7421</v>
      </c>
      <c r="B4900" t="s">
        <v>7422</v>
      </c>
      <c r="C4900">
        <v>2</v>
      </c>
      <c r="D4900">
        <v>0</v>
      </c>
    </row>
    <row r="4901" spans="1:4" x14ac:dyDescent="0.25">
      <c r="A4901" t="s">
        <v>7421</v>
      </c>
      <c r="B4901" t="s">
        <v>398</v>
      </c>
      <c r="C4901">
        <v>0</v>
      </c>
      <c r="D4901">
        <v>0</v>
      </c>
    </row>
    <row r="4902" spans="1:4" x14ac:dyDescent="0.25">
      <c r="A4902" t="s">
        <v>7423</v>
      </c>
      <c r="B4902" t="s">
        <v>7424</v>
      </c>
      <c r="C4902">
        <v>1</v>
      </c>
      <c r="D4902">
        <v>0</v>
      </c>
    </row>
    <row r="4903" spans="1:4" x14ac:dyDescent="0.25">
      <c r="A4903" t="s">
        <v>7423</v>
      </c>
      <c r="B4903" t="s">
        <v>7425</v>
      </c>
      <c r="C4903">
        <v>0</v>
      </c>
      <c r="D4903">
        <v>0</v>
      </c>
    </row>
    <row r="4904" spans="1:4" x14ac:dyDescent="0.25">
      <c r="A4904" t="s">
        <v>7423</v>
      </c>
      <c r="B4904" t="s">
        <v>7426</v>
      </c>
      <c r="C4904">
        <v>1</v>
      </c>
      <c r="D4904">
        <v>0</v>
      </c>
    </row>
    <row r="4905" spans="1:4" x14ac:dyDescent="0.25">
      <c r="A4905" t="s">
        <v>7427</v>
      </c>
      <c r="B4905" t="s">
        <v>1499</v>
      </c>
      <c r="C4905">
        <v>1</v>
      </c>
      <c r="D4905">
        <v>0</v>
      </c>
    </row>
    <row r="4906" spans="1:4" x14ac:dyDescent="0.25">
      <c r="A4906" t="s">
        <v>7428</v>
      </c>
      <c r="B4906" t="s">
        <v>7429</v>
      </c>
      <c r="C4906">
        <v>0</v>
      </c>
      <c r="D4906">
        <v>0</v>
      </c>
    </row>
    <row r="4907" spans="1:4" x14ac:dyDescent="0.25">
      <c r="A4907" t="s">
        <v>7428</v>
      </c>
      <c r="B4907" t="s">
        <v>7430</v>
      </c>
      <c r="C4907">
        <v>1</v>
      </c>
      <c r="D4907">
        <v>0</v>
      </c>
    </row>
    <row r="4908" spans="1:4" x14ac:dyDescent="0.25">
      <c r="A4908" t="s">
        <v>7431</v>
      </c>
      <c r="B4908" t="s">
        <v>7432</v>
      </c>
      <c r="C4908">
        <v>2</v>
      </c>
      <c r="D4908">
        <v>0</v>
      </c>
    </row>
    <row r="4909" spans="1:4" x14ac:dyDescent="0.25">
      <c r="A4909" t="s">
        <v>7431</v>
      </c>
      <c r="B4909" t="s">
        <v>398</v>
      </c>
      <c r="C4909">
        <v>0</v>
      </c>
      <c r="D4909">
        <v>0</v>
      </c>
    </row>
    <row r="4910" spans="1:4" x14ac:dyDescent="0.25">
      <c r="A4910" t="s">
        <v>7433</v>
      </c>
      <c r="B4910" t="s">
        <v>7434</v>
      </c>
      <c r="C4910">
        <v>1</v>
      </c>
      <c r="D4910">
        <v>0</v>
      </c>
    </row>
    <row r="4911" spans="1:4" x14ac:dyDescent="0.25">
      <c r="A4911" t="s">
        <v>7435</v>
      </c>
      <c r="B4911" t="s">
        <v>7436</v>
      </c>
      <c r="C4911">
        <v>1</v>
      </c>
      <c r="D4911">
        <v>0</v>
      </c>
    </row>
    <row r="4912" spans="1:4" x14ac:dyDescent="0.25">
      <c r="A4912" t="s">
        <v>7437</v>
      </c>
      <c r="B4912" t="s">
        <v>7438</v>
      </c>
      <c r="C4912">
        <v>1</v>
      </c>
      <c r="D4912">
        <v>0</v>
      </c>
    </row>
    <row r="4913" spans="1:4" x14ac:dyDescent="0.25">
      <c r="A4913" t="s">
        <v>7437</v>
      </c>
      <c r="B4913" t="s">
        <v>1769</v>
      </c>
      <c r="C4913">
        <v>1</v>
      </c>
      <c r="D4913">
        <v>0</v>
      </c>
    </row>
    <row r="4914" spans="1:4" x14ac:dyDescent="0.25">
      <c r="A4914" t="s">
        <v>7439</v>
      </c>
      <c r="B4914" t="s">
        <v>852</v>
      </c>
      <c r="C4914">
        <v>0</v>
      </c>
      <c r="D4914">
        <v>0</v>
      </c>
    </row>
    <row r="4915" spans="1:4" x14ac:dyDescent="0.25">
      <c r="A4915" t="s">
        <v>7440</v>
      </c>
      <c r="B4915" t="s">
        <v>7441</v>
      </c>
      <c r="C4915">
        <v>1</v>
      </c>
      <c r="D4915">
        <v>0</v>
      </c>
    </row>
    <row r="4916" spans="1:4" x14ac:dyDescent="0.25">
      <c r="A4916" t="s">
        <v>7440</v>
      </c>
      <c r="B4916" t="s">
        <v>7442</v>
      </c>
      <c r="C4916">
        <v>1</v>
      </c>
      <c r="D4916">
        <v>0</v>
      </c>
    </row>
    <row r="4917" spans="1:4" x14ac:dyDescent="0.25">
      <c r="A4917" t="s">
        <v>7443</v>
      </c>
      <c r="B4917" t="s">
        <v>7444</v>
      </c>
      <c r="C4917">
        <v>1</v>
      </c>
      <c r="D4917">
        <v>0</v>
      </c>
    </row>
    <row r="4918" spans="1:4" x14ac:dyDescent="0.25">
      <c r="A4918" t="s">
        <v>7445</v>
      </c>
      <c r="B4918" t="s">
        <v>7446</v>
      </c>
      <c r="C4918">
        <v>1</v>
      </c>
      <c r="D4918">
        <v>0</v>
      </c>
    </row>
    <row r="4919" spans="1:4" x14ac:dyDescent="0.25">
      <c r="A4919" t="s">
        <v>7447</v>
      </c>
      <c r="B4919" t="s">
        <v>7448</v>
      </c>
      <c r="C4919">
        <v>0</v>
      </c>
      <c r="D4919">
        <v>0</v>
      </c>
    </row>
    <row r="4920" spans="1:4" x14ac:dyDescent="0.25">
      <c r="A4920" t="s">
        <v>7449</v>
      </c>
      <c r="B4920" t="s">
        <v>7450</v>
      </c>
      <c r="C4920">
        <v>0</v>
      </c>
      <c r="D4920">
        <v>0</v>
      </c>
    </row>
    <row r="4921" spans="1:4" x14ac:dyDescent="0.25">
      <c r="A4921" t="s">
        <v>7449</v>
      </c>
      <c r="B4921" t="s">
        <v>7451</v>
      </c>
      <c r="C4921">
        <v>0</v>
      </c>
      <c r="D4921">
        <v>0</v>
      </c>
    </row>
    <row r="4922" spans="1:4" x14ac:dyDescent="0.25">
      <c r="A4922" t="s">
        <v>7452</v>
      </c>
      <c r="B4922" t="s">
        <v>7453</v>
      </c>
      <c r="C4922">
        <v>1</v>
      </c>
      <c r="D4922">
        <v>0</v>
      </c>
    </row>
    <row r="4923" spans="1:4" x14ac:dyDescent="0.25">
      <c r="A4923" t="s">
        <v>7454</v>
      </c>
      <c r="B4923" t="s">
        <v>816</v>
      </c>
      <c r="C4923">
        <v>1</v>
      </c>
      <c r="D4923">
        <v>0</v>
      </c>
    </row>
    <row r="4924" spans="1:4" x14ac:dyDescent="0.25">
      <c r="A4924" t="s">
        <v>7455</v>
      </c>
      <c r="B4924" t="s">
        <v>7456</v>
      </c>
      <c r="C4924">
        <v>2</v>
      </c>
      <c r="D4924">
        <v>0</v>
      </c>
    </row>
    <row r="4925" spans="1:4" x14ac:dyDescent="0.25">
      <c r="A4925" t="s">
        <v>7455</v>
      </c>
      <c r="B4925" t="s">
        <v>7457</v>
      </c>
      <c r="C4925">
        <v>1</v>
      </c>
      <c r="D4925">
        <v>0</v>
      </c>
    </row>
    <row r="4926" spans="1:4" x14ac:dyDescent="0.25">
      <c r="A4926" t="s">
        <v>7458</v>
      </c>
      <c r="B4926" t="s">
        <v>7459</v>
      </c>
      <c r="C4926">
        <v>2</v>
      </c>
      <c r="D4926">
        <v>0</v>
      </c>
    </row>
    <row r="4927" spans="1:4" x14ac:dyDescent="0.25">
      <c r="A4927" t="s">
        <v>7458</v>
      </c>
      <c r="B4927" t="s">
        <v>7460</v>
      </c>
      <c r="C4927">
        <v>0</v>
      </c>
      <c r="D4927">
        <v>0</v>
      </c>
    </row>
    <row r="4928" spans="1:4" x14ac:dyDescent="0.25">
      <c r="A4928" t="s">
        <v>7458</v>
      </c>
      <c r="B4928" t="s">
        <v>7461</v>
      </c>
      <c r="C4928">
        <v>2</v>
      </c>
      <c r="D4928">
        <v>0</v>
      </c>
    </row>
    <row r="4929" spans="1:4" x14ac:dyDescent="0.25">
      <c r="A4929" t="s">
        <v>7462</v>
      </c>
      <c r="B4929" t="s">
        <v>1499</v>
      </c>
      <c r="C4929">
        <v>1</v>
      </c>
      <c r="D4929">
        <v>0</v>
      </c>
    </row>
    <row r="4930" spans="1:4" x14ac:dyDescent="0.25">
      <c r="A4930" t="s">
        <v>7463</v>
      </c>
      <c r="B4930" t="s">
        <v>7464</v>
      </c>
      <c r="C4930">
        <v>2</v>
      </c>
      <c r="D4930">
        <v>0</v>
      </c>
    </row>
    <row r="4931" spans="1:4" x14ac:dyDescent="0.25">
      <c r="A4931" t="s">
        <v>7463</v>
      </c>
      <c r="B4931" t="s">
        <v>7465</v>
      </c>
      <c r="C4931">
        <v>1</v>
      </c>
      <c r="D4931">
        <v>0</v>
      </c>
    </row>
    <row r="4932" spans="1:4" x14ac:dyDescent="0.25">
      <c r="A4932" t="s">
        <v>7463</v>
      </c>
      <c r="B4932" t="s">
        <v>7466</v>
      </c>
      <c r="C4932">
        <v>1</v>
      </c>
      <c r="D4932">
        <v>0</v>
      </c>
    </row>
    <row r="4933" spans="1:4" x14ac:dyDescent="0.25">
      <c r="A4933" t="s">
        <v>7467</v>
      </c>
      <c r="B4933" t="s">
        <v>1001</v>
      </c>
      <c r="C4933">
        <v>1</v>
      </c>
      <c r="D4933">
        <v>0</v>
      </c>
    </row>
    <row r="4934" spans="1:4" x14ac:dyDescent="0.25">
      <c r="A4934" t="s">
        <v>7468</v>
      </c>
      <c r="B4934" t="s">
        <v>7469</v>
      </c>
      <c r="C4934">
        <v>0</v>
      </c>
      <c r="D4934">
        <v>0</v>
      </c>
    </row>
    <row r="4935" spans="1:4" x14ac:dyDescent="0.25">
      <c r="A4935" t="s">
        <v>7470</v>
      </c>
      <c r="B4935" t="s">
        <v>7471</v>
      </c>
      <c r="C4935">
        <v>1</v>
      </c>
      <c r="D4935">
        <v>0</v>
      </c>
    </row>
    <row r="4936" spans="1:4" x14ac:dyDescent="0.25">
      <c r="A4936" t="s">
        <v>7470</v>
      </c>
      <c r="B4936" t="s">
        <v>7472</v>
      </c>
      <c r="C4936">
        <v>1</v>
      </c>
      <c r="D4936">
        <v>0</v>
      </c>
    </row>
    <row r="4937" spans="1:4" x14ac:dyDescent="0.25">
      <c r="A4937" t="s">
        <v>7470</v>
      </c>
      <c r="B4937" t="s">
        <v>7473</v>
      </c>
      <c r="C4937">
        <v>1</v>
      </c>
      <c r="D4937">
        <v>0</v>
      </c>
    </row>
    <row r="4938" spans="1:4" x14ac:dyDescent="0.25">
      <c r="A4938" t="s">
        <v>7474</v>
      </c>
      <c r="B4938" t="s">
        <v>7475</v>
      </c>
      <c r="C4938">
        <v>0</v>
      </c>
      <c r="D4938">
        <v>0</v>
      </c>
    </row>
    <row r="4939" spans="1:4" x14ac:dyDescent="0.25">
      <c r="A4939" t="s">
        <v>7474</v>
      </c>
      <c r="B4939" t="s">
        <v>7476</v>
      </c>
      <c r="C4939">
        <v>0</v>
      </c>
      <c r="D4939">
        <v>0</v>
      </c>
    </row>
    <row r="4940" spans="1:4" x14ac:dyDescent="0.25">
      <c r="A4940" t="s">
        <v>7477</v>
      </c>
      <c r="B4940" t="s">
        <v>7478</v>
      </c>
      <c r="C4940">
        <v>2</v>
      </c>
      <c r="D4940">
        <v>0</v>
      </c>
    </row>
    <row r="4941" spans="1:4" x14ac:dyDescent="0.25">
      <c r="A4941" t="s">
        <v>7477</v>
      </c>
      <c r="B4941" t="s">
        <v>7479</v>
      </c>
      <c r="C4941">
        <v>2</v>
      </c>
      <c r="D4941">
        <v>0</v>
      </c>
    </row>
    <row r="4942" spans="1:4" x14ac:dyDescent="0.25">
      <c r="A4942" t="s">
        <v>7480</v>
      </c>
      <c r="B4942" t="s">
        <v>7481</v>
      </c>
      <c r="C4942">
        <v>1</v>
      </c>
      <c r="D4942">
        <v>0</v>
      </c>
    </row>
    <row r="4943" spans="1:4" x14ac:dyDescent="0.25">
      <c r="A4943" t="s">
        <v>7482</v>
      </c>
      <c r="B4943" t="s">
        <v>7483</v>
      </c>
      <c r="C4943">
        <v>1</v>
      </c>
      <c r="D4943">
        <v>0</v>
      </c>
    </row>
    <row r="4944" spans="1:4" x14ac:dyDescent="0.25">
      <c r="A4944" t="s">
        <v>7482</v>
      </c>
      <c r="B4944" t="s">
        <v>7484</v>
      </c>
      <c r="C4944">
        <v>1</v>
      </c>
      <c r="D4944">
        <v>0</v>
      </c>
    </row>
    <row r="4945" spans="1:4" x14ac:dyDescent="0.25">
      <c r="A4945" t="s">
        <v>7485</v>
      </c>
      <c r="B4945" t="s">
        <v>7486</v>
      </c>
      <c r="C4945">
        <v>0</v>
      </c>
      <c r="D4945">
        <v>0</v>
      </c>
    </row>
    <row r="4946" spans="1:4" x14ac:dyDescent="0.25">
      <c r="A4946" t="s">
        <v>7485</v>
      </c>
      <c r="B4946" t="s">
        <v>7487</v>
      </c>
      <c r="C4946">
        <v>1</v>
      </c>
      <c r="D4946">
        <v>0</v>
      </c>
    </row>
    <row r="4947" spans="1:4" x14ac:dyDescent="0.25">
      <c r="A4947" t="s">
        <v>7485</v>
      </c>
      <c r="B4947" t="s">
        <v>7488</v>
      </c>
      <c r="C4947">
        <v>1</v>
      </c>
      <c r="D4947">
        <v>0</v>
      </c>
    </row>
    <row r="4948" spans="1:4" x14ac:dyDescent="0.25">
      <c r="A4948" t="s">
        <v>7489</v>
      </c>
      <c r="B4948" t="s">
        <v>7490</v>
      </c>
      <c r="C4948">
        <v>1</v>
      </c>
      <c r="D4948">
        <v>0</v>
      </c>
    </row>
    <row r="4949" spans="1:4" x14ac:dyDescent="0.25">
      <c r="A4949" t="s">
        <v>7489</v>
      </c>
      <c r="B4949" t="s">
        <v>7491</v>
      </c>
      <c r="C4949">
        <v>1</v>
      </c>
      <c r="D4949">
        <v>0</v>
      </c>
    </row>
    <row r="4950" spans="1:4" x14ac:dyDescent="0.25">
      <c r="A4950" t="s">
        <v>7492</v>
      </c>
      <c r="B4950" t="s">
        <v>7493</v>
      </c>
      <c r="C4950">
        <v>1</v>
      </c>
      <c r="D4950">
        <v>0</v>
      </c>
    </row>
    <row r="4951" spans="1:4" x14ac:dyDescent="0.25">
      <c r="A4951" t="s">
        <v>7494</v>
      </c>
      <c r="B4951" t="s">
        <v>7495</v>
      </c>
      <c r="C4951">
        <v>2</v>
      </c>
      <c r="D4951">
        <v>0</v>
      </c>
    </row>
    <row r="4952" spans="1:4" x14ac:dyDescent="0.25">
      <c r="A4952" t="s">
        <v>7496</v>
      </c>
      <c r="B4952" t="s">
        <v>7497</v>
      </c>
      <c r="C4952">
        <v>0</v>
      </c>
      <c r="D4952">
        <v>0</v>
      </c>
    </row>
    <row r="4953" spans="1:4" x14ac:dyDescent="0.25">
      <c r="A4953" t="s">
        <v>7496</v>
      </c>
      <c r="B4953" t="s">
        <v>7498</v>
      </c>
      <c r="C4953">
        <v>1</v>
      </c>
      <c r="D4953">
        <v>0</v>
      </c>
    </row>
    <row r="4954" spans="1:4" x14ac:dyDescent="0.25">
      <c r="A4954" t="s">
        <v>7499</v>
      </c>
      <c r="B4954" t="s">
        <v>7500</v>
      </c>
      <c r="C4954">
        <v>0</v>
      </c>
      <c r="D4954">
        <v>0</v>
      </c>
    </row>
    <row r="4955" spans="1:4" x14ac:dyDescent="0.25">
      <c r="A4955" t="s">
        <v>7499</v>
      </c>
      <c r="B4955" t="s">
        <v>7501</v>
      </c>
      <c r="C4955">
        <v>1</v>
      </c>
      <c r="D4955">
        <v>0</v>
      </c>
    </row>
    <row r="4956" spans="1:4" x14ac:dyDescent="0.25">
      <c r="A4956" t="s">
        <v>7502</v>
      </c>
      <c r="B4956" t="s">
        <v>843</v>
      </c>
      <c r="C4956">
        <v>1</v>
      </c>
      <c r="D4956">
        <v>0</v>
      </c>
    </row>
    <row r="4957" spans="1:4" x14ac:dyDescent="0.25">
      <c r="A4957" t="s">
        <v>7503</v>
      </c>
      <c r="B4957" t="s">
        <v>7504</v>
      </c>
      <c r="C4957">
        <v>0</v>
      </c>
      <c r="D4957">
        <v>0</v>
      </c>
    </row>
    <row r="4958" spans="1:4" x14ac:dyDescent="0.25">
      <c r="A4958" t="s">
        <v>7503</v>
      </c>
      <c r="B4958" t="s">
        <v>7505</v>
      </c>
      <c r="C4958">
        <v>0</v>
      </c>
      <c r="D4958">
        <v>0</v>
      </c>
    </row>
    <row r="4959" spans="1:4" x14ac:dyDescent="0.25">
      <c r="A4959" t="s">
        <v>7503</v>
      </c>
      <c r="B4959" t="s">
        <v>7506</v>
      </c>
      <c r="C4959">
        <v>0</v>
      </c>
      <c r="D4959">
        <v>0</v>
      </c>
    </row>
    <row r="4960" spans="1:4" x14ac:dyDescent="0.25">
      <c r="A4960" t="s">
        <v>7507</v>
      </c>
      <c r="B4960" t="s">
        <v>923</v>
      </c>
      <c r="C4960">
        <v>0</v>
      </c>
      <c r="D4960">
        <v>0</v>
      </c>
    </row>
    <row r="4961" spans="1:4" x14ac:dyDescent="0.25">
      <c r="A4961" t="s">
        <v>7507</v>
      </c>
      <c r="B4961" t="s">
        <v>7508</v>
      </c>
      <c r="C4961">
        <v>0</v>
      </c>
      <c r="D4961">
        <v>0</v>
      </c>
    </row>
    <row r="4962" spans="1:4" x14ac:dyDescent="0.25">
      <c r="A4962" t="s">
        <v>7509</v>
      </c>
      <c r="B4962" t="s">
        <v>7510</v>
      </c>
      <c r="C4962">
        <v>0</v>
      </c>
      <c r="D4962">
        <v>0</v>
      </c>
    </row>
    <row r="4963" spans="1:4" x14ac:dyDescent="0.25">
      <c r="A4963" t="s">
        <v>7509</v>
      </c>
      <c r="B4963" t="s">
        <v>7511</v>
      </c>
      <c r="C4963">
        <v>0</v>
      </c>
      <c r="D4963">
        <v>0</v>
      </c>
    </row>
    <row r="4964" spans="1:4" x14ac:dyDescent="0.25">
      <c r="A4964" t="s">
        <v>7512</v>
      </c>
      <c r="B4964" t="s">
        <v>7513</v>
      </c>
      <c r="C4964">
        <v>0</v>
      </c>
      <c r="D4964">
        <v>0</v>
      </c>
    </row>
    <row r="4965" spans="1:4" x14ac:dyDescent="0.25">
      <c r="A4965" t="s">
        <v>7512</v>
      </c>
      <c r="B4965" t="s">
        <v>7514</v>
      </c>
      <c r="C4965">
        <v>0</v>
      </c>
      <c r="D4965">
        <v>0</v>
      </c>
    </row>
    <row r="4966" spans="1:4" x14ac:dyDescent="0.25">
      <c r="A4966" t="s">
        <v>7515</v>
      </c>
      <c r="B4966" t="s">
        <v>1001</v>
      </c>
      <c r="C4966">
        <v>1</v>
      </c>
      <c r="D4966">
        <v>0</v>
      </c>
    </row>
    <row r="4967" spans="1:4" x14ac:dyDescent="0.25">
      <c r="A4967" t="s">
        <v>7516</v>
      </c>
      <c r="B4967" t="s">
        <v>7517</v>
      </c>
      <c r="C4967">
        <v>1</v>
      </c>
      <c r="D4967">
        <v>0</v>
      </c>
    </row>
    <row r="4968" spans="1:4" x14ac:dyDescent="0.25">
      <c r="A4968" t="s">
        <v>7518</v>
      </c>
      <c r="B4968" t="s">
        <v>7519</v>
      </c>
      <c r="C4968">
        <v>1</v>
      </c>
      <c r="D4968">
        <v>0</v>
      </c>
    </row>
    <row r="4969" spans="1:4" x14ac:dyDescent="0.25">
      <c r="A4969" t="s">
        <v>7520</v>
      </c>
      <c r="B4969" t="s">
        <v>7521</v>
      </c>
      <c r="C4969">
        <v>0</v>
      </c>
      <c r="D4969">
        <v>0</v>
      </c>
    </row>
    <row r="4970" spans="1:4" x14ac:dyDescent="0.25">
      <c r="A4970" t="s">
        <v>7520</v>
      </c>
      <c r="B4970" t="s">
        <v>7522</v>
      </c>
      <c r="C4970">
        <v>1</v>
      </c>
      <c r="D4970">
        <v>0</v>
      </c>
    </row>
    <row r="4971" spans="1:4" x14ac:dyDescent="0.25">
      <c r="A4971" t="s">
        <v>7520</v>
      </c>
      <c r="B4971" t="s">
        <v>7523</v>
      </c>
      <c r="C4971">
        <v>1</v>
      </c>
      <c r="D4971">
        <v>0</v>
      </c>
    </row>
    <row r="4972" spans="1:4" x14ac:dyDescent="0.25">
      <c r="A4972" t="s">
        <v>7524</v>
      </c>
      <c r="B4972" t="s">
        <v>7525</v>
      </c>
      <c r="C4972">
        <v>1</v>
      </c>
      <c r="D4972">
        <v>0</v>
      </c>
    </row>
    <row r="4973" spans="1:4" x14ac:dyDescent="0.25">
      <c r="A4973" t="s">
        <v>7526</v>
      </c>
      <c r="B4973" t="s">
        <v>1423</v>
      </c>
      <c r="C4973">
        <v>1</v>
      </c>
      <c r="D4973">
        <v>0</v>
      </c>
    </row>
    <row r="4974" spans="1:4" x14ac:dyDescent="0.25">
      <c r="A4974" t="s">
        <v>7526</v>
      </c>
      <c r="B4974" t="s">
        <v>5133</v>
      </c>
      <c r="C4974">
        <v>0</v>
      </c>
      <c r="D4974">
        <v>0</v>
      </c>
    </row>
    <row r="4975" spans="1:4" x14ac:dyDescent="0.25">
      <c r="A4975" t="s">
        <v>7527</v>
      </c>
      <c r="B4975" t="s">
        <v>969</v>
      </c>
      <c r="C4975">
        <v>0</v>
      </c>
      <c r="D4975">
        <v>0</v>
      </c>
    </row>
    <row r="4976" spans="1:4" x14ac:dyDescent="0.25">
      <c r="A4976" t="s">
        <v>7528</v>
      </c>
      <c r="B4976" t="s">
        <v>7529</v>
      </c>
      <c r="C4976">
        <v>0</v>
      </c>
      <c r="D4976">
        <v>0</v>
      </c>
    </row>
    <row r="4977" spans="1:4" x14ac:dyDescent="0.25">
      <c r="A4977" t="s">
        <v>7528</v>
      </c>
      <c r="B4977" t="s">
        <v>7530</v>
      </c>
      <c r="C4977">
        <v>2</v>
      </c>
      <c r="D4977">
        <v>0</v>
      </c>
    </row>
    <row r="4978" spans="1:4" x14ac:dyDescent="0.25">
      <c r="A4978" t="s">
        <v>7531</v>
      </c>
      <c r="B4978" t="s">
        <v>7532</v>
      </c>
      <c r="C4978">
        <v>1</v>
      </c>
      <c r="D4978">
        <v>0</v>
      </c>
    </row>
    <row r="4979" spans="1:4" x14ac:dyDescent="0.25">
      <c r="A4979" t="s">
        <v>7531</v>
      </c>
      <c r="B4979" t="s">
        <v>7533</v>
      </c>
      <c r="C4979">
        <v>1</v>
      </c>
      <c r="D4979">
        <v>0</v>
      </c>
    </row>
    <row r="4980" spans="1:4" x14ac:dyDescent="0.25">
      <c r="A4980" t="s">
        <v>7531</v>
      </c>
      <c r="B4980" t="s">
        <v>7534</v>
      </c>
      <c r="C4980">
        <v>1</v>
      </c>
      <c r="D4980">
        <v>0</v>
      </c>
    </row>
    <row r="4981" spans="1:4" x14ac:dyDescent="0.25">
      <c r="A4981" t="s">
        <v>7535</v>
      </c>
      <c r="B4981" t="s">
        <v>7536</v>
      </c>
      <c r="C4981">
        <v>0</v>
      </c>
      <c r="D4981">
        <v>0</v>
      </c>
    </row>
    <row r="4982" spans="1:4" x14ac:dyDescent="0.25">
      <c r="A4982" t="s">
        <v>7535</v>
      </c>
      <c r="B4982" t="s">
        <v>7537</v>
      </c>
      <c r="C4982">
        <v>0</v>
      </c>
      <c r="D4982">
        <v>0</v>
      </c>
    </row>
    <row r="4983" spans="1:4" x14ac:dyDescent="0.25">
      <c r="A4983" t="s">
        <v>7535</v>
      </c>
      <c r="B4983" t="s">
        <v>7538</v>
      </c>
      <c r="C4983">
        <v>0</v>
      </c>
      <c r="D4983">
        <v>0</v>
      </c>
    </row>
    <row r="4984" spans="1:4" x14ac:dyDescent="0.25">
      <c r="A4984" t="s">
        <v>7539</v>
      </c>
      <c r="B4984" t="s">
        <v>7540</v>
      </c>
      <c r="C4984">
        <v>0</v>
      </c>
      <c r="D4984">
        <v>0</v>
      </c>
    </row>
    <row r="4985" spans="1:4" x14ac:dyDescent="0.25">
      <c r="A4985" t="s">
        <v>7539</v>
      </c>
      <c r="B4985" t="s">
        <v>7541</v>
      </c>
      <c r="C4985">
        <v>2</v>
      </c>
      <c r="D4985">
        <v>0</v>
      </c>
    </row>
    <row r="4986" spans="1:4" x14ac:dyDescent="0.25">
      <c r="A4986" t="s">
        <v>7542</v>
      </c>
      <c r="B4986" t="s">
        <v>7397</v>
      </c>
      <c r="C4986">
        <v>0</v>
      </c>
      <c r="D4986">
        <v>0</v>
      </c>
    </row>
    <row r="4987" spans="1:4" x14ac:dyDescent="0.25">
      <c r="A4987" t="s">
        <v>7543</v>
      </c>
      <c r="B4987" t="s">
        <v>7544</v>
      </c>
      <c r="C4987">
        <v>1</v>
      </c>
      <c r="D4987">
        <v>0</v>
      </c>
    </row>
    <row r="4988" spans="1:4" x14ac:dyDescent="0.25">
      <c r="A4988" t="s">
        <v>7543</v>
      </c>
      <c r="B4988" t="s">
        <v>7545</v>
      </c>
      <c r="C4988">
        <v>2</v>
      </c>
      <c r="D4988">
        <v>0</v>
      </c>
    </row>
    <row r="4989" spans="1:4" x14ac:dyDescent="0.25">
      <c r="A4989" t="s">
        <v>7546</v>
      </c>
      <c r="B4989" t="s">
        <v>7547</v>
      </c>
      <c r="C4989">
        <v>0</v>
      </c>
      <c r="D4989">
        <v>0</v>
      </c>
    </row>
    <row r="4990" spans="1:4" x14ac:dyDescent="0.25">
      <c r="A4990" t="s">
        <v>7548</v>
      </c>
      <c r="B4990" t="s">
        <v>7549</v>
      </c>
      <c r="C4990">
        <v>1</v>
      </c>
      <c r="D4990">
        <v>0</v>
      </c>
    </row>
    <row r="4991" spans="1:4" x14ac:dyDescent="0.25">
      <c r="A4991" t="s">
        <v>7550</v>
      </c>
      <c r="B4991" t="s">
        <v>7551</v>
      </c>
      <c r="C4991">
        <v>1</v>
      </c>
      <c r="D4991">
        <v>0</v>
      </c>
    </row>
    <row r="4992" spans="1:4" x14ac:dyDescent="0.25">
      <c r="A4992" t="s">
        <v>7552</v>
      </c>
      <c r="B4992" t="s">
        <v>1101</v>
      </c>
      <c r="C4992">
        <v>1</v>
      </c>
      <c r="D4992">
        <v>0</v>
      </c>
    </row>
    <row r="4993" spans="1:4" x14ac:dyDescent="0.25">
      <c r="A4993" t="s">
        <v>7552</v>
      </c>
      <c r="B4993" t="s">
        <v>7553</v>
      </c>
      <c r="C4993">
        <v>1</v>
      </c>
      <c r="D4993">
        <v>0</v>
      </c>
    </row>
    <row r="4994" spans="1:4" x14ac:dyDescent="0.25">
      <c r="A4994" t="s">
        <v>7552</v>
      </c>
      <c r="B4994" t="s">
        <v>7554</v>
      </c>
      <c r="C4994">
        <v>1</v>
      </c>
      <c r="D4994">
        <v>0</v>
      </c>
    </row>
    <row r="4995" spans="1:4" x14ac:dyDescent="0.25">
      <c r="A4995" t="s">
        <v>7555</v>
      </c>
      <c r="B4995" t="s">
        <v>7556</v>
      </c>
      <c r="C4995">
        <v>0</v>
      </c>
      <c r="D4995">
        <v>0</v>
      </c>
    </row>
    <row r="4996" spans="1:4" x14ac:dyDescent="0.25">
      <c r="A4996" t="s">
        <v>7557</v>
      </c>
      <c r="B4996" t="s">
        <v>7558</v>
      </c>
      <c r="C4996">
        <v>0</v>
      </c>
      <c r="D4996">
        <v>0</v>
      </c>
    </row>
    <row r="4997" spans="1:4" x14ac:dyDescent="0.25">
      <c r="A4997" t="s">
        <v>7557</v>
      </c>
      <c r="B4997" t="s">
        <v>7559</v>
      </c>
      <c r="C4997">
        <v>1</v>
      </c>
      <c r="D4997">
        <v>0</v>
      </c>
    </row>
    <row r="4998" spans="1:4" x14ac:dyDescent="0.25">
      <c r="A4998" t="s">
        <v>7560</v>
      </c>
      <c r="B4998" t="s">
        <v>7561</v>
      </c>
      <c r="C4998">
        <v>1</v>
      </c>
      <c r="D4998">
        <v>0</v>
      </c>
    </row>
    <row r="4999" spans="1:4" x14ac:dyDescent="0.25">
      <c r="A4999" t="s">
        <v>7562</v>
      </c>
      <c r="B4999" t="s">
        <v>7563</v>
      </c>
      <c r="C4999">
        <v>0</v>
      </c>
      <c r="D4999">
        <v>0</v>
      </c>
    </row>
    <row r="5000" spans="1:4" x14ac:dyDescent="0.25">
      <c r="A5000" t="s">
        <v>7564</v>
      </c>
      <c r="B5000" t="s">
        <v>7565</v>
      </c>
      <c r="C5000">
        <v>2</v>
      </c>
      <c r="D5000">
        <v>0</v>
      </c>
    </row>
    <row r="5001" spans="1:4" x14ac:dyDescent="0.25">
      <c r="A5001" t="s">
        <v>7566</v>
      </c>
      <c r="B5001" t="s">
        <v>7567</v>
      </c>
      <c r="C5001">
        <v>0</v>
      </c>
      <c r="D5001">
        <v>0</v>
      </c>
    </row>
    <row r="5002" spans="1:4" x14ac:dyDescent="0.25">
      <c r="A5002" t="s">
        <v>7568</v>
      </c>
      <c r="B5002" t="s">
        <v>7569</v>
      </c>
      <c r="C5002">
        <v>1</v>
      </c>
      <c r="D5002">
        <v>0</v>
      </c>
    </row>
    <row r="5003" spans="1:4" x14ac:dyDescent="0.25">
      <c r="A5003" t="s">
        <v>7568</v>
      </c>
      <c r="B5003" t="s">
        <v>7570</v>
      </c>
      <c r="C5003">
        <v>1</v>
      </c>
      <c r="D5003">
        <v>0</v>
      </c>
    </row>
    <row r="5004" spans="1:4" x14ac:dyDescent="0.25">
      <c r="A5004" t="s">
        <v>7568</v>
      </c>
      <c r="B5004" t="s">
        <v>7571</v>
      </c>
      <c r="C5004">
        <v>0</v>
      </c>
      <c r="D5004">
        <v>0</v>
      </c>
    </row>
    <row r="5005" spans="1:4" x14ac:dyDescent="0.25">
      <c r="A5005" t="s">
        <v>7572</v>
      </c>
      <c r="B5005" t="s">
        <v>7573</v>
      </c>
      <c r="C5005">
        <v>1</v>
      </c>
      <c r="D5005">
        <v>0</v>
      </c>
    </row>
    <row r="5006" spans="1:4" x14ac:dyDescent="0.25">
      <c r="A5006" t="s">
        <v>7572</v>
      </c>
      <c r="B5006" t="s">
        <v>7574</v>
      </c>
      <c r="C5006">
        <v>1</v>
      </c>
      <c r="D5006">
        <v>0</v>
      </c>
    </row>
    <row r="5007" spans="1:4" x14ac:dyDescent="0.25">
      <c r="A5007" t="s">
        <v>7575</v>
      </c>
      <c r="B5007" t="s">
        <v>7576</v>
      </c>
      <c r="C5007">
        <v>2</v>
      </c>
      <c r="D5007">
        <v>0</v>
      </c>
    </row>
    <row r="5008" spans="1:4" x14ac:dyDescent="0.25">
      <c r="A5008" t="s">
        <v>7577</v>
      </c>
      <c r="B5008" t="s">
        <v>7578</v>
      </c>
      <c r="C5008">
        <v>1</v>
      </c>
      <c r="D5008">
        <v>0</v>
      </c>
    </row>
    <row r="5009" spans="1:4" x14ac:dyDescent="0.25">
      <c r="A5009" t="s">
        <v>7579</v>
      </c>
      <c r="B5009" t="s">
        <v>7580</v>
      </c>
      <c r="C5009">
        <v>1</v>
      </c>
      <c r="D5009">
        <v>0</v>
      </c>
    </row>
    <row r="5010" spans="1:4" x14ac:dyDescent="0.25">
      <c r="A5010" t="s">
        <v>7581</v>
      </c>
      <c r="B5010" t="s">
        <v>7582</v>
      </c>
      <c r="C5010">
        <v>1</v>
      </c>
      <c r="D5010">
        <v>0</v>
      </c>
    </row>
    <row r="5011" spans="1:4" x14ac:dyDescent="0.25">
      <c r="A5011" t="s">
        <v>7581</v>
      </c>
      <c r="B5011" t="s">
        <v>7583</v>
      </c>
      <c r="C5011">
        <v>2</v>
      </c>
      <c r="D5011">
        <v>0</v>
      </c>
    </row>
    <row r="5012" spans="1:4" x14ac:dyDescent="0.25">
      <c r="A5012" t="s">
        <v>7584</v>
      </c>
      <c r="B5012" t="s">
        <v>7585</v>
      </c>
      <c r="C5012">
        <v>2</v>
      </c>
      <c r="D5012">
        <v>0</v>
      </c>
    </row>
    <row r="5013" spans="1:4" x14ac:dyDescent="0.25">
      <c r="A5013" t="s">
        <v>7584</v>
      </c>
      <c r="B5013" t="s">
        <v>7586</v>
      </c>
      <c r="C5013">
        <v>0</v>
      </c>
      <c r="D5013">
        <v>0</v>
      </c>
    </row>
    <row r="5014" spans="1:4" x14ac:dyDescent="0.25">
      <c r="A5014" t="s">
        <v>7584</v>
      </c>
      <c r="B5014" t="s">
        <v>7587</v>
      </c>
      <c r="C5014">
        <v>2</v>
      </c>
      <c r="D5014">
        <v>0</v>
      </c>
    </row>
    <row r="5015" spans="1:4" x14ac:dyDescent="0.25">
      <c r="A5015" t="s">
        <v>7588</v>
      </c>
      <c r="B5015" t="s">
        <v>7589</v>
      </c>
      <c r="C5015">
        <v>1</v>
      </c>
      <c r="D5015">
        <v>0</v>
      </c>
    </row>
    <row r="5016" spans="1:4" x14ac:dyDescent="0.25">
      <c r="A5016" t="s">
        <v>7588</v>
      </c>
      <c r="B5016" t="s">
        <v>7590</v>
      </c>
      <c r="C5016">
        <v>1</v>
      </c>
      <c r="D5016">
        <v>0</v>
      </c>
    </row>
    <row r="5017" spans="1:4" x14ac:dyDescent="0.25">
      <c r="A5017" t="s">
        <v>7588</v>
      </c>
      <c r="B5017" t="s">
        <v>7591</v>
      </c>
      <c r="C5017">
        <v>1</v>
      </c>
      <c r="D5017">
        <v>0</v>
      </c>
    </row>
    <row r="5018" spans="1:4" x14ac:dyDescent="0.25">
      <c r="A5018" t="s">
        <v>7592</v>
      </c>
      <c r="B5018" t="s">
        <v>7593</v>
      </c>
      <c r="C5018">
        <v>0</v>
      </c>
      <c r="D5018">
        <v>0</v>
      </c>
    </row>
    <row r="5019" spans="1:4" x14ac:dyDescent="0.25">
      <c r="A5019" t="s">
        <v>7592</v>
      </c>
      <c r="B5019" t="s">
        <v>7594</v>
      </c>
      <c r="C5019">
        <v>2</v>
      </c>
      <c r="D5019">
        <v>0</v>
      </c>
    </row>
    <row r="5020" spans="1:4" x14ac:dyDescent="0.25">
      <c r="A5020" t="s">
        <v>7592</v>
      </c>
      <c r="B5020" t="s">
        <v>7595</v>
      </c>
      <c r="C5020">
        <v>2</v>
      </c>
      <c r="D5020">
        <v>0</v>
      </c>
    </row>
    <row r="5021" spans="1:4" x14ac:dyDescent="0.25">
      <c r="A5021" t="s">
        <v>7596</v>
      </c>
      <c r="B5021" t="s">
        <v>7597</v>
      </c>
      <c r="C5021">
        <v>2</v>
      </c>
      <c r="D5021">
        <v>0</v>
      </c>
    </row>
    <row r="5022" spans="1:4" x14ac:dyDescent="0.25">
      <c r="A5022" t="s">
        <v>7598</v>
      </c>
      <c r="B5022" t="s">
        <v>7599</v>
      </c>
      <c r="C5022">
        <v>2</v>
      </c>
      <c r="D5022">
        <v>0</v>
      </c>
    </row>
    <row r="5023" spans="1:4" x14ac:dyDescent="0.25">
      <c r="A5023" t="s">
        <v>7600</v>
      </c>
      <c r="B5023" t="s">
        <v>7601</v>
      </c>
      <c r="C5023">
        <v>1</v>
      </c>
      <c r="D5023">
        <v>0</v>
      </c>
    </row>
    <row r="5024" spans="1:4" x14ac:dyDescent="0.25">
      <c r="A5024" t="s">
        <v>7602</v>
      </c>
      <c r="B5024" t="s">
        <v>7603</v>
      </c>
      <c r="C5024">
        <v>0</v>
      </c>
      <c r="D5024">
        <v>0</v>
      </c>
    </row>
    <row r="5025" spans="1:4" x14ac:dyDescent="0.25">
      <c r="A5025" t="s">
        <v>7604</v>
      </c>
      <c r="B5025" t="s">
        <v>7605</v>
      </c>
      <c r="C5025">
        <v>1</v>
      </c>
      <c r="D5025">
        <v>0</v>
      </c>
    </row>
    <row r="5026" spans="1:4" x14ac:dyDescent="0.25">
      <c r="A5026" t="s">
        <v>7604</v>
      </c>
      <c r="B5026" t="s">
        <v>7606</v>
      </c>
      <c r="C5026">
        <v>1</v>
      </c>
      <c r="D5026">
        <v>0</v>
      </c>
    </row>
    <row r="5027" spans="1:4" x14ac:dyDescent="0.25">
      <c r="A5027" t="s">
        <v>7604</v>
      </c>
      <c r="B5027" t="s">
        <v>7607</v>
      </c>
      <c r="C5027">
        <v>2</v>
      </c>
      <c r="D5027">
        <v>0</v>
      </c>
    </row>
    <row r="5028" spans="1:4" x14ac:dyDescent="0.25">
      <c r="A5028" t="s">
        <v>7608</v>
      </c>
      <c r="B5028" t="s">
        <v>852</v>
      </c>
      <c r="C5028">
        <v>0</v>
      </c>
      <c r="D5028">
        <v>0</v>
      </c>
    </row>
    <row r="5029" spans="1:4" x14ac:dyDescent="0.25">
      <c r="A5029" t="s">
        <v>7609</v>
      </c>
      <c r="B5029" t="s">
        <v>7610</v>
      </c>
      <c r="C5029">
        <v>0</v>
      </c>
      <c r="D5029">
        <v>0</v>
      </c>
    </row>
    <row r="5030" spans="1:4" x14ac:dyDescent="0.25">
      <c r="A5030" t="s">
        <v>7611</v>
      </c>
      <c r="B5030" t="s">
        <v>7612</v>
      </c>
      <c r="C5030">
        <v>0</v>
      </c>
      <c r="D5030">
        <v>0</v>
      </c>
    </row>
    <row r="5031" spans="1:4" x14ac:dyDescent="0.25">
      <c r="A5031" t="s">
        <v>7611</v>
      </c>
      <c r="B5031" t="s">
        <v>7613</v>
      </c>
      <c r="C5031">
        <v>2</v>
      </c>
      <c r="D5031">
        <v>0</v>
      </c>
    </row>
    <row r="5032" spans="1:4" x14ac:dyDescent="0.25">
      <c r="A5032" t="s">
        <v>7614</v>
      </c>
      <c r="B5032" t="s">
        <v>7615</v>
      </c>
      <c r="C5032">
        <v>1</v>
      </c>
      <c r="D5032">
        <v>0</v>
      </c>
    </row>
    <row r="5033" spans="1:4" x14ac:dyDescent="0.25">
      <c r="A5033" t="s">
        <v>7616</v>
      </c>
      <c r="B5033" t="s">
        <v>4436</v>
      </c>
      <c r="C5033">
        <v>1</v>
      </c>
      <c r="D5033">
        <v>0</v>
      </c>
    </row>
    <row r="5034" spans="1:4" x14ac:dyDescent="0.25">
      <c r="A5034" t="s">
        <v>7617</v>
      </c>
      <c r="B5034" t="s">
        <v>7618</v>
      </c>
      <c r="C5034">
        <v>1</v>
      </c>
      <c r="D5034">
        <v>0</v>
      </c>
    </row>
    <row r="5035" spans="1:4" x14ac:dyDescent="0.25">
      <c r="A5035" t="s">
        <v>7617</v>
      </c>
      <c r="B5035" t="s">
        <v>7619</v>
      </c>
      <c r="C5035">
        <v>1</v>
      </c>
      <c r="D5035">
        <v>0</v>
      </c>
    </row>
    <row r="5036" spans="1:4" x14ac:dyDescent="0.25">
      <c r="A5036" t="s">
        <v>7620</v>
      </c>
      <c r="B5036" t="s">
        <v>7621</v>
      </c>
      <c r="C5036">
        <v>0</v>
      </c>
      <c r="D5036">
        <v>0</v>
      </c>
    </row>
    <row r="5037" spans="1:4" x14ac:dyDescent="0.25">
      <c r="A5037" t="s">
        <v>7622</v>
      </c>
      <c r="B5037" t="s">
        <v>843</v>
      </c>
      <c r="C5037">
        <v>1</v>
      </c>
      <c r="D5037">
        <v>0</v>
      </c>
    </row>
    <row r="5038" spans="1:4" x14ac:dyDescent="0.25">
      <c r="A5038" t="s">
        <v>7623</v>
      </c>
      <c r="B5038" t="s">
        <v>7624</v>
      </c>
      <c r="C5038">
        <v>0</v>
      </c>
      <c r="D5038">
        <v>0</v>
      </c>
    </row>
    <row r="5039" spans="1:4" x14ac:dyDescent="0.25">
      <c r="A5039" t="s">
        <v>7625</v>
      </c>
      <c r="B5039" t="s">
        <v>7626</v>
      </c>
      <c r="C5039">
        <v>1</v>
      </c>
      <c r="D5039">
        <v>0</v>
      </c>
    </row>
    <row r="5040" spans="1:4" x14ac:dyDescent="0.25">
      <c r="A5040" t="s">
        <v>7627</v>
      </c>
      <c r="B5040" t="s">
        <v>7628</v>
      </c>
      <c r="C5040">
        <v>0</v>
      </c>
      <c r="D5040">
        <v>0</v>
      </c>
    </row>
    <row r="5041" spans="1:4" x14ac:dyDescent="0.25">
      <c r="A5041" t="s">
        <v>7629</v>
      </c>
      <c r="B5041" t="s">
        <v>1499</v>
      </c>
      <c r="C5041">
        <v>1</v>
      </c>
      <c r="D5041">
        <v>0</v>
      </c>
    </row>
    <row r="5042" spans="1:4" x14ac:dyDescent="0.25">
      <c r="A5042" t="s">
        <v>7630</v>
      </c>
      <c r="B5042" t="s">
        <v>7631</v>
      </c>
      <c r="C5042">
        <v>2</v>
      </c>
      <c r="D5042">
        <v>0</v>
      </c>
    </row>
    <row r="5043" spans="1:4" x14ac:dyDescent="0.25">
      <c r="A5043" t="s">
        <v>7630</v>
      </c>
      <c r="B5043" t="s">
        <v>7632</v>
      </c>
      <c r="C5043">
        <v>2</v>
      </c>
      <c r="D5043">
        <v>0</v>
      </c>
    </row>
    <row r="5044" spans="1:4" x14ac:dyDescent="0.25">
      <c r="A5044" t="s">
        <v>7633</v>
      </c>
      <c r="B5044" t="s">
        <v>7634</v>
      </c>
      <c r="C5044">
        <v>1</v>
      </c>
      <c r="D5044">
        <v>0</v>
      </c>
    </row>
    <row r="5045" spans="1:4" x14ac:dyDescent="0.25">
      <c r="A5045" t="s">
        <v>7633</v>
      </c>
      <c r="B5045" t="s">
        <v>7635</v>
      </c>
      <c r="C5045">
        <v>0</v>
      </c>
      <c r="D5045">
        <v>0</v>
      </c>
    </row>
    <row r="5046" spans="1:4" x14ac:dyDescent="0.25">
      <c r="A5046" t="s">
        <v>7636</v>
      </c>
      <c r="B5046" t="s">
        <v>7637</v>
      </c>
      <c r="C5046">
        <v>0</v>
      </c>
      <c r="D5046">
        <v>0</v>
      </c>
    </row>
    <row r="5047" spans="1:4" x14ac:dyDescent="0.25">
      <c r="A5047" t="s">
        <v>7636</v>
      </c>
      <c r="B5047" t="s">
        <v>7638</v>
      </c>
      <c r="C5047">
        <v>0</v>
      </c>
      <c r="D5047">
        <v>0</v>
      </c>
    </row>
    <row r="5048" spans="1:4" x14ac:dyDescent="0.25">
      <c r="A5048" t="s">
        <v>7636</v>
      </c>
      <c r="B5048" t="s">
        <v>7639</v>
      </c>
      <c r="C5048">
        <v>0</v>
      </c>
      <c r="D5048">
        <v>0</v>
      </c>
    </row>
    <row r="5049" spans="1:4" x14ac:dyDescent="0.25">
      <c r="A5049" t="s">
        <v>7640</v>
      </c>
      <c r="B5049" t="s">
        <v>7641</v>
      </c>
      <c r="C5049">
        <v>0</v>
      </c>
      <c r="D5049">
        <v>0</v>
      </c>
    </row>
    <row r="5050" spans="1:4" x14ac:dyDescent="0.25">
      <c r="A5050" t="s">
        <v>7642</v>
      </c>
      <c r="B5050" t="s">
        <v>7643</v>
      </c>
      <c r="C5050">
        <v>1</v>
      </c>
      <c r="D5050">
        <v>0</v>
      </c>
    </row>
    <row r="5051" spans="1:4" x14ac:dyDescent="0.25">
      <c r="A5051" t="s">
        <v>7642</v>
      </c>
      <c r="B5051" t="s">
        <v>7644</v>
      </c>
      <c r="C5051">
        <v>1</v>
      </c>
      <c r="D5051">
        <v>0</v>
      </c>
    </row>
    <row r="5052" spans="1:4" x14ac:dyDescent="0.25">
      <c r="A5052" t="s">
        <v>7645</v>
      </c>
      <c r="B5052" t="s">
        <v>7646</v>
      </c>
      <c r="C5052">
        <v>1</v>
      </c>
      <c r="D5052">
        <v>0</v>
      </c>
    </row>
    <row r="5053" spans="1:4" x14ac:dyDescent="0.25">
      <c r="A5053" t="s">
        <v>7645</v>
      </c>
      <c r="B5053" t="s">
        <v>7647</v>
      </c>
      <c r="C5053">
        <v>1</v>
      </c>
      <c r="D5053">
        <v>0</v>
      </c>
    </row>
    <row r="5054" spans="1:4" x14ac:dyDescent="0.25">
      <c r="A5054" t="s">
        <v>7645</v>
      </c>
      <c r="B5054" t="s">
        <v>7648</v>
      </c>
      <c r="C5054">
        <v>1</v>
      </c>
      <c r="D5054">
        <v>0</v>
      </c>
    </row>
    <row r="5055" spans="1:4" x14ac:dyDescent="0.25">
      <c r="A5055" t="s">
        <v>7649</v>
      </c>
      <c r="B5055" t="s">
        <v>7650</v>
      </c>
      <c r="C5055">
        <v>1</v>
      </c>
      <c r="D5055">
        <v>0</v>
      </c>
    </row>
    <row r="5056" spans="1:4" x14ac:dyDescent="0.25">
      <c r="A5056" t="s">
        <v>7651</v>
      </c>
      <c r="B5056" t="s">
        <v>7652</v>
      </c>
      <c r="C5056">
        <v>1</v>
      </c>
      <c r="D5056">
        <v>0</v>
      </c>
    </row>
    <row r="5057" spans="1:4" x14ac:dyDescent="0.25">
      <c r="A5057" t="s">
        <v>7653</v>
      </c>
      <c r="B5057" t="s">
        <v>7654</v>
      </c>
      <c r="C5057">
        <v>1</v>
      </c>
      <c r="D5057">
        <v>0</v>
      </c>
    </row>
    <row r="5058" spans="1:4" x14ac:dyDescent="0.25">
      <c r="A5058" t="s">
        <v>7653</v>
      </c>
      <c r="B5058" t="s">
        <v>7655</v>
      </c>
      <c r="C5058">
        <v>1</v>
      </c>
      <c r="D5058">
        <v>0</v>
      </c>
    </row>
    <row r="5059" spans="1:4" x14ac:dyDescent="0.25">
      <c r="A5059" t="s">
        <v>7656</v>
      </c>
      <c r="B5059" t="s">
        <v>1246</v>
      </c>
      <c r="C5059">
        <v>0</v>
      </c>
      <c r="D5059">
        <v>0</v>
      </c>
    </row>
    <row r="5060" spans="1:4" x14ac:dyDescent="0.25">
      <c r="A5060" t="s">
        <v>7657</v>
      </c>
      <c r="B5060" t="s">
        <v>852</v>
      </c>
      <c r="C5060">
        <v>0</v>
      </c>
      <c r="D5060">
        <v>0</v>
      </c>
    </row>
    <row r="5061" spans="1:4" x14ac:dyDescent="0.25">
      <c r="A5061" t="s">
        <v>7658</v>
      </c>
      <c r="B5061" t="s">
        <v>1499</v>
      </c>
      <c r="C5061">
        <v>1</v>
      </c>
      <c r="D5061">
        <v>0</v>
      </c>
    </row>
    <row r="5062" spans="1:4" x14ac:dyDescent="0.25">
      <c r="A5062" t="s">
        <v>7659</v>
      </c>
      <c r="B5062" t="s">
        <v>1294</v>
      </c>
      <c r="C5062">
        <v>1</v>
      </c>
      <c r="D5062">
        <v>0</v>
      </c>
    </row>
    <row r="5063" spans="1:4" x14ac:dyDescent="0.25">
      <c r="A5063" t="s">
        <v>7660</v>
      </c>
      <c r="B5063" t="s">
        <v>398</v>
      </c>
      <c r="C5063">
        <v>0</v>
      </c>
      <c r="D5063">
        <v>0</v>
      </c>
    </row>
    <row r="5064" spans="1:4" x14ac:dyDescent="0.25">
      <c r="A5064" t="s">
        <v>7661</v>
      </c>
      <c r="B5064" t="s">
        <v>7662</v>
      </c>
      <c r="C5064">
        <v>1</v>
      </c>
      <c r="D5064">
        <v>0</v>
      </c>
    </row>
    <row r="5065" spans="1:4" x14ac:dyDescent="0.25">
      <c r="A5065" t="s">
        <v>7663</v>
      </c>
      <c r="B5065" t="s">
        <v>7664</v>
      </c>
      <c r="C5065">
        <v>1</v>
      </c>
      <c r="D5065">
        <v>0</v>
      </c>
    </row>
    <row r="5066" spans="1:4" x14ac:dyDescent="0.25">
      <c r="A5066" t="s">
        <v>7665</v>
      </c>
      <c r="B5066" t="s">
        <v>7666</v>
      </c>
      <c r="C5066">
        <v>2</v>
      </c>
      <c r="D5066">
        <v>0</v>
      </c>
    </row>
    <row r="5067" spans="1:4" x14ac:dyDescent="0.25">
      <c r="A5067" t="s">
        <v>7667</v>
      </c>
      <c r="B5067" t="s">
        <v>7668</v>
      </c>
      <c r="C5067">
        <v>1</v>
      </c>
      <c r="D5067">
        <v>0</v>
      </c>
    </row>
    <row r="5068" spans="1:4" x14ac:dyDescent="0.25">
      <c r="A5068" t="s">
        <v>7667</v>
      </c>
      <c r="B5068" t="s">
        <v>7669</v>
      </c>
      <c r="C5068">
        <v>2</v>
      </c>
      <c r="D5068">
        <v>0</v>
      </c>
    </row>
    <row r="5069" spans="1:4" x14ac:dyDescent="0.25">
      <c r="A5069" t="s">
        <v>7667</v>
      </c>
      <c r="B5069" t="s">
        <v>7670</v>
      </c>
      <c r="C5069">
        <v>1</v>
      </c>
      <c r="D5069">
        <v>0</v>
      </c>
    </row>
    <row r="5070" spans="1:4" x14ac:dyDescent="0.25">
      <c r="A5070" t="s">
        <v>7671</v>
      </c>
      <c r="B5070" t="s">
        <v>4910</v>
      </c>
      <c r="C5070">
        <v>1</v>
      </c>
      <c r="D5070">
        <v>0</v>
      </c>
    </row>
    <row r="5071" spans="1:4" x14ac:dyDescent="0.25">
      <c r="A5071" t="s">
        <v>7672</v>
      </c>
      <c r="B5071" t="s">
        <v>7673</v>
      </c>
      <c r="C5071">
        <v>0</v>
      </c>
      <c r="D5071">
        <v>0</v>
      </c>
    </row>
    <row r="5072" spans="1:4" x14ac:dyDescent="0.25">
      <c r="A5072" t="s">
        <v>7674</v>
      </c>
      <c r="B5072" t="s">
        <v>7675</v>
      </c>
      <c r="C5072">
        <v>1</v>
      </c>
      <c r="D5072">
        <v>0</v>
      </c>
    </row>
    <row r="5073" spans="1:4" x14ac:dyDescent="0.25">
      <c r="A5073" t="s">
        <v>7676</v>
      </c>
      <c r="B5073" t="s">
        <v>7677</v>
      </c>
      <c r="C5073">
        <v>2</v>
      </c>
      <c r="D5073">
        <v>0</v>
      </c>
    </row>
    <row r="5074" spans="1:4" x14ac:dyDescent="0.25">
      <c r="A5074" t="s">
        <v>7678</v>
      </c>
      <c r="B5074" t="s">
        <v>7679</v>
      </c>
      <c r="C5074">
        <v>0</v>
      </c>
      <c r="D5074">
        <v>0</v>
      </c>
    </row>
    <row r="5075" spans="1:4" x14ac:dyDescent="0.25">
      <c r="A5075" t="s">
        <v>7680</v>
      </c>
      <c r="B5075" t="s">
        <v>7681</v>
      </c>
      <c r="C5075">
        <v>2</v>
      </c>
      <c r="D5075">
        <v>0</v>
      </c>
    </row>
    <row r="5076" spans="1:4" x14ac:dyDescent="0.25">
      <c r="A5076" t="s">
        <v>7680</v>
      </c>
      <c r="B5076" t="s">
        <v>7682</v>
      </c>
      <c r="C5076">
        <v>1</v>
      </c>
      <c r="D5076">
        <v>0</v>
      </c>
    </row>
    <row r="5077" spans="1:4" x14ac:dyDescent="0.25">
      <c r="A5077" t="s">
        <v>7683</v>
      </c>
      <c r="B5077" t="s">
        <v>7684</v>
      </c>
      <c r="C5077">
        <v>2</v>
      </c>
      <c r="D5077">
        <v>0</v>
      </c>
    </row>
    <row r="5078" spans="1:4" x14ac:dyDescent="0.25">
      <c r="A5078" t="s">
        <v>7685</v>
      </c>
      <c r="B5078" t="s">
        <v>7686</v>
      </c>
      <c r="C5078">
        <v>0</v>
      </c>
      <c r="D5078">
        <v>0</v>
      </c>
    </row>
    <row r="5079" spans="1:4" x14ac:dyDescent="0.25">
      <c r="A5079" t="s">
        <v>7685</v>
      </c>
      <c r="B5079" t="s">
        <v>7687</v>
      </c>
      <c r="C5079">
        <v>2</v>
      </c>
      <c r="D5079">
        <v>0</v>
      </c>
    </row>
    <row r="5080" spans="1:4" x14ac:dyDescent="0.25">
      <c r="A5080" t="s">
        <v>7688</v>
      </c>
      <c r="B5080" t="s">
        <v>7689</v>
      </c>
      <c r="C5080">
        <v>2</v>
      </c>
      <c r="D5080">
        <v>0</v>
      </c>
    </row>
    <row r="5081" spans="1:4" x14ac:dyDescent="0.25">
      <c r="A5081" t="s">
        <v>7688</v>
      </c>
      <c r="B5081" t="s">
        <v>7690</v>
      </c>
      <c r="C5081">
        <v>1</v>
      </c>
      <c r="D5081">
        <v>0</v>
      </c>
    </row>
    <row r="5082" spans="1:4" x14ac:dyDescent="0.25">
      <c r="A5082" t="s">
        <v>7688</v>
      </c>
      <c r="B5082" t="s">
        <v>7691</v>
      </c>
      <c r="C5082">
        <v>2</v>
      </c>
      <c r="D5082">
        <v>0</v>
      </c>
    </row>
    <row r="5083" spans="1:4" x14ac:dyDescent="0.25">
      <c r="A5083" t="s">
        <v>7692</v>
      </c>
      <c r="B5083" t="s">
        <v>7693</v>
      </c>
      <c r="C5083">
        <v>1</v>
      </c>
      <c r="D5083">
        <v>0</v>
      </c>
    </row>
    <row r="5084" spans="1:4" x14ac:dyDescent="0.25">
      <c r="A5084" t="s">
        <v>7692</v>
      </c>
      <c r="B5084" t="s">
        <v>7694</v>
      </c>
      <c r="C5084">
        <v>1</v>
      </c>
      <c r="D5084">
        <v>0</v>
      </c>
    </row>
    <row r="5085" spans="1:4" x14ac:dyDescent="0.25">
      <c r="A5085" t="s">
        <v>7692</v>
      </c>
      <c r="B5085" t="s">
        <v>7695</v>
      </c>
      <c r="C5085">
        <v>2</v>
      </c>
      <c r="D5085">
        <v>0</v>
      </c>
    </row>
    <row r="5086" spans="1:4" x14ac:dyDescent="0.25">
      <c r="A5086" t="s">
        <v>7696</v>
      </c>
      <c r="B5086" t="s">
        <v>7697</v>
      </c>
      <c r="C5086">
        <v>2</v>
      </c>
      <c r="D5086">
        <v>0</v>
      </c>
    </row>
    <row r="5087" spans="1:4" x14ac:dyDescent="0.25">
      <c r="A5087" t="s">
        <v>7696</v>
      </c>
      <c r="B5087" t="s">
        <v>7698</v>
      </c>
      <c r="C5087">
        <v>1</v>
      </c>
      <c r="D5087">
        <v>0</v>
      </c>
    </row>
    <row r="5088" spans="1:4" x14ac:dyDescent="0.25">
      <c r="A5088" t="s">
        <v>7696</v>
      </c>
      <c r="B5088" t="s">
        <v>7699</v>
      </c>
      <c r="C5088">
        <v>1</v>
      </c>
      <c r="D5088">
        <v>0</v>
      </c>
    </row>
    <row r="5089" spans="1:4" x14ac:dyDescent="0.25">
      <c r="A5089" t="s">
        <v>7700</v>
      </c>
      <c r="B5089" t="s">
        <v>7701</v>
      </c>
      <c r="C5089">
        <v>0</v>
      </c>
      <c r="D5089">
        <v>0</v>
      </c>
    </row>
    <row r="5090" spans="1:4" x14ac:dyDescent="0.25">
      <c r="A5090" t="s">
        <v>7700</v>
      </c>
      <c r="B5090" t="s">
        <v>7702</v>
      </c>
      <c r="C5090">
        <v>2</v>
      </c>
      <c r="D5090">
        <v>0</v>
      </c>
    </row>
    <row r="5091" spans="1:4" x14ac:dyDescent="0.25">
      <c r="A5091" t="s">
        <v>7703</v>
      </c>
      <c r="B5091" t="s">
        <v>7704</v>
      </c>
      <c r="C5091">
        <v>0</v>
      </c>
      <c r="D5091">
        <v>0</v>
      </c>
    </row>
    <row r="5092" spans="1:4" x14ac:dyDescent="0.25">
      <c r="A5092" t="s">
        <v>7703</v>
      </c>
      <c r="B5092" t="s">
        <v>7705</v>
      </c>
      <c r="C5092">
        <v>1</v>
      </c>
      <c r="D5092">
        <v>0</v>
      </c>
    </row>
    <row r="5093" spans="1:4" x14ac:dyDescent="0.25">
      <c r="A5093" t="s">
        <v>7706</v>
      </c>
      <c r="B5093" t="s">
        <v>7707</v>
      </c>
      <c r="C5093">
        <v>1</v>
      </c>
      <c r="D5093">
        <v>0</v>
      </c>
    </row>
    <row r="5094" spans="1:4" x14ac:dyDescent="0.25">
      <c r="A5094" t="s">
        <v>7708</v>
      </c>
      <c r="B5094" t="s">
        <v>7709</v>
      </c>
      <c r="C5094">
        <v>1</v>
      </c>
      <c r="D5094">
        <v>0</v>
      </c>
    </row>
    <row r="5095" spans="1:4" x14ac:dyDescent="0.25">
      <c r="A5095" t="s">
        <v>7708</v>
      </c>
      <c r="B5095" t="s">
        <v>7710</v>
      </c>
      <c r="C5095">
        <v>2</v>
      </c>
      <c r="D5095">
        <v>0</v>
      </c>
    </row>
    <row r="5096" spans="1:4" x14ac:dyDescent="0.25">
      <c r="A5096" t="s">
        <v>7708</v>
      </c>
      <c r="B5096" t="s">
        <v>7711</v>
      </c>
      <c r="C5096">
        <v>2</v>
      </c>
      <c r="D5096">
        <v>0</v>
      </c>
    </row>
    <row r="5097" spans="1:4" x14ac:dyDescent="0.25">
      <c r="A5097" t="s">
        <v>7712</v>
      </c>
      <c r="B5097" t="s">
        <v>7713</v>
      </c>
      <c r="C5097">
        <v>2</v>
      </c>
      <c r="D5097">
        <v>0</v>
      </c>
    </row>
    <row r="5098" spans="1:4" x14ac:dyDescent="0.25">
      <c r="A5098" t="s">
        <v>7712</v>
      </c>
      <c r="B5098" t="s">
        <v>7714</v>
      </c>
      <c r="C5098">
        <v>2</v>
      </c>
      <c r="D5098">
        <v>0</v>
      </c>
    </row>
    <row r="5099" spans="1:4" x14ac:dyDescent="0.25">
      <c r="A5099" t="s">
        <v>7715</v>
      </c>
      <c r="B5099" t="s">
        <v>2061</v>
      </c>
      <c r="C5099">
        <v>0</v>
      </c>
      <c r="D5099">
        <v>0</v>
      </c>
    </row>
    <row r="5100" spans="1:4" x14ac:dyDescent="0.25">
      <c r="A5100" t="s">
        <v>7716</v>
      </c>
      <c r="B5100" t="s">
        <v>7717</v>
      </c>
      <c r="C5100">
        <v>0</v>
      </c>
      <c r="D5100">
        <v>0</v>
      </c>
    </row>
    <row r="5101" spans="1:4" x14ac:dyDescent="0.25">
      <c r="A5101" t="s">
        <v>7718</v>
      </c>
      <c r="B5101" t="s">
        <v>2704</v>
      </c>
      <c r="C5101">
        <v>1</v>
      </c>
      <c r="D5101">
        <v>0</v>
      </c>
    </row>
    <row r="5102" spans="1:4" x14ac:dyDescent="0.25">
      <c r="A5102" t="s">
        <v>7719</v>
      </c>
      <c r="B5102" t="s">
        <v>7720</v>
      </c>
      <c r="C5102">
        <v>0</v>
      </c>
      <c r="D5102">
        <v>0</v>
      </c>
    </row>
    <row r="5103" spans="1:4" x14ac:dyDescent="0.25">
      <c r="A5103" t="s">
        <v>7719</v>
      </c>
      <c r="B5103" t="s">
        <v>7721</v>
      </c>
      <c r="C5103">
        <v>1</v>
      </c>
      <c r="D5103">
        <v>0</v>
      </c>
    </row>
    <row r="5104" spans="1:4" x14ac:dyDescent="0.25">
      <c r="A5104" t="s">
        <v>7722</v>
      </c>
      <c r="B5104" t="s">
        <v>7723</v>
      </c>
      <c r="C5104">
        <v>1</v>
      </c>
      <c r="D5104">
        <v>0</v>
      </c>
    </row>
    <row r="5105" spans="1:4" x14ac:dyDescent="0.25">
      <c r="A5105" t="s">
        <v>7722</v>
      </c>
      <c r="B5105" t="s">
        <v>969</v>
      </c>
      <c r="C5105">
        <v>0</v>
      </c>
      <c r="D5105">
        <v>0</v>
      </c>
    </row>
    <row r="5106" spans="1:4" x14ac:dyDescent="0.25">
      <c r="A5106" t="s">
        <v>7722</v>
      </c>
      <c r="B5106" t="s">
        <v>7724</v>
      </c>
      <c r="C5106">
        <v>1</v>
      </c>
      <c r="D5106">
        <v>0</v>
      </c>
    </row>
    <row r="5107" spans="1:4" x14ac:dyDescent="0.25">
      <c r="A5107" t="s">
        <v>7725</v>
      </c>
      <c r="B5107" t="s">
        <v>3858</v>
      </c>
      <c r="C5107">
        <v>1</v>
      </c>
      <c r="D5107">
        <v>0</v>
      </c>
    </row>
    <row r="5108" spans="1:4" x14ac:dyDescent="0.25">
      <c r="A5108" t="s">
        <v>7726</v>
      </c>
      <c r="B5108" t="s">
        <v>7727</v>
      </c>
      <c r="C5108">
        <v>0</v>
      </c>
      <c r="D5108">
        <v>0</v>
      </c>
    </row>
    <row r="5109" spans="1:4" x14ac:dyDescent="0.25">
      <c r="A5109" t="s">
        <v>7726</v>
      </c>
      <c r="B5109" t="s">
        <v>7728</v>
      </c>
      <c r="C5109">
        <v>1</v>
      </c>
      <c r="D5109">
        <v>0</v>
      </c>
    </row>
    <row r="5110" spans="1:4" x14ac:dyDescent="0.25">
      <c r="A5110" t="s">
        <v>7729</v>
      </c>
      <c r="B5110" t="s">
        <v>7730</v>
      </c>
      <c r="C5110">
        <v>0</v>
      </c>
      <c r="D5110">
        <v>0</v>
      </c>
    </row>
    <row r="5111" spans="1:4" x14ac:dyDescent="0.25">
      <c r="A5111" t="s">
        <v>7731</v>
      </c>
      <c r="B5111" t="s">
        <v>7732</v>
      </c>
      <c r="C5111">
        <v>2</v>
      </c>
      <c r="D5111">
        <v>0</v>
      </c>
    </row>
    <row r="5112" spans="1:4" x14ac:dyDescent="0.25">
      <c r="A5112" t="s">
        <v>7731</v>
      </c>
      <c r="B5112" t="s">
        <v>7733</v>
      </c>
      <c r="C5112">
        <v>0</v>
      </c>
      <c r="D5112">
        <v>0</v>
      </c>
    </row>
    <row r="5113" spans="1:4" x14ac:dyDescent="0.25">
      <c r="A5113" t="s">
        <v>7734</v>
      </c>
      <c r="B5113" t="s">
        <v>2499</v>
      </c>
      <c r="C5113">
        <v>1</v>
      </c>
      <c r="D5113">
        <v>0</v>
      </c>
    </row>
    <row r="5114" spans="1:4" x14ac:dyDescent="0.25">
      <c r="A5114" t="s">
        <v>7735</v>
      </c>
      <c r="B5114" t="s">
        <v>7736</v>
      </c>
      <c r="C5114">
        <v>0</v>
      </c>
      <c r="D5114">
        <v>0</v>
      </c>
    </row>
    <row r="5115" spans="1:4" x14ac:dyDescent="0.25">
      <c r="A5115" t="s">
        <v>7735</v>
      </c>
      <c r="B5115" t="s">
        <v>7737</v>
      </c>
      <c r="C5115">
        <v>1</v>
      </c>
      <c r="D5115">
        <v>0</v>
      </c>
    </row>
    <row r="5116" spans="1:4" x14ac:dyDescent="0.25">
      <c r="A5116" t="s">
        <v>7738</v>
      </c>
      <c r="B5116" t="s">
        <v>816</v>
      </c>
      <c r="C5116">
        <v>1</v>
      </c>
      <c r="D5116">
        <v>0</v>
      </c>
    </row>
    <row r="5117" spans="1:4" x14ac:dyDescent="0.25">
      <c r="A5117" t="s">
        <v>7739</v>
      </c>
      <c r="B5117" t="s">
        <v>7740</v>
      </c>
      <c r="C5117">
        <v>1</v>
      </c>
      <c r="D5117">
        <v>0</v>
      </c>
    </row>
    <row r="5118" spans="1:4" x14ac:dyDescent="0.25">
      <c r="A5118" t="s">
        <v>7739</v>
      </c>
      <c r="B5118" t="s">
        <v>7741</v>
      </c>
      <c r="C5118">
        <v>1</v>
      </c>
      <c r="D5118">
        <v>0</v>
      </c>
    </row>
    <row r="5119" spans="1:4" x14ac:dyDescent="0.25">
      <c r="A5119" t="s">
        <v>7742</v>
      </c>
      <c r="B5119" t="s">
        <v>7743</v>
      </c>
      <c r="C5119">
        <v>0</v>
      </c>
      <c r="D5119">
        <v>0</v>
      </c>
    </row>
    <row r="5120" spans="1:4" x14ac:dyDescent="0.25">
      <c r="A5120" t="s">
        <v>7742</v>
      </c>
      <c r="B5120" t="s">
        <v>7744</v>
      </c>
      <c r="C5120">
        <v>0</v>
      </c>
      <c r="D5120">
        <v>0</v>
      </c>
    </row>
    <row r="5121" spans="1:4" x14ac:dyDescent="0.25">
      <c r="A5121" t="s">
        <v>7742</v>
      </c>
      <c r="B5121" t="s">
        <v>1567</v>
      </c>
      <c r="C5121">
        <v>0</v>
      </c>
      <c r="D5121">
        <v>0</v>
      </c>
    </row>
    <row r="5122" spans="1:4" x14ac:dyDescent="0.25">
      <c r="A5122" t="s">
        <v>7745</v>
      </c>
      <c r="B5122" t="s">
        <v>843</v>
      </c>
      <c r="C5122">
        <v>1</v>
      </c>
      <c r="D5122">
        <v>0</v>
      </c>
    </row>
    <row r="5123" spans="1:4" x14ac:dyDescent="0.25">
      <c r="A5123" t="s">
        <v>7746</v>
      </c>
      <c r="B5123" t="s">
        <v>7747</v>
      </c>
      <c r="C5123">
        <v>0</v>
      </c>
      <c r="D5123">
        <v>0</v>
      </c>
    </row>
    <row r="5124" spans="1:4" x14ac:dyDescent="0.25">
      <c r="A5124" t="s">
        <v>7748</v>
      </c>
      <c r="B5124" t="s">
        <v>1567</v>
      </c>
      <c r="C5124">
        <v>0</v>
      </c>
      <c r="D5124">
        <v>0</v>
      </c>
    </row>
    <row r="5125" spans="1:4" x14ac:dyDescent="0.25">
      <c r="A5125" t="s">
        <v>7748</v>
      </c>
      <c r="B5125" t="s">
        <v>2704</v>
      </c>
      <c r="C5125">
        <v>1</v>
      </c>
      <c r="D5125">
        <v>0</v>
      </c>
    </row>
    <row r="5126" spans="1:4" x14ac:dyDescent="0.25">
      <c r="A5126" t="s">
        <v>7749</v>
      </c>
      <c r="B5126" t="s">
        <v>7750</v>
      </c>
      <c r="C5126">
        <v>1</v>
      </c>
      <c r="D5126">
        <v>0</v>
      </c>
    </row>
    <row r="5127" spans="1:4" x14ac:dyDescent="0.25">
      <c r="A5127" t="s">
        <v>7749</v>
      </c>
      <c r="B5127" t="s">
        <v>7751</v>
      </c>
      <c r="C5127">
        <v>1</v>
      </c>
      <c r="D5127">
        <v>0</v>
      </c>
    </row>
    <row r="5128" spans="1:4" x14ac:dyDescent="0.25">
      <c r="A5128" t="s">
        <v>7752</v>
      </c>
      <c r="B5128" t="s">
        <v>1567</v>
      </c>
      <c r="C5128">
        <v>0</v>
      </c>
      <c r="D5128">
        <v>0</v>
      </c>
    </row>
    <row r="5129" spans="1:4" x14ac:dyDescent="0.25">
      <c r="A5129" t="s">
        <v>7753</v>
      </c>
      <c r="B5129" t="s">
        <v>1001</v>
      </c>
      <c r="C5129">
        <v>1</v>
      </c>
      <c r="D5129">
        <v>0</v>
      </c>
    </row>
    <row r="5130" spans="1:4" x14ac:dyDescent="0.25">
      <c r="A5130" t="s">
        <v>7754</v>
      </c>
      <c r="B5130" t="s">
        <v>7755</v>
      </c>
      <c r="C5130">
        <v>2</v>
      </c>
      <c r="D5130">
        <v>0</v>
      </c>
    </row>
    <row r="5131" spans="1:4" x14ac:dyDescent="0.25">
      <c r="A5131" t="s">
        <v>7754</v>
      </c>
      <c r="B5131" t="s">
        <v>7756</v>
      </c>
      <c r="C5131">
        <v>1</v>
      </c>
      <c r="D5131">
        <v>0</v>
      </c>
    </row>
    <row r="5132" spans="1:4" x14ac:dyDescent="0.25">
      <c r="A5132" t="s">
        <v>7754</v>
      </c>
      <c r="B5132" t="s">
        <v>7757</v>
      </c>
      <c r="C5132">
        <v>0</v>
      </c>
      <c r="D5132">
        <v>0</v>
      </c>
    </row>
    <row r="5133" spans="1:4" x14ac:dyDescent="0.25">
      <c r="A5133" t="s">
        <v>7758</v>
      </c>
      <c r="B5133" t="s">
        <v>7759</v>
      </c>
      <c r="C5133">
        <v>1</v>
      </c>
      <c r="D5133">
        <v>0</v>
      </c>
    </row>
    <row r="5134" spans="1:4" x14ac:dyDescent="0.25">
      <c r="A5134" t="s">
        <v>7758</v>
      </c>
      <c r="B5134" t="s">
        <v>7760</v>
      </c>
      <c r="C5134">
        <v>2</v>
      </c>
      <c r="D5134">
        <v>0</v>
      </c>
    </row>
    <row r="5135" spans="1:4" x14ac:dyDescent="0.25">
      <c r="A5135" t="s">
        <v>7758</v>
      </c>
      <c r="B5135" t="s">
        <v>7761</v>
      </c>
      <c r="C5135">
        <v>2</v>
      </c>
      <c r="D5135">
        <v>0</v>
      </c>
    </row>
    <row r="5136" spans="1:4" x14ac:dyDescent="0.25">
      <c r="A5136" t="s">
        <v>7762</v>
      </c>
      <c r="B5136" t="s">
        <v>7763</v>
      </c>
      <c r="C5136">
        <v>0</v>
      </c>
      <c r="D5136">
        <v>0</v>
      </c>
    </row>
    <row r="5137" spans="1:4" x14ac:dyDescent="0.25">
      <c r="A5137" t="s">
        <v>7762</v>
      </c>
      <c r="B5137" t="s">
        <v>7764</v>
      </c>
      <c r="C5137">
        <v>0</v>
      </c>
      <c r="D5137">
        <v>0</v>
      </c>
    </row>
    <row r="5138" spans="1:4" x14ac:dyDescent="0.25">
      <c r="A5138" t="s">
        <v>7765</v>
      </c>
      <c r="B5138" t="s">
        <v>7766</v>
      </c>
      <c r="C5138">
        <v>2</v>
      </c>
      <c r="D5138">
        <v>0</v>
      </c>
    </row>
    <row r="5139" spans="1:4" x14ac:dyDescent="0.25">
      <c r="A5139" t="s">
        <v>7767</v>
      </c>
      <c r="B5139" t="s">
        <v>7768</v>
      </c>
      <c r="C5139">
        <v>1</v>
      </c>
      <c r="D5139">
        <v>0</v>
      </c>
    </row>
    <row r="5140" spans="1:4" x14ac:dyDescent="0.25">
      <c r="A5140" t="s">
        <v>7769</v>
      </c>
      <c r="B5140" t="s">
        <v>1001</v>
      </c>
      <c r="C5140">
        <v>1</v>
      </c>
      <c r="D5140">
        <v>0</v>
      </c>
    </row>
    <row r="5141" spans="1:4" x14ac:dyDescent="0.25">
      <c r="A5141" t="s">
        <v>7770</v>
      </c>
      <c r="B5141" t="s">
        <v>7771</v>
      </c>
      <c r="C5141">
        <v>0</v>
      </c>
      <c r="D5141">
        <v>0</v>
      </c>
    </row>
    <row r="5142" spans="1:4" x14ac:dyDescent="0.25">
      <c r="A5142" t="s">
        <v>7770</v>
      </c>
      <c r="B5142" t="s">
        <v>7772</v>
      </c>
      <c r="C5142">
        <v>0</v>
      </c>
      <c r="D5142">
        <v>0</v>
      </c>
    </row>
    <row r="5143" spans="1:4" x14ac:dyDescent="0.25">
      <c r="A5143" t="s">
        <v>7773</v>
      </c>
      <c r="B5143" t="s">
        <v>7774</v>
      </c>
      <c r="C5143">
        <v>2</v>
      </c>
      <c r="D5143">
        <v>0</v>
      </c>
    </row>
    <row r="5144" spans="1:4" x14ac:dyDescent="0.25">
      <c r="A5144" t="s">
        <v>7775</v>
      </c>
      <c r="B5144" t="s">
        <v>7776</v>
      </c>
      <c r="C5144">
        <v>0</v>
      </c>
      <c r="D5144">
        <v>0</v>
      </c>
    </row>
    <row r="5145" spans="1:4" x14ac:dyDescent="0.25">
      <c r="A5145" t="s">
        <v>7777</v>
      </c>
      <c r="B5145" t="s">
        <v>7778</v>
      </c>
      <c r="C5145">
        <v>2</v>
      </c>
      <c r="D5145">
        <v>0</v>
      </c>
    </row>
    <row r="5146" spans="1:4" x14ac:dyDescent="0.25">
      <c r="A5146" t="s">
        <v>7779</v>
      </c>
      <c r="B5146" t="s">
        <v>7780</v>
      </c>
      <c r="C5146">
        <v>1</v>
      </c>
      <c r="D5146">
        <v>0</v>
      </c>
    </row>
    <row r="5147" spans="1:4" x14ac:dyDescent="0.25">
      <c r="A5147" t="s">
        <v>7781</v>
      </c>
      <c r="B5147" t="s">
        <v>7782</v>
      </c>
      <c r="C5147">
        <v>0</v>
      </c>
      <c r="D5147">
        <v>0</v>
      </c>
    </row>
    <row r="5148" spans="1:4" x14ac:dyDescent="0.25">
      <c r="A5148" t="s">
        <v>7781</v>
      </c>
      <c r="B5148" t="s">
        <v>7783</v>
      </c>
      <c r="C5148">
        <v>0</v>
      </c>
      <c r="D5148">
        <v>0</v>
      </c>
    </row>
    <row r="5149" spans="1:4" x14ac:dyDescent="0.25">
      <c r="A5149" t="s">
        <v>7784</v>
      </c>
      <c r="B5149" t="s">
        <v>7785</v>
      </c>
      <c r="C5149">
        <v>1</v>
      </c>
      <c r="D5149">
        <v>0</v>
      </c>
    </row>
    <row r="5150" spans="1:4" x14ac:dyDescent="0.25">
      <c r="A5150" t="s">
        <v>7784</v>
      </c>
      <c r="B5150" t="s">
        <v>7786</v>
      </c>
      <c r="C5150">
        <v>0</v>
      </c>
      <c r="D5150">
        <v>0</v>
      </c>
    </row>
    <row r="5151" spans="1:4" x14ac:dyDescent="0.25">
      <c r="A5151" t="s">
        <v>7787</v>
      </c>
      <c r="B5151" t="s">
        <v>4179</v>
      </c>
      <c r="C5151">
        <v>1</v>
      </c>
      <c r="D5151">
        <v>0</v>
      </c>
    </row>
    <row r="5152" spans="1:4" x14ac:dyDescent="0.25">
      <c r="A5152" t="s">
        <v>7788</v>
      </c>
      <c r="B5152" t="s">
        <v>7789</v>
      </c>
      <c r="C5152">
        <v>1</v>
      </c>
      <c r="D5152">
        <v>0</v>
      </c>
    </row>
    <row r="5153" spans="1:4" x14ac:dyDescent="0.25">
      <c r="A5153" t="s">
        <v>7790</v>
      </c>
      <c r="B5153" t="s">
        <v>7791</v>
      </c>
      <c r="C5153">
        <v>1</v>
      </c>
      <c r="D5153">
        <v>0</v>
      </c>
    </row>
    <row r="5154" spans="1:4" x14ac:dyDescent="0.25">
      <c r="A5154" t="s">
        <v>7790</v>
      </c>
      <c r="B5154" t="s">
        <v>7792</v>
      </c>
      <c r="C5154">
        <v>2</v>
      </c>
      <c r="D5154">
        <v>0</v>
      </c>
    </row>
    <row r="5155" spans="1:4" x14ac:dyDescent="0.25">
      <c r="A5155" t="s">
        <v>7793</v>
      </c>
      <c r="B5155" t="s">
        <v>7794</v>
      </c>
      <c r="C5155">
        <v>2</v>
      </c>
      <c r="D5155">
        <v>0</v>
      </c>
    </row>
    <row r="5156" spans="1:4" x14ac:dyDescent="0.25">
      <c r="A5156" t="s">
        <v>7795</v>
      </c>
      <c r="B5156" t="s">
        <v>1001</v>
      </c>
      <c r="C5156">
        <v>1</v>
      </c>
      <c r="D5156">
        <v>0</v>
      </c>
    </row>
    <row r="5157" spans="1:4" x14ac:dyDescent="0.25">
      <c r="A5157" t="s">
        <v>7795</v>
      </c>
      <c r="B5157" t="s">
        <v>7796</v>
      </c>
      <c r="C5157">
        <v>0</v>
      </c>
      <c r="D5157">
        <v>0</v>
      </c>
    </row>
    <row r="5158" spans="1:4" x14ac:dyDescent="0.25">
      <c r="A5158" t="s">
        <v>7797</v>
      </c>
      <c r="B5158" t="s">
        <v>7798</v>
      </c>
      <c r="C5158">
        <v>2</v>
      </c>
      <c r="D5158">
        <v>0</v>
      </c>
    </row>
    <row r="5159" spans="1:4" x14ac:dyDescent="0.25">
      <c r="A5159" t="s">
        <v>7797</v>
      </c>
      <c r="B5159" t="s">
        <v>7799</v>
      </c>
      <c r="C5159">
        <v>0</v>
      </c>
      <c r="D5159">
        <v>0</v>
      </c>
    </row>
    <row r="5160" spans="1:4" x14ac:dyDescent="0.25">
      <c r="A5160" t="s">
        <v>7797</v>
      </c>
      <c r="B5160" t="s">
        <v>7800</v>
      </c>
      <c r="C5160">
        <v>2</v>
      </c>
      <c r="D5160">
        <v>0</v>
      </c>
    </row>
    <row r="5161" spans="1:4" x14ac:dyDescent="0.25">
      <c r="A5161" t="s">
        <v>7801</v>
      </c>
      <c r="B5161" t="s">
        <v>1555</v>
      </c>
      <c r="C5161">
        <v>0</v>
      </c>
      <c r="D5161">
        <v>0</v>
      </c>
    </row>
    <row r="5162" spans="1:4" x14ac:dyDescent="0.25">
      <c r="A5162" t="s">
        <v>7802</v>
      </c>
      <c r="B5162" t="s">
        <v>1001</v>
      </c>
      <c r="C5162">
        <v>1</v>
      </c>
      <c r="D5162">
        <v>0</v>
      </c>
    </row>
    <row r="5163" spans="1:4" x14ac:dyDescent="0.25">
      <c r="A5163" t="s">
        <v>7803</v>
      </c>
      <c r="B5163" t="s">
        <v>7804</v>
      </c>
      <c r="C5163">
        <v>1</v>
      </c>
      <c r="D5163">
        <v>0</v>
      </c>
    </row>
    <row r="5164" spans="1:4" x14ac:dyDescent="0.25">
      <c r="A5164" t="s">
        <v>7805</v>
      </c>
      <c r="B5164" t="s">
        <v>7806</v>
      </c>
      <c r="C5164">
        <v>2</v>
      </c>
      <c r="D5164">
        <v>0</v>
      </c>
    </row>
    <row r="5165" spans="1:4" x14ac:dyDescent="0.25">
      <c r="A5165" t="s">
        <v>7807</v>
      </c>
      <c r="B5165" t="s">
        <v>7808</v>
      </c>
      <c r="C5165">
        <v>1</v>
      </c>
      <c r="D5165">
        <v>0</v>
      </c>
    </row>
    <row r="5166" spans="1:4" x14ac:dyDescent="0.25">
      <c r="A5166" t="s">
        <v>7807</v>
      </c>
      <c r="B5166" t="s">
        <v>7809</v>
      </c>
      <c r="C5166">
        <v>0</v>
      </c>
      <c r="D5166">
        <v>0</v>
      </c>
    </row>
    <row r="5167" spans="1:4" x14ac:dyDescent="0.25">
      <c r="A5167" t="s">
        <v>7810</v>
      </c>
      <c r="B5167" t="s">
        <v>7811</v>
      </c>
      <c r="C5167">
        <v>1</v>
      </c>
      <c r="D5167">
        <v>0</v>
      </c>
    </row>
    <row r="5168" spans="1:4" x14ac:dyDescent="0.25">
      <c r="A5168" t="s">
        <v>7810</v>
      </c>
      <c r="B5168" t="s">
        <v>7812</v>
      </c>
      <c r="C5168">
        <v>1</v>
      </c>
      <c r="D5168">
        <v>0</v>
      </c>
    </row>
    <row r="5169" spans="1:4" x14ac:dyDescent="0.25">
      <c r="A5169" t="s">
        <v>7813</v>
      </c>
      <c r="B5169" t="s">
        <v>7814</v>
      </c>
      <c r="C5169">
        <v>1</v>
      </c>
      <c r="D5169">
        <v>0</v>
      </c>
    </row>
    <row r="5170" spans="1:4" x14ac:dyDescent="0.25">
      <c r="A5170" t="s">
        <v>7815</v>
      </c>
      <c r="B5170" t="s">
        <v>7816</v>
      </c>
      <c r="C5170">
        <v>0</v>
      </c>
      <c r="D5170">
        <v>0</v>
      </c>
    </row>
    <row r="5171" spans="1:4" x14ac:dyDescent="0.25">
      <c r="A5171" t="s">
        <v>7815</v>
      </c>
      <c r="B5171" t="s">
        <v>3195</v>
      </c>
      <c r="C5171">
        <v>1</v>
      </c>
      <c r="D5171">
        <v>0</v>
      </c>
    </row>
    <row r="5172" spans="1:4" x14ac:dyDescent="0.25">
      <c r="A5172" t="s">
        <v>7817</v>
      </c>
      <c r="B5172" t="s">
        <v>7818</v>
      </c>
      <c r="C5172">
        <v>1</v>
      </c>
      <c r="D5172">
        <v>0</v>
      </c>
    </row>
    <row r="5173" spans="1:4" x14ac:dyDescent="0.25">
      <c r="A5173" t="s">
        <v>7819</v>
      </c>
      <c r="B5173" t="s">
        <v>7820</v>
      </c>
      <c r="C5173">
        <v>2</v>
      </c>
      <c r="D5173">
        <v>0</v>
      </c>
    </row>
    <row r="5174" spans="1:4" x14ac:dyDescent="0.25">
      <c r="A5174" t="s">
        <v>7821</v>
      </c>
      <c r="B5174" t="s">
        <v>7822</v>
      </c>
      <c r="C5174">
        <v>2</v>
      </c>
      <c r="D5174">
        <v>0</v>
      </c>
    </row>
    <row r="5175" spans="1:4" x14ac:dyDescent="0.25">
      <c r="A5175" t="s">
        <v>7821</v>
      </c>
      <c r="B5175" t="s">
        <v>7823</v>
      </c>
      <c r="C5175">
        <v>1</v>
      </c>
      <c r="D5175">
        <v>0</v>
      </c>
    </row>
    <row r="5176" spans="1:4" x14ac:dyDescent="0.25">
      <c r="A5176" t="s">
        <v>7821</v>
      </c>
      <c r="B5176" t="s">
        <v>7824</v>
      </c>
      <c r="C5176">
        <v>0</v>
      </c>
      <c r="D5176">
        <v>0</v>
      </c>
    </row>
    <row r="5177" spans="1:4" x14ac:dyDescent="0.25">
      <c r="A5177" t="s">
        <v>7825</v>
      </c>
      <c r="B5177" t="s">
        <v>7826</v>
      </c>
      <c r="C5177">
        <v>0</v>
      </c>
      <c r="D5177">
        <v>0</v>
      </c>
    </row>
    <row r="5178" spans="1:4" x14ac:dyDescent="0.25">
      <c r="A5178" t="s">
        <v>7825</v>
      </c>
      <c r="B5178" t="s">
        <v>7827</v>
      </c>
      <c r="C5178">
        <v>0</v>
      </c>
      <c r="D5178">
        <v>0</v>
      </c>
    </row>
    <row r="5179" spans="1:4" x14ac:dyDescent="0.25">
      <c r="A5179" t="s">
        <v>7828</v>
      </c>
      <c r="B5179" t="s">
        <v>7829</v>
      </c>
      <c r="C5179">
        <v>1</v>
      </c>
      <c r="D5179">
        <v>0</v>
      </c>
    </row>
    <row r="5180" spans="1:4" x14ac:dyDescent="0.25">
      <c r="A5180" t="s">
        <v>7830</v>
      </c>
      <c r="B5180" t="s">
        <v>7831</v>
      </c>
      <c r="C5180">
        <v>1</v>
      </c>
      <c r="D5180">
        <v>0</v>
      </c>
    </row>
    <row r="5181" spans="1:4" x14ac:dyDescent="0.25">
      <c r="A5181" t="s">
        <v>7832</v>
      </c>
      <c r="B5181" t="s">
        <v>7833</v>
      </c>
      <c r="C5181">
        <v>1</v>
      </c>
      <c r="D5181">
        <v>0</v>
      </c>
    </row>
    <row r="5182" spans="1:4" x14ac:dyDescent="0.25">
      <c r="A5182" t="s">
        <v>7832</v>
      </c>
      <c r="B5182" t="s">
        <v>7834</v>
      </c>
      <c r="C5182">
        <v>1</v>
      </c>
      <c r="D5182">
        <v>0</v>
      </c>
    </row>
    <row r="5183" spans="1:4" x14ac:dyDescent="0.25">
      <c r="A5183" t="s">
        <v>7835</v>
      </c>
      <c r="B5183" t="s">
        <v>7836</v>
      </c>
      <c r="C5183">
        <v>1</v>
      </c>
      <c r="D5183">
        <v>0</v>
      </c>
    </row>
    <row r="5184" spans="1:4" x14ac:dyDescent="0.25">
      <c r="A5184" t="s">
        <v>7835</v>
      </c>
      <c r="B5184" t="s">
        <v>7837</v>
      </c>
      <c r="C5184">
        <v>0</v>
      </c>
      <c r="D5184">
        <v>0</v>
      </c>
    </row>
    <row r="5185" spans="1:4" x14ac:dyDescent="0.25">
      <c r="A5185" t="s">
        <v>7838</v>
      </c>
      <c r="B5185" t="s">
        <v>7839</v>
      </c>
      <c r="C5185">
        <v>1</v>
      </c>
      <c r="D5185">
        <v>0</v>
      </c>
    </row>
    <row r="5186" spans="1:4" x14ac:dyDescent="0.25">
      <c r="A5186" t="s">
        <v>7838</v>
      </c>
      <c r="B5186" t="s">
        <v>7840</v>
      </c>
      <c r="C5186">
        <v>2</v>
      </c>
      <c r="D5186">
        <v>0</v>
      </c>
    </row>
    <row r="5187" spans="1:4" x14ac:dyDescent="0.25">
      <c r="A5187" t="s">
        <v>7841</v>
      </c>
      <c r="B5187" t="s">
        <v>7842</v>
      </c>
      <c r="C5187">
        <v>0</v>
      </c>
      <c r="D5187">
        <v>0</v>
      </c>
    </row>
    <row r="5188" spans="1:4" x14ac:dyDescent="0.25">
      <c r="A5188" t="s">
        <v>7841</v>
      </c>
      <c r="B5188" t="s">
        <v>7843</v>
      </c>
      <c r="C5188">
        <v>0</v>
      </c>
      <c r="D5188">
        <v>0</v>
      </c>
    </row>
    <row r="5189" spans="1:4" x14ac:dyDescent="0.25">
      <c r="A5189" t="s">
        <v>7844</v>
      </c>
      <c r="B5189" t="s">
        <v>7845</v>
      </c>
      <c r="C5189">
        <v>1</v>
      </c>
      <c r="D5189">
        <v>0</v>
      </c>
    </row>
    <row r="5190" spans="1:4" x14ac:dyDescent="0.25">
      <c r="A5190" t="s">
        <v>7846</v>
      </c>
      <c r="B5190" t="s">
        <v>7847</v>
      </c>
      <c r="C5190">
        <v>0</v>
      </c>
      <c r="D5190">
        <v>0</v>
      </c>
    </row>
    <row r="5191" spans="1:4" x14ac:dyDescent="0.25">
      <c r="A5191" t="s">
        <v>7848</v>
      </c>
      <c r="B5191" t="s">
        <v>7849</v>
      </c>
      <c r="C5191">
        <v>1</v>
      </c>
      <c r="D5191">
        <v>0</v>
      </c>
    </row>
    <row r="5192" spans="1:4" x14ac:dyDescent="0.25">
      <c r="A5192" t="s">
        <v>7848</v>
      </c>
      <c r="B5192" t="s">
        <v>7850</v>
      </c>
      <c r="C5192">
        <v>1</v>
      </c>
      <c r="D5192">
        <v>0</v>
      </c>
    </row>
    <row r="5193" spans="1:4" x14ac:dyDescent="0.25">
      <c r="A5193" t="s">
        <v>7848</v>
      </c>
      <c r="B5193" t="s">
        <v>7851</v>
      </c>
      <c r="C5193">
        <v>1</v>
      </c>
      <c r="D5193">
        <v>0</v>
      </c>
    </row>
    <row r="5194" spans="1:4" x14ac:dyDescent="0.25">
      <c r="A5194" t="s">
        <v>7852</v>
      </c>
      <c r="B5194" t="s">
        <v>7853</v>
      </c>
      <c r="C5194">
        <v>1</v>
      </c>
      <c r="D5194">
        <v>0</v>
      </c>
    </row>
    <row r="5195" spans="1:4" x14ac:dyDescent="0.25">
      <c r="A5195" t="s">
        <v>7854</v>
      </c>
      <c r="B5195" t="s">
        <v>7855</v>
      </c>
      <c r="C5195">
        <v>1</v>
      </c>
      <c r="D5195">
        <v>0</v>
      </c>
    </row>
    <row r="5196" spans="1:4" x14ac:dyDescent="0.25">
      <c r="A5196" t="s">
        <v>7854</v>
      </c>
      <c r="B5196" t="s">
        <v>843</v>
      </c>
      <c r="C5196">
        <v>1</v>
      </c>
      <c r="D5196">
        <v>0</v>
      </c>
    </row>
    <row r="5197" spans="1:4" x14ac:dyDescent="0.25">
      <c r="A5197" t="s">
        <v>7854</v>
      </c>
      <c r="B5197" t="s">
        <v>7856</v>
      </c>
      <c r="C5197">
        <v>0</v>
      </c>
      <c r="D5197">
        <v>0</v>
      </c>
    </row>
    <row r="5198" spans="1:4" x14ac:dyDescent="0.25">
      <c r="A5198" t="s">
        <v>7857</v>
      </c>
      <c r="B5198" t="s">
        <v>7858</v>
      </c>
      <c r="C5198">
        <v>1</v>
      </c>
      <c r="D5198">
        <v>0</v>
      </c>
    </row>
    <row r="5199" spans="1:4" x14ac:dyDescent="0.25">
      <c r="A5199" t="s">
        <v>7859</v>
      </c>
      <c r="B5199" t="s">
        <v>7860</v>
      </c>
      <c r="C5199">
        <v>1</v>
      </c>
      <c r="D5199">
        <v>0</v>
      </c>
    </row>
    <row r="5200" spans="1:4" x14ac:dyDescent="0.25">
      <c r="A5200" t="s">
        <v>7861</v>
      </c>
      <c r="B5200" t="s">
        <v>7862</v>
      </c>
      <c r="C5200">
        <v>0</v>
      </c>
      <c r="D5200">
        <v>0</v>
      </c>
    </row>
    <row r="5201" spans="1:4" x14ac:dyDescent="0.25">
      <c r="A5201" t="s">
        <v>7861</v>
      </c>
      <c r="B5201" t="s">
        <v>7863</v>
      </c>
      <c r="C5201">
        <v>0</v>
      </c>
      <c r="D5201">
        <v>0</v>
      </c>
    </row>
    <row r="5202" spans="1:4" x14ac:dyDescent="0.25">
      <c r="A5202" t="s">
        <v>7861</v>
      </c>
      <c r="B5202" t="s">
        <v>7864</v>
      </c>
      <c r="C5202">
        <v>0</v>
      </c>
      <c r="D5202">
        <v>0</v>
      </c>
    </row>
    <row r="5203" spans="1:4" x14ac:dyDescent="0.25">
      <c r="A5203" t="s">
        <v>7865</v>
      </c>
      <c r="B5203" t="s">
        <v>7866</v>
      </c>
      <c r="C5203">
        <v>1</v>
      </c>
      <c r="D5203">
        <v>0</v>
      </c>
    </row>
    <row r="5204" spans="1:4" x14ac:dyDescent="0.25">
      <c r="A5204" t="s">
        <v>7865</v>
      </c>
      <c r="B5204" t="s">
        <v>7867</v>
      </c>
      <c r="C5204">
        <v>2</v>
      </c>
      <c r="D5204">
        <v>0</v>
      </c>
    </row>
    <row r="5205" spans="1:4" x14ac:dyDescent="0.25">
      <c r="A5205" t="s">
        <v>7865</v>
      </c>
      <c r="B5205" t="s">
        <v>7868</v>
      </c>
      <c r="C5205">
        <v>1</v>
      </c>
      <c r="D5205">
        <v>0</v>
      </c>
    </row>
    <row r="5206" spans="1:4" x14ac:dyDescent="0.25">
      <c r="A5206" t="s">
        <v>7869</v>
      </c>
      <c r="B5206" t="s">
        <v>1499</v>
      </c>
      <c r="C5206">
        <v>1</v>
      </c>
      <c r="D5206">
        <v>0</v>
      </c>
    </row>
    <row r="5207" spans="1:4" x14ac:dyDescent="0.25">
      <c r="A5207" t="s">
        <v>7870</v>
      </c>
      <c r="B5207" t="s">
        <v>7871</v>
      </c>
      <c r="C5207">
        <v>1</v>
      </c>
      <c r="D5207">
        <v>0</v>
      </c>
    </row>
    <row r="5208" spans="1:4" x14ac:dyDescent="0.25">
      <c r="A5208" t="s">
        <v>7872</v>
      </c>
      <c r="B5208" t="s">
        <v>7873</v>
      </c>
      <c r="C5208">
        <v>0</v>
      </c>
      <c r="D5208">
        <v>0</v>
      </c>
    </row>
    <row r="5209" spans="1:4" x14ac:dyDescent="0.25">
      <c r="A5209" t="s">
        <v>7874</v>
      </c>
      <c r="B5209" t="s">
        <v>7875</v>
      </c>
      <c r="C5209">
        <v>0</v>
      </c>
      <c r="D5209">
        <v>0</v>
      </c>
    </row>
    <row r="5210" spans="1:4" x14ac:dyDescent="0.25">
      <c r="A5210" t="s">
        <v>7876</v>
      </c>
      <c r="B5210" t="s">
        <v>7877</v>
      </c>
      <c r="C5210">
        <v>1</v>
      </c>
      <c r="D5210">
        <v>0</v>
      </c>
    </row>
    <row r="5211" spans="1:4" x14ac:dyDescent="0.25">
      <c r="A5211" t="s">
        <v>7878</v>
      </c>
      <c r="B5211" t="s">
        <v>4637</v>
      </c>
      <c r="C5211">
        <v>1</v>
      </c>
      <c r="D5211">
        <v>0</v>
      </c>
    </row>
    <row r="5212" spans="1:4" x14ac:dyDescent="0.25">
      <c r="A5212" t="s">
        <v>7879</v>
      </c>
      <c r="B5212" t="s">
        <v>7880</v>
      </c>
      <c r="C5212">
        <v>1</v>
      </c>
      <c r="D5212">
        <v>0</v>
      </c>
    </row>
    <row r="5213" spans="1:4" x14ac:dyDescent="0.25">
      <c r="A5213" t="s">
        <v>7879</v>
      </c>
      <c r="B5213" t="s">
        <v>7881</v>
      </c>
      <c r="C5213">
        <v>1</v>
      </c>
      <c r="D5213">
        <v>0</v>
      </c>
    </row>
    <row r="5214" spans="1:4" x14ac:dyDescent="0.25">
      <c r="A5214" t="s">
        <v>7879</v>
      </c>
      <c r="B5214" t="s">
        <v>7882</v>
      </c>
      <c r="C5214">
        <v>0</v>
      </c>
      <c r="D5214">
        <v>0</v>
      </c>
    </row>
    <row r="5215" spans="1:4" x14ac:dyDescent="0.25">
      <c r="A5215" t="s">
        <v>7883</v>
      </c>
      <c r="B5215" t="s">
        <v>7884</v>
      </c>
      <c r="C5215">
        <v>0</v>
      </c>
      <c r="D5215">
        <v>0</v>
      </c>
    </row>
    <row r="5216" spans="1:4" x14ac:dyDescent="0.25">
      <c r="A5216" t="s">
        <v>7885</v>
      </c>
      <c r="B5216" t="s">
        <v>7886</v>
      </c>
      <c r="C5216">
        <v>0</v>
      </c>
      <c r="D5216">
        <v>0</v>
      </c>
    </row>
    <row r="5217" spans="1:4" x14ac:dyDescent="0.25">
      <c r="A5217" t="s">
        <v>7885</v>
      </c>
      <c r="B5217" t="s">
        <v>2061</v>
      </c>
      <c r="C5217">
        <v>0</v>
      </c>
      <c r="D5217">
        <v>0</v>
      </c>
    </row>
    <row r="5218" spans="1:4" x14ac:dyDescent="0.25">
      <c r="A5218" t="s">
        <v>7885</v>
      </c>
      <c r="B5218" t="s">
        <v>7887</v>
      </c>
      <c r="C5218">
        <v>2</v>
      </c>
      <c r="D5218">
        <v>0</v>
      </c>
    </row>
    <row r="5219" spans="1:4" x14ac:dyDescent="0.25">
      <c r="A5219" t="s">
        <v>7888</v>
      </c>
      <c r="B5219" t="s">
        <v>7889</v>
      </c>
      <c r="C5219">
        <v>2</v>
      </c>
      <c r="D5219">
        <v>0</v>
      </c>
    </row>
    <row r="5220" spans="1:4" x14ac:dyDescent="0.25">
      <c r="A5220" t="s">
        <v>7888</v>
      </c>
      <c r="B5220" t="s">
        <v>7890</v>
      </c>
      <c r="C5220">
        <v>2</v>
      </c>
      <c r="D5220">
        <v>0</v>
      </c>
    </row>
    <row r="5221" spans="1:4" x14ac:dyDescent="0.25">
      <c r="A5221" t="s">
        <v>7891</v>
      </c>
      <c r="B5221" t="s">
        <v>7892</v>
      </c>
      <c r="C5221">
        <v>1</v>
      </c>
      <c r="D5221">
        <v>0</v>
      </c>
    </row>
    <row r="5222" spans="1:4" x14ac:dyDescent="0.25">
      <c r="A5222" t="s">
        <v>7891</v>
      </c>
      <c r="B5222" t="s">
        <v>7893</v>
      </c>
      <c r="C5222">
        <v>2</v>
      </c>
      <c r="D5222">
        <v>0</v>
      </c>
    </row>
    <row r="5223" spans="1:4" x14ac:dyDescent="0.25">
      <c r="A5223" t="s">
        <v>7894</v>
      </c>
      <c r="B5223" t="s">
        <v>7895</v>
      </c>
      <c r="C5223">
        <v>1</v>
      </c>
      <c r="D5223">
        <v>0</v>
      </c>
    </row>
    <row r="5224" spans="1:4" x14ac:dyDescent="0.25">
      <c r="A5224" t="s">
        <v>7896</v>
      </c>
      <c r="B5224" t="s">
        <v>2359</v>
      </c>
      <c r="C5224">
        <v>0</v>
      </c>
      <c r="D5224">
        <v>0</v>
      </c>
    </row>
    <row r="5225" spans="1:4" x14ac:dyDescent="0.25">
      <c r="A5225" t="s">
        <v>7896</v>
      </c>
      <c r="B5225" t="s">
        <v>7897</v>
      </c>
      <c r="C5225">
        <v>1</v>
      </c>
      <c r="D5225">
        <v>0</v>
      </c>
    </row>
    <row r="5226" spans="1:4" x14ac:dyDescent="0.25">
      <c r="A5226" t="s">
        <v>7898</v>
      </c>
      <c r="B5226" t="s">
        <v>1567</v>
      </c>
      <c r="C5226">
        <v>0</v>
      </c>
      <c r="D5226">
        <v>0</v>
      </c>
    </row>
    <row r="5227" spans="1:4" x14ac:dyDescent="0.25">
      <c r="A5227" t="s">
        <v>7899</v>
      </c>
      <c r="B5227" t="s">
        <v>7900</v>
      </c>
      <c r="C5227">
        <v>1</v>
      </c>
      <c r="D5227">
        <v>0</v>
      </c>
    </row>
    <row r="5228" spans="1:4" x14ac:dyDescent="0.25">
      <c r="A5228" t="s">
        <v>7901</v>
      </c>
      <c r="B5228" t="s">
        <v>7902</v>
      </c>
      <c r="C5228">
        <v>1</v>
      </c>
      <c r="D5228">
        <v>0</v>
      </c>
    </row>
    <row r="5229" spans="1:4" x14ac:dyDescent="0.25">
      <c r="A5229" t="s">
        <v>7901</v>
      </c>
      <c r="B5229" t="s">
        <v>7903</v>
      </c>
      <c r="C5229">
        <v>2</v>
      </c>
      <c r="D5229">
        <v>0</v>
      </c>
    </row>
    <row r="5230" spans="1:4" x14ac:dyDescent="0.25">
      <c r="A5230" t="s">
        <v>7904</v>
      </c>
      <c r="B5230" t="s">
        <v>7905</v>
      </c>
      <c r="C5230">
        <v>0</v>
      </c>
      <c r="D5230">
        <v>0</v>
      </c>
    </row>
    <row r="5231" spans="1:4" x14ac:dyDescent="0.25">
      <c r="A5231" t="s">
        <v>7904</v>
      </c>
      <c r="B5231" t="s">
        <v>7906</v>
      </c>
      <c r="C5231">
        <v>1</v>
      </c>
      <c r="D5231">
        <v>0</v>
      </c>
    </row>
    <row r="5232" spans="1:4" x14ac:dyDescent="0.25">
      <c r="A5232" t="s">
        <v>7904</v>
      </c>
      <c r="B5232" t="s">
        <v>7907</v>
      </c>
      <c r="C5232">
        <v>1</v>
      </c>
      <c r="D5232">
        <v>0</v>
      </c>
    </row>
    <row r="5233" spans="1:4" x14ac:dyDescent="0.25">
      <c r="A5233" t="s">
        <v>7908</v>
      </c>
      <c r="B5233" t="s">
        <v>7909</v>
      </c>
      <c r="C5233">
        <v>1</v>
      </c>
      <c r="D5233">
        <v>0</v>
      </c>
    </row>
    <row r="5234" spans="1:4" x14ac:dyDescent="0.25">
      <c r="A5234" t="s">
        <v>7910</v>
      </c>
      <c r="B5234" t="s">
        <v>7911</v>
      </c>
      <c r="C5234">
        <v>0</v>
      </c>
      <c r="D5234">
        <v>0</v>
      </c>
    </row>
    <row r="5235" spans="1:4" x14ac:dyDescent="0.25">
      <c r="A5235" t="s">
        <v>7912</v>
      </c>
      <c r="B5235" t="s">
        <v>7913</v>
      </c>
      <c r="C5235">
        <v>1</v>
      </c>
      <c r="D5235">
        <v>0</v>
      </c>
    </row>
    <row r="5236" spans="1:4" x14ac:dyDescent="0.25">
      <c r="A5236" t="s">
        <v>7914</v>
      </c>
      <c r="B5236" t="s">
        <v>5994</v>
      </c>
      <c r="C5236">
        <v>0</v>
      </c>
      <c r="D5236">
        <v>0</v>
      </c>
    </row>
    <row r="5237" spans="1:4" x14ac:dyDescent="0.25">
      <c r="A5237" t="s">
        <v>7915</v>
      </c>
      <c r="B5237" t="s">
        <v>7916</v>
      </c>
      <c r="C5237">
        <v>1</v>
      </c>
      <c r="D5237">
        <v>0</v>
      </c>
    </row>
    <row r="5238" spans="1:4" x14ac:dyDescent="0.25">
      <c r="A5238" t="s">
        <v>7915</v>
      </c>
      <c r="B5238" t="s">
        <v>7917</v>
      </c>
      <c r="C5238">
        <v>2</v>
      </c>
      <c r="D5238">
        <v>0</v>
      </c>
    </row>
    <row r="5239" spans="1:4" x14ac:dyDescent="0.25">
      <c r="A5239" t="s">
        <v>7918</v>
      </c>
      <c r="B5239" t="s">
        <v>7919</v>
      </c>
      <c r="C5239">
        <v>1</v>
      </c>
      <c r="D5239">
        <v>0</v>
      </c>
    </row>
    <row r="5240" spans="1:4" x14ac:dyDescent="0.25">
      <c r="A5240" t="s">
        <v>7920</v>
      </c>
      <c r="B5240" t="s">
        <v>7921</v>
      </c>
      <c r="C5240">
        <v>2</v>
      </c>
      <c r="D5240">
        <v>0</v>
      </c>
    </row>
    <row r="5241" spans="1:4" x14ac:dyDescent="0.25">
      <c r="A5241" t="s">
        <v>7920</v>
      </c>
      <c r="B5241" t="s">
        <v>7922</v>
      </c>
      <c r="C5241">
        <v>2</v>
      </c>
      <c r="D5241">
        <v>0</v>
      </c>
    </row>
    <row r="5242" spans="1:4" x14ac:dyDescent="0.25">
      <c r="A5242" t="s">
        <v>7923</v>
      </c>
      <c r="B5242" t="s">
        <v>969</v>
      </c>
      <c r="C5242">
        <v>0</v>
      </c>
      <c r="D5242">
        <v>0</v>
      </c>
    </row>
    <row r="5243" spans="1:4" x14ac:dyDescent="0.25">
      <c r="A5243" t="s">
        <v>7924</v>
      </c>
      <c r="B5243" t="s">
        <v>7925</v>
      </c>
      <c r="C5243">
        <v>1</v>
      </c>
      <c r="D5243">
        <v>0</v>
      </c>
    </row>
    <row r="5244" spans="1:4" x14ac:dyDescent="0.25">
      <c r="A5244" t="s">
        <v>7924</v>
      </c>
      <c r="B5244" t="s">
        <v>7926</v>
      </c>
      <c r="C5244">
        <v>1</v>
      </c>
      <c r="D5244">
        <v>0</v>
      </c>
    </row>
    <row r="5245" spans="1:4" x14ac:dyDescent="0.25">
      <c r="A5245" t="s">
        <v>7924</v>
      </c>
      <c r="B5245" t="s">
        <v>1294</v>
      </c>
      <c r="C5245">
        <v>1</v>
      </c>
      <c r="D5245">
        <v>0</v>
      </c>
    </row>
    <row r="5246" spans="1:4" x14ac:dyDescent="0.25">
      <c r="A5246" t="s">
        <v>7927</v>
      </c>
      <c r="B5246" t="s">
        <v>7928</v>
      </c>
      <c r="C5246">
        <v>2</v>
      </c>
      <c r="D5246">
        <v>0</v>
      </c>
    </row>
    <row r="5247" spans="1:4" x14ac:dyDescent="0.25">
      <c r="A5247" t="s">
        <v>7929</v>
      </c>
      <c r="B5247" t="s">
        <v>7930</v>
      </c>
      <c r="C5247">
        <v>0</v>
      </c>
      <c r="D5247">
        <v>0</v>
      </c>
    </row>
    <row r="5248" spans="1:4" x14ac:dyDescent="0.25">
      <c r="A5248" t="s">
        <v>7929</v>
      </c>
      <c r="B5248" t="s">
        <v>7931</v>
      </c>
      <c r="C5248">
        <v>0</v>
      </c>
      <c r="D5248">
        <v>0</v>
      </c>
    </row>
    <row r="5249" spans="1:4" x14ac:dyDescent="0.25">
      <c r="A5249" t="s">
        <v>7929</v>
      </c>
      <c r="B5249" t="s">
        <v>7932</v>
      </c>
      <c r="C5249">
        <v>1</v>
      </c>
      <c r="D5249">
        <v>0</v>
      </c>
    </row>
    <row r="5250" spans="1:4" x14ac:dyDescent="0.25">
      <c r="A5250" t="s">
        <v>7933</v>
      </c>
      <c r="B5250" t="s">
        <v>7934</v>
      </c>
      <c r="C5250">
        <v>0</v>
      </c>
      <c r="D5250">
        <v>0</v>
      </c>
    </row>
    <row r="5251" spans="1:4" x14ac:dyDescent="0.25">
      <c r="A5251" t="s">
        <v>7933</v>
      </c>
      <c r="B5251" t="s">
        <v>3410</v>
      </c>
      <c r="C5251">
        <v>1</v>
      </c>
      <c r="D5251">
        <v>0</v>
      </c>
    </row>
    <row r="5252" spans="1:4" x14ac:dyDescent="0.25">
      <c r="A5252" t="s">
        <v>7933</v>
      </c>
      <c r="B5252" t="s">
        <v>7935</v>
      </c>
      <c r="C5252">
        <v>0</v>
      </c>
      <c r="D5252">
        <v>0</v>
      </c>
    </row>
    <row r="5253" spans="1:4" x14ac:dyDescent="0.25">
      <c r="A5253" t="s">
        <v>7936</v>
      </c>
      <c r="B5253" t="s">
        <v>7937</v>
      </c>
      <c r="C5253">
        <v>1</v>
      </c>
      <c r="D5253">
        <v>0</v>
      </c>
    </row>
    <row r="5254" spans="1:4" x14ac:dyDescent="0.25">
      <c r="A5254" t="s">
        <v>7938</v>
      </c>
      <c r="B5254" t="s">
        <v>7939</v>
      </c>
      <c r="C5254">
        <v>1</v>
      </c>
      <c r="D5254">
        <v>0</v>
      </c>
    </row>
    <row r="5255" spans="1:4" x14ac:dyDescent="0.25">
      <c r="A5255" t="s">
        <v>7940</v>
      </c>
      <c r="B5255" t="s">
        <v>7941</v>
      </c>
      <c r="C5255">
        <v>1</v>
      </c>
      <c r="D5255">
        <v>0</v>
      </c>
    </row>
    <row r="5256" spans="1:4" x14ac:dyDescent="0.25">
      <c r="A5256" t="s">
        <v>7942</v>
      </c>
      <c r="B5256" t="s">
        <v>7943</v>
      </c>
      <c r="C5256">
        <v>1</v>
      </c>
      <c r="D5256">
        <v>0</v>
      </c>
    </row>
    <row r="5257" spans="1:4" x14ac:dyDescent="0.25">
      <c r="A5257" t="s">
        <v>7944</v>
      </c>
      <c r="B5257" t="s">
        <v>6837</v>
      </c>
      <c r="C5257">
        <v>1</v>
      </c>
      <c r="D5257">
        <v>0</v>
      </c>
    </row>
    <row r="5258" spans="1:4" x14ac:dyDescent="0.25">
      <c r="A5258" t="s">
        <v>7945</v>
      </c>
      <c r="B5258" t="s">
        <v>7946</v>
      </c>
      <c r="C5258">
        <v>1</v>
      </c>
      <c r="D5258">
        <v>0</v>
      </c>
    </row>
    <row r="5259" spans="1:4" x14ac:dyDescent="0.25">
      <c r="A5259" t="s">
        <v>7947</v>
      </c>
      <c r="B5259" t="s">
        <v>7948</v>
      </c>
      <c r="C5259">
        <v>0</v>
      </c>
      <c r="D5259">
        <v>0</v>
      </c>
    </row>
    <row r="5260" spans="1:4" x14ac:dyDescent="0.25">
      <c r="A5260" t="s">
        <v>7947</v>
      </c>
      <c r="B5260" t="s">
        <v>7949</v>
      </c>
      <c r="C5260">
        <v>1</v>
      </c>
      <c r="D5260">
        <v>0</v>
      </c>
    </row>
    <row r="5261" spans="1:4" x14ac:dyDescent="0.25">
      <c r="A5261" t="s">
        <v>7950</v>
      </c>
      <c r="B5261" t="s">
        <v>7951</v>
      </c>
      <c r="C5261">
        <v>1</v>
      </c>
      <c r="D5261">
        <v>0</v>
      </c>
    </row>
    <row r="5262" spans="1:4" x14ac:dyDescent="0.25">
      <c r="A5262" t="s">
        <v>7952</v>
      </c>
      <c r="B5262" t="s">
        <v>7953</v>
      </c>
      <c r="C5262">
        <v>1</v>
      </c>
      <c r="D5262">
        <v>0</v>
      </c>
    </row>
    <row r="5263" spans="1:4" x14ac:dyDescent="0.25">
      <c r="A5263" t="s">
        <v>7954</v>
      </c>
      <c r="B5263" t="s">
        <v>2953</v>
      </c>
      <c r="C5263">
        <v>0</v>
      </c>
      <c r="D5263">
        <v>0</v>
      </c>
    </row>
    <row r="5264" spans="1:4" x14ac:dyDescent="0.25">
      <c r="A5264" t="s">
        <v>7954</v>
      </c>
      <c r="B5264" t="s">
        <v>888</v>
      </c>
      <c r="C5264">
        <v>1</v>
      </c>
      <c r="D5264">
        <v>0</v>
      </c>
    </row>
    <row r="5265" spans="1:4" x14ac:dyDescent="0.25">
      <c r="A5265" t="s">
        <v>7955</v>
      </c>
      <c r="B5265" t="s">
        <v>7956</v>
      </c>
      <c r="C5265">
        <v>1</v>
      </c>
      <c r="D5265">
        <v>0</v>
      </c>
    </row>
    <row r="5266" spans="1:4" x14ac:dyDescent="0.25">
      <c r="A5266" t="s">
        <v>7957</v>
      </c>
      <c r="B5266" t="s">
        <v>7958</v>
      </c>
      <c r="C5266">
        <v>1</v>
      </c>
      <c r="D5266">
        <v>0</v>
      </c>
    </row>
    <row r="5267" spans="1:4" x14ac:dyDescent="0.25">
      <c r="A5267" t="s">
        <v>7959</v>
      </c>
      <c r="B5267" t="s">
        <v>7960</v>
      </c>
      <c r="C5267">
        <v>0</v>
      </c>
      <c r="D5267">
        <v>0</v>
      </c>
    </row>
    <row r="5268" spans="1:4" x14ac:dyDescent="0.25">
      <c r="A5268" t="s">
        <v>7959</v>
      </c>
      <c r="B5268" t="s">
        <v>7961</v>
      </c>
      <c r="C5268">
        <v>2</v>
      </c>
      <c r="D5268">
        <v>0</v>
      </c>
    </row>
    <row r="5269" spans="1:4" x14ac:dyDescent="0.25">
      <c r="A5269" t="s">
        <v>7962</v>
      </c>
      <c r="B5269" t="s">
        <v>7963</v>
      </c>
      <c r="C5269">
        <v>0</v>
      </c>
      <c r="D5269">
        <v>0</v>
      </c>
    </row>
    <row r="5270" spans="1:4" x14ac:dyDescent="0.25">
      <c r="A5270" t="s">
        <v>7962</v>
      </c>
      <c r="B5270" t="s">
        <v>7964</v>
      </c>
      <c r="C5270">
        <v>0</v>
      </c>
      <c r="D5270">
        <v>0</v>
      </c>
    </row>
    <row r="5271" spans="1:4" x14ac:dyDescent="0.25">
      <c r="A5271" t="s">
        <v>7965</v>
      </c>
      <c r="B5271" t="s">
        <v>7966</v>
      </c>
      <c r="C5271">
        <v>2</v>
      </c>
      <c r="D5271">
        <v>0</v>
      </c>
    </row>
    <row r="5272" spans="1:4" x14ac:dyDescent="0.25">
      <c r="A5272" t="s">
        <v>7965</v>
      </c>
      <c r="B5272" t="s">
        <v>7967</v>
      </c>
      <c r="C5272">
        <v>1</v>
      </c>
      <c r="D5272">
        <v>0</v>
      </c>
    </row>
    <row r="5273" spans="1:4" x14ac:dyDescent="0.25">
      <c r="A5273" t="s">
        <v>7968</v>
      </c>
      <c r="B5273" t="s">
        <v>4729</v>
      </c>
      <c r="C5273">
        <v>1</v>
      </c>
      <c r="D5273">
        <v>0</v>
      </c>
    </row>
    <row r="5274" spans="1:4" x14ac:dyDescent="0.25">
      <c r="A5274" t="s">
        <v>7968</v>
      </c>
      <c r="B5274" t="s">
        <v>7969</v>
      </c>
      <c r="C5274">
        <v>0</v>
      </c>
      <c r="D5274">
        <v>0</v>
      </c>
    </row>
    <row r="5275" spans="1:4" x14ac:dyDescent="0.25">
      <c r="A5275" t="s">
        <v>7970</v>
      </c>
      <c r="B5275" t="s">
        <v>7971</v>
      </c>
      <c r="C5275">
        <v>0</v>
      </c>
      <c r="D5275">
        <v>0</v>
      </c>
    </row>
    <row r="5276" spans="1:4" x14ac:dyDescent="0.25">
      <c r="A5276" t="s">
        <v>7972</v>
      </c>
      <c r="B5276" t="s">
        <v>7973</v>
      </c>
      <c r="C5276">
        <v>0</v>
      </c>
      <c r="D5276">
        <v>0</v>
      </c>
    </row>
    <row r="5277" spans="1:4" x14ac:dyDescent="0.25">
      <c r="A5277" t="s">
        <v>7974</v>
      </c>
      <c r="B5277" t="s">
        <v>7975</v>
      </c>
      <c r="C5277">
        <v>2</v>
      </c>
      <c r="D5277">
        <v>0</v>
      </c>
    </row>
    <row r="5278" spans="1:4" x14ac:dyDescent="0.25">
      <c r="A5278" t="s">
        <v>7974</v>
      </c>
      <c r="B5278" t="s">
        <v>7976</v>
      </c>
      <c r="C5278">
        <v>2</v>
      </c>
      <c r="D5278">
        <v>0</v>
      </c>
    </row>
    <row r="5279" spans="1:4" x14ac:dyDescent="0.25">
      <c r="A5279" t="s">
        <v>7974</v>
      </c>
      <c r="B5279" t="s">
        <v>7977</v>
      </c>
      <c r="C5279">
        <v>1</v>
      </c>
      <c r="D5279">
        <v>0</v>
      </c>
    </row>
    <row r="5280" spans="1:4" x14ac:dyDescent="0.25">
      <c r="A5280" t="s">
        <v>7978</v>
      </c>
      <c r="B5280" t="s">
        <v>7979</v>
      </c>
      <c r="C5280">
        <v>2</v>
      </c>
      <c r="D5280">
        <v>0</v>
      </c>
    </row>
    <row r="5281" spans="1:4" x14ac:dyDescent="0.25">
      <c r="A5281" t="s">
        <v>7980</v>
      </c>
      <c r="B5281" t="s">
        <v>7981</v>
      </c>
      <c r="C5281">
        <v>0</v>
      </c>
      <c r="D5281">
        <v>0</v>
      </c>
    </row>
    <row r="5282" spans="1:4" x14ac:dyDescent="0.25">
      <c r="A5282" t="s">
        <v>7980</v>
      </c>
      <c r="B5282" t="s">
        <v>7982</v>
      </c>
      <c r="C5282">
        <v>1</v>
      </c>
      <c r="D5282">
        <v>0</v>
      </c>
    </row>
    <row r="5283" spans="1:4" x14ac:dyDescent="0.25">
      <c r="A5283" t="s">
        <v>7983</v>
      </c>
      <c r="B5283" t="s">
        <v>7984</v>
      </c>
      <c r="C5283">
        <v>0</v>
      </c>
      <c r="D5283">
        <v>0</v>
      </c>
    </row>
    <row r="5284" spans="1:4" x14ac:dyDescent="0.25">
      <c r="A5284" t="s">
        <v>7983</v>
      </c>
      <c r="B5284" t="s">
        <v>7985</v>
      </c>
      <c r="C5284">
        <v>1</v>
      </c>
      <c r="D5284">
        <v>0</v>
      </c>
    </row>
    <row r="5285" spans="1:4" x14ac:dyDescent="0.25">
      <c r="A5285" t="s">
        <v>7986</v>
      </c>
      <c r="B5285" t="s">
        <v>7987</v>
      </c>
      <c r="C5285">
        <v>2</v>
      </c>
      <c r="D5285">
        <v>0</v>
      </c>
    </row>
    <row r="5286" spans="1:4" x14ac:dyDescent="0.25">
      <c r="A5286" t="s">
        <v>7986</v>
      </c>
      <c r="B5286" t="s">
        <v>7988</v>
      </c>
      <c r="C5286">
        <v>1</v>
      </c>
      <c r="D5286">
        <v>0</v>
      </c>
    </row>
    <row r="5287" spans="1:4" x14ac:dyDescent="0.25">
      <c r="A5287" t="s">
        <v>7986</v>
      </c>
      <c r="B5287" t="s">
        <v>7989</v>
      </c>
      <c r="C5287">
        <v>1</v>
      </c>
      <c r="D5287">
        <v>0</v>
      </c>
    </row>
    <row r="5288" spans="1:4" x14ac:dyDescent="0.25">
      <c r="A5288" t="s">
        <v>7990</v>
      </c>
      <c r="B5288" t="s">
        <v>7991</v>
      </c>
      <c r="C5288">
        <v>0</v>
      </c>
      <c r="D5288">
        <v>0</v>
      </c>
    </row>
    <row r="5289" spans="1:4" x14ac:dyDescent="0.25">
      <c r="A5289" t="s">
        <v>7990</v>
      </c>
      <c r="B5289" t="s">
        <v>7992</v>
      </c>
      <c r="C5289">
        <v>1</v>
      </c>
      <c r="D5289">
        <v>0</v>
      </c>
    </row>
    <row r="5290" spans="1:4" x14ac:dyDescent="0.25">
      <c r="A5290" t="s">
        <v>7993</v>
      </c>
      <c r="B5290" t="s">
        <v>7994</v>
      </c>
      <c r="C5290">
        <v>2</v>
      </c>
      <c r="D5290">
        <v>0</v>
      </c>
    </row>
    <row r="5291" spans="1:4" x14ac:dyDescent="0.25">
      <c r="A5291" t="s">
        <v>7995</v>
      </c>
      <c r="B5291" t="s">
        <v>7996</v>
      </c>
      <c r="C5291">
        <v>0</v>
      </c>
      <c r="D5291">
        <v>0</v>
      </c>
    </row>
    <row r="5292" spans="1:4" x14ac:dyDescent="0.25">
      <c r="A5292" t="s">
        <v>7997</v>
      </c>
      <c r="B5292" t="s">
        <v>7998</v>
      </c>
      <c r="C5292">
        <v>0</v>
      </c>
      <c r="D5292">
        <v>0</v>
      </c>
    </row>
    <row r="5293" spans="1:4" x14ac:dyDescent="0.25">
      <c r="A5293" t="s">
        <v>7997</v>
      </c>
      <c r="B5293" t="s">
        <v>7999</v>
      </c>
      <c r="C5293">
        <v>0</v>
      </c>
      <c r="D5293">
        <v>0</v>
      </c>
    </row>
    <row r="5294" spans="1:4" x14ac:dyDescent="0.25">
      <c r="A5294" t="s">
        <v>8000</v>
      </c>
      <c r="B5294" t="s">
        <v>8001</v>
      </c>
      <c r="C5294">
        <v>1</v>
      </c>
      <c r="D5294">
        <v>0</v>
      </c>
    </row>
    <row r="5295" spans="1:4" x14ac:dyDescent="0.25">
      <c r="A5295" t="s">
        <v>8002</v>
      </c>
      <c r="B5295" t="s">
        <v>1499</v>
      </c>
      <c r="C5295">
        <v>1</v>
      </c>
      <c r="D5295">
        <v>0</v>
      </c>
    </row>
    <row r="5296" spans="1:4" x14ac:dyDescent="0.25">
      <c r="A5296" t="s">
        <v>8003</v>
      </c>
      <c r="B5296" t="s">
        <v>8004</v>
      </c>
      <c r="C5296">
        <v>1</v>
      </c>
      <c r="D5296">
        <v>0</v>
      </c>
    </row>
    <row r="5297" spans="1:4" x14ac:dyDescent="0.25">
      <c r="A5297" t="s">
        <v>8005</v>
      </c>
      <c r="B5297" t="s">
        <v>8006</v>
      </c>
      <c r="C5297">
        <v>0</v>
      </c>
      <c r="D5297">
        <v>0</v>
      </c>
    </row>
    <row r="5298" spans="1:4" x14ac:dyDescent="0.25">
      <c r="A5298" t="s">
        <v>8005</v>
      </c>
      <c r="B5298" t="s">
        <v>8007</v>
      </c>
      <c r="C5298">
        <v>0</v>
      </c>
      <c r="D5298">
        <v>0</v>
      </c>
    </row>
    <row r="5299" spans="1:4" x14ac:dyDescent="0.25">
      <c r="A5299" t="s">
        <v>8008</v>
      </c>
      <c r="B5299" t="s">
        <v>1499</v>
      </c>
      <c r="C5299">
        <v>1</v>
      </c>
      <c r="D5299">
        <v>0</v>
      </c>
    </row>
    <row r="5300" spans="1:4" x14ac:dyDescent="0.25">
      <c r="A5300" t="s">
        <v>8009</v>
      </c>
      <c r="B5300" t="s">
        <v>8010</v>
      </c>
      <c r="C5300">
        <v>1</v>
      </c>
      <c r="D5300">
        <v>0</v>
      </c>
    </row>
    <row r="5301" spans="1:4" x14ac:dyDescent="0.25">
      <c r="A5301" t="s">
        <v>8009</v>
      </c>
      <c r="B5301" t="s">
        <v>8011</v>
      </c>
      <c r="C5301">
        <v>1</v>
      </c>
      <c r="D5301">
        <v>0</v>
      </c>
    </row>
    <row r="5302" spans="1:4" x14ac:dyDescent="0.25">
      <c r="A5302" t="s">
        <v>8012</v>
      </c>
      <c r="B5302" t="s">
        <v>8013</v>
      </c>
      <c r="C5302">
        <v>2</v>
      </c>
      <c r="D5302">
        <v>0</v>
      </c>
    </row>
    <row r="5303" spans="1:4" x14ac:dyDescent="0.25">
      <c r="A5303" t="s">
        <v>8012</v>
      </c>
      <c r="B5303" t="s">
        <v>8014</v>
      </c>
      <c r="C5303">
        <v>2</v>
      </c>
      <c r="D5303">
        <v>0</v>
      </c>
    </row>
    <row r="5304" spans="1:4" x14ac:dyDescent="0.25">
      <c r="A5304" t="s">
        <v>8012</v>
      </c>
      <c r="B5304" t="s">
        <v>8015</v>
      </c>
      <c r="C5304">
        <v>1</v>
      </c>
      <c r="D5304">
        <v>0</v>
      </c>
    </row>
    <row r="5305" spans="1:4" x14ac:dyDescent="0.25">
      <c r="A5305" t="s">
        <v>8016</v>
      </c>
      <c r="B5305" t="s">
        <v>8017</v>
      </c>
      <c r="C5305">
        <v>0</v>
      </c>
      <c r="D5305">
        <v>0</v>
      </c>
    </row>
    <row r="5306" spans="1:4" x14ac:dyDescent="0.25">
      <c r="A5306" t="s">
        <v>8018</v>
      </c>
      <c r="B5306" t="s">
        <v>8019</v>
      </c>
      <c r="C5306">
        <v>1</v>
      </c>
      <c r="D5306">
        <v>0</v>
      </c>
    </row>
    <row r="5307" spans="1:4" x14ac:dyDescent="0.25">
      <c r="A5307" t="s">
        <v>8020</v>
      </c>
      <c r="B5307" t="s">
        <v>8021</v>
      </c>
      <c r="C5307">
        <v>1</v>
      </c>
      <c r="D5307">
        <v>0</v>
      </c>
    </row>
    <row r="5308" spans="1:4" x14ac:dyDescent="0.25">
      <c r="A5308" t="s">
        <v>8020</v>
      </c>
      <c r="B5308" t="s">
        <v>8022</v>
      </c>
      <c r="C5308">
        <v>1</v>
      </c>
      <c r="D5308">
        <v>0</v>
      </c>
    </row>
    <row r="5309" spans="1:4" x14ac:dyDescent="0.25">
      <c r="A5309" t="s">
        <v>8023</v>
      </c>
      <c r="B5309" t="s">
        <v>5414</v>
      </c>
      <c r="C5309">
        <v>1</v>
      </c>
      <c r="D5309">
        <v>0</v>
      </c>
    </row>
    <row r="5310" spans="1:4" x14ac:dyDescent="0.25">
      <c r="A5310" t="s">
        <v>8024</v>
      </c>
      <c r="B5310" t="s">
        <v>8025</v>
      </c>
      <c r="C5310">
        <v>0</v>
      </c>
      <c r="D5310">
        <v>0</v>
      </c>
    </row>
    <row r="5311" spans="1:4" x14ac:dyDescent="0.25">
      <c r="A5311" t="s">
        <v>8024</v>
      </c>
      <c r="B5311" t="s">
        <v>8026</v>
      </c>
      <c r="C5311">
        <v>1</v>
      </c>
      <c r="D5311">
        <v>0</v>
      </c>
    </row>
    <row r="5312" spans="1:4" x14ac:dyDescent="0.25">
      <c r="A5312" t="s">
        <v>8027</v>
      </c>
      <c r="B5312" t="s">
        <v>8028</v>
      </c>
      <c r="C5312">
        <v>1</v>
      </c>
      <c r="D5312">
        <v>0</v>
      </c>
    </row>
    <row r="5313" spans="1:4" x14ac:dyDescent="0.25">
      <c r="A5313" t="s">
        <v>8027</v>
      </c>
      <c r="B5313" t="s">
        <v>8029</v>
      </c>
      <c r="C5313">
        <v>0</v>
      </c>
      <c r="D5313">
        <v>0</v>
      </c>
    </row>
    <row r="5314" spans="1:4" x14ac:dyDescent="0.25">
      <c r="A5314" t="s">
        <v>8030</v>
      </c>
      <c r="B5314" t="s">
        <v>8031</v>
      </c>
      <c r="C5314">
        <v>1</v>
      </c>
      <c r="D5314">
        <v>0</v>
      </c>
    </row>
    <row r="5315" spans="1:4" x14ac:dyDescent="0.25">
      <c r="A5315" t="s">
        <v>8030</v>
      </c>
      <c r="B5315" t="s">
        <v>8032</v>
      </c>
      <c r="C5315">
        <v>1</v>
      </c>
      <c r="D5315">
        <v>0</v>
      </c>
    </row>
    <row r="5316" spans="1:4" x14ac:dyDescent="0.25">
      <c r="A5316" t="s">
        <v>8033</v>
      </c>
      <c r="B5316" t="s">
        <v>843</v>
      </c>
      <c r="C5316">
        <v>1</v>
      </c>
      <c r="D5316">
        <v>0</v>
      </c>
    </row>
    <row r="5317" spans="1:4" x14ac:dyDescent="0.25">
      <c r="A5317" t="s">
        <v>8034</v>
      </c>
      <c r="B5317" t="s">
        <v>8035</v>
      </c>
      <c r="C5317">
        <v>1</v>
      </c>
      <c r="D5317">
        <v>0</v>
      </c>
    </row>
    <row r="5318" spans="1:4" x14ac:dyDescent="0.25">
      <c r="A5318" t="s">
        <v>8034</v>
      </c>
      <c r="B5318" t="s">
        <v>8036</v>
      </c>
      <c r="C5318">
        <v>1</v>
      </c>
      <c r="D5318">
        <v>0</v>
      </c>
    </row>
    <row r="5319" spans="1:4" x14ac:dyDescent="0.25">
      <c r="A5319" t="s">
        <v>8037</v>
      </c>
      <c r="B5319" t="s">
        <v>8038</v>
      </c>
      <c r="C5319">
        <v>0</v>
      </c>
      <c r="D5319">
        <v>0</v>
      </c>
    </row>
    <row r="5320" spans="1:4" x14ac:dyDescent="0.25">
      <c r="A5320" t="s">
        <v>8039</v>
      </c>
      <c r="B5320" t="s">
        <v>8040</v>
      </c>
      <c r="C5320">
        <v>2</v>
      </c>
      <c r="D5320">
        <v>0</v>
      </c>
    </row>
    <row r="5321" spans="1:4" x14ac:dyDescent="0.25">
      <c r="A5321" t="s">
        <v>8041</v>
      </c>
      <c r="B5321" t="s">
        <v>8042</v>
      </c>
      <c r="C5321">
        <v>1</v>
      </c>
      <c r="D5321">
        <v>0</v>
      </c>
    </row>
    <row r="5322" spans="1:4" x14ac:dyDescent="0.25">
      <c r="A5322" t="s">
        <v>8041</v>
      </c>
      <c r="B5322" t="s">
        <v>8043</v>
      </c>
      <c r="C5322">
        <v>1</v>
      </c>
      <c r="D5322">
        <v>0</v>
      </c>
    </row>
    <row r="5323" spans="1:4" x14ac:dyDescent="0.25">
      <c r="A5323" t="s">
        <v>8041</v>
      </c>
      <c r="B5323" t="s">
        <v>1294</v>
      </c>
      <c r="C5323">
        <v>1</v>
      </c>
      <c r="D5323">
        <v>0</v>
      </c>
    </row>
    <row r="5324" spans="1:4" x14ac:dyDescent="0.25">
      <c r="A5324" t="s">
        <v>8044</v>
      </c>
      <c r="B5324" t="s">
        <v>6061</v>
      </c>
      <c r="C5324">
        <v>0</v>
      </c>
      <c r="D5324">
        <v>0</v>
      </c>
    </row>
    <row r="5325" spans="1:4" x14ac:dyDescent="0.25">
      <c r="A5325" t="s">
        <v>8045</v>
      </c>
      <c r="B5325" t="s">
        <v>8046</v>
      </c>
      <c r="C5325">
        <v>1</v>
      </c>
      <c r="D5325">
        <v>0</v>
      </c>
    </row>
    <row r="5326" spans="1:4" x14ac:dyDescent="0.25">
      <c r="A5326" t="s">
        <v>8045</v>
      </c>
      <c r="B5326" t="s">
        <v>8047</v>
      </c>
      <c r="C5326">
        <v>1</v>
      </c>
      <c r="D5326">
        <v>0</v>
      </c>
    </row>
    <row r="5327" spans="1:4" x14ac:dyDescent="0.25">
      <c r="A5327" t="s">
        <v>8045</v>
      </c>
      <c r="B5327" t="s">
        <v>8048</v>
      </c>
      <c r="C5327">
        <v>0</v>
      </c>
      <c r="D5327">
        <v>0</v>
      </c>
    </row>
    <row r="5328" spans="1:4" x14ac:dyDescent="0.25">
      <c r="A5328" t="s">
        <v>8049</v>
      </c>
      <c r="B5328" t="s">
        <v>8050</v>
      </c>
      <c r="C5328">
        <v>1</v>
      </c>
      <c r="D5328">
        <v>0</v>
      </c>
    </row>
    <row r="5329" spans="1:4" x14ac:dyDescent="0.25">
      <c r="A5329" t="s">
        <v>8049</v>
      </c>
      <c r="B5329" t="s">
        <v>8051</v>
      </c>
      <c r="C5329">
        <v>1</v>
      </c>
      <c r="D5329">
        <v>0</v>
      </c>
    </row>
    <row r="5330" spans="1:4" x14ac:dyDescent="0.25">
      <c r="A5330" t="s">
        <v>8052</v>
      </c>
      <c r="B5330" t="s">
        <v>8053</v>
      </c>
      <c r="C5330">
        <v>0</v>
      </c>
      <c r="D5330">
        <v>0</v>
      </c>
    </row>
    <row r="5331" spans="1:4" x14ac:dyDescent="0.25">
      <c r="A5331" t="s">
        <v>8054</v>
      </c>
      <c r="B5331" t="s">
        <v>8055</v>
      </c>
      <c r="C5331">
        <v>0</v>
      </c>
      <c r="D5331">
        <v>0</v>
      </c>
    </row>
    <row r="5332" spans="1:4" x14ac:dyDescent="0.25">
      <c r="A5332" t="s">
        <v>8054</v>
      </c>
      <c r="B5332" t="s">
        <v>8056</v>
      </c>
      <c r="C5332">
        <v>2</v>
      </c>
      <c r="D5332">
        <v>0</v>
      </c>
    </row>
    <row r="5333" spans="1:4" x14ac:dyDescent="0.25">
      <c r="A5333" t="s">
        <v>8057</v>
      </c>
      <c r="B5333" t="s">
        <v>398</v>
      </c>
      <c r="C5333">
        <v>0</v>
      </c>
      <c r="D5333">
        <v>0</v>
      </c>
    </row>
    <row r="5334" spans="1:4" x14ac:dyDescent="0.25">
      <c r="A5334" t="s">
        <v>8058</v>
      </c>
      <c r="B5334" t="s">
        <v>8059</v>
      </c>
      <c r="C5334">
        <v>1</v>
      </c>
      <c r="D5334">
        <v>0</v>
      </c>
    </row>
    <row r="5335" spans="1:4" x14ac:dyDescent="0.25">
      <c r="A5335" t="s">
        <v>8058</v>
      </c>
      <c r="B5335" t="s">
        <v>8060</v>
      </c>
      <c r="C5335">
        <v>1</v>
      </c>
      <c r="D5335">
        <v>0</v>
      </c>
    </row>
    <row r="5336" spans="1:4" x14ac:dyDescent="0.25">
      <c r="A5336" t="s">
        <v>8061</v>
      </c>
      <c r="B5336" t="s">
        <v>8062</v>
      </c>
      <c r="C5336">
        <v>1</v>
      </c>
      <c r="D5336">
        <v>0</v>
      </c>
    </row>
    <row r="5337" spans="1:4" x14ac:dyDescent="0.25">
      <c r="A5337" t="s">
        <v>8061</v>
      </c>
      <c r="B5337" t="s">
        <v>8063</v>
      </c>
      <c r="C5337">
        <v>2</v>
      </c>
      <c r="D5337">
        <v>0</v>
      </c>
    </row>
    <row r="5338" spans="1:4" x14ac:dyDescent="0.25">
      <c r="A5338" t="s">
        <v>8064</v>
      </c>
      <c r="B5338" t="s">
        <v>8065</v>
      </c>
      <c r="C5338">
        <v>1</v>
      </c>
      <c r="D5338">
        <v>0</v>
      </c>
    </row>
    <row r="5339" spans="1:4" x14ac:dyDescent="0.25">
      <c r="A5339" t="s">
        <v>8066</v>
      </c>
      <c r="B5339" t="s">
        <v>8067</v>
      </c>
      <c r="C5339">
        <v>2</v>
      </c>
      <c r="D5339">
        <v>0</v>
      </c>
    </row>
    <row r="5340" spans="1:4" x14ac:dyDescent="0.25">
      <c r="A5340" t="s">
        <v>8068</v>
      </c>
      <c r="B5340" t="s">
        <v>8069</v>
      </c>
      <c r="C5340">
        <v>2</v>
      </c>
      <c r="D5340">
        <v>0</v>
      </c>
    </row>
    <row r="5341" spans="1:4" x14ac:dyDescent="0.25">
      <c r="A5341" t="s">
        <v>8068</v>
      </c>
      <c r="B5341" t="s">
        <v>8070</v>
      </c>
      <c r="C5341">
        <v>0</v>
      </c>
      <c r="D5341">
        <v>0</v>
      </c>
    </row>
    <row r="5342" spans="1:4" x14ac:dyDescent="0.25">
      <c r="A5342" t="s">
        <v>8071</v>
      </c>
      <c r="B5342" t="s">
        <v>1246</v>
      </c>
      <c r="C5342">
        <v>0</v>
      </c>
      <c r="D5342">
        <v>0</v>
      </c>
    </row>
    <row r="5343" spans="1:4" x14ac:dyDescent="0.25">
      <c r="A5343" t="s">
        <v>8072</v>
      </c>
      <c r="B5343" t="s">
        <v>8073</v>
      </c>
      <c r="C5343">
        <v>0</v>
      </c>
      <c r="D5343">
        <v>0</v>
      </c>
    </row>
    <row r="5344" spans="1:4" x14ac:dyDescent="0.25">
      <c r="A5344" t="s">
        <v>8074</v>
      </c>
      <c r="B5344" t="s">
        <v>2267</v>
      </c>
      <c r="C5344">
        <v>0</v>
      </c>
      <c r="D5344">
        <v>0</v>
      </c>
    </row>
    <row r="5345" spans="1:4" x14ac:dyDescent="0.25">
      <c r="A5345" t="s">
        <v>8074</v>
      </c>
      <c r="B5345" t="s">
        <v>8075</v>
      </c>
      <c r="C5345">
        <v>0</v>
      </c>
      <c r="D5345">
        <v>0</v>
      </c>
    </row>
    <row r="5346" spans="1:4" x14ac:dyDescent="0.25">
      <c r="A5346" t="s">
        <v>8076</v>
      </c>
      <c r="B5346" t="s">
        <v>8077</v>
      </c>
      <c r="C5346">
        <v>1</v>
      </c>
      <c r="D5346">
        <v>0</v>
      </c>
    </row>
    <row r="5347" spans="1:4" x14ac:dyDescent="0.25">
      <c r="A5347" t="s">
        <v>8078</v>
      </c>
      <c r="B5347" t="s">
        <v>1090</v>
      </c>
      <c r="C5347">
        <v>1</v>
      </c>
      <c r="D5347">
        <v>0</v>
      </c>
    </row>
    <row r="5348" spans="1:4" x14ac:dyDescent="0.25">
      <c r="A5348" t="s">
        <v>8079</v>
      </c>
      <c r="B5348" t="s">
        <v>8080</v>
      </c>
      <c r="C5348">
        <v>1</v>
      </c>
      <c r="D5348">
        <v>0</v>
      </c>
    </row>
    <row r="5349" spans="1:4" x14ac:dyDescent="0.25">
      <c r="A5349" t="s">
        <v>8079</v>
      </c>
      <c r="B5349" t="s">
        <v>8081</v>
      </c>
      <c r="C5349">
        <v>0</v>
      </c>
      <c r="D5349">
        <v>0</v>
      </c>
    </row>
    <row r="5350" spans="1:4" x14ac:dyDescent="0.25">
      <c r="A5350" t="s">
        <v>8079</v>
      </c>
      <c r="B5350" t="s">
        <v>8082</v>
      </c>
      <c r="C5350">
        <v>0</v>
      </c>
      <c r="D5350">
        <v>0</v>
      </c>
    </row>
    <row r="5351" spans="1:4" x14ac:dyDescent="0.25">
      <c r="A5351" t="s">
        <v>8083</v>
      </c>
      <c r="B5351" t="s">
        <v>8084</v>
      </c>
      <c r="C5351">
        <v>1</v>
      </c>
      <c r="D5351">
        <v>0</v>
      </c>
    </row>
    <row r="5352" spans="1:4" x14ac:dyDescent="0.25">
      <c r="A5352" t="s">
        <v>8085</v>
      </c>
      <c r="B5352" t="s">
        <v>8086</v>
      </c>
      <c r="C5352">
        <v>1</v>
      </c>
      <c r="D5352">
        <v>0</v>
      </c>
    </row>
    <row r="5353" spans="1:4" x14ac:dyDescent="0.25">
      <c r="A5353" t="s">
        <v>8085</v>
      </c>
      <c r="B5353" t="s">
        <v>8087</v>
      </c>
      <c r="C5353">
        <v>2</v>
      </c>
      <c r="D5353">
        <v>0</v>
      </c>
    </row>
    <row r="5354" spans="1:4" x14ac:dyDescent="0.25">
      <c r="A5354" t="s">
        <v>8085</v>
      </c>
      <c r="B5354" t="s">
        <v>8088</v>
      </c>
      <c r="C5354">
        <v>2</v>
      </c>
      <c r="D5354">
        <v>0</v>
      </c>
    </row>
    <row r="5355" spans="1:4" x14ac:dyDescent="0.25">
      <c r="A5355" t="s">
        <v>8089</v>
      </c>
      <c r="B5355" t="s">
        <v>8090</v>
      </c>
      <c r="C5355">
        <v>2</v>
      </c>
      <c r="D5355">
        <v>0</v>
      </c>
    </row>
    <row r="5356" spans="1:4" x14ac:dyDescent="0.25">
      <c r="A5356" t="s">
        <v>8089</v>
      </c>
      <c r="B5356" t="s">
        <v>8091</v>
      </c>
      <c r="C5356">
        <v>1</v>
      </c>
      <c r="D5356">
        <v>0</v>
      </c>
    </row>
    <row r="5357" spans="1:4" x14ac:dyDescent="0.25">
      <c r="A5357" t="s">
        <v>8092</v>
      </c>
      <c r="B5357" t="s">
        <v>8093</v>
      </c>
      <c r="C5357">
        <v>1</v>
      </c>
      <c r="D5357">
        <v>0</v>
      </c>
    </row>
    <row r="5358" spans="1:4" x14ac:dyDescent="0.25">
      <c r="A5358" t="s">
        <v>8094</v>
      </c>
      <c r="B5358" t="s">
        <v>8095</v>
      </c>
      <c r="C5358">
        <v>2</v>
      </c>
      <c r="D5358">
        <v>0</v>
      </c>
    </row>
    <row r="5359" spans="1:4" x14ac:dyDescent="0.25">
      <c r="A5359" t="s">
        <v>8096</v>
      </c>
      <c r="B5359" t="s">
        <v>8097</v>
      </c>
      <c r="C5359">
        <v>1</v>
      </c>
      <c r="D5359">
        <v>0</v>
      </c>
    </row>
    <row r="5360" spans="1:4" x14ac:dyDescent="0.25">
      <c r="A5360" t="s">
        <v>8098</v>
      </c>
      <c r="B5360" t="s">
        <v>8099</v>
      </c>
      <c r="C5360">
        <v>1</v>
      </c>
      <c r="D5360">
        <v>0</v>
      </c>
    </row>
    <row r="5361" spans="1:4" x14ac:dyDescent="0.25">
      <c r="A5361" t="s">
        <v>8100</v>
      </c>
      <c r="B5361" t="s">
        <v>8101</v>
      </c>
      <c r="C5361">
        <v>0</v>
      </c>
      <c r="D5361">
        <v>0</v>
      </c>
    </row>
    <row r="5362" spans="1:4" x14ac:dyDescent="0.25">
      <c r="A5362" t="s">
        <v>8100</v>
      </c>
      <c r="B5362" t="s">
        <v>8102</v>
      </c>
      <c r="C5362">
        <v>1</v>
      </c>
      <c r="D5362">
        <v>0</v>
      </c>
    </row>
    <row r="5363" spans="1:4" x14ac:dyDescent="0.25">
      <c r="A5363" t="s">
        <v>8103</v>
      </c>
      <c r="B5363" t="s">
        <v>1101</v>
      </c>
      <c r="C5363">
        <v>1</v>
      </c>
      <c r="D5363">
        <v>0</v>
      </c>
    </row>
    <row r="5364" spans="1:4" x14ac:dyDescent="0.25">
      <c r="A5364" t="s">
        <v>8104</v>
      </c>
      <c r="B5364" t="s">
        <v>8105</v>
      </c>
      <c r="C5364">
        <v>1</v>
      </c>
      <c r="D5364">
        <v>0</v>
      </c>
    </row>
    <row r="5365" spans="1:4" x14ac:dyDescent="0.25">
      <c r="A5365" t="s">
        <v>8104</v>
      </c>
      <c r="B5365" t="s">
        <v>8106</v>
      </c>
      <c r="C5365">
        <v>0</v>
      </c>
      <c r="D5365">
        <v>0</v>
      </c>
    </row>
    <row r="5366" spans="1:4" x14ac:dyDescent="0.25">
      <c r="A5366" t="s">
        <v>8107</v>
      </c>
      <c r="B5366" t="s">
        <v>8108</v>
      </c>
      <c r="C5366">
        <v>0</v>
      </c>
      <c r="D5366">
        <v>0</v>
      </c>
    </row>
    <row r="5367" spans="1:4" x14ac:dyDescent="0.25">
      <c r="A5367" t="s">
        <v>8107</v>
      </c>
      <c r="B5367" t="s">
        <v>8109</v>
      </c>
      <c r="C5367">
        <v>0</v>
      </c>
      <c r="D5367">
        <v>0</v>
      </c>
    </row>
    <row r="5368" spans="1:4" x14ac:dyDescent="0.25">
      <c r="A5368" t="s">
        <v>8110</v>
      </c>
      <c r="B5368" t="s">
        <v>8111</v>
      </c>
      <c r="C5368">
        <v>1</v>
      </c>
      <c r="D5368">
        <v>0</v>
      </c>
    </row>
    <row r="5369" spans="1:4" x14ac:dyDescent="0.25">
      <c r="A5369" t="s">
        <v>8110</v>
      </c>
      <c r="B5369" t="s">
        <v>8112</v>
      </c>
      <c r="C5369">
        <v>1</v>
      </c>
      <c r="D5369">
        <v>0</v>
      </c>
    </row>
    <row r="5370" spans="1:4" x14ac:dyDescent="0.25">
      <c r="A5370" t="s">
        <v>8113</v>
      </c>
      <c r="B5370" t="s">
        <v>8114</v>
      </c>
      <c r="C5370">
        <v>2</v>
      </c>
      <c r="D5370">
        <v>0</v>
      </c>
    </row>
    <row r="5371" spans="1:4" x14ac:dyDescent="0.25">
      <c r="A5371" t="s">
        <v>8113</v>
      </c>
      <c r="B5371" t="s">
        <v>8115</v>
      </c>
      <c r="C5371">
        <v>0</v>
      </c>
      <c r="D5371">
        <v>0</v>
      </c>
    </row>
    <row r="5372" spans="1:4" x14ac:dyDescent="0.25">
      <c r="A5372" t="s">
        <v>8116</v>
      </c>
      <c r="B5372" t="s">
        <v>3863</v>
      </c>
      <c r="C5372">
        <v>1</v>
      </c>
      <c r="D5372">
        <v>0</v>
      </c>
    </row>
    <row r="5373" spans="1:4" x14ac:dyDescent="0.25">
      <c r="A5373" t="s">
        <v>8116</v>
      </c>
      <c r="B5373" t="s">
        <v>8117</v>
      </c>
      <c r="C5373">
        <v>0</v>
      </c>
      <c r="D5373">
        <v>0</v>
      </c>
    </row>
    <row r="5374" spans="1:4" x14ac:dyDescent="0.25">
      <c r="A5374" t="s">
        <v>8116</v>
      </c>
      <c r="B5374" t="s">
        <v>8118</v>
      </c>
      <c r="C5374">
        <v>1</v>
      </c>
      <c r="D5374">
        <v>0</v>
      </c>
    </row>
    <row r="5375" spans="1:4" x14ac:dyDescent="0.25">
      <c r="A5375" t="s">
        <v>8119</v>
      </c>
      <c r="B5375" t="s">
        <v>8120</v>
      </c>
      <c r="C5375">
        <v>1</v>
      </c>
      <c r="D5375">
        <v>0</v>
      </c>
    </row>
    <row r="5376" spans="1:4" x14ac:dyDescent="0.25">
      <c r="A5376" t="s">
        <v>8119</v>
      </c>
      <c r="B5376" t="s">
        <v>8121</v>
      </c>
      <c r="C5376">
        <v>1</v>
      </c>
      <c r="D5376">
        <v>0</v>
      </c>
    </row>
    <row r="5377" spans="1:4" x14ac:dyDescent="0.25">
      <c r="A5377" t="s">
        <v>8122</v>
      </c>
      <c r="B5377" t="s">
        <v>8123</v>
      </c>
      <c r="C5377">
        <v>0</v>
      </c>
      <c r="D5377">
        <v>0</v>
      </c>
    </row>
    <row r="5378" spans="1:4" x14ac:dyDescent="0.25">
      <c r="A5378" t="s">
        <v>8124</v>
      </c>
      <c r="B5378" t="s">
        <v>8125</v>
      </c>
      <c r="C5378">
        <v>1</v>
      </c>
      <c r="D5378">
        <v>0</v>
      </c>
    </row>
    <row r="5379" spans="1:4" x14ac:dyDescent="0.25">
      <c r="A5379" t="s">
        <v>8124</v>
      </c>
      <c r="B5379" t="s">
        <v>8126</v>
      </c>
      <c r="C5379">
        <v>1</v>
      </c>
      <c r="D5379">
        <v>0</v>
      </c>
    </row>
    <row r="5380" spans="1:4" x14ac:dyDescent="0.25">
      <c r="A5380" t="s">
        <v>8124</v>
      </c>
      <c r="B5380" t="s">
        <v>8127</v>
      </c>
      <c r="C5380">
        <v>1</v>
      </c>
      <c r="D5380">
        <v>0</v>
      </c>
    </row>
    <row r="5381" spans="1:4" x14ac:dyDescent="0.25">
      <c r="A5381" t="s">
        <v>8128</v>
      </c>
      <c r="B5381" t="s">
        <v>8129</v>
      </c>
      <c r="C5381">
        <v>1</v>
      </c>
      <c r="D5381">
        <v>0</v>
      </c>
    </row>
    <row r="5382" spans="1:4" x14ac:dyDescent="0.25">
      <c r="A5382" t="s">
        <v>8128</v>
      </c>
      <c r="B5382" t="s">
        <v>8130</v>
      </c>
      <c r="C5382">
        <v>1</v>
      </c>
      <c r="D5382">
        <v>0</v>
      </c>
    </row>
    <row r="5383" spans="1:4" x14ac:dyDescent="0.25">
      <c r="A5383" t="s">
        <v>8128</v>
      </c>
      <c r="B5383" t="s">
        <v>8131</v>
      </c>
      <c r="C5383">
        <v>1</v>
      </c>
      <c r="D5383">
        <v>0</v>
      </c>
    </row>
    <row r="5384" spans="1:4" x14ac:dyDescent="0.25">
      <c r="A5384" t="s">
        <v>8132</v>
      </c>
      <c r="B5384" t="s">
        <v>2061</v>
      </c>
      <c r="C5384">
        <v>0</v>
      </c>
      <c r="D5384">
        <v>0</v>
      </c>
    </row>
    <row r="5385" spans="1:4" x14ac:dyDescent="0.25">
      <c r="A5385" t="s">
        <v>8133</v>
      </c>
      <c r="B5385" t="s">
        <v>8134</v>
      </c>
      <c r="C5385">
        <v>1</v>
      </c>
      <c r="D5385">
        <v>0</v>
      </c>
    </row>
    <row r="5386" spans="1:4" x14ac:dyDescent="0.25">
      <c r="A5386" t="s">
        <v>8133</v>
      </c>
      <c r="B5386" t="s">
        <v>8135</v>
      </c>
      <c r="C5386">
        <v>0</v>
      </c>
      <c r="D5386">
        <v>0</v>
      </c>
    </row>
    <row r="5387" spans="1:4" x14ac:dyDescent="0.25">
      <c r="A5387" t="s">
        <v>8136</v>
      </c>
      <c r="B5387" t="s">
        <v>795</v>
      </c>
      <c r="C5387">
        <v>0</v>
      </c>
      <c r="D5387">
        <v>0</v>
      </c>
    </row>
    <row r="5388" spans="1:4" x14ac:dyDescent="0.25">
      <c r="A5388" t="s">
        <v>8137</v>
      </c>
      <c r="B5388" t="s">
        <v>8138</v>
      </c>
      <c r="C5388">
        <v>2</v>
      </c>
      <c r="D5388">
        <v>0</v>
      </c>
    </row>
    <row r="5389" spans="1:4" x14ac:dyDescent="0.25">
      <c r="A5389" t="s">
        <v>8137</v>
      </c>
      <c r="B5389" t="s">
        <v>8139</v>
      </c>
      <c r="C5389">
        <v>2</v>
      </c>
      <c r="D5389">
        <v>0</v>
      </c>
    </row>
    <row r="5390" spans="1:4" x14ac:dyDescent="0.25">
      <c r="A5390" t="s">
        <v>8137</v>
      </c>
      <c r="B5390" t="s">
        <v>8140</v>
      </c>
      <c r="C5390">
        <v>2</v>
      </c>
      <c r="D5390">
        <v>0</v>
      </c>
    </row>
    <row r="5391" spans="1:4" x14ac:dyDescent="0.25">
      <c r="A5391" t="s">
        <v>8141</v>
      </c>
      <c r="B5391" t="s">
        <v>8142</v>
      </c>
      <c r="C5391">
        <v>2</v>
      </c>
      <c r="D5391">
        <v>0</v>
      </c>
    </row>
    <row r="5392" spans="1:4" x14ac:dyDescent="0.25">
      <c r="A5392" t="s">
        <v>8143</v>
      </c>
      <c r="B5392" t="s">
        <v>8144</v>
      </c>
      <c r="C5392">
        <v>1</v>
      </c>
      <c r="D5392">
        <v>0</v>
      </c>
    </row>
    <row r="5393" spans="1:4" x14ac:dyDescent="0.25">
      <c r="A5393" t="s">
        <v>8145</v>
      </c>
      <c r="B5393" t="s">
        <v>8146</v>
      </c>
      <c r="C5393">
        <v>1</v>
      </c>
      <c r="D5393">
        <v>0</v>
      </c>
    </row>
    <row r="5394" spans="1:4" x14ac:dyDescent="0.25">
      <c r="A5394" t="s">
        <v>8145</v>
      </c>
      <c r="B5394" t="s">
        <v>8147</v>
      </c>
      <c r="C5394">
        <v>2</v>
      </c>
      <c r="D5394">
        <v>0</v>
      </c>
    </row>
    <row r="5395" spans="1:4" x14ac:dyDescent="0.25">
      <c r="A5395" t="s">
        <v>8148</v>
      </c>
      <c r="B5395" t="s">
        <v>8149</v>
      </c>
      <c r="C5395">
        <v>0</v>
      </c>
      <c r="D5395">
        <v>0</v>
      </c>
    </row>
    <row r="5396" spans="1:4" x14ac:dyDescent="0.25">
      <c r="A5396" t="s">
        <v>8148</v>
      </c>
      <c r="B5396" t="s">
        <v>8150</v>
      </c>
      <c r="C5396">
        <v>1</v>
      </c>
      <c r="D5396">
        <v>0</v>
      </c>
    </row>
    <row r="5397" spans="1:4" x14ac:dyDescent="0.25">
      <c r="A5397" t="s">
        <v>8151</v>
      </c>
      <c r="B5397" t="s">
        <v>8152</v>
      </c>
      <c r="C5397">
        <v>0</v>
      </c>
      <c r="D5397">
        <v>0</v>
      </c>
    </row>
    <row r="5398" spans="1:4" x14ac:dyDescent="0.25">
      <c r="A5398" t="s">
        <v>8151</v>
      </c>
      <c r="B5398" t="s">
        <v>8153</v>
      </c>
      <c r="C5398">
        <v>0</v>
      </c>
      <c r="D5398">
        <v>0</v>
      </c>
    </row>
    <row r="5399" spans="1:4" x14ac:dyDescent="0.25">
      <c r="A5399" t="s">
        <v>8154</v>
      </c>
      <c r="B5399" t="s">
        <v>8155</v>
      </c>
      <c r="C5399">
        <v>2</v>
      </c>
      <c r="D5399">
        <v>0</v>
      </c>
    </row>
    <row r="5400" spans="1:4" x14ac:dyDescent="0.25">
      <c r="A5400" t="s">
        <v>8156</v>
      </c>
      <c r="B5400" t="s">
        <v>8157</v>
      </c>
      <c r="C5400">
        <v>1</v>
      </c>
      <c r="D5400">
        <v>0</v>
      </c>
    </row>
    <row r="5401" spans="1:4" x14ac:dyDescent="0.25">
      <c r="A5401" t="s">
        <v>8158</v>
      </c>
      <c r="B5401" t="s">
        <v>8159</v>
      </c>
      <c r="C5401">
        <v>2</v>
      </c>
      <c r="D5401">
        <v>0</v>
      </c>
    </row>
    <row r="5402" spans="1:4" x14ac:dyDescent="0.25">
      <c r="A5402" t="s">
        <v>8158</v>
      </c>
      <c r="B5402" t="s">
        <v>8160</v>
      </c>
      <c r="C5402">
        <v>1</v>
      </c>
      <c r="D5402">
        <v>0</v>
      </c>
    </row>
    <row r="5403" spans="1:4" x14ac:dyDescent="0.25">
      <c r="A5403" t="s">
        <v>8158</v>
      </c>
      <c r="B5403" t="s">
        <v>8161</v>
      </c>
      <c r="C5403">
        <v>1</v>
      </c>
      <c r="D5403">
        <v>0</v>
      </c>
    </row>
    <row r="5404" spans="1:4" x14ac:dyDescent="0.25">
      <c r="A5404" t="s">
        <v>8162</v>
      </c>
      <c r="B5404" t="s">
        <v>8163</v>
      </c>
      <c r="C5404">
        <v>1</v>
      </c>
      <c r="D5404">
        <v>0</v>
      </c>
    </row>
    <row r="5405" spans="1:4" x14ac:dyDescent="0.25">
      <c r="A5405" t="s">
        <v>8162</v>
      </c>
      <c r="B5405" t="s">
        <v>8164</v>
      </c>
      <c r="C5405">
        <v>1</v>
      </c>
      <c r="D5405">
        <v>0</v>
      </c>
    </row>
    <row r="5406" spans="1:4" x14ac:dyDescent="0.25">
      <c r="A5406" t="s">
        <v>8162</v>
      </c>
      <c r="B5406" t="s">
        <v>8165</v>
      </c>
      <c r="C5406">
        <v>1</v>
      </c>
      <c r="D5406">
        <v>0</v>
      </c>
    </row>
    <row r="5407" spans="1:4" x14ac:dyDescent="0.25">
      <c r="A5407" t="s">
        <v>8166</v>
      </c>
      <c r="B5407" t="s">
        <v>8167</v>
      </c>
      <c r="C5407">
        <v>0</v>
      </c>
      <c r="D5407">
        <v>0</v>
      </c>
    </row>
    <row r="5408" spans="1:4" x14ac:dyDescent="0.25">
      <c r="A5408" t="s">
        <v>8166</v>
      </c>
      <c r="B5408" t="s">
        <v>8168</v>
      </c>
      <c r="C5408">
        <v>0</v>
      </c>
      <c r="D5408">
        <v>0</v>
      </c>
    </row>
    <row r="5409" spans="1:4" x14ac:dyDescent="0.25">
      <c r="A5409" t="s">
        <v>8169</v>
      </c>
      <c r="B5409" t="s">
        <v>8170</v>
      </c>
      <c r="C5409">
        <v>1</v>
      </c>
      <c r="D5409">
        <v>0</v>
      </c>
    </row>
    <row r="5410" spans="1:4" x14ac:dyDescent="0.25">
      <c r="A5410" t="s">
        <v>8169</v>
      </c>
      <c r="B5410" t="s">
        <v>968</v>
      </c>
      <c r="C5410">
        <v>1</v>
      </c>
      <c r="D5410">
        <v>0</v>
      </c>
    </row>
    <row r="5411" spans="1:4" x14ac:dyDescent="0.25">
      <c r="A5411" t="s">
        <v>8169</v>
      </c>
      <c r="B5411" t="s">
        <v>8171</v>
      </c>
      <c r="C5411">
        <v>2</v>
      </c>
      <c r="D5411">
        <v>0</v>
      </c>
    </row>
    <row r="5412" spans="1:4" x14ac:dyDescent="0.25">
      <c r="A5412" t="s">
        <v>8172</v>
      </c>
      <c r="B5412" t="s">
        <v>8173</v>
      </c>
      <c r="C5412">
        <v>0</v>
      </c>
      <c r="D5412">
        <v>0</v>
      </c>
    </row>
    <row r="5413" spans="1:4" x14ac:dyDescent="0.25">
      <c r="A5413" t="s">
        <v>8172</v>
      </c>
      <c r="B5413" t="s">
        <v>8174</v>
      </c>
      <c r="C5413">
        <v>1</v>
      </c>
      <c r="D5413">
        <v>0</v>
      </c>
    </row>
    <row r="5414" spans="1:4" x14ac:dyDescent="0.25">
      <c r="A5414" t="s">
        <v>8175</v>
      </c>
      <c r="B5414" t="s">
        <v>8176</v>
      </c>
      <c r="C5414">
        <v>2</v>
      </c>
      <c r="D5414">
        <v>0</v>
      </c>
    </row>
    <row r="5415" spans="1:4" x14ac:dyDescent="0.25">
      <c r="A5415" t="s">
        <v>8177</v>
      </c>
      <c r="B5415" t="s">
        <v>8178</v>
      </c>
      <c r="C5415">
        <v>0</v>
      </c>
      <c r="D5415">
        <v>0</v>
      </c>
    </row>
    <row r="5416" spans="1:4" x14ac:dyDescent="0.25">
      <c r="A5416" t="s">
        <v>8177</v>
      </c>
      <c r="B5416" t="s">
        <v>8179</v>
      </c>
      <c r="C5416">
        <v>0</v>
      </c>
      <c r="D5416">
        <v>0</v>
      </c>
    </row>
    <row r="5417" spans="1:4" x14ac:dyDescent="0.25">
      <c r="A5417" t="s">
        <v>8180</v>
      </c>
      <c r="B5417" t="s">
        <v>2704</v>
      </c>
      <c r="C5417">
        <v>1</v>
      </c>
      <c r="D5417">
        <v>0</v>
      </c>
    </row>
    <row r="5418" spans="1:4" x14ac:dyDescent="0.25">
      <c r="A5418" t="s">
        <v>8180</v>
      </c>
      <c r="B5418" t="s">
        <v>1567</v>
      </c>
      <c r="C5418">
        <v>0</v>
      </c>
      <c r="D5418">
        <v>0</v>
      </c>
    </row>
    <row r="5419" spans="1:4" x14ac:dyDescent="0.25">
      <c r="A5419" t="s">
        <v>8181</v>
      </c>
      <c r="B5419" t="s">
        <v>8182</v>
      </c>
      <c r="C5419">
        <v>0</v>
      </c>
      <c r="D5419">
        <v>0</v>
      </c>
    </row>
    <row r="5420" spans="1:4" x14ac:dyDescent="0.25">
      <c r="A5420" t="s">
        <v>8181</v>
      </c>
      <c r="B5420" t="s">
        <v>8183</v>
      </c>
      <c r="C5420">
        <v>1</v>
      </c>
      <c r="D5420">
        <v>0</v>
      </c>
    </row>
    <row r="5421" spans="1:4" x14ac:dyDescent="0.25">
      <c r="A5421" t="s">
        <v>8184</v>
      </c>
      <c r="B5421" t="s">
        <v>8185</v>
      </c>
      <c r="C5421">
        <v>1</v>
      </c>
      <c r="D5421">
        <v>0</v>
      </c>
    </row>
    <row r="5422" spans="1:4" x14ac:dyDescent="0.25">
      <c r="A5422" t="s">
        <v>8184</v>
      </c>
      <c r="B5422" t="s">
        <v>8186</v>
      </c>
      <c r="C5422">
        <v>2</v>
      </c>
      <c r="D5422">
        <v>0</v>
      </c>
    </row>
    <row r="5423" spans="1:4" x14ac:dyDescent="0.25">
      <c r="A5423" t="s">
        <v>8184</v>
      </c>
      <c r="B5423" t="s">
        <v>8187</v>
      </c>
      <c r="C5423">
        <v>1</v>
      </c>
      <c r="D5423">
        <v>0</v>
      </c>
    </row>
    <row r="5424" spans="1:4" x14ac:dyDescent="0.25">
      <c r="A5424" t="s">
        <v>8188</v>
      </c>
      <c r="B5424" t="s">
        <v>8189</v>
      </c>
      <c r="C5424">
        <v>1</v>
      </c>
      <c r="D5424">
        <v>0</v>
      </c>
    </row>
    <row r="5425" spans="1:4" x14ac:dyDescent="0.25">
      <c r="A5425" t="s">
        <v>8188</v>
      </c>
      <c r="B5425" t="s">
        <v>8190</v>
      </c>
      <c r="C5425">
        <v>0</v>
      </c>
      <c r="D5425">
        <v>0</v>
      </c>
    </row>
    <row r="5426" spans="1:4" x14ac:dyDescent="0.25">
      <c r="A5426" t="s">
        <v>8188</v>
      </c>
      <c r="B5426" t="s">
        <v>8191</v>
      </c>
      <c r="C5426">
        <v>0</v>
      </c>
      <c r="D5426">
        <v>0</v>
      </c>
    </row>
    <row r="5427" spans="1:4" x14ac:dyDescent="0.25">
      <c r="A5427" t="s">
        <v>8192</v>
      </c>
      <c r="B5427" t="s">
        <v>945</v>
      </c>
      <c r="C5427">
        <v>1</v>
      </c>
      <c r="D5427">
        <v>0</v>
      </c>
    </row>
    <row r="5428" spans="1:4" x14ac:dyDescent="0.25">
      <c r="A5428" t="s">
        <v>8192</v>
      </c>
      <c r="B5428" t="s">
        <v>8193</v>
      </c>
      <c r="C5428">
        <v>0</v>
      </c>
      <c r="D5428">
        <v>0</v>
      </c>
    </row>
    <row r="5429" spans="1:4" x14ac:dyDescent="0.25">
      <c r="A5429" t="s">
        <v>8194</v>
      </c>
      <c r="B5429" t="s">
        <v>8195</v>
      </c>
      <c r="C5429">
        <v>2</v>
      </c>
      <c r="D5429">
        <v>0</v>
      </c>
    </row>
    <row r="5430" spans="1:4" x14ac:dyDescent="0.25">
      <c r="A5430" t="s">
        <v>8194</v>
      </c>
      <c r="B5430" t="s">
        <v>8196</v>
      </c>
      <c r="C5430">
        <v>0</v>
      </c>
      <c r="D5430">
        <v>0</v>
      </c>
    </row>
    <row r="5431" spans="1:4" x14ac:dyDescent="0.25">
      <c r="A5431" t="s">
        <v>8197</v>
      </c>
      <c r="B5431" t="s">
        <v>8198</v>
      </c>
      <c r="C5431">
        <v>0</v>
      </c>
      <c r="D5431">
        <v>0</v>
      </c>
    </row>
    <row r="5432" spans="1:4" x14ac:dyDescent="0.25">
      <c r="A5432" t="s">
        <v>8197</v>
      </c>
      <c r="B5432" t="s">
        <v>8199</v>
      </c>
      <c r="C5432">
        <v>2</v>
      </c>
      <c r="D5432">
        <v>0</v>
      </c>
    </row>
    <row r="5433" spans="1:4" x14ac:dyDescent="0.25">
      <c r="A5433" t="s">
        <v>8200</v>
      </c>
      <c r="B5433" t="s">
        <v>8201</v>
      </c>
      <c r="C5433">
        <v>2</v>
      </c>
      <c r="D5433">
        <v>0</v>
      </c>
    </row>
    <row r="5434" spans="1:4" x14ac:dyDescent="0.25">
      <c r="A5434" t="s">
        <v>8200</v>
      </c>
      <c r="B5434" t="s">
        <v>8202</v>
      </c>
      <c r="C5434">
        <v>2</v>
      </c>
      <c r="D5434">
        <v>0</v>
      </c>
    </row>
    <row r="5435" spans="1:4" x14ac:dyDescent="0.25">
      <c r="A5435" t="s">
        <v>8203</v>
      </c>
      <c r="B5435" t="s">
        <v>8204</v>
      </c>
      <c r="C5435">
        <v>0</v>
      </c>
      <c r="D5435">
        <v>0</v>
      </c>
    </row>
    <row r="5436" spans="1:4" x14ac:dyDescent="0.25">
      <c r="A5436" t="s">
        <v>8203</v>
      </c>
      <c r="B5436" t="s">
        <v>8205</v>
      </c>
      <c r="C5436">
        <v>2</v>
      </c>
      <c r="D5436">
        <v>0</v>
      </c>
    </row>
    <row r="5437" spans="1:4" x14ac:dyDescent="0.25">
      <c r="A5437" t="s">
        <v>8206</v>
      </c>
      <c r="B5437" t="s">
        <v>3858</v>
      </c>
      <c r="C5437">
        <v>1</v>
      </c>
      <c r="D5437">
        <v>0</v>
      </c>
    </row>
    <row r="5438" spans="1:4" x14ac:dyDescent="0.25">
      <c r="A5438" t="s">
        <v>8206</v>
      </c>
      <c r="B5438" t="s">
        <v>8207</v>
      </c>
      <c r="C5438">
        <v>0</v>
      </c>
      <c r="D5438">
        <v>0</v>
      </c>
    </row>
    <row r="5439" spans="1:4" x14ac:dyDescent="0.25">
      <c r="A5439" t="s">
        <v>8206</v>
      </c>
      <c r="B5439" t="s">
        <v>8208</v>
      </c>
      <c r="C5439">
        <v>2</v>
      </c>
      <c r="D5439">
        <v>0</v>
      </c>
    </row>
    <row r="5440" spans="1:4" x14ac:dyDescent="0.25">
      <c r="A5440" t="s">
        <v>8209</v>
      </c>
      <c r="B5440" t="s">
        <v>8210</v>
      </c>
      <c r="C5440">
        <v>0</v>
      </c>
      <c r="D5440">
        <v>0</v>
      </c>
    </row>
    <row r="5441" spans="1:4" x14ac:dyDescent="0.25">
      <c r="A5441" t="s">
        <v>8209</v>
      </c>
      <c r="B5441" t="s">
        <v>8211</v>
      </c>
      <c r="C5441">
        <v>0</v>
      </c>
      <c r="D5441">
        <v>0</v>
      </c>
    </row>
    <row r="5442" spans="1:4" x14ac:dyDescent="0.25">
      <c r="A5442" t="s">
        <v>8209</v>
      </c>
      <c r="B5442" t="s">
        <v>8212</v>
      </c>
      <c r="C5442">
        <v>0</v>
      </c>
      <c r="D5442">
        <v>0</v>
      </c>
    </row>
    <row r="5443" spans="1:4" x14ac:dyDescent="0.25">
      <c r="A5443" t="s">
        <v>8213</v>
      </c>
      <c r="B5443" t="s">
        <v>8214</v>
      </c>
      <c r="C5443">
        <v>2</v>
      </c>
      <c r="D5443">
        <v>0</v>
      </c>
    </row>
    <row r="5444" spans="1:4" x14ac:dyDescent="0.25">
      <c r="A5444" t="s">
        <v>8215</v>
      </c>
      <c r="B5444" t="s">
        <v>8216</v>
      </c>
      <c r="C5444">
        <v>2</v>
      </c>
      <c r="D5444">
        <v>0</v>
      </c>
    </row>
    <row r="5445" spans="1:4" x14ac:dyDescent="0.25">
      <c r="A5445" t="s">
        <v>8217</v>
      </c>
      <c r="B5445" t="s">
        <v>8218</v>
      </c>
      <c r="C5445">
        <v>0</v>
      </c>
      <c r="D5445">
        <v>0</v>
      </c>
    </row>
    <row r="5446" spans="1:4" x14ac:dyDescent="0.25">
      <c r="A5446" t="s">
        <v>8217</v>
      </c>
      <c r="B5446" t="s">
        <v>8219</v>
      </c>
      <c r="C5446">
        <v>0</v>
      </c>
      <c r="D5446">
        <v>0</v>
      </c>
    </row>
    <row r="5447" spans="1:4" x14ac:dyDescent="0.25">
      <c r="A5447" t="s">
        <v>8220</v>
      </c>
      <c r="B5447" t="s">
        <v>8221</v>
      </c>
      <c r="C5447">
        <v>1</v>
      </c>
      <c r="D5447">
        <v>0</v>
      </c>
    </row>
    <row r="5448" spans="1:4" x14ac:dyDescent="0.25">
      <c r="A5448" t="s">
        <v>8222</v>
      </c>
      <c r="B5448" t="s">
        <v>8223</v>
      </c>
      <c r="C5448">
        <v>0</v>
      </c>
      <c r="D5448">
        <v>0</v>
      </c>
    </row>
    <row r="5449" spans="1:4" x14ac:dyDescent="0.25">
      <c r="A5449" t="s">
        <v>8222</v>
      </c>
      <c r="B5449" t="s">
        <v>8224</v>
      </c>
      <c r="C5449">
        <v>1</v>
      </c>
      <c r="D5449">
        <v>0</v>
      </c>
    </row>
    <row r="5450" spans="1:4" x14ac:dyDescent="0.25">
      <c r="A5450" t="s">
        <v>8225</v>
      </c>
      <c r="B5450" t="s">
        <v>8226</v>
      </c>
      <c r="C5450">
        <v>2</v>
      </c>
      <c r="D5450">
        <v>0</v>
      </c>
    </row>
    <row r="5451" spans="1:4" x14ac:dyDescent="0.25">
      <c r="A5451" t="s">
        <v>8225</v>
      </c>
      <c r="B5451" t="s">
        <v>8227</v>
      </c>
      <c r="C5451">
        <v>1</v>
      </c>
      <c r="D5451">
        <v>0</v>
      </c>
    </row>
    <row r="5452" spans="1:4" x14ac:dyDescent="0.25">
      <c r="A5452" t="s">
        <v>8225</v>
      </c>
      <c r="B5452" t="s">
        <v>8228</v>
      </c>
      <c r="C5452">
        <v>2</v>
      </c>
      <c r="D5452">
        <v>0</v>
      </c>
    </row>
    <row r="5453" spans="1:4" x14ac:dyDescent="0.25">
      <c r="A5453" t="s">
        <v>8229</v>
      </c>
      <c r="B5453" t="s">
        <v>8230</v>
      </c>
      <c r="C5453">
        <v>0</v>
      </c>
      <c r="D5453">
        <v>0</v>
      </c>
    </row>
    <row r="5454" spans="1:4" x14ac:dyDescent="0.25">
      <c r="A5454" t="s">
        <v>8231</v>
      </c>
      <c r="B5454" t="s">
        <v>8232</v>
      </c>
      <c r="C5454">
        <v>0</v>
      </c>
      <c r="D5454">
        <v>0</v>
      </c>
    </row>
    <row r="5455" spans="1:4" x14ac:dyDescent="0.25">
      <c r="A5455" t="s">
        <v>8233</v>
      </c>
      <c r="B5455" t="s">
        <v>8234</v>
      </c>
      <c r="C5455">
        <v>1</v>
      </c>
      <c r="D5455">
        <v>0</v>
      </c>
    </row>
    <row r="5456" spans="1:4" x14ac:dyDescent="0.25">
      <c r="A5456" t="s">
        <v>8233</v>
      </c>
      <c r="B5456" t="s">
        <v>8235</v>
      </c>
      <c r="C5456">
        <v>0</v>
      </c>
      <c r="D5456">
        <v>0</v>
      </c>
    </row>
    <row r="5457" spans="1:4" x14ac:dyDescent="0.25">
      <c r="A5457" t="s">
        <v>8233</v>
      </c>
      <c r="B5457" t="s">
        <v>8236</v>
      </c>
      <c r="C5457">
        <v>0</v>
      </c>
      <c r="D5457">
        <v>0</v>
      </c>
    </row>
    <row r="5458" spans="1:4" x14ac:dyDescent="0.25">
      <c r="A5458" t="s">
        <v>8237</v>
      </c>
      <c r="B5458" t="s">
        <v>8238</v>
      </c>
      <c r="C5458">
        <v>1</v>
      </c>
      <c r="D5458">
        <v>0</v>
      </c>
    </row>
    <row r="5459" spans="1:4" x14ac:dyDescent="0.25">
      <c r="A5459" t="s">
        <v>8239</v>
      </c>
      <c r="B5459" t="s">
        <v>8240</v>
      </c>
      <c r="C5459">
        <v>0</v>
      </c>
      <c r="D5459">
        <v>0</v>
      </c>
    </row>
    <row r="5460" spans="1:4" x14ac:dyDescent="0.25">
      <c r="A5460" t="s">
        <v>8239</v>
      </c>
      <c r="B5460" t="s">
        <v>1294</v>
      </c>
      <c r="C5460">
        <v>1</v>
      </c>
      <c r="D5460">
        <v>0</v>
      </c>
    </row>
    <row r="5461" spans="1:4" x14ac:dyDescent="0.25">
      <c r="A5461" t="s">
        <v>8241</v>
      </c>
      <c r="B5461" t="s">
        <v>8242</v>
      </c>
      <c r="C5461">
        <v>1</v>
      </c>
      <c r="D5461">
        <v>0</v>
      </c>
    </row>
    <row r="5462" spans="1:4" x14ac:dyDescent="0.25">
      <c r="A5462" t="s">
        <v>8241</v>
      </c>
      <c r="B5462" t="s">
        <v>8243</v>
      </c>
      <c r="C5462">
        <v>1</v>
      </c>
      <c r="D5462">
        <v>0</v>
      </c>
    </row>
    <row r="5463" spans="1:4" x14ac:dyDescent="0.25">
      <c r="A5463" t="s">
        <v>8244</v>
      </c>
      <c r="B5463" t="s">
        <v>8245</v>
      </c>
      <c r="C5463">
        <v>1</v>
      </c>
      <c r="D5463">
        <v>0</v>
      </c>
    </row>
    <row r="5464" spans="1:4" x14ac:dyDescent="0.25">
      <c r="A5464" t="s">
        <v>8244</v>
      </c>
      <c r="B5464" t="s">
        <v>8246</v>
      </c>
      <c r="C5464">
        <v>2</v>
      </c>
      <c r="D5464">
        <v>0</v>
      </c>
    </row>
    <row r="5465" spans="1:4" x14ac:dyDescent="0.25">
      <c r="A5465" t="s">
        <v>8247</v>
      </c>
      <c r="B5465" t="s">
        <v>8248</v>
      </c>
      <c r="C5465">
        <v>1</v>
      </c>
      <c r="D5465">
        <v>0</v>
      </c>
    </row>
    <row r="5466" spans="1:4" x14ac:dyDescent="0.25">
      <c r="A5466" t="s">
        <v>8247</v>
      </c>
      <c r="B5466" t="s">
        <v>8249</v>
      </c>
      <c r="C5466">
        <v>1</v>
      </c>
      <c r="D5466">
        <v>0</v>
      </c>
    </row>
    <row r="5467" spans="1:4" x14ac:dyDescent="0.25">
      <c r="A5467" t="s">
        <v>8250</v>
      </c>
      <c r="B5467" t="s">
        <v>1001</v>
      </c>
      <c r="C5467">
        <v>1</v>
      </c>
      <c r="D5467">
        <v>0</v>
      </c>
    </row>
    <row r="5468" spans="1:4" x14ac:dyDescent="0.25">
      <c r="A5468" t="s">
        <v>8250</v>
      </c>
      <c r="B5468" t="s">
        <v>8251</v>
      </c>
      <c r="C5468">
        <v>1</v>
      </c>
      <c r="D5468">
        <v>0</v>
      </c>
    </row>
    <row r="5469" spans="1:4" x14ac:dyDescent="0.25">
      <c r="A5469" t="s">
        <v>8252</v>
      </c>
      <c r="B5469" t="s">
        <v>8253</v>
      </c>
      <c r="C5469">
        <v>2</v>
      </c>
      <c r="D5469">
        <v>0</v>
      </c>
    </row>
    <row r="5470" spans="1:4" x14ac:dyDescent="0.25">
      <c r="A5470" t="s">
        <v>8252</v>
      </c>
      <c r="B5470" t="s">
        <v>8254</v>
      </c>
      <c r="C5470">
        <v>2</v>
      </c>
      <c r="D5470">
        <v>0</v>
      </c>
    </row>
    <row r="5471" spans="1:4" x14ac:dyDescent="0.25">
      <c r="A5471" t="s">
        <v>8255</v>
      </c>
      <c r="B5471" t="s">
        <v>8256</v>
      </c>
      <c r="C5471">
        <v>1</v>
      </c>
      <c r="D5471">
        <v>0</v>
      </c>
    </row>
    <row r="5472" spans="1:4" x14ac:dyDescent="0.25">
      <c r="A5472" t="s">
        <v>8255</v>
      </c>
      <c r="B5472" t="s">
        <v>8257</v>
      </c>
      <c r="C5472">
        <v>2</v>
      </c>
      <c r="D5472">
        <v>0</v>
      </c>
    </row>
    <row r="5473" spans="1:4" x14ac:dyDescent="0.25">
      <c r="A5473" t="s">
        <v>8255</v>
      </c>
      <c r="B5473" t="s">
        <v>8258</v>
      </c>
      <c r="C5473">
        <v>1</v>
      </c>
      <c r="D5473">
        <v>0</v>
      </c>
    </row>
    <row r="5474" spans="1:4" x14ac:dyDescent="0.25">
      <c r="A5474" t="s">
        <v>8259</v>
      </c>
      <c r="B5474" t="s">
        <v>8260</v>
      </c>
      <c r="C5474">
        <v>1</v>
      </c>
      <c r="D5474">
        <v>0</v>
      </c>
    </row>
    <row r="5475" spans="1:4" x14ac:dyDescent="0.25">
      <c r="A5475" t="s">
        <v>8261</v>
      </c>
      <c r="B5475" t="s">
        <v>8262</v>
      </c>
      <c r="C5475">
        <v>1</v>
      </c>
      <c r="D5475">
        <v>0</v>
      </c>
    </row>
    <row r="5476" spans="1:4" x14ac:dyDescent="0.25">
      <c r="A5476" t="s">
        <v>8261</v>
      </c>
      <c r="B5476" t="s">
        <v>8263</v>
      </c>
      <c r="C5476">
        <v>2</v>
      </c>
      <c r="D5476">
        <v>0</v>
      </c>
    </row>
    <row r="5477" spans="1:4" x14ac:dyDescent="0.25">
      <c r="A5477" t="s">
        <v>8261</v>
      </c>
      <c r="B5477" t="s">
        <v>8264</v>
      </c>
      <c r="C5477">
        <v>0</v>
      </c>
      <c r="D5477">
        <v>0</v>
      </c>
    </row>
    <row r="5478" spans="1:4" x14ac:dyDescent="0.25">
      <c r="A5478" t="s">
        <v>8265</v>
      </c>
      <c r="B5478" t="s">
        <v>843</v>
      </c>
      <c r="C5478">
        <v>1</v>
      </c>
      <c r="D5478">
        <v>0</v>
      </c>
    </row>
    <row r="5479" spans="1:4" x14ac:dyDescent="0.25">
      <c r="A5479" t="s">
        <v>8266</v>
      </c>
      <c r="B5479" t="s">
        <v>2061</v>
      </c>
      <c r="C5479">
        <v>0</v>
      </c>
      <c r="D5479">
        <v>0</v>
      </c>
    </row>
    <row r="5480" spans="1:4" x14ac:dyDescent="0.25">
      <c r="A5480" t="s">
        <v>8266</v>
      </c>
      <c r="B5480" t="s">
        <v>8267</v>
      </c>
      <c r="C5480">
        <v>1</v>
      </c>
      <c r="D5480">
        <v>0</v>
      </c>
    </row>
    <row r="5481" spans="1:4" x14ac:dyDescent="0.25">
      <c r="A5481" t="s">
        <v>8266</v>
      </c>
      <c r="B5481" t="s">
        <v>8268</v>
      </c>
      <c r="C5481">
        <v>2</v>
      </c>
      <c r="D5481">
        <v>0</v>
      </c>
    </row>
    <row r="5482" spans="1:4" x14ac:dyDescent="0.25">
      <c r="A5482" t="s">
        <v>8269</v>
      </c>
      <c r="B5482" t="s">
        <v>852</v>
      </c>
      <c r="C5482">
        <v>0</v>
      </c>
      <c r="D5482">
        <v>0</v>
      </c>
    </row>
    <row r="5483" spans="1:4" x14ac:dyDescent="0.25">
      <c r="A5483" t="s">
        <v>8270</v>
      </c>
      <c r="B5483" t="s">
        <v>8271</v>
      </c>
      <c r="C5483">
        <v>0</v>
      </c>
      <c r="D5483">
        <v>0</v>
      </c>
    </row>
    <row r="5484" spans="1:4" x14ac:dyDescent="0.25">
      <c r="A5484" t="s">
        <v>8270</v>
      </c>
      <c r="B5484" t="s">
        <v>8272</v>
      </c>
      <c r="C5484">
        <v>0</v>
      </c>
      <c r="D5484">
        <v>0</v>
      </c>
    </row>
    <row r="5485" spans="1:4" x14ac:dyDescent="0.25">
      <c r="A5485" t="s">
        <v>8273</v>
      </c>
      <c r="B5485" t="s">
        <v>2052</v>
      </c>
      <c r="C5485">
        <v>0</v>
      </c>
      <c r="D5485">
        <v>0</v>
      </c>
    </row>
    <row r="5486" spans="1:4" x14ac:dyDescent="0.25">
      <c r="A5486" t="s">
        <v>8273</v>
      </c>
      <c r="B5486" t="s">
        <v>8274</v>
      </c>
      <c r="C5486">
        <v>1</v>
      </c>
      <c r="D5486">
        <v>0</v>
      </c>
    </row>
    <row r="5487" spans="1:4" x14ac:dyDescent="0.25">
      <c r="A5487" t="s">
        <v>8275</v>
      </c>
      <c r="B5487" t="s">
        <v>968</v>
      </c>
      <c r="C5487">
        <v>1</v>
      </c>
      <c r="D5487">
        <v>0</v>
      </c>
    </row>
    <row r="5488" spans="1:4" x14ac:dyDescent="0.25">
      <c r="A5488" t="s">
        <v>8276</v>
      </c>
      <c r="B5488" t="s">
        <v>8277</v>
      </c>
      <c r="C5488">
        <v>0</v>
      </c>
      <c r="D5488">
        <v>0</v>
      </c>
    </row>
    <row r="5489" spans="1:4" x14ac:dyDescent="0.25">
      <c r="A5489" t="s">
        <v>8278</v>
      </c>
      <c r="B5489" t="s">
        <v>8279</v>
      </c>
      <c r="C5489">
        <v>1</v>
      </c>
      <c r="D5489">
        <v>0</v>
      </c>
    </row>
    <row r="5490" spans="1:4" x14ac:dyDescent="0.25">
      <c r="A5490" t="s">
        <v>8280</v>
      </c>
      <c r="B5490" t="s">
        <v>8281</v>
      </c>
      <c r="C5490">
        <v>2</v>
      </c>
      <c r="D5490">
        <v>0</v>
      </c>
    </row>
    <row r="5491" spans="1:4" x14ac:dyDescent="0.25">
      <c r="A5491" t="s">
        <v>8282</v>
      </c>
      <c r="B5491" t="s">
        <v>8283</v>
      </c>
      <c r="C5491">
        <v>1</v>
      </c>
      <c r="D5491">
        <v>0</v>
      </c>
    </row>
    <row r="5492" spans="1:4" x14ac:dyDescent="0.25">
      <c r="A5492" t="s">
        <v>8282</v>
      </c>
      <c r="B5492" t="s">
        <v>8284</v>
      </c>
      <c r="C5492">
        <v>2</v>
      </c>
      <c r="D5492">
        <v>0</v>
      </c>
    </row>
    <row r="5493" spans="1:4" x14ac:dyDescent="0.25">
      <c r="A5493" t="s">
        <v>8285</v>
      </c>
      <c r="B5493" t="s">
        <v>1246</v>
      </c>
      <c r="C5493">
        <v>0</v>
      </c>
      <c r="D5493">
        <v>0</v>
      </c>
    </row>
    <row r="5494" spans="1:4" x14ac:dyDescent="0.25">
      <c r="A5494" t="s">
        <v>8285</v>
      </c>
      <c r="B5494" t="s">
        <v>8286</v>
      </c>
      <c r="C5494">
        <v>1</v>
      </c>
      <c r="D5494">
        <v>0</v>
      </c>
    </row>
    <row r="5495" spans="1:4" x14ac:dyDescent="0.25">
      <c r="A5495" t="s">
        <v>8287</v>
      </c>
      <c r="B5495" t="s">
        <v>8288</v>
      </c>
      <c r="C5495">
        <v>2</v>
      </c>
      <c r="D5495">
        <v>0</v>
      </c>
    </row>
    <row r="5496" spans="1:4" x14ac:dyDescent="0.25">
      <c r="A5496" t="s">
        <v>8287</v>
      </c>
      <c r="B5496" t="s">
        <v>8289</v>
      </c>
      <c r="C5496">
        <v>1</v>
      </c>
      <c r="D5496">
        <v>0</v>
      </c>
    </row>
    <row r="5497" spans="1:4" x14ac:dyDescent="0.25">
      <c r="A5497" t="s">
        <v>8290</v>
      </c>
      <c r="B5497" t="s">
        <v>1001</v>
      </c>
      <c r="C5497">
        <v>1</v>
      </c>
      <c r="D5497">
        <v>0</v>
      </c>
    </row>
    <row r="5498" spans="1:4" x14ac:dyDescent="0.25">
      <c r="A5498" t="s">
        <v>8291</v>
      </c>
      <c r="B5498" t="s">
        <v>8292</v>
      </c>
      <c r="C5498">
        <v>0</v>
      </c>
      <c r="D5498">
        <v>0</v>
      </c>
    </row>
    <row r="5499" spans="1:4" x14ac:dyDescent="0.25">
      <c r="A5499" t="s">
        <v>8291</v>
      </c>
      <c r="B5499" t="s">
        <v>8293</v>
      </c>
      <c r="C5499">
        <v>0</v>
      </c>
      <c r="D5499">
        <v>0</v>
      </c>
    </row>
    <row r="5500" spans="1:4" x14ac:dyDescent="0.25">
      <c r="A5500" t="s">
        <v>8291</v>
      </c>
      <c r="B5500" t="s">
        <v>8294</v>
      </c>
      <c r="C5500">
        <v>1</v>
      </c>
      <c r="D5500">
        <v>0</v>
      </c>
    </row>
    <row r="5501" spans="1:4" x14ac:dyDescent="0.25">
      <c r="A5501" t="s">
        <v>8295</v>
      </c>
      <c r="B5501" t="s">
        <v>8296</v>
      </c>
      <c r="C5501">
        <v>0</v>
      </c>
      <c r="D5501">
        <v>0</v>
      </c>
    </row>
    <row r="5502" spans="1:4" x14ac:dyDescent="0.25">
      <c r="A5502" t="s">
        <v>8297</v>
      </c>
      <c r="B5502" t="s">
        <v>8298</v>
      </c>
      <c r="C5502">
        <v>0</v>
      </c>
      <c r="D5502">
        <v>0</v>
      </c>
    </row>
    <row r="5503" spans="1:4" x14ac:dyDescent="0.25">
      <c r="A5503" t="s">
        <v>8299</v>
      </c>
      <c r="B5503" t="s">
        <v>8300</v>
      </c>
      <c r="C5503">
        <v>0</v>
      </c>
      <c r="D5503">
        <v>0</v>
      </c>
    </row>
    <row r="5504" spans="1:4" x14ac:dyDescent="0.25">
      <c r="A5504" t="s">
        <v>8299</v>
      </c>
      <c r="B5504" t="s">
        <v>8301</v>
      </c>
      <c r="C5504">
        <v>1</v>
      </c>
      <c r="D5504">
        <v>0</v>
      </c>
    </row>
    <row r="5505" spans="1:4" x14ac:dyDescent="0.25">
      <c r="A5505" t="s">
        <v>8299</v>
      </c>
      <c r="B5505" t="s">
        <v>8302</v>
      </c>
      <c r="C5505">
        <v>0</v>
      </c>
      <c r="D5505">
        <v>0</v>
      </c>
    </row>
    <row r="5506" spans="1:4" x14ac:dyDescent="0.25">
      <c r="A5506" t="s">
        <v>8303</v>
      </c>
      <c r="B5506" t="s">
        <v>969</v>
      </c>
      <c r="C5506">
        <v>0</v>
      </c>
      <c r="D5506">
        <v>0</v>
      </c>
    </row>
    <row r="5507" spans="1:4" x14ac:dyDescent="0.25">
      <c r="A5507" t="s">
        <v>8304</v>
      </c>
      <c r="B5507" t="s">
        <v>8305</v>
      </c>
      <c r="C5507">
        <v>0</v>
      </c>
      <c r="D5507">
        <v>0</v>
      </c>
    </row>
    <row r="5508" spans="1:4" x14ac:dyDescent="0.25">
      <c r="A5508" t="s">
        <v>8306</v>
      </c>
      <c r="B5508" t="s">
        <v>8307</v>
      </c>
      <c r="C5508">
        <v>1</v>
      </c>
      <c r="D5508">
        <v>0</v>
      </c>
    </row>
    <row r="5509" spans="1:4" x14ac:dyDescent="0.25">
      <c r="A5509" t="s">
        <v>8308</v>
      </c>
      <c r="B5509" t="s">
        <v>8309</v>
      </c>
      <c r="C5509">
        <v>1</v>
      </c>
      <c r="D5509">
        <v>0</v>
      </c>
    </row>
    <row r="5510" spans="1:4" x14ac:dyDescent="0.25">
      <c r="A5510" t="s">
        <v>8308</v>
      </c>
      <c r="B5510" t="s">
        <v>8310</v>
      </c>
      <c r="C5510">
        <v>1</v>
      </c>
      <c r="D5510">
        <v>0</v>
      </c>
    </row>
    <row r="5511" spans="1:4" x14ac:dyDescent="0.25">
      <c r="A5511" t="s">
        <v>8311</v>
      </c>
      <c r="B5511" t="s">
        <v>8312</v>
      </c>
      <c r="C5511">
        <v>1</v>
      </c>
      <c r="D5511">
        <v>0</v>
      </c>
    </row>
    <row r="5512" spans="1:4" x14ac:dyDescent="0.25">
      <c r="A5512" t="s">
        <v>8311</v>
      </c>
      <c r="B5512" t="s">
        <v>8313</v>
      </c>
      <c r="C5512">
        <v>0</v>
      </c>
      <c r="D5512">
        <v>0</v>
      </c>
    </row>
    <row r="5513" spans="1:4" x14ac:dyDescent="0.25">
      <c r="A5513" t="s">
        <v>8314</v>
      </c>
      <c r="B5513" t="s">
        <v>8315</v>
      </c>
      <c r="C5513">
        <v>1</v>
      </c>
      <c r="D5513">
        <v>0</v>
      </c>
    </row>
    <row r="5514" spans="1:4" x14ac:dyDescent="0.25">
      <c r="A5514" t="s">
        <v>8316</v>
      </c>
      <c r="B5514" t="s">
        <v>8317</v>
      </c>
      <c r="C5514">
        <v>2</v>
      </c>
      <c r="D5514">
        <v>0</v>
      </c>
    </row>
    <row r="5515" spans="1:4" x14ac:dyDescent="0.25">
      <c r="A5515" t="s">
        <v>8316</v>
      </c>
      <c r="B5515" t="s">
        <v>8318</v>
      </c>
      <c r="C5515">
        <v>2</v>
      </c>
      <c r="D5515">
        <v>0</v>
      </c>
    </row>
    <row r="5516" spans="1:4" x14ac:dyDescent="0.25">
      <c r="A5516" t="s">
        <v>8316</v>
      </c>
      <c r="B5516" t="s">
        <v>8319</v>
      </c>
      <c r="C5516">
        <v>2</v>
      </c>
      <c r="D5516">
        <v>0</v>
      </c>
    </row>
    <row r="5517" spans="1:4" x14ac:dyDescent="0.25">
      <c r="A5517" t="s">
        <v>8320</v>
      </c>
      <c r="B5517" t="s">
        <v>8321</v>
      </c>
      <c r="C5517">
        <v>0</v>
      </c>
      <c r="D5517">
        <v>0</v>
      </c>
    </row>
    <row r="5518" spans="1:4" x14ac:dyDescent="0.25">
      <c r="A5518" t="s">
        <v>8320</v>
      </c>
      <c r="B5518" t="s">
        <v>8322</v>
      </c>
      <c r="C5518">
        <v>0</v>
      </c>
      <c r="D5518">
        <v>0</v>
      </c>
    </row>
    <row r="5519" spans="1:4" x14ac:dyDescent="0.25">
      <c r="A5519" t="s">
        <v>8323</v>
      </c>
      <c r="B5519" t="s">
        <v>8324</v>
      </c>
      <c r="C5519">
        <v>2</v>
      </c>
      <c r="D5519">
        <v>0</v>
      </c>
    </row>
    <row r="5520" spans="1:4" x14ac:dyDescent="0.25">
      <c r="A5520" t="s">
        <v>8323</v>
      </c>
      <c r="B5520" t="s">
        <v>8325</v>
      </c>
      <c r="C5520">
        <v>0</v>
      </c>
      <c r="D5520">
        <v>0</v>
      </c>
    </row>
    <row r="5521" spans="1:4" x14ac:dyDescent="0.25">
      <c r="A5521" t="s">
        <v>8323</v>
      </c>
      <c r="B5521" t="s">
        <v>8326</v>
      </c>
      <c r="C5521">
        <v>2</v>
      </c>
      <c r="D5521">
        <v>0</v>
      </c>
    </row>
    <row r="5522" spans="1:4" x14ac:dyDescent="0.25">
      <c r="A5522" t="s">
        <v>8327</v>
      </c>
      <c r="B5522" t="s">
        <v>8328</v>
      </c>
      <c r="C5522">
        <v>0</v>
      </c>
      <c r="D5522">
        <v>0</v>
      </c>
    </row>
    <row r="5523" spans="1:4" x14ac:dyDescent="0.25">
      <c r="A5523" t="s">
        <v>8329</v>
      </c>
      <c r="B5523" t="s">
        <v>8330</v>
      </c>
      <c r="C5523">
        <v>2</v>
      </c>
      <c r="D5523">
        <v>0</v>
      </c>
    </row>
    <row r="5524" spans="1:4" x14ac:dyDescent="0.25">
      <c r="A5524" t="s">
        <v>8329</v>
      </c>
      <c r="B5524" t="s">
        <v>816</v>
      </c>
      <c r="C5524">
        <v>1</v>
      </c>
      <c r="D5524">
        <v>0</v>
      </c>
    </row>
    <row r="5525" spans="1:4" x14ac:dyDescent="0.25">
      <c r="A5525" t="s">
        <v>8329</v>
      </c>
      <c r="B5525" t="s">
        <v>8331</v>
      </c>
      <c r="C5525">
        <v>2</v>
      </c>
      <c r="D5525">
        <v>0</v>
      </c>
    </row>
    <row r="5526" spans="1:4" x14ac:dyDescent="0.25">
      <c r="A5526" t="s">
        <v>8332</v>
      </c>
      <c r="B5526" t="s">
        <v>8333</v>
      </c>
      <c r="C5526">
        <v>0</v>
      </c>
      <c r="D5526">
        <v>0</v>
      </c>
    </row>
    <row r="5527" spans="1:4" x14ac:dyDescent="0.25">
      <c r="A5527" t="s">
        <v>8332</v>
      </c>
      <c r="B5527" t="s">
        <v>8334</v>
      </c>
      <c r="C5527">
        <v>0</v>
      </c>
      <c r="D5527">
        <v>0</v>
      </c>
    </row>
    <row r="5528" spans="1:4" x14ac:dyDescent="0.25">
      <c r="A5528" t="s">
        <v>8335</v>
      </c>
      <c r="B5528" t="s">
        <v>8336</v>
      </c>
      <c r="C5528">
        <v>1</v>
      </c>
      <c r="D5528">
        <v>0</v>
      </c>
    </row>
    <row r="5529" spans="1:4" x14ac:dyDescent="0.25">
      <c r="A5529" t="s">
        <v>8337</v>
      </c>
      <c r="B5529" t="s">
        <v>8338</v>
      </c>
      <c r="C5529">
        <v>1</v>
      </c>
      <c r="D5529">
        <v>0</v>
      </c>
    </row>
    <row r="5530" spans="1:4" x14ac:dyDescent="0.25">
      <c r="A5530" t="s">
        <v>8337</v>
      </c>
      <c r="B5530" t="s">
        <v>8339</v>
      </c>
      <c r="C5530">
        <v>1</v>
      </c>
      <c r="D5530">
        <v>0</v>
      </c>
    </row>
    <row r="5531" spans="1:4" x14ac:dyDescent="0.25">
      <c r="A5531" t="s">
        <v>8340</v>
      </c>
      <c r="B5531" t="s">
        <v>8341</v>
      </c>
      <c r="C5531">
        <v>1</v>
      </c>
      <c r="D5531">
        <v>0</v>
      </c>
    </row>
    <row r="5532" spans="1:4" x14ac:dyDescent="0.25">
      <c r="A5532" t="s">
        <v>8342</v>
      </c>
      <c r="B5532" t="s">
        <v>816</v>
      </c>
      <c r="C5532">
        <v>1</v>
      </c>
      <c r="D5532">
        <v>0</v>
      </c>
    </row>
    <row r="5533" spans="1:4" x14ac:dyDescent="0.25">
      <c r="A5533" t="s">
        <v>8342</v>
      </c>
      <c r="B5533" t="s">
        <v>8343</v>
      </c>
      <c r="C5533">
        <v>1</v>
      </c>
      <c r="D5533">
        <v>0</v>
      </c>
    </row>
    <row r="5534" spans="1:4" x14ac:dyDescent="0.25">
      <c r="A5534" t="s">
        <v>8342</v>
      </c>
      <c r="B5534" t="s">
        <v>8344</v>
      </c>
      <c r="C5534">
        <v>0</v>
      </c>
      <c r="D5534">
        <v>0</v>
      </c>
    </row>
    <row r="5535" spans="1:4" x14ac:dyDescent="0.25">
      <c r="A5535" t="s">
        <v>8345</v>
      </c>
      <c r="B5535" t="s">
        <v>3266</v>
      </c>
      <c r="C5535">
        <v>1</v>
      </c>
      <c r="D5535">
        <v>0</v>
      </c>
    </row>
    <row r="5536" spans="1:4" x14ac:dyDescent="0.25">
      <c r="A5536" t="s">
        <v>8346</v>
      </c>
      <c r="B5536" t="s">
        <v>8347</v>
      </c>
      <c r="C5536">
        <v>2</v>
      </c>
      <c r="D5536">
        <v>0</v>
      </c>
    </row>
    <row r="5537" spans="1:4" x14ac:dyDescent="0.25">
      <c r="A5537" t="s">
        <v>8348</v>
      </c>
      <c r="B5537" t="s">
        <v>8349</v>
      </c>
      <c r="C5537">
        <v>0</v>
      </c>
      <c r="D5537">
        <v>0</v>
      </c>
    </row>
    <row r="5538" spans="1:4" x14ac:dyDescent="0.25">
      <c r="A5538" t="s">
        <v>8350</v>
      </c>
      <c r="B5538" t="s">
        <v>8351</v>
      </c>
      <c r="C5538">
        <v>0</v>
      </c>
      <c r="D5538">
        <v>0</v>
      </c>
    </row>
    <row r="5539" spans="1:4" x14ac:dyDescent="0.25">
      <c r="A5539" t="s">
        <v>8350</v>
      </c>
      <c r="B5539" t="s">
        <v>8352</v>
      </c>
      <c r="C5539">
        <v>0</v>
      </c>
      <c r="D5539">
        <v>0</v>
      </c>
    </row>
    <row r="5540" spans="1:4" x14ac:dyDescent="0.25">
      <c r="A5540" t="s">
        <v>8350</v>
      </c>
      <c r="B5540" t="s">
        <v>8353</v>
      </c>
      <c r="C5540">
        <v>0</v>
      </c>
      <c r="D5540">
        <v>0</v>
      </c>
    </row>
    <row r="5541" spans="1:4" x14ac:dyDescent="0.25">
      <c r="A5541" t="s">
        <v>8354</v>
      </c>
      <c r="B5541" t="s">
        <v>8355</v>
      </c>
      <c r="C5541">
        <v>2</v>
      </c>
      <c r="D5541">
        <v>0</v>
      </c>
    </row>
    <row r="5542" spans="1:4" x14ac:dyDescent="0.25">
      <c r="A5542" t="s">
        <v>8354</v>
      </c>
      <c r="B5542" t="s">
        <v>8356</v>
      </c>
      <c r="C5542">
        <v>2</v>
      </c>
      <c r="D5542">
        <v>0</v>
      </c>
    </row>
    <row r="5543" spans="1:4" x14ac:dyDescent="0.25">
      <c r="A5543" t="s">
        <v>8354</v>
      </c>
      <c r="B5543" t="s">
        <v>8357</v>
      </c>
      <c r="C5543">
        <v>2</v>
      </c>
      <c r="D5543">
        <v>0</v>
      </c>
    </row>
    <row r="5544" spans="1:4" x14ac:dyDescent="0.25">
      <c r="A5544" t="s">
        <v>8358</v>
      </c>
      <c r="B5544" t="s">
        <v>2061</v>
      </c>
      <c r="C5544">
        <v>0</v>
      </c>
      <c r="D5544">
        <v>0</v>
      </c>
    </row>
    <row r="5545" spans="1:4" x14ac:dyDescent="0.25">
      <c r="A5545" t="s">
        <v>8359</v>
      </c>
      <c r="B5545" t="s">
        <v>8360</v>
      </c>
      <c r="C5545">
        <v>1</v>
      </c>
      <c r="D5545">
        <v>0</v>
      </c>
    </row>
    <row r="5546" spans="1:4" x14ac:dyDescent="0.25">
      <c r="A5546" t="s">
        <v>8361</v>
      </c>
      <c r="B5546" t="s">
        <v>8362</v>
      </c>
      <c r="C5546">
        <v>1</v>
      </c>
      <c r="D5546">
        <v>0</v>
      </c>
    </row>
    <row r="5547" spans="1:4" x14ac:dyDescent="0.25">
      <c r="A5547" t="s">
        <v>8363</v>
      </c>
      <c r="B5547" t="s">
        <v>8364</v>
      </c>
      <c r="C5547">
        <v>1</v>
      </c>
      <c r="D5547">
        <v>0</v>
      </c>
    </row>
    <row r="5548" spans="1:4" x14ac:dyDescent="0.25">
      <c r="A5548" t="s">
        <v>8365</v>
      </c>
      <c r="B5548" t="s">
        <v>8366</v>
      </c>
      <c r="C5548">
        <v>0</v>
      </c>
      <c r="D5548">
        <v>0</v>
      </c>
    </row>
    <row r="5549" spans="1:4" x14ac:dyDescent="0.25">
      <c r="A5549" t="s">
        <v>8367</v>
      </c>
      <c r="B5549" t="s">
        <v>8368</v>
      </c>
      <c r="C5549">
        <v>2</v>
      </c>
      <c r="D5549">
        <v>0</v>
      </c>
    </row>
    <row r="5550" spans="1:4" x14ac:dyDescent="0.25">
      <c r="A5550" t="s">
        <v>8367</v>
      </c>
      <c r="B5550" t="s">
        <v>8369</v>
      </c>
      <c r="C5550">
        <v>1</v>
      </c>
      <c r="D5550">
        <v>0</v>
      </c>
    </row>
    <row r="5551" spans="1:4" x14ac:dyDescent="0.25">
      <c r="A5551" t="s">
        <v>8370</v>
      </c>
      <c r="B5551" t="s">
        <v>8371</v>
      </c>
      <c r="C5551">
        <v>1</v>
      </c>
      <c r="D5551">
        <v>0</v>
      </c>
    </row>
    <row r="5552" spans="1:4" x14ac:dyDescent="0.25">
      <c r="A5552" t="s">
        <v>8372</v>
      </c>
      <c r="B5552" t="s">
        <v>996</v>
      </c>
      <c r="C5552">
        <v>1</v>
      </c>
      <c r="D5552">
        <v>0</v>
      </c>
    </row>
    <row r="5553" spans="1:4" x14ac:dyDescent="0.25">
      <c r="A5553" t="s">
        <v>8372</v>
      </c>
      <c r="B5553" t="s">
        <v>6438</v>
      </c>
      <c r="C5553">
        <v>0</v>
      </c>
      <c r="D5553">
        <v>0</v>
      </c>
    </row>
    <row r="5554" spans="1:4" x14ac:dyDescent="0.25">
      <c r="A5554" t="s">
        <v>8372</v>
      </c>
      <c r="B5554" t="s">
        <v>8373</v>
      </c>
      <c r="C5554">
        <v>2</v>
      </c>
      <c r="D5554">
        <v>0</v>
      </c>
    </row>
    <row r="5555" spans="1:4" x14ac:dyDescent="0.25">
      <c r="A5555" t="s">
        <v>8374</v>
      </c>
      <c r="B5555" t="s">
        <v>2532</v>
      </c>
      <c r="C5555">
        <v>1</v>
      </c>
      <c r="D5555">
        <v>0</v>
      </c>
    </row>
    <row r="5556" spans="1:4" x14ac:dyDescent="0.25">
      <c r="A5556" t="s">
        <v>8374</v>
      </c>
      <c r="B5556" t="s">
        <v>8375</v>
      </c>
      <c r="C5556">
        <v>1</v>
      </c>
      <c r="D5556">
        <v>0</v>
      </c>
    </row>
    <row r="5557" spans="1:4" x14ac:dyDescent="0.25">
      <c r="A5557" t="s">
        <v>8376</v>
      </c>
      <c r="B5557" t="s">
        <v>2316</v>
      </c>
      <c r="C5557">
        <v>1</v>
      </c>
      <c r="D5557">
        <v>0</v>
      </c>
    </row>
    <row r="5558" spans="1:4" x14ac:dyDescent="0.25">
      <c r="A5558" t="s">
        <v>8377</v>
      </c>
      <c r="B5558" t="s">
        <v>8378</v>
      </c>
      <c r="C5558">
        <v>0</v>
      </c>
      <c r="D5558">
        <v>0</v>
      </c>
    </row>
    <row r="5559" spans="1:4" x14ac:dyDescent="0.25">
      <c r="A5559" t="s">
        <v>8379</v>
      </c>
      <c r="B5559" t="s">
        <v>8380</v>
      </c>
      <c r="C5559">
        <v>2</v>
      </c>
      <c r="D5559">
        <v>0</v>
      </c>
    </row>
    <row r="5560" spans="1:4" x14ac:dyDescent="0.25">
      <c r="A5560" t="s">
        <v>8379</v>
      </c>
      <c r="B5560" t="s">
        <v>8381</v>
      </c>
      <c r="C5560">
        <v>1</v>
      </c>
      <c r="D5560">
        <v>0</v>
      </c>
    </row>
    <row r="5561" spans="1:4" x14ac:dyDescent="0.25">
      <c r="A5561" t="s">
        <v>8382</v>
      </c>
      <c r="B5561" t="s">
        <v>8383</v>
      </c>
      <c r="C5561">
        <v>1</v>
      </c>
      <c r="D5561">
        <v>0</v>
      </c>
    </row>
    <row r="5562" spans="1:4" x14ac:dyDescent="0.25">
      <c r="A5562" t="s">
        <v>8384</v>
      </c>
      <c r="B5562" t="s">
        <v>8385</v>
      </c>
      <c r="C5562">
        <v>0</v>
      </c>
      <c r="D5562">
        <v>0</v>
      </c>
    </row>
    <row r="5563" spans="1:4" x14ac:dyDescent="0.25">
      <c r="A5563" t="s">
        <v>8386</v>
      </c>
      <c r="B5563" t="s">
        <v>8387</v>
      </c>
      <c r="C5563">
        <v>1</v>
      </c>
      <c r="D5563">
        <v>0</v>
      </c>
    </row>
    <row r="5564" spans="1:4" x14ac:dyDescent="0.25">
      <c r="A5564" t="s">
        <v>8386</v>
      </c>
      <c r="B5564" t="s">
        <v>8388</v>
      </c>
      <c r="C5564">
        <v>0</v>
      </c>
      <c r="D5564">
        <v>0</v>
      </c>
    </row>
    <row r="5565" spans="1:4" x14ac:dyDescent="0.25">
      <c r="A5565" t="s">
        <v>8389</v>
      </c>
      <c r="B5565" t="s">
        <v>8390</v>
      </c>
      <c r="C5565">
        <v>0</v>
      </c>
      <c r="D5565">
        <v>0</v>
      </c>
    </row>
    <row r="5566" spans="1:4" x14ac:dyDescent="0.25">
      <c r="A5566" t="s">
        <v>8389</v>
      </c>
      <c r="B5566" t="s">
        <v>8391</v>
      </c>
      <c r="C5566">
        <v>1</v>
      </c>
      <c r="D5566">
        <v>0</v>
      </c>
    </row>
    <row r="5567" spans="1:4" x14ac:dyDescent="0.25">
      <c r="A5567" t="s">
        <v>8389</v>
      </c>
      <c r="B5567" t="s">
        <v>8392</v>
      </c>
      <c r="C5567">
        <v>1</v>
      </c>
      <c r="D5567">
        <v>0</v>
      </c>
    </row>
    <row r="5568" spans="1:4" x14ac:dyDescent="0.25">
      <c r="A5568" t="s">
        <v>8393</v>
      </c>
      <c r="B5568" t="s">
        <v>1001</v>
      </c>
      <c r="C5568">
        <v>1</v>
      </c>
      <c r="D5568">
        <v>0</v>
      </c>
    </row>
    <row r="5569" spans="1:4" x14ac:dyDescent="0.25">
      <c r="A5569" t="s">
        <v>8393</v>
      </c>
      <c r="B5569" t="s">
        <v>8394</v>
      </c>
      <c r="C5569">
        <v>1</v>
      </c>
      <c r="D5569">
        <v>0</v>
      </c>
    </row>
    <row r="5570" spans="1:4" x14ac:dyDescent="0.25">
      <c r="A5570" t="s">
        <v>8393</v>
      </c>
      <c r="B5570" t="s">
        <v>8395</v>
      </c>
      <c r="C5570">
        <v>2</v>
      </c>
      <c r="D5570">
        <v>0</v>
      </c>
    </row>
    <row r="5571" spans="1:4" x14ac:dyDescent="0.25">
      <c r="A5571" t="s">
        <v>8396</v>
      </c>
      <c r="B5571" t="s">
        <v>8397</v>
      </c>
      <c r="C5571">
        <v>1</v>
      </c>
      <c r="D5571">
        <v>0</v>
      </c>
    </row>
    <row r="5572" spans="1:4" x14ac:dyDescent="0.25">
      <c r="A5572" t="s">
        <v>8396</v>
      </c>
      <c r="B5572" t="s">
        <v>8398</v>
      </c>
      <c r="C5572">
        <v>1</v>
      </c>
      <c r="D5572">
        <v>0</v>
      </c>
    </row>
    <row r="5573" spans="1:4" x14ac:dyDescent="0.25">
      <c r="A5573" t="s">
        <v>8396</v>
      </c>
      <c r="B5573" t="s">
        <v>8399</v>
      </c>
      <c r="C5573">
        <v>1</v>
      </c>
      <c r="D5573">
        <v>0</v>
      </c>
    </row>
    <row r="5574" spans="1:4" x14ac:dyDescent="0.25">
      <c r="A5574" t="s">
        <v>8400</v>
      </c>
      <c r="B5574" t="s">
        <v>8401</v>
      </c>
      <c r="C5574">
        <v>1</v>
      </c>
      <c r="D5574">
        <v>0</v>
      </c>
    </row>
    <row r="5575" spans="1:4" x14ac:dyDescent="0.25">
      <c r="A5575" t="s">
        <v>8402</v>
      </c>
      <c r="B5575" t="s">
        <v>8403</v>
      </c>
      <c r="C5575">
        <v>1</v>
      </c>
      <c r="D5575">
        <v>0</v>
      </c>
    </row>
    <row r="5576" spans="1:4" x14ac:dyDescent="0.25">
      <c r="A5576" t="s">
        <v>8402</v>
      </c>
      <c r="B5576" t="s">
        <v>8404</v>
      </c>
      <c r="C5576">
        <v>0</v>
      </c>
      <c r="D5576">
        <v>0</v>
      </c>
    </row>
    <row r="5577" spans="1:4" x14ac:dyDescent="0.25">
      <c r="A5577" t="s">
        <v>8405</v>
      </c>
      <c r="B5577" t="s">
        <v>8406</v>
      </c>
      <c r="C5577">
        <v>0</v>
      </c>
      <c r="D5577">
        <v>0</v>
      </c>
    </row>
    <row r="5578" spans="1:4" x14ac:dyDescent="0.25">
      <c r="A5578" t="s">
        <v>8407</v>
      </c>
      <c r="B5578" t="s">
        <v>1655</v>
      </c>
      <c r="C5578">
        <v>1</v>
      </c>
      <c r="D5578">
        <v>0</v>
      </c>
    </row>
    <row r="5579" spans="1:4" x14ac:dyDescent="0.25">
      <c r="A5579" t="s">
        <v>8408</v>
      </c>
      <c r="B5579" t="s">
        <v>8409</v>
      </c>
      <c r="C5579">
        <v>1</v>
      </c>
      <c r="D5579">
        <v>0</v>
      </c>
    </row>
    <row r="5580" spans="1:4" x14ac:dyDescent="0.25">
      <c r="A5580" t="s">
        <v>8408</v>
      </c>
      <c r="B5580" t="s">
        <v>8410</v>
      </c>
      <c r="C5580">
        <v>1</v>
      </c>
      <c r="D5580">
        <v>0</v>
      </c>
    </row>
    <row r="5581" spans="1:4" x14ac:dyDescent="0.25">
      <c r="A5581" t="s">
        <v>8408</v>
      </c>
      <c r="B5581" t="s">
        <v>8411</v>
      </c>
      <c r="C5581">
        <v>1</v>
      </c>
      <c r="D5581">
        <v>0</v>
      </c>
    </row>
    <row r="5582" spans="1:4" x14ac:dyDescent="0.25">
      <c r="A5582" t="s">
        <v>8412</v>
      </c>
      <c r="B5582" t="s">
        <v>8413</v>
      </c>
      <c r="C5582">
        <v>1</v>
      </c>
      <c r="D5582">
        <v>0</v>
      </c>
    </row>
    <row r="5583" spans="1:4" x14ac:dyDescent="0.25">
      <c r="A5583" t="s">
        <v>8412</v>
      </c>
      <c r="B5583" t="s">
        <v>8414</v>
      </c>
      <c r="C5583">
        <v>1</v>
      </c>
      <c r="D5583">
        <v>0</v>
      </c>
    </row>
    <row r="5584" spans="1:4" x14ac:dyDescent="0.25">
      <c r="A5584" t="s">
        <v>8412</v>
      </c>
      <c r="B5584" t="s">
        <v>8415</v>
      </c>
      <c r="C5584">
        <v>1</v>
      </c>
      <c r="D5584">
        <v>0</v>
      </c>
    </row>
    <row r="5585" spans="1:4" x14ac:dyDescent="0.25">
      <c r="A5585" t="s">
        <v>8416</v>
      </c>
      <c r="B5585" t="s">
        <v>8417</v>
      </c>
      <c r="C5585">
        <v>0</v>
      </c>
      <c r="D5585">
        <v>0</v>
      </c>
    </row>
    <row r="5586" spans="1:4" x14ac:dyDescent="0.25">
      <c r="A5586" t="s">
        <v>8418</v>
      </c>
      <c r="B5586" t="s">
        <v>8419</v>
      </c>
      <c r="C5586">
        <v>0</v>
      </c>
      <c r="D5586">
        <v>0</v>
      </c>
    </row>
    <row r="5587" spans="1:4" x14ac:dyDescent="0.25">
      <c r="A5587" t="s">
        <v>8418</v>
      </c>
      <c r="B5587" t="s">
        <v>8420</v>
      </c>
      <c r="C5587">
        <v>0</v>
      </c>
      <c r="D5587">
        <v>0</v>
      </c>
    </row>
    <row r="5588" spans="1:4" x14ac:dyDescent="0.25">
      <c r="A5588" t="s">
        <v>8418</v>
      </c>
      <c r="B5588" t="s">
        <v>8421</v>
      </c>
      <c r="C5588">
        <v>0</v>
      </c>
      <c r="D5588">
        <v>0</v>
      </c>
    </row>
    <row r="5589" spans="1:4" x14ac:dyDescent="0.25">
      <c r="A5589" t="s">
        <v>8422</v>
      </c>
      <c r="B5589" t="s">
        <v>1101</v>
      </c>
      <c r="C5589">
        <v>1</v>
      </c>
      <c r="D5589">
        <v>0</v>
      </c>
    </row>
    <row r="5590" spans="1:4" x14ac:dyDescent="0.25">
      <c r="A5590" t="s">
        <v>8423</v>
      </c>
      <c r="B5590" t="s">
        <v>8424</v>
      </c>
      <c r="C5590">
        <v>0</v>
      </c>
      <c r="D5590">
        <v>0</v>
      </c>
    </row>
    <row r="5591" spans="1:4" x14ac:dyDescent="0.25">
      <c r="A5591" t="s">
        <v>8425</v>
      </c>
      <c r="B5591" t="s">
        <v>8426</v>
      </c>
      <c r="C5591">
        <v>1</v>
      </c>
      <c r="D5591">
        <v>0</v>
      </c>
    </row>
    <row r="5592" spans="1:4" x14ac:dyDescent="0.25">
      <c r="A5592" t="s">
        <v>8425</v>
      </c>
      <c r="B5592" t="s">
        <v>8427</v>
      </c>
      <c r="C5592">
        <v>0</v>
      </c>
      <c r="D5592">
        <v>0</v>
      </c>
    </row>
    <row r="5593" spans="1:4" x14ac:dyDescent="0.25">
      <c r="A5593" t="s">
        <v>8428</v>
      </c>
      <c r="B5593" t="s">
        <v>8429</v>
      </c>
      <c r="C5593">
        <v>1</v>
      </c>
      <c r="D5593">
        <v>0</v>
      </c>
    </row>
    <row r="5594" spans="1:4" x14ac:dyDescent="0.25">
      <c r="A5594" t="s">
        <v>8428</v>
      </c>
      <c r="B5594" t="s">
        <v>8430</v>
      </c>
      <c r="C5594">
        <v>1</v>
      </c>
      <c r="D5594">
        <v>0</v>
      </c>
    </row>
    <row r="5595" spans="1:4" x14ac:dyDescent="0.25">
      <c r="A5595" t="s">
        <v>8428</v>
      </c>
      <c r="B5595" t="s">
        <v>8431</v>
      </c>
      <c r="C5595">
        <v>1</v>
      </c>
      <c r="D5595">
        <v>0</v>
      </c>
    </row>
    <row r="5596" spans="1:4" x14ac:dyDescent="0.25">
      <c r="A5596" t="s">
        <v>8432</v>
      </c>
      <c r="B5596" t="s">
        <v>8433</v>
      </c>
      <c r="C5596">
        <v>0</v>
      </c>
      <c r="D5596">
        <v>0</v>
      </c>
    </row>
    <row r="5597" spans="1:4" x14ac:dyDescent="0.25">
      <c r="A5597" t="s">
        <v>8432</v>
      </c>
      <c r="B5597" t="s">
        <v>8434</v>
      </c>
      <c r="C5597">
        <v>0</v>
      </c>
      <c r="D5597">
        <v>0</v>
      </c>
    </row>
    <row r="5598" spans="1:4" x14ac:dyDescent="0.25">
      <c r="A5598" t="s">
        <v>8432</v>
      </c>
      <c r="B5598" t="s">
        <v>8435</v>
      </c>
      <c r="C5598">
        <v>0</v>
      </c>
      <c r="D5598">
        <v>0</v>
      </c>
    </row>
    <row r="5599" spans="1:4" x14ac:dyDescent="0.25">
      <c r="A5599" t="s">
        <v>8436</v>
      </c>
      <c r="B5599" t="s">
        <v>8437</v>
      </c>
      <c r="C5599">
        <v>1</v>
      </c>
      <c r="D5599">
        <v>0</v>
      </c>
    </row>
    <row r="5600" spans="1:4" x14ac:dyDescent="0.25">
      <c r="A5600" t="s">
        <v>8436</v>
      </c>
      <c r="B5600" t="s">
        <v>8438</v>
      </c>
      <c r="C5600">
        <v>1</v>
      </c>
      <c r="D5600">
        <v>0</v>
      </c>
    </row>
    <row r="5601" spans="1:4" x14ac:dyDescent="0.25">
      <c r="A5601" t="s">
        <v>8439</v>
      </c>
      <c r="B5601" t="s">
        <v>1499</v>
      </c>
      <c r="C5601">
        <v>1</v>
      </c>
      <c r="D5601">
        <v>0</v>
      </c>
    </row>
    <row r="5602" spans="1:4" x14ac:dyDescent="0.25">
      <c r="A5602" t="s">
        <v>8440</v>
      </c>
      <c r="B5602" t="s">
        <v>8441</v>
      </c>
      <c r="C5602">
        <v>1</v>
      </c>
      <c r="D5602">
        <v>0</v>
      </c>
    </row>
    <row r="5603" spans="1:4" x14ac:dyDescent="0.25">
      <c r="A5603" t="s">
        <v>8440</v>
      </c>
      <c r="B5603" t="s">
        <v>8442</v>
      </c>
      <c r="C5603">
        <v>0</v>
      </c>
      <c r="D5603">
        <v>0</v>
      </c>
    </row>
    <row r="5604" spans="1:4" x14ac:dyDescent="0.25">
      <c r="A5604" t="s">
        <v>8440</v>
      </c>
      <c r="B5604" t="s">
        <v>8443</v>
      </c>
      <c r="C5604">
        <v>2</v>
      </c>
      <c r="D5604">
        <v>0</v>
      </c>
    </row>
    <row r="5605" spans="1:4" x14ac:dyDescent="0.25">
      <c r="A5605" t="s">
        <v>8444</v>
      </c>
      <c r="B5605" t="s">
        <v>8445</v>
      </c>
      <c r="C5605">
        <v>1</v>
      </c>
      <c r="D5605">
        <v>0</v>
      </c>
    </row>
    <row r="5606" spans="1:4" x14ac:dyDescent="0.25">
      <c r="A5606" t="s">
        <v>8446</v>
      </c>
      <c r="B5606" t="s">
        <v>8447</v>
      </c>
      <c r="C5606">
        <v>0</v>
      </c>
      <c r="D5606">
        <v>0</v>
      </c>
    </row>
    <row r="5607" spans="1:4" x14ac:dyDescent="0.25">
      <c r="A5607" t="s">
        <v>8446</v>
      </c>
      <c r="B5607" t="s">
        <v>8448</v>
      </c>
      <c r="C5607">
        <v>1</v>
      </c>
      <c r="D5607">
        <v>0</v>
      </c>
    </row>
    <row r="5608" spans="1:4" x14ac:dyDescent="0.25">
      <c r="A5608" t="s">
        <v>8449</v>
      </c>
      <c r="B5608" t="s">
        <v>8450</v>
      </c>
      <c r="C5608">
        <v>1</v>
      </c>
      <c r="D5608">
        <v>0</v>
      </c>
    </row>
    <row r="5609" spans="1:4" x14ac:dyDescent="0.25">
      <c r="A5609" t="s">
        <v>8451</v>
      </c>
      <c r="B5609" t="s">
        <v>1938</v>
      </c>
      <c r="C5609">
        <v>0</v>
      </c>
      <c r="D5609">
        <v>0</v>
      </c>
    </row>
    <row r="5610" spans="1:4" x14ac:dyDescent="0.25">
      <c r="A5610" t="s">
        <v>8452</v>
      </c>
      <c r="B5610" t="s">
        <v>8453</v>
      </c>
      <c r="C5610">
        <v>1</v>
      </c>
      <c r="D5610">
        <v>0</v>
      </c>
    </row>
    <row r="5611" spans="1:4" x14ac:dyDescent="0.25">
      <c r="A5611" t="s">
        <v>8452</v>
      </c>
      <c r="B5611" t="s">
        <v>8454</v>
      </c>
      <c r="C5611">
        <v>0</v>
      </c>
      <c r="D5611">
        <v>0</v>
      </c>
    </row>
    <row r="5612" spans="1:4" x14ac:dyDescent="0.25">
      <c r="A5612" t="s">
        <v>8455</v>
      </c>
      <c r="B5612" t="s">
        <v>843</v>
      </c>
      <c r="C5612">
        <v>1</v>
      </c>
      <c r="D5612">
        <v>0</v>
      </c>
    </row>
    <row r="5613" spans="1:4" x14ac:dyDescent="0.25">
      <c r="A5613" t="s">
        <v>8456</v>
      </c>
      <c r="B5613" t="s">
        <v>8457</v>
      </c>
      <c r="C5613">
        <v>1</v>
      </c>
      <c r="D5613">
        <v>0</v>
      </c>
    </row>
    <row r="5614" spans="1:4" x14ac:dyDescent="0.25">
      <c r="A5614" t="s">
        <v>8458</v>
      </c>
      <c r="B5614" t="s">
        <v>8459</v>
      </c>
      <c r="C5614">
        <v>0</v>
      </c>
      <c r="D5614">
        <v>0</v>
      </c>
    </row>
    <row r="5615" spans="1:4" x14ac:dyDescent="0.25">
      <c r="A5615" t="s">
        <v>8460</v>
      </c>
      <c r="B5615" t="s">
        <v>8461</v>
      </c>
      <c r="C5615">
        <v>1</v>
      </c>
      <c r="D5615">
        <v>0</v>
      </c>
    </row>
    <row r="5616" spans="1:4" x14ac:dyDescent="0.25">
      <c r="A5616" t="s">
        <v>8460</v>
      </c>
      <c r="B5616" t="s">
        <v>8462</v>
      </c>
      <c r="C5616">
        <v>0</v>
      </c>
      <c r="D5616">
        <v>0</v>
      </c>
    </row>
    <row r="5617" spans="1:4" x14ac:dyDescent="0.25">
      <c r="A5617" t="s">
        <v>8460</v>
      </c>
      <c r="B5617" t="s">
        <v>8463</v>
      </c>
      <c r="C5617">
        <v>1</v>
      </c>
      <c r="D5617">
        <v>0</v>
      </c>
    </row>
    <row r="5618" spans="1:4" x14ac:dyDescent="0.25">
      <c r="A5618" t="s">
        <v>8464</v>
      </c>
      <c r="B5618" t="s">
        <v>8465</v>
      </c>
      <c r="C5618">
        <v>1</v>
      </c>
      <c r="D5618">
        <v>0</v>
      </c>
    </row>
    <row r="5619" spans="1:4" x14ac:dyDescent="0.25">
      <c r="A5619" t="s">
        <v>8464</v>
      </c>
      <c r="B5619" t="s">
        <v>8466</v>
      </c>
      <c r="C5619">
        <v>1</v>
      </c>
      <c r="D5619">
        <v>0</v>
      </c>
    </row>
    <row r="5620" spans="1:4" x14ac:dyDescent="0.25">
      <c r="A5620" t="s">
        <v>8467</v>
      </c>
      <c r="B5620" t="s">
        <v>8468</v>
      </c>
      <c r="C5620">
        <v>2</v>
      </c>
      <c r="D5620">
        <v>0</v>
      </c>
    </row>
    <row r="5621" spans="1:4" x14ac:dyDescent="0.25">
      <c r="A5621" t="s">
        <v>8469</v>
      </c>
      <c r="B5621" t="s">
        <v>8470</v>
      </c>
      <c r="C5621">
        <v>0</v>
      </c>
      <c r="D5621">
        <v>0</v>
      </c>
    </row>
    <row r="5622" spans="1:4" x14ac:dyDescent="0.25">
      <c r="A5622" t="s">
        <v>8469</v>
      </c>
      <c r="B5622" t="s">
        <v>8471</v>
      </c>
      <c r="C5622">
        <v>2</v>
      </c>
      <c r="D5622">
        <v>0</v>
      </c>
    </row>
    <row r="5623" spans="1:4" x14ac:dyDescent="0.25">
      <c r="A5623" t="s">
        <v>8472</v>
      </c>
      <c r="B5623" t="s">
        <v>8473</v>
      </c>
      <c r="C5623">
        <v>0</v>
      </c>
      <c r="D5623">
        <v>0</v>
      </c>
    </row>
    <row r="5624" spans="1:4" x14ac:dyDescent="0.25">
      <c r="A5624" t="s">
        <v>8474</v>
      </c>
      <c r="B5624" t="s">
        <v>8475</v>
      </c>
      <c r="C5624">
        <v>1</v>
      </c>
      <c r="D5624">
        <v>0</v>
      </c>
    </row>
    <row r="5625" spans="1:4" x14ac:dyDescent="0.25">
      <c r="A5625" t="s">
        <v>8476</v>
      </c>
      <c r="B5625" t="s">
        <v>8477</v>
      </c>
      <c r="C5625">
        <v>2</v>
      </c>
      <c r="D5625">
        <v>0</v>
      </c>
    </row>
    <row r="5626" spans="1:4" x14ac:dyDescent="0.25">
      <c r="A5626" t="s">
        <v>8476</v>
      </c>
      <c r="B5626" t="s">
        <v>8478</v>
      </c>
      <c r="C5626">
        <v>1</v>
      </c>
      <c r="D5626">
        <v>0</v>
      </c>
    </row>
    <row r="5627" spans="1:4" x14ac:dyDescent="0.25">
      <c r="A5627" t="s">
        <v>8476</v>
      </c>
      <c r="B5627" t="s">
        <v>8479</v>
      </c>
      <c r="C5627">
        <v>1</v>
      </c>
      <c r="D5627">
        <v>0</v>
      </c>
    </row>
    <row r="5628" spans="1:4" x14ac:dyDescent="0.25">
      <c r="A5628" t="s">
        <v>8480</v>
      </c>
      <c r="B5628" t="s">
        <v>8481</v>
      </c>
      <c r="C5628">
        <v>2</v>
      </c>
      <c r="D5628">
        <v>0</v>
      </c>
    </row>
    <row r="5629" spans="1:4" x14ac:dyDescent="0.25">
      <c r="A5629" t="s">
        <v>8480</v>
      </c>
      <c r="B5629" t="s">
        <v>8482</v>
      </c>
      <c r="C5629">
        <v>1</v>
      </c>
      <c r="D5629">
        <v>0</v>
      </c>
    </row>
    <row r="5630" spans="1:4" x14ac:dyDescent="0.25">
      <c r="A5630" t="s">
        <v>8483</v>
      </c>
      <c r="B5630" t="s">
        <v>8484</v>
      </c>
      <c r="C5630">
        <v>2</v>
      </c>
      <c r="D5630">
        <v>0</v>
      </c>
    </row>
    <row r="5631" spans="1:4" x14ac:dyDescent="0.25">
      <c r="A5631" t="s">
        <v>8483</v>
      </c>
      <c r="B5631" t="s">
        <v>8485</v>
      </c>
      <c r="C5631">
        <v>2</v>
      </c>
      <c r="D5631">
        <v>0</v>
      </c>
    </row>
    <row r="5632" spans="1:4" x14ac:dyDescent="0.25">
      <c r="A5632" t="s">
        <v>8486</v>
      </c>
      <c r="B5632" t="s">
        <v>8487</v>
      </c>
      <c r="C5632">
        <v>1</v>
      </c>
      <c r="D5632">
        <v>0</v>
      </c>
    </row>
    <row r="5633" spans="1:4" x14ac:dyDescent="0.25">
      <c r="A5633" t="s">
        <v>8486</v>
      </c>
      <c r="B5633" t="s">
        <v>8488</v>
      </c>
      <c r="C5633">
        <v>1</v>
      </c>
      <c r="D5633">
        <v>0</v>
      </c>
    </row>
    <row r="5634" spans="1:4" x14ac:dyDescent="0.25">
      <c r="A5634" t="s">
        <v>8486</v>
      </c>
      <c r="B5634" t="s">
        <v>8489</v>
      </c>
      <c r="C5634">
        <v>1</v>
      </c>
      <c r="D5634">
        <v>0</v>
      </c>
    </row>
    <row r="5635" spans="1:4" x14ac:dyDescent="0.25">
      <c r="A5635" t="s">
        <v>8490</v>
      </c>
      <c r="B5635" t="s">
        <v>2061</v>
      </c>
      <c r="C5635">
        <v>0</v>
      </c>
      <c r="D5635">
        <v>0</v>
      </c>
    </row>
    <row r="5636" spans="1:4" x14ac:dyDescent="0.25">
      <c r="A5636" t="s">
        <v>8491</v>
      </c>
      <c r="B5636" t="s">
        <v>8492</v>
      </c>
      <c r="C5636">
        <v>1</v>
      </c>
      <c r="D5636">
        <v>0</v>
      </c>
    </row>
    <row r="5637" spans="1:4" x14ac:dyDescent="0.25">
      <c r="A5637" t="s">
        <v>8491</v>
      </c>
      <c r="B5637" t="s">
        <v>8493</v>
      </c>
      <c r="C5637">
        <v>1</v>
      </c>
      <c r="D5637">
        <v>0</v>
      </c>
    </row>
    <row r="5638" spans="1:4" x14ac:dyDescent="0.25">
      <c r="A5638" t="s">
        <v>8494</v>
      </c>
      <c r="B5638" t="s">
        <v>8495</v>
      </c>
      <c r="C5638">
        <v>0</v>
      </c>
      <c r="D5638">
        <v>0</v>
      </c>
    </row>
    <row r="5639" spans="1:4" x14ac:dyDescent="0.25">
      <c r="A5639" t="s">
        <v>8496</v>
      </c>
      <c r="B5639" t="s">
        <v>1101</v>
      </c>
      <c r="C5639">
        <v>1</v>
      </c>
      <c r="D5639">
        <v>0</v>
      </c>
    </row>
    <row r="5640" spans="1:4" x14ac:dyDescent="0.25">
      <c r="A5640" t="s">
        <v>8497</v>
      </c>
      <c r="B5640" t="s">
        <v>8498</v>
      </c>
      <c r="C5640">
        <v>0</v>
      </c>
      <c r="D5640">
        <v>0</v>
      </c>
    </row>
    <row r="5641" spans="1:4" x14ac:dyDescent="0.25">
      <c r="A5641" t="s">
        <v>8497</v>
      </c>
      <c r="B5641" t="s">
        <v>8499</v>
      </c>
      <c r="C5641">
        <v>2</v>
      </c>
      <c r="D5641">
        <v>0</v>
      </c>
    </row>
    <row r="5642" spans="1:4" x14ac:dyDescent="0.25">
      <c r="A5642" t="s">
        <v>8500</v>
      </c>
      <c r="B5642" t="s">
        <v>8501</v>
      </c>
      <c r="C5642">
        <v>1</v>
      </c>
      <c r="D5642">
        <v>0</v>
      </c>
    </row>
    <row r="5643" spans="1:4" x14ac:dyDescent="0.25">
      <c r="A5643" t="s">
        <v>8500</v>
      </c>
      <c r="B5643" t="s">
        <v>8502</v>
      </c>
      <c r="C5643">
        <v>0</v>
      </c>
      <c r="D5643">
        <v>0</v>
      </c>
    </row>
    <row r="5644" spans="1:4" x14ac:dyDescent="0.25">
      <c r="A5644" t="s">
        <v>8503</v>
      </c>
      <c r="B5644" t="s">
        <v>8504</v>
      </c>
      <c r="C5644">
        <v>0</v>
      </c>
      <c r="D5644">
        <v>0</v>
      </c>
    </row>
    <row r="5645" spans="1:4" x14ac:dyDescent="0.25">
      <c r="A5645" t="s">
        <v>8505</v>
      </c>
      <c r="B5645" t="s">
        <v>8506</v>
      </c>
      <c r="C5645">
        <v>0</v>
      </c>
      <c r="D5645">
        <v>0</v>
      </c>
    </row>
    <row r="5646" spans="1:4" x14ac:dyDescent="0.25">
      <c r="A5646" t="s">
        <v>8507</v>
      </c>
      <c r="B5646" t="s">
        <v>8508</v>
      </c>
      <c r="C5646">
        <v>1</v>
      </c>
      <c r="D5646">
        <v>0</v>
      </c>
    </row>
    <row r="5647" spans="1:4" x14ac:dyDescent="0.25">
      <c r="A5647" t="s">
        <v>8509</v>
      </c>
      <c r="B5647" t="s">
        <v>8510</v>
      </c>
      <c r="C5647">
        <v>1</v>
      </c>
      <c r="D5647">
        <v>0</v>
      </c>
    </row>
    <row r="5648" spans="1:4" x14ac:dyDescent="0.25">
      <c r="A5648" t="s">
        <v>8509</v>
      </c>
      <c r="B5648" t="s">
        <v>8511</v>
      </c>
      <c r="C5648">
        <v>0</v>
      </c>
      <c r="D5648">
        <v>0</v>
      </c>
    </row>
    <row r="5649" spans="1:4" x14ac:dyDescent="0.25">
      <c r="A5649" t="s">
        <v>8512</v>
      </c>
      <c r="B5649" t="s">
        <v>398</v>
      </c>
      <c r="C5649">
        <v>0</v>
      </c>
      <c r="D5649">
        <v>0</v>
      </c>
    </row>
    <row r="5650" spans="1:4" x14ac:dyDescent="0.25">
      <c r="A5650" t="s">
        <v>8513</v>
      </c>
      <c r="B5650" t="s">
        <v>8514</v>
      </c>
      <c r="C5650">
        <v>1</v>
      </c>
      <c r="D5650">
        <v>0</v>
      </c>
    </row>
    <row r="5651" spans="1:4" x14ac:dyDescent="0.25">
      <c r="A5651" t="s">
        <v>8515</v>
      </c>
      <c r="B5651" t="s">
        <v>8516</v>
      </c>
      <c r="C5651">
        <v>0</v>
      </c>
      <c r="D5651">
        <v>0</v>
      </c>
    </row>
    <row r="5652" spans="1:4" x14ac:dyDescent="0.25">
      <c r="A5652" t="s">
        <v>8515</v>
      </c>
      <c r="B5652" t="s">
        <v>8517</v>
      </c>
      <c r="C5652">
        <v>1</v>
      </c>
      <c r="D5652">
        <v>0</v>
      </c>
    </row>
    <row r="5653" spans="1:4" x14ac:dyDescent="0.25">
      <c r="A5653" t="s">
        <v>8518</v>
      </c>
      <c r="B5653" t="s">
        <v>8519</v>
      </c>
      <c r="C5653">
        <v>2</v>
      </c>
      <c r="D5653">
        <v>0</v>
      </c>
    </row>
    <row r="5654" spans="1:4" x14ac:dyDescent="0.25">
      <c r="A5654" t="s">
        <v>8520</v>
      </c>
      <c r="B5654" t="s">
        <v>1090</v>
      </c>
      <c r="C5654">
        <v>1</v>
      </c>
      <c r="D5654">
        <v>0</v>
      </c>
    </row>
    <row r="5655" spans="1:4" x14ac:dyDescent="0.25">
      <c r="A5655" t="s">
        <v>8521</v>
      </c>
      <c r="B5655" t="s">
        <v>8522</v>
      </c>
      <c r="C5655">
        <v>1</v>
      </c>
      <c r="D5655">
        <v>0</v>
      </c>
    </row>
    <row r="5656" spans="1:4" x14ac:dyDescent="0.25">
      <c r="A5656" t="s">
        <v>8521</v>
      </c>
      <c r="B5656" t="s">
        <v>8523</v>
      </c>
      <c r="C5656">
        <v>1</v>
      </c>
      <c r="D5656">
        <v>0</v>
      </c>
    </row>
    <row r="5657" spans="1:4" x14ac:dyDescent="0.25">
      <c r="A5657" t="s">
        <v>8524</v>
      </c>
      <c r="B5657" t="s">
        <v>852</v>
      </c>
      <c r="C5657">
        <v>0</v>
      </c>
      <c r="D5657">
        <v>0</v>
      </c>
    </row>
    <row r="5658" spans="1:4" x14ac:dyDescent="0.25">
      <c r="A5658" t="s">
        <v>8525</v>
      </c>
      <c r="B5658" t="s">
        <v>8526</v>
      </c>
      <c r="C5658">
        <v>2</v>
      </c>
      <c r="D5658">
        <v>0</v>
      </c>
    </row>
    <row r="5659" spans="1:4" x14ac:dyDescent="0.25">
      <c r="A5659" t="s">
        <v>8527</v>
      </c>
      <c r="B5659" t="s">
        <v>8528</v>
      </c>
      <c r="C5659">
        <v>1</v>
      </c>
      <c r="D5659">
        <v>0</v>
      </c>
    </row>
    <row r="5660" spans="1:4" x14ac:dyDescent="0.25">
      <c r="A5660" t="s">
        <v>8527</v>
      </c>
      <c r="B5660" t="s">
        <v>8529</v>
      </c>
      <c r="C5660">
        <v>2</v>
      </c>
      <c r="D5660">
        <v>0</v>
      </c>
    </row>
    <row r="5661" spans="1:4" x14ac:dyDescent="0.25">
      <c r="A5661" t="s">
        <v>8527</v>
      </c>
      <c r="B5661" t="s">
        <v>8530</v>
      </c>
      <c r="C5661">
        <v>2</v>
      </c>
      <c r="D5661">
        <v>0</v>
      </c>
    </row>
    <row r="5662" spans="1:4" x14ac:dyDescent="0.25">
      <c r="A5662" t="s">
        <v>8531</v>
      </c>
      <c r="B5662" t="s">
        <v>8532</v>
      </c>
      <c r="C5662">
        <v>2</v>
      </c>
      <c r="D5662">
        <v>0</v>
      </c>
    </row>
    <row r="5663" spans="1:4" x14ac:dyDescent="0.25">
      <c r="A5663" t="s">
        <v>8531</v>
      </c>
      <c r="B5663" t="s">
        <v>8533</v>
      </c>
      <c r="C5663">
        <v>2</v>
      </c>
      <c r="D5663">
        <v>0</v>
      </c>
    </row>
    <row r="5664" spans="1:4" x14ac:dyDescent="0.25">
      <c r="A5664" t="s">
        <v>8534</v>
      </c>
      <c r="B5664" t="s">
        <v>8535</v>
      </c>
      <c r="C5664">
        <v>1</v>
      </c>
      <c r="D5664">
        <v>0</v>
      </c>
    </row>
    <row r="5665" spans="1:4" x14ac:dyDescent="0.25">
      <c r="A5665" t="s">
        <v>8534</v>
      </c>
      <c r="B5665" t="s">
        <v>8536</v>
      </c>
      <c r="C5665">
        <v>0</v>
      </c>
      <c r="D5665">
        <v>0</v>
      </c>
    </row>
    <row r="5666" spans="1:4" x14ac:dyDescent="0.25">
      <c r="A5666" t="s">
        <v>8537</v>
      </c>
      <c r="B5666" t="s">
        <v>8538</v>
      </c>
      <c r="C5666">
        <v>2</v>
      </c>
      <c r="D5666">
        <v>0</v>
      </c>
    </row>
    <row r="5667" spans="1:4" x14ac:dyDescent="0.25">
      <c r="A5667" t="s">
        <v>8537</v>
      </c>
      <c r="B5667" t="s">
        <v>8539</v>
      </c>
      <c r="C5667">
        <v>0</v>
      </c>
      <c r="D5667">
        <v>0</v>
      </c>
    </row>
    <row r="5668" spans="1:4" x14ac:dyDescent="0.25">
      <c r="A5668" t="s">
        <v>8537</v>
      </c>
      <c r="B5668" t="s">
        <v>8540</v>
      </c>
      <c r="C5668">
        <v>0</v>
      </c>
      <c r="D5668">
        <v>0</v>
      </c>
    </row>
    <row r="5669" spans="1:4" x14ac:dyDescent="0.25">
      <c r="A5669" t="s">
        <v>8541</v>
      </c>
      <c r="B5669" t="s">
        <v>8542</v>
      </c>
      <c r="C5669">
        <v>2</v>
      </c>
      <c r="D5669">
        <v>0</v>
      </c>
    </row>
    <row r="5670" spans="1:4" x14ac:dyDescent="0.25">
      <c r="A5670" t="s">
        <v>8541</v>
      </c>
      <c r="B5670" t="s">
        <v>8543</v>
      </c>
      <c r="C5670">
        <v>0</v>
      </c>
      <c r="D5670">
        <v>0</v>
      </c>
    </row>
    <row r="5671" spans="1:4" x14ac:dyDescent="0.25">
      <c r="A5671" t="s">
        <v>8544</v>
      </c>
      <c r="B5671" t="s">
        <v>8545</v>
      </c>
      <c r="C5671">
        <v>0</v>
      </c>
      <c r="D5671">
        <v>0</v>
      </c>
    </row>
    <row r="5672" spans="1:4" x14ac:dyDescent="0.25">
      <c r="A5672" t="s">
        <v>8544</v>
      </c>
      <c r="B5672" t="s">
        <v>8546</v>
      </c>
      <c r="C5672">
        <v>0</v>
      </c>
      <c r="D5672">
        <v>0</v>
      </c>
    </row>
    <row r="5673" spans="1:4" x14ac:dyDescent="0.25">
      <c r="A5673" t="s">
        <v>8547</v>
      </c>
      <c r="B5673" t="s">
        <v>8548</v>
      </c>
      <c r="C5673">
        <v>1</v>
      </c>
      <c r="D5673">
        <v>0</v>
      </c>
    </row>
    <row r="5674" spans="1:4" x14ac:dyDescent="0.25">
      <c r="A5674" t="s">
        <v>8549</v>
      </c>
      <c r="B5674" t="s">
        <v>8550</v>
      </c>
      <c r="C5674">
        <v>1</v>
      </c>
      <c r="D5674">
        <v>0</v>
      </c>
    </row>
    <row r="5675" spans="1:4" x14ac:dyDescent="0.25">
      <c r="A5675" t="s">
        <v>8551</v>
      </c>
      <c r="B5675" t="s">
        <v>1001</v>
      </c>
      <c r="C5675">
        <v>1</v>
      </c>
      <c r="D5675">
        <v>0</v>
      </c>
    </row>
    <row r="5676" spans="1:4" x14ac:dyDescent="0.25">
      <c r="A5676" t="s">
        <v>8552</v>
      </c>
      <c r="B5676" t="s">
        <v>8553</v>
      </c>
      <c r="C5676">
        <v>1</v>
      </c>
      <c r="D5676">
        <v>0</v>
      </c>
    </row>
    <row r="5677" spans="1:4" x14ac:dyDescent="0.25">
      <c r="A5677" t="s">
        <v>8552</v>
      </c>
      <c r="B5677" t="s">
        <v>8554</v>
      </c>
      <c r="C5677">
        <v>1</v>
      </c>
      <c r="D5677">
        <v>0</v>
      </c>
    </row>
    <row r="5678" spans="1:4" x14ac:dyDescent="0.25">
      <c r="A5678" t="s">
        <v>8552</v>
      </c>
      <c r="B5678" t="s">
        <v>8555</v>
      </c>
      <c r="C5678">
        <v>1</v>
      </c>
      <c r="D5678">
        <v>0</v>
      </c>
    </row>
    <row r="5679" spans="1:4" x14ac:dyDescent="0.25">
      <c r="A5679" t="s">
        <v>8556</v>
      </c>
      <c r="B5679" t="s">
        <v>1001</v>
      </c>
      <c r="C5679">
        <v>1</v>
      </c>
      <c r="D5679">
        <v>0</v>
      </c>
    </row>
    <row r="5680" spans="1:4" x14ac:dyDescent="0.25">
      <c r="A5680" t="s">
        <v>8557</v>
      </c>
      <c r="B5680" t="s">
        <v>2052</v>
      </c>
      <c r="C5680">
        <v>0</v>
      </c>
      <c r="D5680">
        <v>0</v>
      </c>
    </row>
    <row r="5681" spans="1:4" x14ac:dyDescent="0.25">
      <c r="A5681" t="s">
        <v>8557</v>
      </c>
      <c r="B5681" t="s">
        <v>8558</v>
      </c>
      <c r="C5681">
        <v>2</v>
      </c>
      <c r="D5681">
        <v>0</v>
      </c>
    </row>
    <row r="5682" spans="1:4" x14ac:dyDescent="0.25">
      <c r="A5682" t="s">
        <v>8557</v>
      </c>
      <c r="B5682" t="s">
        <v>8559</v>
      </c>
      <c r="C5682">
        <v>2</v>
      </c>
      <c r="D5682">
        <v>0</v>
      </c>
    </row>
    <row r="5683" spans="1:4" x14ac:dyDescent="0.25">
      <c r="A5683" t="s">
        <v>8560</v>
      </c>
      <c r="B5683" t="s">
        <v>7068</v>
      </c>
      <c r="C5683">
        <v>0</v>
      </c>
      <c r="D5683">
        <v>0</v>
      </c>
    </row>
    <row r="5684" spans="1:4" x14ac:dyDescent="0.25">
      <c r="A5684" t="s">
        <v>8561</v>
      </c>
      <c r="B5684" t="s">
        <v>8562</v>
      </c>
      <c r="C5684">
        <v>2</v>
      </c>
      <c r="D5684">
        <v>0</v>
      </c>
    </row>
    <row r="5685" spans="1:4" x14ac:dyDescent="0.25">
      <c r="A5685" t="s">
        <v>8561</v>
      </c>
      <c r="B5685" t="s">
        <v>8563</v>
      </c>
      <c r="C5685">
        <v>2</v>
      </c>
      <c r="D5685">
        <v>0</v>
      </c>
    </row>
    <row r="5686" spans="1:4" x14ac:dyDescent="0.25">
      <c r="A5686" t="s">
        <v>8561</v>
      </c>
      <c r="B5686" t="s">
        <v>8564</v>
      </c>
      <c r="C5686">
        <v>0</v>
      </c>
      <c r="D5686">
        <v>0</v>
      </c>
    </row>
    <row r="5687" spans="1:4" x14ac:dyDescent="0.25">
      <c r="A5687" t="s">
        <v>8565</v>
      </c>
      <c r="B5687" t="s">
        <v>8566</v>
      </c>
      <c r="C5687">
        <v>0</v>
      </c>
      <c r="D5687">
        <v>0</v>
      </c>
    </row>
    <row r="5688" spans="1:4" x14ac:dyDescent="0.25">
      <c r="A5688" t="s">
        <v>8567</v>
      </c>
      <c r="B5688" t="s">
        <v>8568</v>
      </c>
      <c r="C5688">
        <v>2</v>
      </c>
      <c r="D5688">
        <v>0</v>
      </c>
    </row>
    <row r="5689" spans="1:4" x14ac:dyDescent="0.25">
      <c r="A5689" t="s">
        <v>8569</v>
      </c>
      <c r="B5689" t="s">
        <v>8570</v>
      </c>
      <c r="C5689">
        <v>2</v>
      </c>
      <c r="D5689">
        <v>0</v>
      </c>
    </row>
    <row r="5690" spans="1:4" x14ac:dyDescent="0.25">
      <c r="A5690" t="s">
        <v>8569</v>
      </c>
      <c r="B5690" t="s">
        <v>8571</v>
      </c>
      <c r="C5690">
        <v>1</v>
      </c>
      <c r="D5690">
        <v>0</v>
      </c>
    </row>
    <row r="5691" spans="1:4" x14ac:dyDescent="0.25">
      <c r="A5691" t="s">
        <v>8572</v>
      </c>
      <c r="B5691" t="s">
        <v>1001</v>
      </c>
      <c r="C5691">
        <v>1</v>
      </c>
      <c r="D5691">
        <v>0</v>
      </c>
    </row>
    <row r="5692" spans="1:4" x14ac:dyDescent="0.25">
      <c r="A5692" t="s">
        <v>8573</v>
      </c>
      <c r="B5692" t="s">
        <v>8574</v>
      </c>
      <c r="C5692">
        <v>1</v>
      </c>
      <c r="D5692">
        <v>0</v>
      </c>
    </row>
    <row r="5693" spans="1:4" x14ac:dyDescent="0.25">
      <c r="A5693" t="s">
        <v>8573</v>
      </c>
      <c r="B5693" t="s">
        <v>8575</v>
      </c>
      <c r="C5693">
        <v>1</v>
      </c>
      <c r="D5693">
        <v>0</v>
      </c>
    </row>
    <row r="5694" spans="1:4" x14ac:dyDescent="0.25">
      <c r="A5694" t="s">
        <v>8576</v>
      </c>
      <c r="B5694" t="s">
        <v>8577</v>
      </c>
      <c r="C5694">
        <v>1</v>
      </c>
      <c r="D5694">
        <v>0</v>
      </c>
    </row>
    <row r="5695" spans="1:4" x14ac:dyDescent="0.25">
      <c r="A5695" t="s">
        <v>8578</v>
      </c>
      <c r="B5695" t="s">
        <v>1474</v>
      </c>
      <c r="C5695">
        <v>0</v>
      </c>
      <c r="D5695">
        <v>0</v>
      </c>
    </row>
    <row r="5696" spans="1:4" x14ac:dyDescent="0.25">
      <c r="A5696" t="s">
        <v>8579</v>
      </c>
      <c r="B5696" t="s">
        <v>8580</v>
      </c>
      <c r="C5696">
        <v>1</v>
      </c>
      <c r="D5696">
        <v>0</v>
      </c>
    </row>
    <row r="5697" spans="1:4" x14ac:dyDescent="0.25">
      <c r="A5697" t="s">
        <v>8579</v>
      </c>
      <c r="B5697" t="s">
        <v>8581</v>
      </c>
      <c r="C5697">
        <v>0</v>
      </c>
      <c r="D5697">
        <v>0</v>
      </c>
    </row>
    <row r="5698" spans="1:4" x14ac:dyDescent="0.25">
      <c r="A5698" t="s">
        <v>8582</v>
      </c>
      <c r="B5698" t="s">
        <v>3410</v>
      </c>
      <c r="C5698">
        <v>1</v>
      </c>
      <c r="D5698">
        <v>0</v>
      </c>
    </row>
    <row r="5699" spans="1:4" x14ac:dyDescent="0.25">
      <c r="A5699" t="s">
        <v>8582</v>
      </c>
      <c r="B5699" t="s">
        <v>1938</v>
      </c>
      <c r="C5699">
        <v>0</v>
      </c>
      <c r="D5699">
        <v>0</v>
      </c>
    </row>
    <row r="5700" spans="1:4" x14ac:dyDescent="0.25">
      <c r="A5700" t="s">
        <v>8583</v>
      </c>
      <c r="B5700" t="s">
        <v>8584</v>
      </c>
      <c r="C5700">
        <v>1</v>
      </c>
      <c r="D5700">
        <v>0</v>
      </c>
    </row>
    <row r="5701" spans="1:4" x14ac:dyDescent="0.25">
      <c r="A5701" t="s">
        <v>8585</v>
      </c>
      <c r="B5701" t="s">
        <v>8586</v>
      </c>
      <c r="C5701">
        <v>2</v>
      </c>
      <c r="D5701">
        <v>0</v>
      </c>
    </row>
    <row r="5702" spans="1:4" x14ac:dyDescent="0.25">
      <c r="A5702" t="s">
        <v>8587</v>
      </c>
      <c r="B5702" t="s">
        <v>7913</v>
      </c>
      <c r="C5702">
        <v>1</v>
      </c>
      <c r="D5702">
        <v>0</v>
      </c>
    </row>
    <row r="5703" spans="1:4" x14ac:dyDescent="0.25">
      <c r="A5703" t="s">
        <v>8588</v>
      </c>
      <c r="B5703" t="s">
        <v>8589</v>
      </c>
      <c r="C5703">
        <v>0</v>
      </c>
      <c r="D5703">
        <v>0</v>
      </c>
    </row>
    <row r="5704" spans="1:4" x14ac:dyDescent="0.25">
      <c r="A5704" t="s">
        <v>8588</v>
      </c>
      <c r="B5704" t="s">
        <v>8590</v>
      </c>
      <c r="C5704">
        <v>1</v>
      </c>
      <c r="D5704">
        <v>0</v>
      </c>
    </row>
    <row r="5705" spans="1:4" x14ac:dyDescent="0.25">
      <c r="A5705" t="s">
        <v>8591</v>
      </c>
      <c r="B5705" t="s">
        <v>8592</v>
      </c>
      <c r="C5705">
        <v>0</v>
      </c>
      <c r="D5705">
        <v>0</v>
      </c>
    </row>
    <row r="5706" spans="1:4" x14ac:dyDescent="0.25">
      <c r="A5706" t="s">
        <v>8593</v>
      </c>
      <c r="B5706" t="s">
        <v>8594</v>
      </c>
      <c r="C5706">
        <v>2</v>
      </c>
      <c r="D5706">
        <v>0</v>
      </c>
    </row>
    <row r="5707" spans="1:4" x14ac:dyDescent="0.25">
      <c r="A5707" t="s">
        <v>8593</v>
      </c>
      <c r="B5707" t="s">
        <v>8595</v>
      </c>
      <c r="C5707">
        <v>2</v>
      </c>
      <c r="D5707">
        <v>0</v>
      </c>
    </row>
    <row r="5708" spans="1:4" x14ac:dyDescent="0.25">
      <c r="A5708" t="s">
        <v>8593</v>
      </c>
      <c r="B5708" t="s">
        <v>8596</v>
      </c>
      <c r="C5708">
        <v>1</v>
      </c>
      <c r="D5708">
        <v>0</v>
      </c>
    </row>
    <row r="5709" spans="1:4" x14ac:dyDescent="0.25">
      <c r="A5709" t="s">
        <v>8597</v>
      </c>
      <c r="B5709" t="s">
        <v>2061</v>
      </c>
      <c r="C5709">
        <v>0</v>
      </c>
      <c r="D5709">
        <v>0</v>
      </c>
    </row>
    <row r="5710" spans="1:4" x14ac:dyDescent="0.25">
      <c r="A5710" t="s">
        <v>8598</v>
      </c>
      <c r="B5710" t="s">
        <v>852</v>
      </c>
      <c r="C5710">
        <v>0</v>
      </c>
      <c r="D5710">
        <v>0</v>
      </c>
    </row>
    <row r="5711" spans="1:4" x14ac:dyDescent="0.25">
      <c r="A5711" t="s">
        <v>8599</v>
      </c>
      <c r="B5711" t="s">
        <v>1001</v>
      </c>
      <c r="C5711">
        <v>1</v>
      </c>
      <c r="D5711">
        <v>0</v>
      </c>
    </row>
    <row r="5712" spans="1:4" x14ac:dyDescent="0.25">
      <c r="A5712" t="s">
        <v>8600</v>
      </c>
      <c r="B5712" t="s">
        <v>8601</v>
      </c>
      <c r="C5712">
        <v>1</v>
      </c>
      <c r="D5712">
        <v>0</v>
      </c>
    </row>
    <row r="5713" spans="1:4" x14ac:dyDescent="0.25">
      <c r="A5713" t="s">
        <v>8602</v>
      </c>
      <c r="B5713" t="s">
        <v>8603</v>
      </c>
      <c r="C5713">
        <v>0</v>
      </c>
      <c r="D5713">
        <v>0</v>
      </c>
    </row>
    <row r="5714" spans="1:4" x14ac:dyDescent="0.25">
      <c r="A5714" t="s">
        <v>8604</v>
      </c>
      <c r="B5714" t="s">
        <v>8605</v>
      </c>
      <c r="C5714">
        <v>0</v>
      </c>
      <c r="D5714">
        <v>0</v>
      </c>
    </row>
    <row r="5715" spans="1:4" x14ac:dyDescent="0.25">
      <c r="A5715" t="s">
        <v>8604</v>
      </c>
      <c r="B5715" t="s">
        <v>8606</v>
      </c>
      <c r="C5715">
        <v>1</v>
      </c>
      <c r="D5715">
        <v>0</v>
      </c>
    </row>
    <row r="5716" spans="1:4" x14ac:dyDescent="0.25">
      <c r="A5716" t="s">
        <v>8607</v>
      </c>
      <c r="B5716" t="s">
        <v>8608</v>
      </c>
      <c r="C5716">
        <v>0</v>
      </c>
      <c r="D5716">
        <v>0</v>
      </c>
    </row>
    <row r="5717" spans="1:4" x14ac:dyDescent="0.25">
      <c r="A5717" t="s">
        <v>8609</v>
      </c>
      <c r="B5717" t="s">
        <v>8610</v>
      </c>
      <c r="C5717">
        <v>0</v>
      </c>
      <c r="D5717">
        <v>0</v>
      </c>
    </row>
    <row r="5718" spans="1:4" x14ac:dyDescent="0.25">
      <c r="A5718" t="s">
        <v>8609</v>
      </c>
      <c r="B5718" t="s">
        <v>8611</v>
      </c>
      <c r="C5718">
        <v>0</v>
      </c>
      <c r="D5718">
        <v>0</v>
      </c>
    </row>
    <row r="5719" spans="1:4" x14ac:dyDescent="0.25">
      <c r="A5719" t="s">
        <v>8612</v>
      </c>
      <c r="B5719" t="s">
        <v>8613</v>
      </c>
      <c r="C5719">
        <v>1</v>
      </c>
      <c r="D5719">
        <v>0</v>
      </c>
    </row>
    <row r="5720" spans="1:4" x14ac:dyDescent="0.25">
      <c r="A5720" t="s">
        <v>8614</v>
      </c>
      <c r="B5720" t="s">
        <v>8615</v>
      </c>
      <c r="C5720">
        <v>1</v>
      </c>
      <c r="D5720">
        <v>0</v>
      </c>
    </row>
    <row r="5721" spans="1:4" x14ac:dyDescent="0.25">
      <c r="A5721" t="s">
        <v>8614</v>
      </c>
      <c r="B5721" t="s">
        <v>8616</v>
      </c>
      <c r="C5721">
        <v>0</v>
      </c>
      <c r="D5721">
        <v>0</v>
      </c>
    </row>
    <row r="5722" spans="1:4" x14ac:dyDescent="0.25">
      <c r="A5722" t="s">
        <v>8614</v>
      </c>
      <c r="B5722" t="s">
        <v>8617</v>
      </c>
      <c r="C5722">
        <v>2</v>
      </c>
      <c r="D5722">
        <v>0</v>
      </c>
    </row>
    <row r="5723" spans="1:4" x14ac:dyDescent="0.25">
      <c r="A5723" t="s">
        <v>8618</v>
      </c>
      <c r="B5723" t="s">
        <v>1912</v>
      </c>
      <c r="C5723">
        <v>0</v>
      </c>
      <c r="D5723">
        <v>0</v>
      </c>
    </row>
    <row r="5724" spans="1:4" x14ac:dyDescent="0.25">
      <c r="A5724" t="s">
        <v>8619</v>
      </c>
      <c r="B5724" t="s">
        <v>8620</v>
      </c>
      <c r="C5724">
        <v>0</v>
      </c>
      <c r="D5724">
        <v>0</v>
      </c>
    </row>
    <row r="5725" spans="1:4" x14ac:dyDescent="0.25">
      <c r="A5725" t="s">
        <v>8619</v>
      </c>
      <c r="B5725" t="s">
        <v>8621</v>
      </c>
      <c r="C5725">
        <v>0</v>
      </c>
      <c r="D5725">
        <v>0</v>
      </c>
    </row>
    <row r="5726" spans="1:4" x14ac:dyDescent="0.25">
      <c r="A5726" t="s">
        <v>8619</v>
      </c>
      <c r="B5726" t="s">
        <v>8622</v>
      </c>
      <c r="C5726">
        <v>2</v>
      </c>
      <c r="D5726">
        <v>0</v>
      </c>
    </row>
    <row r="5727" spans="1:4" x14ac:dyDescent="0.25">
      <c r="A5727" t="s">
        <v>8623</v>
      </c>
      <c r="B5727" t="s">
        <v>8624</v>
      </c>
      <c r="C5727">
        <v>2</v>
      </c>
      <c r="D5727">
        <v>0</v>
      </c>
    </row>
    <row r="5728" spans="1:4" x14ac:dyDescent="0.25">
      <c r="A5728" t="s">
        <v>8623</v>
      </c>
      <c r="B5728" t="s">
        <v>8625</v>
      </c>
      <c r="C5728">
        <v>2</v>
      </c>
      <c r="D5728">
        <v>0</v>
      </c>
    </row>
    <row r="5729" spans="1:4" x14ac:dyDescent="0.25">
      <c r="A5729" t="s">
        <v>8623</v>
      </c>
      <c r="B5729" t="s">
        <v>8626</v>
      </c>
      <c r="C5729">
        <v>2</v>
      </c>
      <c r="D5729">
        <v>0</v>
      </c>
    </row>
    <row r="5730" spans="1:4" x14ac:dyDescent="0.25">
      <c r="A5730" t="s">
        <v>8627</v>
      </c>
      <c r="B5730" t="s">
        <v>8628</v>
      </c>
      <c r="C5730">
        <v>0</v>
      </c>
      <c r="D5730">
        <v>0</v>
      </c>
    </row>
    <row r="5731" spans="1:4" x14ac:dyDescent="0.25">
      <c r="A5731" t="s">
        <v>8629</v>
      </c>
      <c r="B5731" t="s">
        <v>8630</v>
      </c>
      <c r="C5731">
        <v>1</v>
      </c>
      <c r="D5731">
        <v>0</v>
      </c>
    </row>
    <row r="5732" spans="1:4" x14ac:dyDescent="0.25">
      <c r="A5732" t="s">
        <v>8631</v>
      </c>
      <c r="B5732" t="s">
        <v>1695</v>
      </c>
      <c r="C5732">
        <v>1</v>
      </c>
      <c r="D5732">
        <v>0</v>
      </c>
    </row>
    <row r="5733" spans="1:4" x14ac:dyDescent="0.25">
      <c r="A5733" t="s">
        <v>8632</v>
      </c>
      <c r="B5733" t="s">
        <v>1101</v>
      </c>
      <c r="C5733">
        <v>1</v>
      </c>
      <c r="D5733">
        <v>0</v>
      </c>
    </row>
    <row r="5734" spans="1:4" x14ac:dyDescent="0.25">
      <c r="A5734" t="s">
        <v>8632</v>
      </c>
      <c r="B5734" t="s">
        <v>8633</v>
      </c>
      <c r="C5734">
        <v>1</v>
      </c>
      <c r="D5734">
        <v>0</v>
      </c>
    </row>
    <row r="5735" spans="1:4" x14ac:dyDescent="0.25">
      <c r="A5735" t="s">
        <v>8632</v>
      </c>
      <c r="B5735" t="s">
        <v>1102</v>
      </c>
      <c r="C5735">
        <v>0</v>
      </c>
      <c r="D5735">
        <v>0</v>
      </c>
    </row>
    <row r="5736" spans="1:4" x14ac:dyDescent="0.25">
      <c r="A5736" t="s">
        <v>8634</v>
      </c>
      <c r="B5736" t="s">
        <v>8635</v>
      </c>
      <c r="C5736">
        <v>0</v>
      </c>
      <c r="D5736">
        <v>0</v>
      </c>
    </row>
    <row r="5737" spans="1:4" x14ac:dyDescent="0.25">
      <c r="A5737" t="s">
        <v>8634</v>
      </c>
      <c r="B5737" t="s">
        <v>8636</v>
      </c>
      <c r="C5737">
        <v>0</v>
      </c>
      <c r="D5737">
        <v>0</v>
      </c>
    </row>
    <row r="5738" spans="1:4" x14ac:dyDescent="0.25">
      <c r="A5738" t="s">
        <v>8634</v>
      </c>
      <c r="B5738" t="s">
        <v>8637</v>
      </c>
      <c r="C5738">
        <v>1</v>
      </c>
      <c r="D5738">
        <v>0</v>
      </c>
    </row>
    <row r="5739" spans="1:4" x14ac:dyDescent="0.25">
      <c r="A5739" t="s">
        <v>8638</v>
      </c>
      <c r="B5739" t="s">
        <v>8639</v>
      </c>
      <c r="C5739">
        <v>0</v>
      </c>
      <c r="D5739">
        <v>0</v>
      </c>
    </row>
    <row r="5740" spans="1:4" x14ac:dyDescent="0.25">
      <c r="A5740" t="s">
        <v>8638</v>
      </c>
      <c r="B5740" t="s">
        <v>8640</v>
      </c>
      <c r="C5740">
        <v>0</v>
      </c>
      <c r="D5740">
        <v>0</v>
      </c>
    </row>
    <row r="5741" spans="1:4" x14ac:dyDescent="0.25">
      <c r="A5741" t="s">
        <v>8641</v>
      </c>
      <c r="B5741" t="s">
        <v>8642</v>
      </c>
      <c r="C5741">
        <v>2</v>
      </c>
      <c r="D5741">
        <v>0</v>
      </c>
    </row>
    <row r="5742" spans="1:4" x14ac:dyDescent="0.25">
      <c r="A5742" t="s">
        <v>8643</v>
      </c>
      <c r="B5742" t="s">
        <v>8644</v>
      </c>
      <c r="C5742">
        <v>1</v>
      </c>
      <c r="D5742">
        <v>0</v>
      </c>
    </row>
    <row r="5743" spans="1:4" x14ac:dyDescent="0.25">
      <c r="A5743" t="s">
        <v>8643</v>
      </c>
      <c r="B5743" t="s">
        <v>8645</v>
      </c>
      <c r="C5743">
        <v>1</v>
      </c>
      <c r="D5743">
        <v>0</v>
      </c>
    </row>
    <row r="5744" spans="1:4" x14ac:dyDescent="0.25">
      <c r="A5744" t="s">
        <v>8643</v>
      </c>
      <c r="B5744" t="s">
        <v>8646</v>
      </c>
      <c r="C5744">
        <v>1</v>
      </c>
      <c r="D5744">
        <v>0</v>
      </c>
    </row>
    <row r="5745" spans="1:4" x14ac:dyDescent="0.25">
      <c r="A5745" t="s">
        <v>8647</v>
      </c>
      <c r="B5745" t="s">
        <v>1001</v>
      </c>
      <c r="C5745">
        <v>1</v>
      </c>
      <c r="D5745">
        <v>0</v>
      </c>
    </row>
    <row r="5746" spans="1:4" x14ac:dyDescent="0.25">
      <c r="A5746" t="s">
        <v>8647</v>
      </c>
      <c r="B5746" t="s">
        <v>8648</v>
      </c>
      <c r="C5746">
        <v>0</v>
      </c>
      <c r="D5746">
        <v>0</v>
      </c>
    </row>
    <row r="5747" spans="1:4" x14ac:dyDescent="0.25">
      <c r="A5747" t="s">
        <v>8649</v>
      </c>
      <c r="B5747" t="s">
        <v>8650</v>
      </c>
      <c r="C5747">
        <v>0</v>
      </c>
      <c r="D5747">
        <v>0</v>
      </c>
    </row>
    <row r="5748" spans="1:4" x14ac:dyDescent="0.25">
      <c r="A5748" t="s">
        <v>8651</v>
      </c>
      <c r="B5748" t="s">
        <v>1001</v>
      </c>
      <c r="C5748">
        <v>1</v>
      </c>
      <c r="D5748">
        <v>0</v>
      </c>
    </row>
    <row r="5749" spans="1:4" x14ac:dyDescent="0.25">
      <c r="A5749" t="s">
        <v>8652</v>
      </c>
      <c r="B5749" t="s">
        <v>8653</v>
      </c>
      <c r="C5749">
        <v>1</v>
      </c>
      <c r="D5749">
        <v>0</v>
      </c>
    </row>
    <row r="5750" spans="1:4" x14ac:dyDescent="0.25">
      <c r="A5750" t="s">
        <v>8654</v>
      </c>
      <c r="B5750" t="s">
        <v>8655</v>
      </c>
      <c r="C5750">
        <v>0</v>
      </c>
      <c r="D5750">
        <v>0</v>
      </c>
    </row>
    <row r="5751" spans="1:4" x14ac:dyDescent="0.25">
      <c r="A5751" t="s">
        <v>8654</v>
      </c>
      <c r="B5751" t="s">
        <v>8656</v>
      </c>
      <c r="C5751">
        <v>2</v>
      </c>
      <c r="D5751">
        <v>0</v>
      </c>
    </row>
    <row r="5752" spans="1:4" x14ac:dyDescent="0.25">
      <c r="A5752" t="s">
        <v>8657</v>
      </c>
      <c r="B5752" t="s">
        <v>8658</v>
      </c>
      <c r="C5752">
        <v>2</v>
      </c>
      <c r="D5752">
        <v>0</v>
      </c>
    </row>
    <row r="5753" spans="1:4" x14ac:dyDescent="0.25">
      <c r="A5753" t="s">
        <v>8659</v>
      </c>
      <c r="B5753" t="s">
        <v>8660</v>
      </c>
      <c r="C5753">
        <v>1</v>
      </c>
      <c r="D5753">
        <v>0</v>
      </c>
    </row>
    <row r="5754" spans="1:4" x14ac:dyDescent="0.25">
      <c r="A5754" t="s">
        <v>8659</v>
      </c>
      <c r="B5754" t="s">
        <v>8661</v>
      </c>
      <c r="C5754">
        <v>2</v>
      </c>
      <c r="D5754">
        <v>0</v>
      </c>
    </row>
    <row r="5755" spans="1:4" x14ac:dyDescent="0.25">
      <c r="A5755" t="s">
        <v>8659</v>
      </c>
      <c r="B5755" t="s">
        <v>8662</v>
      </c>
      <c r="C5755">
        <v>1</v>
      </c>
      <c r="D5755">
        <v>0</v>
      </c>
    </row>
    <row r="5756" spans="1:4" x14ac:dyDescent="0.25">
      <c r="A5756" t="s">
        <v>8663</v>
      </c>
      <c r="B5756" t="s">
        <v>8664</v>
      </c>
      <c r="C5756">
        <v>0</v>
      </c>
      <c r="D5756">
        <v>0</v>
      </c>
    </row>
    <row r="5757" spans="1:4" x14ac:dyDescent="0.25">
      <c r="A5757" t="s">
        <v>8663</v>
      </c>
      <c r="B5757" t="s">
        <v>8665</v>
      </c>
      <c r="C5757">
        <v>2</v>
      </c>
      <c r="D5757">
        <v>0</v>
      </c>
    </row>
    <row r="5758" spans="1:4" x14ac:dyDescent="0.25">
      <c r="A5758" t="s">
        <v>8666</v>
      </c>
      <c r="B5758" t="s">
        <v>1101</v>
      </c>
      <c r="C5758">
        <v>1</v>
      </c>
      <c r="D5758">
        <v>0</v>
      </c>
    </row>
    <row r="5759" spans="1:4" x14ac:dyDescent="0.25">
      <c r="A5759" t="s">
        <v>8666</v>
      </c>
      <c r="B5759" t="s">
        <v>8667</v>
      </c>
      <c r="C5759">
        <v>0</v>
      </c>
      <c r="D5759">
        <v>0</v>
      </c>
    </row>
    <row r="5760" spans="1:4" x14ac:dyDescent="0.25">
      <c r="A5760" t="s">
        <v>8668</v>
      </c>
      <c r="B5760" t="s">
        <v>8669</v>
      </c>
      <c r="C5760">
        <v>1</v>
      </c>
      <c r="D5760">
        <v>0</v>
      </c>
    </row>
    <row r="5761" spans="1:4" x14ac:dyDescent="0.25">
      <c r="A5761" t="s">
        <v>8670</v>
      </c>
      <c r="B5761" t="s">
        <v>8671</v>
      </c>
      <c r="C5761">
        <v>1</v>
      </c>
      <c r="D5761">
        <v>0</v>
      </c>
    </row>
    <row r="5762" spans="1:4" x14ac:dyDescent="0.25">
      <c r="A5762" t="s">
        <v>8670</v>
      </c>
      <c r="B5762" t="s">
        <v>8672</v>
      </c>
      <c r="C5762">
        <v>1</v>
      </c>
      <c r="D5762">
        <v>0</v>
      </c>
    </row>
    <row r="5763" spans="1:4" x14ac:dyDescent="0.25">
      <c r="A5763" t="s">
        <v>8673</v>
      </c>
      <c r="B5763" t="s">
        <v>8674</v>
      </c>
      <c r="C5763">
        <v>1</v>
      </c>
      <c r="D5763">
        <v>0</v>
      </c>
    </row>
    <row r="5764" spans="1:4" x14ac:dyDescent="0.25">
      <c r="A5764" t="s">
        <v>8675</v>
      </c>
      <c r="B5764" t="s">
        <v>8676</v>
      </c>
      <c r="C5764">
        <v>1</v>
      </c>
      <c r="D5764">
        <v>0</v>
      </c>
    </row>
    <row r="5765" spans="1:4" x14ac:dyDescent="0.25">
      <c r="A5765" t="s">
        <v>8677</v>
      </c>
      <c r="B5765" t="s">
        <v>8678</v>
      </c>
      <c r="C5765">
        <v>2</v>
      </c>
      <c r="D5765">
        <v>0</v>
      </c>
    </row>
    <row r="5766" spans="1:4" x14ac:dyDescent="0.25">
      <c r="A5766" t="s">
        <v>8679</v>
      </c>
      <c r="B5766" t="s">
        <v>8680</v>
      </c>
      <c r="C5766">
        <v>1</v>
      </c>
      <c r="D5766">
        <v>0</v>
      </c>
    </row>
    <row r="5767" spans="1:4" x14ac:dyDescent="0.25">
      <c r="A5767" t="s">
        <v>8679</v>
      </c>
      <c r="B5767" t="s">
        <v>8681</v>
      </c>
      <c r="C5767">
        <v>2</v>
      </c>
      <c r="D5767">
        <v>0</v>
      </c>
    </row>
    <row r="5768" spans="1:4" x14ac:dyDescent="0.25">
      <c r="A5768" t="s">
        <v>8679</v>
      </c>
      <c r="B5768" t="s">
        <v>8682</v>
      </c>
      <c r="C5768">
        <v>1</v>
      </c>
      <c r="D5768">
        <v>0</v>
      </c>
    </row>
    <row r="5769" spans="1:4" x14ac:dyDescent="0.25">
      <c r="A5769" t="s">
        <v>8683</v>
      </c>
      <c r="B5769" t="s">
        <v>8684</v>
      </c>
      <c r="C5769">
        <v>0</v>
      </c>
      <c r="D5769">
        <v>0</v>
      </c>
    </row>
    <row r="5770" spans="1:4" x14ac:dyDescent="0.25">
      <c r="A5770" t="s">
        <v>8683</v>
      </c>
      <c r="B5770" t="s">
        <v>8685</v>
      </c>
      <c r="C5770">
        <v>1</v>
      </c>
      <c r="D5770">
        <v>0</v>
      </c>
    </row>
    <row r="5771" spans="1:4" x14ac:dyDescent="0.25">
      <c r="A5771" t="s">
        <v>8683</v>
      </c>
      <c r="B5771" t="s">
        <v>8686</v>
      </c>
      <c r="C5771">
        <v>0</v>
      </c>
      <c r="D5771">
        <v>0</v>
      </c>
    </row>
    <row r="5772" spans="1:4" x14ac:dyDescent="0.25">
      <c r="A5772" t="s">
        <v>8687</v>
      </c>
      <c r="B5772" t="s">
        <v>8688</v>
      </c>
      <c r="C5772">
        <v>1</v>
      </c>
      <c r="D5772">
        <v>0</v>
      </c>
    </row>
    <row r="5773" spans="1:4" x14ac:dyDescent="0.25">
      <c r="A5773" t="s">
        <v>8687</v>
      </c>
      <c r="B5773" t="s">
        <v>3169</v>
      </c>
      <c r="C5773">
        <v>0</v>
      </c>
      <c r="D5773">
        <v>0</v>
      </c>
    </row>
    <row r="5774" spans="1:4" x14ac:dyDescent="0.25">
      <c r="A5774" t="s">
        <v>8689</v>
      </c>
      <c r="B5774" t="s">
        <v>945</v>
      </c>
      <c r="C5774">
        <v>1</v>
      </c>
      <c r="D5774">
        <v>0</v>
      </c>
    </row>
    <row r="5775" spans="1:4" x14ac:dyDescent="0.25">
      <c r="A5775" t="s">
        <v>8689</v>
      </c>
      <c r="B5775" t="s">
        <v>8690</v>
      </c>
      <c r="C5775">
        <v>1</v>
      </c>
      <c r="D5775">
        <v>0</v>
      </c>
    </row>
    <row r="5776" spans="1:4" x14ac:dyDescent="0.25">
      <c r="A5776" t="s">
        <v>8691</v>
      </c>
      <c r="B5776" t="s">
        <v>8692</v>
      </c>
      <c r="C5776">
        <v>1</v>
      </c>
      <c r="D5776">
        <v>0</v>
      </c>
    </row>
    <row r="5777" spans="1:4" x14ac:dyDescent="0.25">
      <c r="A5777" t="s">
        <v>8693</v>
      </c>
      <c r="B5777" t="s">
        <v>8694</v>
      </c>
      <c r="C5777">
        <v>2</v>
      </c>
      <c r="D5777">
        <v>0</v>
      </c>
    </row>
    <row r="5778" spans="1:4" x14ac:dyDescent="0.25">
      <c r="A5778" t="s">
        <v>8693</v>
      </c>
      <c r="B5778" t="s">
        <v>8695</v>
      </c>
      <c r="C5778">
        <v>1</v>
      </c>
      <c r="D5778">
        <v>0</v>
      </c>
    </row>
    <row r="5779" spans="1:4" x14ac:dyDescent="0.25">
      <c r="A5779" t="s">
        <v>8693</v>
      </c>
      <c r="B5779" t="s">
        <v>8696</v>
      </c>
      <c r="C5779">
        <v>2</v>
      </c>
      <c r="D5779">
        <v>0</v>
      </c>
    </row>
    <row r="5780" spans="1:4" x14ac:dyDescent="0.25">
      <c r="A5780" t="s">
        <v>8697</v>
      </c>
      <c r="B5780" t="s">
        <v>8698</v>
      </c>
      <c r="C5780">
        <v>0</v>
      </c>
      <c r="D5780">
        <v>0</v>
      </c>
    </row>
    <row r="5781" spans="1:4" x14ac:dyDescent="0.25">
      <c r="A5781" t="s">
        <v>8697</v>
      </c>
      <c r="B5781" t="s">
        <v>8699</v>
      </c>
      <c r="C5781">
        <v>0</v>
      </c>
      <c r="D5781">
        <v>0</v>
      </c>
    </row>
    <row r="5782" spans="1:4" x14ac:dyDescent="0.25">
      <c r="A5782" t="s">
        <v>8700</v>
      </c>
      <c r="B5782" t="s">
        <v>8701</v>
      </c>
      <c r="C5782">
        <v>1</v>
      </c>
      <c r="D5782">
        <v>0</v>
      </c>
    </row>
    <row r="5783" spans="1:4" x14ac:dyDescent="0.25">
      <c r="A5783" t="s">
        <v>8700</v>
      </c>
      <c r="B5783" t="s">
        <v>8702</v>
      </c>
      <c r="C5783">
        <v>1</v>
      </c>
      <c r="D5783">
        <v>0</v>
      </c>
    </row>
    <row r="5784" spans="1:4" x14ac:dyDescent="0.25">
      <c r="A5784" t="s">
        <v>8703</v>
      </c>
      <c r="B5784" t="s">
        <v>8704</v>
      </c>
      <c r="C5784">
        <v>0</v>
      </c>
      <c r="D5784">
        <v>0</v>
      </c>
    </row>
    <row r="5785" spans="1:4" x14ac:dyDescent="0.25">
      <c r="A5785" t="s">
        <v>8703</v>
      </c>
      <c r="B5785" t="s">
        <v>8705</v>
      </c>
      <c r="C5785">
        <v>1</v>
      </c>
      <c r="D5785">
        <v>0</v>
      </c>
    </row>
    <row r="5786" spans="1:4" x14ac:dyDescent="0.25">
      <c r="A5786" t="s">
        <v>8703</v>
      </c>
      <c r="B5786" t="s">
        <v>8706</v>
      </c>
      <c r="C5786">
        <v>1</v>
      </c>
      <c r="D5786">
        <v>0</v>
      </c>
    </row>
    <row r="5787" spans="1:4" x14ac:dyDescent="0.25">
      <c r="A5787" t="s">
        <v>8707</v>
      </c>
      <c r="B5787" t="s">
        <v>1001</v>
      </c>
      <c r="C5787">
        <v>1</v>
      </c>
      <c r="D5787">
        <v>0</v>
      </c>
    </row>
    <row r="5788" spans="1:4" x14ac:dyDescent="0.25">
      <c r="A5788" t="s">
        <v>8708</v>
      </c>
      <c r="B5788" t="s">
        <v>8709</v>
      </c>
      <c r="C5788">
        <v>1</v>
      </c>
      <c r="D5788">
        <v>0</v>
      </c>
    </row>
    <row r="5789" spans="1:4" x14ac:dyDescent="0.25">
      <c r="A5789" t="s">
        <v>8708</v>
      </c>
      <c r="B5789" t="s">
        <v>8710</v>
      </c>
      <c r="C5789">
        <v>1</v>
      </c>
      <c r="D5789">
        <v>0</v>
      </c>
    </row>
    <row r="5790" spans="1:4" x14ac:dyDescent="0.25">
      <c r="A5790" t="s">
        <v>8711</v>
      </c>
      <c r="B5790" t="s">
        <v>8712</v>
      </c>
      <c r="C5790">
        <v>1</v>
      </c>
      <c r="D5790">
        <v>0</v>
      </c>
    </row>
    <row r="5791" spans="1:4" x14ac:dyDescent="0.25">
      <c r="A5791" t="s">
        <v>8713</v>
      </c>
      <c r="B5791" t="s">
        <v>8714</v>
      </c>
      <c r="C5791">
        <v>0</v>
      </c>
      <c r="D5791">
        <v>0</v>
      </c>
    </row>
    <row r="5792" spans="1:4" x14ac:dyDescent="0.25">
      <c r="A5792" t="s">
        <v>8713</v>
      </c>
      <c r="B5792" t="s">
        <v>8715</v>
      </c>
      <c r="C5792">
        <v>0</v>
      </c>
      <c r="D5792">
        <v>0</v>
      </c>
    </row>
    <row r="5793" spans="1:4" x14ac:dyDescent="0.25">
      <c r="A5793" t="s">
        <v>8713</v>
      </c>
      <c r="B5793" t="s">
        <v>8716</v>
      </c>
      <c r="C5793">
        <v>0</v>
      </c>
      <c r="D5793">
        <v>0</v>
      </c>
    </row>
    <row r="5794" spans="1:4" x14ac:dyDescent="0.25">
      <c r="A5794" t="s">
        <v>8717</v>
      </c>
      <c r="B5794" t="s">
        <v>8718</v>
      </c>
      <c r="C5794">
        <v>0</v>
      </c>
      <c r="D5794">
        <v>0</v>
      </c>
    </row>
    <row r="5795" spans="1:4" x14ac:dyDescent="0.25">
      <c r="A5795" t="s">
        <v>8717</v>
      </c>
      <c r="B5795" t="s">
        <v>8719</v>
      </c>
      <c r="C5795">
        <v>0</v>
      </c>
      <c r="D5795">
        <v>0</v>
      </c>
    </row>
    <row r="5796" spans="1:4" x14ac:dyDescent="0.25">
      <c r="A5796" t="s">
        <v>8720</v>
      </c>
      <c r="B5796" t="s">
        <v>8721</v>
      </c>
      <c r="C5796">
        <v>1</v>
      </c>
      <c r="D5796">
        <v>0</v>
      </c>
    </row>
    <row r="5797" spans="1:4" x14ac:dyDescent="0.25">
      <c r="A5797" t="s">
        <v>8720</v>
      </c>
      <c r="B5797" t="s">
        <v>8722</v>
      </c>
      <c r="C5797">
        <v>1</v>
      </c>
      <c r="D5797">
        <v>0</v>
      </c>
    </row>
    <row r="5798" spans="1:4" x14ac:dyDescent="0.25">
      <c r="A5798" t="s">
        <v>8720</v>
      </c>
      <c r="B5798" t="s">
        <v>8723</v>
      </c>
      <c r="C5798">
        <v>1</v>
      </c>
      <c r="D5798">
        <v>0</v>
      </c>
    </row>
    <row r="5799" spans="1:4" x14ac:dyDescent="0.25">
      <c r="A5799" t="s">
        <v>8724</v>
      </c>
      <c r="B5799" t="s">
        <v>8725</v>
      </c>
      <c r="C5799">
        <v>0</v>
      </c>
      <c r="D5799">
        <v>0</v>
      </c>
    </row>
    <row r="5800" spans="1:4" x14ac:dyDescent="0.25">
      <c r="A5800" t="s">
        <v>8726</v>
      </c>
      <c r="B5800" t="s">
        <v>8727</v>
      </c>
      <c r="C5800">
        <v>0</v>
      </c>
      <c r="D5800">
        <v>0</v>
      </c>
    </row>
    <row r="5801" spans="1:4" x14ac:dyDescent="0.25">
      <c r="A5801" t="s">
        <v>8726</v>
      </c>
      <c r="B5801" t="s">
        <v>8728</v>
      </c>
      <c r="C5801">
        <v>1</v>
      </c>
      <c r="D5801">
        <v>0</v>
      </c>
    </row>
    <row r="5802" spans="1:4" x14ac:dyDescent="0.25">
      <c r="A5802" t="s">
        <v>8729</v>
      </c>
      <c r="B5802" t="s">
        <v>969</v>
      </c>
      <c r="C5802">
        <v>0</v>
      </c>
      <c r="D5802">
        <v>0</v>
      </c>
    </row>
    <row r="5803" spans="1:4" x14ac:dyDescent="0.25">
      <c r="A5803" t="s">
        <v>8730</v>
      </c>
      <c r="B5803" t="s">
        <v>8731</v>
      </c>
      <c r="C5803">
        <v>2</v>
      </c>
      <c r="D5803">
        <v>0</v>
      </c>
    </row>
    <row r="5804" spans="1:4" x14ac:dyDescent="0.25">
      <c r="A5804" t="s">
        <v>8732</v>
      </c>
      <c r="B5804" t="s">
        <v>8733</v>
      </c>
      <c r="C5804">
        <v>0</v>
      </c>
      <c r="D5804">
        <v>0</v>
      </c>
    </row>
    <row r="5805" spans="1:4" x14ac:dyDescent="0.25">
      <c r="A5805" t="s">
        <v>8732</v>
      </c>
      <c r="B5805" t="s">
        <v>8734</v>
      </c>
      <c r="C5805">
        <v>0</v>
      </c>
      <c r="D5805">
        <v>0</v>
      </c>
    </row>
    <row r="5806" spans="1:4" x14ac:dyDescent="0.25">
      <c r="A5806" t="s">
        <v>8735</v>
      </c>
      <c r="B5806" t="s">
        <v>8736</v>
      </c>
      <c r="C5806">
        <v>1</v>
      </c>
      <c r="D5806">
        <v>0</v>
      </c>
    </row>
    <row r="5807" spans="1:4" x14ac:dyDescent="0.25">
      <c r="A5807" t="s">
        <v>8737</v>
      </c>
      <c r="B5807" t="s">
        <v>8738</v>
      </c>
      <c r="C5807">
        <v>1</v>
      </c>
      <c r="D5807">
        <v>0</v>
      </c>
    </row>
    <row r="5808" spans="1:4" x14ac:dyDescent="0.25">
      <c r="A5808" t="s">
        <v>8739</v>
      </c>
      <c r="B5808" t="s">
        <v>8740</v>
      </c>
      <c r="C5808">
        <v>1</v>
      </c>
      <c r="D5808">
        <v>0</v>
      </c>
    </row>
    <row r="5809" spans="1:4" x14ac:dyDescent="0.25">
      <c r="A5809" t="s">
        <v>8739</v>
      </c>
      <c r="B5809" t="s">
        <v>8741</v>
      </c>
      <c r="C5809">
        <v>0</v>
      </c>
      <c r="D5809">
        <v>0</v>
      </c>
    </row>
    <row r="5810" spans="1:4" x14ac:dyDescent="0.25">
      <c r="A5810" t="s">
        <v>8742</v>
      </c>
      <c r="B5810" t="s">
        <v>8743</v>
      </c>
      <c r="C5810">
        <v>2</v>
      </c>
      <c r="D5810">
        <v>0</v>
      </c>
    </row>
    <row r="5811" spans="1:4" x14ac:dyDescent="0.25">
      <c r="A5811" t="s">
        <v>8742</v>
      </c>
      <c r="B5811" t="s">
        <v>8744</v>
      </c>
      <c r="C5811">
        <v>1</v>
      </c>
      <c r="D5811">
        <v>0</v>
      </c>
    </row>
    <row r="5812" spans="1:4" x14ac:dyDescent="0.25">
      <c r="A5812" t="s">
        <v>8745</v>
      </c>
      <c r="B5812" t="s">
        <v>8746</v>
      </c>
      <c r="C5812">
        <v>2</v>
      </c>
      <c r="D5812">
        <v>0</v>
      </c>
    </row>
    <row r="5813" spans="1:4" x14ac:dyDescent="0.25">
      <c r="A5813" t="s">
        <v>8747</v>
      </c>
      <c r="B5813" t="s">
        <v>4139</v>
      </c>
      <c r="C5813">
        <v>1</v>
      </c>
      <c r="D5813">
        <v>0</v>
      </c>
    </row>
    <row r="5814" spans="1:4" x14ac:dyDescent="0.25">
      <c r="A5814" t="s">
        <v>8748</v>
      </c>
      <c r="B5814" t="s">
        <v>8749</v>
      </c>
      <c r="C5814">
        <v>1</v>
      </c>
      <c r="D5814">
        <v>0</v>
      </c>
    </row>
    <row r="5815" spans="1:4" x14ac:dyDescent="0.25">
      <c r="A5815" t="s">
        <v>8750</v>
      </c>
      <c r="B5815" t="s">
        <v>8751</v>
      </c>
      <c r="C5815">
        <v>1</v>
      </c>
      <c r="D5815">
        <v>0</v>
      </c>
    </row>
    <row r="5816" spans="1:4" x14ac:dyDescent="0.25">
      <c r="A5816" t="s">
        <v>8750</v>
      </c>
      <c r="B5816" t="s">
        <v>8752</v>
      </c>
      <c r="C5816">
        <v>1</v>
      </c>
      <c r="D5816">
        <v>0</v>
      </c>
    </row>
    <row r="5817" spans="1:4" x14ac:dyDescent="0.25">
      <c r="A5817" t="s">
        <v>8753</v>
      </c>
      <c r="B5817" t="s">
        <v>8754</v>
      </c>
      <c r="C5817">
        <v>0</v>
      </c>
      <c r="D5817">
        <v>0</v>
      </c>
    </row>
    <row r="5818" spans="1:4" x14ac:dyDescent="0.25">
      <c r="A5818" t="s">
        <v>8753</v>
      </c>
      <c r="B5818" t="s">
        <v>8755</v>
      </c>
      <c r="C5818">
        <v>0</v>
      </c>
      <c r="D5818">
        <v>0</v>
      </c>
    </row>
    <row r="5819" spans="1:4" x14ac:dyDescent="0.25">
      <c r="A5819" t="s">
        <v>8756</v>
      </c>
      <c r="B5819" t="s">
        <v>8757</v>
      </c>
      <c r="C5819">
        <v>0</v>
      </c>
      <c r="D5819">
        <v>0</v>
      </c>
    </row>
    <row r="5820" spans="1:4" x14ac:dyDescent="0.25">
      <c r="A5820" t="s">
        <v>8758</v>
      </c>
      <c r="B5820" t="s">
        <v>8759</v>
      </c>
      <c r="C5820">
        <v>0</v>
      </c>
      <c r="D5820">
        <v>0</v>
      </c>
    </row>
    <row r="5821" spans="1:4" x14ac:dyDescent="0.25">
      <c r="A5821" t="s">
        <v>8760</v>
      </c>
      <c r="B5821" t="s">
        <v>2061</v>
      </c>
      <c r="C5821">
        <v>0</v>
      </c>
      <c r="D5821">
        <v>0</v>
      </c>
    </row>
    <row r="5822" spans="1:4" x14ac:dyDescent="0.25">
      <c r="A5822" t="s">
        <v>8761</v>
      </c>
      <c r="B5822" t="s">
        <v>8762</v>
      </c>
      <c r="C5822">
        <v>0</v>
      </c>
      <c r="D5822">
        <v>0</v>
      </c>
    </row>
    <row r="5823" spans="1:4" x14ac:dyDescent="0.25">
      <c r="A5823" t="s">
        <v>8763</v>
      </c>
      <c r="B5823" t="s">
        <v>8764</v>
      </c>
      <c r="C5823">
        <v>0</v>
      </c>
      <c r="D5823">
        <v>0</v>
      </c>
    </row>
    <row r="5824" spans="1:4" x14ac:dyDescent="0.25">
      <c r="A5824" t="s">
        <v>8763</v>
      </c>
      <c r="B5824" t="s">
        <v>8765</v>
      </c>
      <c r="C5824">
        <v>0</v>
      </c>
      <c r="D5824">
        <v>0</v>
      </c>
    </row>
    <row r="5825" spans="1:4" x14ac:dyDescent="0.25">
      <c r="A5825" t="s">
        <v>8763</v>
      </c>
      <c r="B5825" t="s">
        <v>8766</v>
      </c>
      <c r="C5825">
        <v>1</v>
      </c>
      <c r="D5825">
        <v>0</v>
      </c>
    </row>
    <row r="5826" spans="1:4" x14ac:dyDescent="0.25">
      <c r="A5826" t="s">
        <v>8767</v>
      </c>
      <c r="B5826" t="s">
        <v>843</v>
      </c>
      <c r="C5826">
        <v>1</v>
      </c>
      <c r="D5826">
        <v>0</v>
      </c>
    </row>
    <row r="5827" spans="1:4" x14ac:dyDescent="0.25">
      <c r="A5827" t="s">
        <v>8767</v>
      </c>
      <c r="B5827" t="s">
        <v>8768</v>
      </c>
      <c r="C5827">
        <v>2</v>
      </c>
      <c r="D5827">
        <v>0</v>
      </c>
    </row>
    <row r="5828" spans="1:4" x14ac:dyDescent="0.25">
      <c r="A5828" t="s">
        <v>8767</v>
      </c>
      <c r="B5828" t="s">
        <v>8769</v>
      </c>
      <c r="C5828">
        <v>0</v>
      </c>
      <c r="D5828">
        <v>0</v>
      </c>
    </row>
    <row r="5829" spans="1:4" x14ac:dyDescent="0.25">
      <c r="A5829" t="s">
        <v>8770</v>
      </c>
      <c r="B5829" t="s">
        <v>8771</v>
      </c>
      <c r="C5829">
        <v>0</v>
      </c>
      <c r="D5829">
        <v>0</v>
      </c>
    </row>
    <row r="5830" spans="1:4" x14ac:dyDescent="0.25">
      <c r="A5830" t="s">
        <v>8772</v>
      </c>
      <c r="B5830" t="s">
        <v>8773</v>
      </c>
      <c r="C5830">
        <v>0</v>
      </c>
      <c r="D5830">
        <v>0</v>
      </c>
    </row>
    <row r="5831" spans="1:4" x14ac:dyDescent="0.25">
      <c r="A5831" t="s">
        <v>8772</v>
      </c>
      <c r="B5831" t="s">
        <v>8774</v>
      </c>
      <c r="C5831">
        <v>0</v>
      </c>
      <c r="D5831">
        <v>0</v>
      </c>
    </row>
    <row r="5832" spans="1:4" x14ac:dyDescent="0.25">
      <c r="A5832" t="s">
        <v>8772</v>
      </c>
      <c r="B5832" t="s">
        <v>8775</v>
      </c>
      <c r="C5832">
        <v>2</v>
      </c>
      <c r="D5832">
        <v>0</v>
      </c>
    </row>
    <row r="5833" spans="1:4" x14ac:dyDescent="0.25">
      <c r="A5833" t="s">
        <v>8776</v>
      </c>
      <c r="B5833" t="s">
        <v>8777</v>
      </c>
      <c r="C5833">
        <v>1</v>
      </c>
      <c r="D5833">
        <v>0</v>
      </c>
    </row>
    <row r="5834" spans="1:4" x14ac:dyDescent="0.25">
      <c r="A5834" t="s">
        <v>8776</v>
      </c>
      <c r="B5834" t="s">
        <v>8778</v>
      </c>
      <c r="C5834">
        <v>0</v>
      </c>
      <c r="D5834">
        <v>0</v>
      </c>
    </row>
    <row r="5835" spans="1:4" x14ac:dyDescent="0.25">
      <c r="A5835" t="s">
        <v>8779</v>
      </c>
      <c r="B5835" t="s">
        <v>8780</v>
      </c>
      <c r="C5835">
        <v>1</v>
      </c>
      <c r="D5835">
        <v>0</v>
      </c>
    </row>
    <row r="5836" spans="1:4" x14ac:dyDescent="0.25">
      <c r="A5836" t="s">
        <v>8779</v>
      </c>
      <c r="B5836" t="s">
        <v>8781</v>
      </c>
      <c r="C5836">
        <v>1</v>
      </c>
      <c r="D5836">
        <v>0</v>
      </c>
    </row>
    <row r="5837" spans="1:4" x14ac:dyDescent="0.25">
      <c r="A5837" t="s">
        <v>8779</v>
      </c>
      <c r="B5837" t="s">
        <v>8782</v>
      </c>
      <c r="C5837">
        <v>1</v>
      </c>
      <c r="D5837">
        <v>0</v>
      </c>
    </row>
    <row r="5838" spans="1:4" x14ac:dyDescent="0.25">
      <c r="A5838" t="s">
        <v>8783</v>
      </c>
      <c r="B5838" t="s">
        <v>8784</v>
      </c>
      <c r="C5838">
        <v>0</v>
      </c>
      <c r="D5838">
        <v>0</v>
      </c>
    </row>
    <row r="5839" spans="1:4" x14ac:dyDescent="0.25">
      <c r="A5839" t="s">
        <v>8785</v>
      </c>
      <c r="B5839" t="s">
        <v>8786</v>
      </c>
      <c r="C5839">
        <v>1</v>
      </c>
      <c r="D5839">
        <v>0</v>
      </c>
    </row>
    <row r="5840" spans="1:4" x14ac:dyDescent="0.25">
      <c r="A5840" t="s">
        <v>8785</v>
      </c>
      <c r="B5840" t="s">
        <v>8787</v>
      </c>
      <c r="C5840">
        <v>1</v>
      </c>
      <c r="D5840">
        <v>0</v>
      </c>
    </row>
    <row r="5841" spans="1:4" x14ac:dyDescent="0.25">
      <c r="A5841" t="s">
        <v>8788</v>
      </c>
      <c r="B5841" t="s">
        <v>8789</v>
      </c>
      <c r="C5841">
        <v>1</v>
      </c>
      <c r="D5841">
        <v>0</v>
      </c>
    </row>
    <row r="5842" spans="1:4" x14ac:dyDescent="0.25">
      <c r="A5842" t="s">
        <v>8790</v>
      </c>
      <c r="B5842" t="s">
        <v>8791</v>
      </c>
      <c r="C5842">
        <v>2</v>
      </c>
      <c r="D5842">
        <v>0</v>
      </c>
    </row>
    <row r="5843" spans="1:4" x14ac:dyDescent="0.25">
      <c r="A5843" t="s">
        <v>8792</v>
      </c>
      <c r="B5843" t="s">
        <v>8793</v>
      </c>
      <c r="C5843">
        <v>0</v>
      </c>
      <c r="D5843">
        <v>0</v>
      </c>
    </row>
    <row r="5844" spans="1:4" x14ac:dyDescent="0.25">
      <c r="A5844" t="s">
        <v>8792</v>
      </c>
      <c r="B5844" t="s">
        <v>8794</v>
      </c>
      <c r="C5844">
        <v>2</v>
      </c>
      <c r="D5844">
        <v>0</v>
      </c>
    </row>
    <row r="5845" spans="1:4" x14ac:dyDescent="0.25">
      <c r="A5845" t="s">
        <v>8792</v>
      </c>
      <c r="B5845" t="s">
        <v>8795</v>
      </c>
      <c r="C5845">
        <v>1</v>
      </c>
      <c r="D5845">
        <v>0</v>
      </c>
    </row>
    <row r="5846" spans="1:4" x14ac:dyDescent="0.25">
      <c r="A5846" t="s">
        <v>8796</v>
      </c>
      <c r="B5846" t="s">
        <v>8797</v>
      </c>
      <c r="C5846">
        <v>0</v>
      </c>
      <c r="D5846">
        <v>0</v>
      </c>
    </row>
    <row r="5847" spans="1:4" x14ac:dyDescent="0.25">
      <c r="A5847" t="s">
        <v>8798</v>
      </c>
      <c r="B5847" t="s">
        <v>8799</v>
      </c>
      <c r="C5847">
        <v>1</v>
      </c>
      <c r="D5847">
        <v>0</v>
      </c>
    </row>
    <row r="5848" spans="1:4" x14ac:dyDescent="0.25">
      <c r="A5848" t="s">
        <v>8800</v>
      </c>
      <c r="B5848" t="s">
        <v>8801</v>
      </c>
      <c r="C5848">
        <v>1</v>
      </c>
      <c r="D5848">
        <v>0</v>
      </c>
    </row>
    <row r="5849" spans="1:4" x14ac:dyDescent="0.25">
      <c r="A5849" t="s">
        <v>8802</v>
      </c>
      <c r="B5849" t="s">
        <v>1151</v>
      </c>
      <c r="C5849">
        <v>1</v>
      </c>
      <c r="D5849">
        <v>0</v>
      </c>
    </row>
    <row r="5850" spans="1:4" x14ac:dyDescent="0.25">
      <c r="A5850" t="s">
        <v>8802</v>
      </c>
      <c r="B5850" t="s">
        <v>8803</v>
      </c>
      <c r="C5850">
        <v>1</v>
      </c>
      <c r="D5850">
        <v>0</v>
      </c>
    </row>
    <row r="5851" spans="1:4" x14ac:dyDescent="0.25">
      <c r="A5851" t="s">
        <v>8804</v>
      </c>
      <c r="B5851" t="s">
        <v>1001</v>
      </c>
      <c r="C5851">
        <v>1</v>
      </c>
      <c r="D5851">
        <v>0</v>
      </c>
    </row>
    <row r="5852" spans="1:4" x14ac:dyDescent="0.25">
      <c r="A5852" t="s">
        <v>8804</v>
      </c>
      <c r="B5852" t="s">
        <v>8805</v>
      </c>
      <c r="C5852">
        <v>1</v>
      </c>
      <c r="D5852">
        <v>0</v>
      </c>
    </row>
    <row r="5853" spans="1:4" x14ac:dyDescent="0.25">
      <c r="A5853" t="s">
        <v>8806</v>
      </c>
      <c r="B5853" t="s">
        <v>8807</v>
      </c>
      <c r="C5853">
        <v>1</v>
      </c>
      <c r="D5853">
        <v>0</v>
      </c>
    </row>
    <row r="5854" spans="1:4" x14ac:dyDescent="0.25">
      <c r="A5854" t="s">
        <v>8808</v>
      </c>
      <c r="B5854" t="s">
        <v>8809</v>
      </c>
      <c r="C5854">
        <v>0</v>
      </c>
      <c r="D5854">
        <v>0</v>
      </c>
    </row>
    <row r="5855" spans="1:4" x14ac:dyDescent="0.25">
      <c r="A5855" t="s">
        <v>8808</v>
      </c>
      <c r="B5855" t="s">
        <v>8810</v>
      </c>
      <c r="C5855">
        <v>0</v>
      </c>
      <c r="D5855">
        <v>0</v>
      </c>
    </row>
    <row r="5856" spans="1:4" x14ac:dyDescent="0.25">
      <c r="A5856" t="s">
        <v>8808</v>
      </c>
      <c r="B5856" t="s">
        <v>8811</v>
      </c>
      <c r="C5856">
        <v>0</v>
      </c>
      <c r="D5856">
        <v>0</v>
      </c>
    </row>
    <row r="5857" spans="1:4" x14ac:dyDescent="0.25">
      <c r="A5857" t="s">
        <v>8812</v>
      </c>
      <c r="B5857" t="s">
        <v>8813</v>
      </c>
      <c r="C5857">
        <v>0</v>
      </c>
      <c r="D5857">
        <v>0</v>
      </c>
    </row>
    <row r="5858" spans="1:4" x14ac:dyDescent="0.25">
      <c r="A5858" t="s">
        <v>8814</v>
      </c>
      <c r="B5858" t="s">
        <v>8815</v>
      </c>
      <c r="C5858">
        <v>0</v>
      </c>
      <c r="D5858">
        <v>0</v>
      </c>
    </row>
    <row r="5859" spans="1:4" x14ac:dyDescent="0.25">
      <c r="A5859" t="s">
        <v>8814</v>
      </c>
      <c r="B5859" t="s">
        <v>8816</v>
      </c>
      <c r="C5859">
        <v>2</v>
      </c>
      <c r="D5859">
        <v>0</v>
      </c>
    </row>
    <row r="5860" spans="1:4" x14ac:dyDescent="0.25">
      <c r="A5860" t="s">
        <v>8817</v>
      </c>
      <c r="B5860" t="s">
        <v>8818</v>
      </c>
      <c r="C5860">
        <v>0</v>
      </c>
      <c r="D5860">
        <v>0</v>
      </c>
    </row>
    <row r="5861" spans="1:4" x14ac:dyDescent="0.25">
      <c r="A5861" t="s">
        <v>8819</v>
      </c>
      <c r="B5861" t="s">
        <v>8820</v>
      </c>
      <c r="C5861">
        <v>1</v>
      </c>
      <c r="D5861">
        <v>0</v>
      </c>
    </row>
    <row r="5862" spans="1:4" x14ac:dyDescent="0.25">
      <c r="A5862" t="s">
        <v>8821</v>
      </c>
      <c r="B5862" t="s">
        <v>1001</v>
      </c>
      <c r="C5862">
        <v>1</v>
      </c>
      <c r="D5862">
        <v>0</v>
      </c>
    </row>
    <row r="5863" spans="1:4" x14ac:dyDescent="0.25">
      <c r="A5863" t="s">
        <v>8821</v>
      </c>
      <c r="B5863" t="s">
        <v>8822</v>
      </c>
      <c r="C5863">
        <v>0</v>
      </c>
      <c r="D5863">
        <v>0</v>
      </c>
    </row>
    <row r="5864" spans="1:4" x14ac:dyDescent="0.25">
      <c r="A5864" t="s">
        <v>8823</v>
      </c>
      <c r="B5864" t="s">
        <v>8824</v>
      </c>
      <c r="C5864">
        <v>2</v>
      </c>
      <c r="D5864">
        <v>0</v>
      </c>
    </row>
    <row r="5865" spans="1:4" x14ac:dyDescent="0.25">
      <c r="A5865" t="s">
        <v>8825</v>
      </c>
      <c r="B5865" t="s">
        <v>8826</v>
      </c>
      <c r="C5865">
        <v>1</v>
      </c>
      <c r="D5865">
        <v>0</v>
      </c>
    </row>
    <row r="5866" spans="1:4" x14ac:dyDescent="0.25">
      <c r="A5866" t="s">
        <v>8827</v>
      </c>
      <c r="B5866" t="s">
        <v>8828</v>
      </c>
      <c r="C5866">
        <v>1</v>
      </c>
      <c r="D5866">
        <v>0</v>
      </c>
    </row>
    <row r="5867" spans="1:4" x14ac:dyDescent="0.25">
      <c r="A5867" t="s">
        <v>8829</v>
      </c>
      <c r="B5867" t="s">
        <v>8830</v>
      </c>
      <c r="C5867">
        <v>0</v>
      </c>
      <c r="D5867">
        <v>0</v>
      </c>
    </row>
    <row r="5868" spans="1:4" x14ac:dyDescent="0.25">
      <c r="A5868" t="s">
        <v>8829</v>
      </c>
      <c r="B5868" t="s">
        <v>8831</v>
      </c>
      <c r="C5868">
        <v>0</v>
      </c>
      <c r="D5868">
        <v>0</v>
      </c>
    </row>
    <row r="5869" spans="1:4" x14ac:dyDescent="0.25">
      <c r="A5869" t="s">
        <v>8832</v>
      </c>
      <c r="B5869" t="s">
        <v>8833</v>
      </c>
      <c r="C5869">
        <v>0</v>
      </c>
      <c r="D5869">
        <v>0</v>
      </c>
    </row>
    <row r="5870" spans="1:4" x14ac:dyDescent="0.25">
      <c r="A5870" t="s">
        <v>8832</v>
      </c>
      <c r="B5870" t="s">
        <v>8834</v>
      </c>
      <c r="C5870">
        <v>1</v>
      </c>
      <c r="D5870">
        <v>0</v>
      </c>
    </row>
    <row r="5871" spans="1:4" x14ac:dyDescent="0.25">
      <c r="A5871" t="s">
        <v>8835</v>
      </c>
      <c r="B5871" t="s">
        <v>8836</v>
      </c>
      <c r="C5871">
        <v>1</v>
      </c>
      <c r="D5871">
        <v>0</v>
      </c>
    </row>
    <row r="5872" spans="1:4" x14ac:dyDescent="0.25">
      <c r="A5872" t="s">
        <v>8837</v>
      </c>
      <c r="B5872" t="s">
        <v>8838</v>
      </c>
      <c r="C5872">
        <v>0</v>
      </c>
      <c r="D5872">
        <v>0</v>
      </c>
    </row>
    <row r="5873" spans="1:4" x14ac:dyDescent="0.25">
      <c r="A5873" t="s">
        <v>8837</v>
      </c>
      <c r="B5873" t="s">
        <v>2810</v>
      </c>
      <c r="C5873">
        <v>1</v>
      </c>
      <c r="D5873">
        <v>0</v>
      </c>
    </row>
    <row r="5874" spans="1:4" x14ac:dyDescent="0.25">
      <c r="A5874" t="s">
        <v>8839</v>
      </c>
      <c r="B5874" t="s">
        <v>8840</v>
      </c>
      <c r="C5874">
        <v>0</v>
      </c>
      <c r="D5874">
        <v>0</v>
      </c>
    </row>
    <row r="5875" spans="1:4" x14ac:dyDescent="0.25">
      <c r="A5875" t="s">
        <v>8839</v>
      </c>
      <c r="B5875" t="s">
        <v>8841</v>
      </c>
      <c r="C5875">
        <v>0</v>
      </c>
      <c r="D5875">
        <v>0</v>
      </c>
    </row>
    <row r="5876" spans="1:4" x14ac:dyDescent="0.25">
      <c r="A5876" t="s">
        <v>8842</v>
      </c>
      <c r="B5876" t="s">
        <v>8843</v>
      </c>
      <c r="C5876">
        <v>1</v>
      </c>
      <c r="D5876">
        <v>0</v>
      </c>
    </row>
    <row r="5877" spans="1:4" x14ac:dyDescent="0.25">
      <c r="A5877" t="s">
        <v>8842</v>
      </c>
      <c r="B5877" t="s">
        <v>8844</v>
      </c>
      <c r="C5877">
        <v>2</v>
      </c>
      <c r="D5877">
        <v>0</v>
      </c>
    </row>
    <row r="5878" spans="1:4" x14ac:dyDescent="0.25">
      <c r="A5878" t="s">
        <v>8842</v>
      </c>
      <c r="B5878" t="s">
        <v>8845</v>
      </c>
      <c r="C5878">
        <v>0</v>
      </c>
      <c r="D5878">
        <v>0</v>
      </c>
    </row>
    <row r="5879" spans="1:4" x14ac:dyDescent="0.25">
      <c r="A5879" t="s">
        <v>8846</v>
      </c>
      <c r="B5879" t="s">
        <v>8847</v>
      </c>
      <c r="C5879">
        <v>1</v>
      </c>
      <c r="D5879">
        <v>0</v>
      </c>
    </row>
    <row r="5880" spans="1:4" x14ac:dyDescent="0.25">
      <c r="A5880" t="s">
        <v>8846</v>
      </c>
      <c r="B5880" t="s">
        <v>8848</v>
      </c>
      <c r="C5880">
        <v>1</v>
      </c>
      <c r="D5880">
        <v>0</v>
      </c>
    </row>
    <row r="5881" spans="1:4" x14ac:dyDescent="0.25">
      <c r="A5881" t="s">
        <v>8846</v>
      </c>
      <c r="B5881" t="s">
        <v>8849</v>
      </c>
      <c r="C5881">
        <v>1</v>
      </c>
      <c r="D5881">
        <v>0</v>
      </c>
    </row>
    <row r="5882" spans="1:4" x14ac:dyDescent="0.25">
      <c r="A5882" t="s">
        <v>8850</v>
      </c>
      <c r="B5882" t="s">
        <v>8851</v>
      </c>
      <c r="C5882">
        <v>1</v>
      </c>
      <c r="D5882">
        <v>0</v>
      </c>
    </row>
    <row r="5883" spans="1:4" x14ac:dyDescent="0.25">
      <c r="A5883" t="s">
        <v>8850</v>
      </c>
      <c r="B5883" t="s">
        <v>8852</v>
      </c>
      <c r="C5883">
        <v>2</v>
      </c>
      <c r="D5883">
        <v>0</v>
      </c>
    </row>
    <row r="5884" spans="1:4" x14ac:dyDescent="0.25">
      <c r="A5884" t="s">
        <v>8850</v>
      </c>
      <c r="B5884" t="s">
        <v>8853</v>
      </c>
      <c r="C5884">
        <v>2</v>
      </c>
      <c r="D5884">
        <v>0</v>
      </c>
    </row>
    <row r="5885" spans="1:4" x14ac:dyDescent="0.25">
      <c r="A5885" t="s">
        <v>8854</v>
      </c>
      <c r="B5885" t="s">
        <v>1101</v>
      </c>
      <c r="C5885">
        <v>1</v>
      </c>
      <c r="D5885">
        <v>0</v>
      </c>
    </row>
    <row r="5886" spans="1:4" x14ac:dyDescent="0.25">
      <c r="A5886" t="s">
        <v>8855</v>
      </c>
      <c r="B5886" t="s">
        <v>8856</v>
      </c>
      <c r="C5886">
        <v>0</v>
      </c>
      <c r="D5886">
        <v>0</v>
      </c>
    </row>
    <row r="5887" spans="1:4" x14ac:dyDescent="0.25">
      <c r="A5887" t="s">
        <v>8857</v>
      </c>
      <c r="B5887" t="s">
        <v>1151</v>
      </c>
      <c r="C5887">
        <v>1</v>
      </c>
      <c r="D5887">
        <v>0</v>
      </c>
    </row>
    <row r="5888" spans="1:4" x14ac:dyDescent="0.25">
      <c r="A5888" t="s">
        <v>8857</v>
      </c>
      <c r="B5888" t="s">
        <v>8858</v>
      </c>
      <c r="C5888">
        <v>2</v>
      </c>
      <c r="D5888">
        <v>0</v>
      </c>
    </row>
    <row r="5889" spans="1:4" x14ac:dyDescent="0.25">
      <c r="A5889" t="s">
        <v>8859</v>
      </c>
      <c r="B5889" t="s">
        <v>8860</v>
      </c>
      <c r="C5889">
        <v>1</v>
      </c>
      <c r="D5889">
        <v>0</v>
      </c>
    </row>
    <row r="5890" spans="1:4" x14ac:dyDescent="0.25">
      <c r="A5890" t="s">
        <v>8859</v>
      </c>
      <c r="B5890" t="s">
        <v>8861</v>
      </c>
      <c r="C5890">
        <v>1</v>
      </c>
      <c r="D5890">
        <v>0</v>
      </c>
    </row>
    <row r="5891" spans="1:4" x14ac:dyDescent="0.25">
      <c r="A5891" t="s">
        <v>8859</v>
      </c>
      <c r="B5891" t="s">
        <v>8862</v>
      </c>
      <c r="C5891">
        <v>1</v>
      </c>
      <c r="D5891">
        <v>0</v>
      </c>
    </row>
    <row r="5892" spans="1:4" x14ac:dyDescent="0.25">
      <c r="A5892" t="s">
        <v>8863</v>
      </c>
      <c r="B5892" t="s">
        <v>8864</v>
      </c>
      <c r="C5892">
        <v>0</v>
      </c>
      <c r="D5892">
        <v>0</v>
      </c>
    </row>
    <row r="5893" spans="1:4" x14ac:dyDescent="0.25">
      <c r="A5893" t="s">
        <v>8865</v>
      </c>
      <c r="B5893" t="s">
        <v>8866</v>
      </c>
      <c r="C5893">
        <v>0</v>
      </c>
      <c r="D5893">
        <v>0</v>
      </c>
    </row>
    <row r="5894" spans="1:4" x14ac:dyDescent="0.25">
      <c r="A5894" t="s">
        <v>8865</v>
      </c>
      <c r="B5894" t="s">
        <v>8867</v>
      </c>
      <c r="C5894">
        <v>0</v>
      </c>
      <c r="D5894">
        <v>0</v>
      </c>
    </row>
    <row r="5895" spans="1:4" x14ac:dyDescent="0.25">
      <c r="A5895" t="s">
        <v>8868</v>
      </c>
      <c r="B5895" t="s">
        <v>8869</v>
      </c>
      <c r="C5895">
        <v>1</v>
      </c>
      <c r="D5895">
        <v>0</v>
      </c>
    </row>
    <row r="5896" spans="1:4" x14ac:dyDescent="0.25">
      <c r="A5896" t="s">
        <v>8870</v>
      </c>
      <c r="B5896" t="s">
        <v>8871</v>
      </c>
      <c r="C5896">
        <v>1</v>
      </c>
      <c r="D5896">
        <v>0</v>
      </c>
    </row>
    <row r="5897" spans="1:4" x14ac:dyDescent="0.25">
      <c r="A5897" t="s">
        <v>8872</v>
      </c>
      <c r="B5897" t="s">
        <v>8873</v>
      </c>
      <c r="C5897">
        <v>1</v>
      </c>
      <c r="D5897">
        <v>0</v>
      </c>
    </row>
    <row r="5898" spans="1:4" x14ac:dyDescent="0.25">
      <c r="A5898" t="s">
        <v>8872</v>
      </c>
      <c r="B5898" t="s">
        <v>8874</v>
      </c>
      <c r="C5898">
        <v>1</v>
      </c>
      <c r="D5898">
        <v>0</v>
      </c>
    </row>
    <row r="5899" spans="1:4" x14ac:dyDescent="0.25">
      <c r="A5899" t="s">
        <v>8872</v>
      </c>
      <c r="B5899" t="s">
        <v>8875</v>
      </c>
      <c r="C5899">
        <v>1</v>
      </c>
      <c r="D5899">
        <v>0</v>
      </c>
    </row>
    <row r="5900" spans="1:4" x14ac:dyDescent="0.25">
      <c r="A5900" t="s">
        <v>8876</v>
      </c>
      <c r="B5900" t="s">
        <v>8877</v>
      </c>
      <c r="C5900">
        <v>2</v>
      </c>
      <c r="D5900">
        <v>0</v>
      </c>
    </row>
    <row r="5901" spans="1:4" x14ac:dyDescent="0.25">
      <c r="A5901" t="s">
        <v>8878</v>
      </c>
      <c r="B5901" t="s">
        <v>8879</v>
      </c>
      <c r="C5901">
        <v>2</v>
      </c>
      <c r="D5901">
        <v>0</v>
      </c>
    </row>
    <row r="5902" spans="1:4" x14ac:dyDescent="0.25">
      <c r="A5902" t="s">
        <v>8878</v>
      </c>
      <c r="B5902" t="s">
        <v>8880</v>
      </c>
      <c r="C5902">
        <v>0</v>
      </c>
      <c r="D5902">
        <v>0</v>
      </c>
    </row>
    <row r="5903" spans="1:4" x14ac:dyDescent="0.25">
      <c r="A5903" t="s">
        <v>8878</v>
      </c>
      <c r="B5903" t="s">
        <v>8881</v>
      </c>
      <c r="C5903">
        <v>2</v>
      </c>
      <c r="D5903">
        <v>0</v>
      </c>
    </row>
    <row r="5904" spans="1:4" x14ac:dyDescent="0.25">
      <c r="A5904" t="s">
        <v>8882</v>
      </c>
      <c r="B5904" t="s">
        <v>968</v>
      </c>
      <c r="C5904">
        <v>1</v>
      </c>
      <c r="D5904">
        <v>0</v>
      </c>
    </row>
    <row r="5905" spans="1:4" x14ac:dyDescent="0.25">
      <c r="A5905" t="s">
        <v>8883</v>
      </c>
      <c r="B5905" t="s">
        <v>8884</v>
      </c>
      <c r="C5905">
        <v>1</v>
      </c>
      <c r="D5905">
        <v>0</v>
      </c>
    </row>
    <row r="5906" spans="1:4" x14ac:dyDescent="0.25">
      <c r="A5906" t="s">
        <v>8885</v>
      </c>
      <c r="B5906" t="s">
        <v>8886</v>
      </c>
      <c r="C5906">
        <v>1</v>
      </c>
      <c r="D5906">
        <v>0</v>
      </c>
    </row>
    <row r="5907" spans="1:4" x14ac:dyDescent="0.25">
      <c r="A5907" t="s">
        <v>8887</v>
      </c>
      <c r="B5907" t="s">
        <v>8888</v>
      </c>
      <c r="C5907">
        <v>0</v>
      </c>
      <c r="D5907">
        <v>0</v>
      </c>
    </row>
    <row r="5908" spans="1:4" x14ac:dyDescent="0.25">
      <c r="A5908" t="s">
        <v>8889</v>
      </c>
      <c r="B5908" t="s">
        <v>8890</v>
      </c>
      <c r="C5908">
        <v>0</v>
      </c>
      <c r="D5908">
        <v>0</v>
      </c>
    </row>
    <row r="5909" spans="1:4" x14ac:dyDescent="0.25">
      <c r="A5909" t="s">
        <v>8889</v>
      </c>
      <c r="B5909" t="s">
        <v>8891</v>
      </c>
      <c r="C5909">
        <v>0</v>
      </c>
      <c r="D5909">
        <v>0</v>
      </c>
    </row>
    <row r="5910" spans="1:4" x14ac:dyDescent="0.25">
      <c r="A5910" t="s">
        <v>8892</v>
      </c>
      <c r="B5910" t="s">
        <v>1570</v>
      </c>
      <c r="C5910">
        <v>1</v>
      </c>
      <c r="D5910">
        <v>0</v>
      </c>
    </row>
    <row r="5911" spans="1:4" x14ac:dyDescent="0.25">
      <c r="A5911" t="s">
        <v>8892</v>
      </c>
      <c r="B5911" t="s">
        <v>923</v>
      </c>
      <c r="C5911">
        <v>0</v>
      </c>
      <c r="D5911">
        <v>0</v>
      </c>
    </row>
    <row r="5912" spans="1:4" x14ac:dyDescent="0.25">
      <c r="A5912" t="s">
        <v>8893</v>
      </c>
      <c r="B5912" t="s">
        <v>8894</v>
      </c>
      <c r="C5912">
        <v>0</v>
      </c>
      <c r="D5912">
        <v>0</v>
      </c>
    </row>
    <row r="5913" spans="1:4" x14ac:dyDescent="0.25">
      <c r="A5913" t="s">
        <v>8893</v>
      </c>
      <c r="B5913" t="s">
        <v>8895</v>
      </c>
      <c r="C5913">
        <v>0</v>
      </c>
      <c r="D5913">
        <v>0</v>
      </c>
    </row>
    <row r="5914" spans="1:4" x14ac:dyDescent="0.25">
      <c r="A5914" t="s">
        <v>8896</v>
      </c>
      <c r="B5914" t="s">
        <v>8897</v>
      </c>
      <c r="C5914">
        <v>1</v>
      </c>
      <c r="D5914">
        <v>0</v>
      </c>
    </row>
    <row r="5915" spans="1:4" x14ac:dyDescent="0.25">
      <c r="A5915" t="s">
        <v>8898</v>
      </c>
      <c r="B5915" t="s">
        <v>8899</v>
      </c>
      <c r="C5915">
        <v>1</v>
      </c>
      <c r="D5915">
        <v>0</v>
      </c>
    </row>
    <row r="5916" spans="1:4" x14ac:dyDescent="0.25">
      <c r="A5916" t="s">
        <v>8898</v>
      </c>
      <c r="B5916" t="s">
        <v>8900</v>
      </c>
      <c r="C5916">
        <v>0</v>
      </c>
      <c r="D5916">
        <v>0</v>
      </c>
    </row>
    <row r="5917" spans="1:4" x14ac:dyDescent="0.25">
      <c r="A5917" t="s">
        <v>8898</v>
      </c>
      <c r="B5917" t="s">
        <v>8901</v>
      </c>
      <c r="C5917">
        <v>1</v>
      </c>
      <c r="D5917">
        <v>0</v>
      </c>
    </row>
    <row r="5918" spans="1:4" x14ac:dyDescent="0.25">
      <c r="A5918" t="s">
        <v>8902</v>
      </c>
      <c r="B5918" t="s">
        <v>8903</v>
      </c>
      <c r="C5918">
        <v>2</v>
      </c>
      <c r="D5918">
        <v>0</v>
      </c>
    </row>
    <row r="5919" spans="1:4" x14ac:dyDescent="0.25">
      <c r="A5919" t="s">
        <v>8902</v>
      </c>
      <c r="B5919" t="s">
        <v>8904</v>
      </c>
      <c r="C5919">
        <v>1</v>
      </c>
      <c r="D5919">
        <v>0</v>
      </c>
    </row>
    <row r="5920" spans="1:4" x14ac:dyDescent="0.25">
      <c r="A5920" t="s">
        <v>8905</v>
      </c>
      <c r="B5920" t="s">
        <v>8906</v>
      </c>
      <c r="C5920">
        <v>2</v>
      </c>
      <c r="D5920">
        <v>0</v>
      </c>
    </row>
    <row r="5921" spans="1:4" x14ac:dyDescent="0.25">
      <c r="A5921" t="s">
        <v>8907</v>
      </c>
      <c r="B5921" t="s">
        <v>8908</v>
      </c>
      <c r="C5921">
        <v>1</v>
      </c>
      <c r="D5921">
        <v>0</v>
      </c>
    </row>
    <row r="5922" spans="1:4" x14ac:dyDescent="0.25">
      <c r="A5922" t="s">
        <v>8907</v>
      </c>
      <c r="B5922" t="s">
        <v>8909</v>
      </c>
      <c r="C5922">
        <v>1</v>
      </c>
      <c r="D5922">
        <v>0</v>
      </c>
    </row>
    <row r="5923" spans="1:4" x14ac:dyDescent="0.25">
      <c r="A5923" t="s">
        <v>8907</v>
      </c>
      <c r="B5923" t="s">
        <v>8910</v>
      </c>
      <c r="C5923">
        <v>0</v>
      </c>
      <c r="D5923">
        <v>0</v>
      </c>
    </row>
    <row r="5924" spans="1:4" x14ac:dyDescent="0.25">
      <c r="A5924" t="s">
        <v>8911</v>
      </c>
      <c r="B5924" t="s">
        <v>8912</v>
      </c>
      <c r="C5924">
        <v>0</v>
      </c>
      <c r="D5924">
        <v>0</v>
      </c>
    </row>
    <row r="5925" spans="1:4" x14ac:dyDescent="0.25">
      <c r="A5925" t="s">
        <v>8913</v>
      </c>
      <c r="B5925" t="s">
        <v>8914</v>
      </c>
      <c r="C5925">
        <v>1</v>
      </c>
      <c r="D5925">
        <v>0</v>
      </c>
    </row>
    <row r="5926" spans="1:4" x14ac:dyDescent="0.25">
      <c r="A5926" t="s">
        <v>8915</v>
      </c>
      <c r="B5926" t="s">
        <v>1001</v>
      </c>
      <c r="C5926">
        <v>1</v>
      </c>
      <c r="D5926">
        <v>0</v>
      </c>
    </row>
    <row r="5927" spans="1:4" x14ac:dyDescent="0.25">
      <c r="A5927" t="s">
        <v>8915</v>
      </c>
      <c r="B5927" t="s">
        <v>8916</v>
      </c>
      <c r="C5927">
        <v>0</v>
      </c>
      <c r="D5927">
        <v>0</v>
      </c>
    </row>
    <row r="5928" spans="1:4" x14ac:dyDescent="0.25">
      <c r="A5928" t="s">
        <v>8917</v>
      </c>
      <c r="B5928" t="s">
        <v>8918</v>
      </c>
      <c r="C5928">
        <v>1</v>
      </c>
      <c r="D5928">
        <v>0</v>
      </c>
    </row>
    <row r="5929" spans="1:4" x14ac:dyDescent="0.25">
      <c r="A5929" t="s">
        <v>8917</v>
      </c>
      <c r="B5929" t="s">
        <v>8919</v>
      </c>
      <c r="C5929">
        <v>2</v>
      </c>
      <c r="D5929">
        <v>0</v>
      </c>
    </row>
    <row r="5930" spans="1:4" x14ac:dyDescent="0.25">
      <c r="A5930" t="s">
        <v>8920</v>
      </c>
      <c r="B5930" t="s">
        <v>1294</v>
      </c>
      <c r="C5930">
        <v>1</v>
      </c>
      <c r="D5930">
        <v>0</v>
      </c>
    </row>
    <row r="5931" spans="1:4" x14ac:dyDescent="0.25">
      <c r="A5931" t="s">
        <v>8920</v>
      </c>
      <c r="B5931" t="s">
        <v>8921</v>
      </c>
      <c r="C5931">
        <v>1</v>
      </c>
      <c r="D5931">
        <v>0</v>
      </c>
    </row>
    <row r="5932" spans="1:4" x14ac:dyDescent="0.25">
      <c r="A5932" t="s">
        <v>8922</v>
      </c>
      <c r="B5932" t="s">
        <v>8923</v>
      </c>
      <c r="C5932">
        <v>0</v>
      </c>
      <c r="D5932">
        <v>0</v>
      </c>
    </row>
    <row r="5933" spans="1:4" x14ac:dyDescent="0.25">
      <c r="A5933" t="s">
        <v>8922</v>
      </c>
      <c r="B5933" t="s">
        <v>8924</v>
      </c>
      <c r="C5933">
        <v>0</v>
      </c>
      <c r="D5933">
        <v>0</v>
      </c>
    </row>
    <row r="5934" spans="1:4" x14ac:dyDescent="0.25">
      <c r="A5934" t="s">
        <v>8925</v>
      </c>
      <c r="B5934" t="s">
        <v>8926</v>
      </c>
      <c r="C5934">
        <v>2</v>
      </c>
      <c r="D5934">
        <v>0</v>
      </c>
    </row>
    <row r="5935" spans="1:4" x14ac:dyDescent="0.25">
      <c r="A5935" t="s">
        <v>8925</v>
      </c>
      <c r="B5935" t="s">
        <v>8927</v>
      </c>
      <c r="C5935">
        <v>0</v>
      </c>
      <c r="D5935">
        <v>0</v>
      </c>
    </row>
    <row r="5936" spans="1:4" x14ac:dyDescent="0.25">
      <c r="A5936" t="s">
        <v>8925</v>
      </c>
      <c r="B5936" t="s">
        <v>8928</v>
      </c>
      <c r="C5936">
        <v>0</v>
      </c>
      <c r="D5936">
        <v>0</v>
      </c>
    </row>
    <row r="5937" spans="1:4" x14ac:dyDescent="0.25">
      <c r="A5937" t="s">
        <v>8929</v>
      </c>
      <c r="B5937" t="s">
        <v>8930</v>
      </c>
      <c r="C5937">
        <v>0</v>
      </c>
      <c r="D5937">
        <v>0</v>
      </c>
    </row>
    <row r="5938" spans="1:4" x14ac:dyDescent="0.25">
      <c r="A5938" t="s">
        <v>8931</v>
      </c>
      <c r="B5938" t="s">
        <v>8932</v>
      </c>
      <c r="C5938">
        <v>0</v>
      </c>
      <c r="D5938">
        <v>0</v>
      </c>
    </row>
    <row r="5939" spans="1:4" x14ac:dyDescent="0.25">
      <c r="A5939" t="s">
        <v>8931</v>
      </c>
      <c r="B5939" t="s">
        <v>8933</v>
      </c>
      <c r="C5939">
        <v>0</v>
      </c>
      <c r="D5939">
        <v>0</v>
      </c>
    </row>
    <row r="5940" spans="1:4" x14ac:dyDescent="0.25">
      <c r="A5940" t="s">
        <v>8931</v>
      </c>
      <c r="B5940" t="s">
        <v>8934</v>
      </c>
      <c r="C5940">
        <v>1</v>
      </c>
      <c r="D5940">
        <v>0</v>
      </c>
    </row>
    <row r="5941" spans="1:4" x14ac:dyDescent="0.25">
      <c r="A5941" t="s">
        <v>8935</v>
      </c>
      <c r="B5941" t="s">
        <v>1001</v>
      </c>
      <c r="C5941">
        <v>1</v>
      </c>
      <c r="D5941">
        <v>0</v>
      </c>
    </row>
    <row r="5942" spans="1:4" x14ac:dyDescent="0.25">
      <c r="A5942" t="s">
        <v>8936</v>
      </c>
      <c r="B5942" t="s">
        <v>8937</v>
      </c>
      <c r="C5942">
        <v>2</v>
      </c>
      <c r="D5942">
        <v>0</v>
      </c>
    </row>
    <row r="5943" spans="1:4" x14ac:dyDescent="0.25">
      <c r="A5943" t="s">
        <v>8936</v>
      </c>
      <c r="B5943" t="s">
        <v>8938</v>
      </c>
      <c r="C5943">
        <v>2</v>
      </c>
      <c r="D5943">
        <v>0</v>
      </c>
    </row>
    <row r="5944" spans="1:4" x14ac:dyDescent="0.25">
      <c r="A5944" t="s">
        <v>8939</v>
      </c>
      <c r="B5944" t="s">
        <v>968</v>
      </c>
      <c r="C5944">
        <v>1</v>
      </c>
      <c r="D5944">
        <v>0</v>
      </c>
    </row>
    <row r="5945" spans="1:4" x14ac:dyDescent="0.25">
      <c r="A5945" t="s">
        <v>8940</v>
      </c>
      <c r="B5945" t="s">
        <v>8941</v>
      </c>
      <c r="C5945">
        <v>0</v>
      </c>
      <c r="D5945">
        <v>0</v>
      </c>
    </row>
    <row r="5946" spans="1:4" x14ac:dyDescent="0.25">
      <c r="A5946" t="s">
        <v>8942</v>
      </c>
      <c r="B5946" t="s">
        <v>8943</v>
      </c>
      <c r="C5946">
        <v>1</v>
      </c>
      <c r="D5946">
        <v>0</v>
      </c>
    </row>
    <row r="5947" spans="1:4" x14ac:dyDescent="0.25">
      <c r="A5947" t="s">
        <v>8942</v>
      </c>
      <c r="B5947" t="s">
        <v>8944</v>
      </c>
      <c r="C5947">
        <v>0</v>
      </c>
      <c r="D5947">
        <v>0</v>
      </c>
    </row>
    <row r="5948" spans="1:4" x14ac:dyDescent="0.25">
      <c r="A5948" t="s">
        <v>8945</v>
      </c>
      <c r="B5948" t="s">
        <v>5709</v>
      </c>
      <c r="C5948">
        <v>1</v>
      </c>
      <c r="D5948">
        <v>0</v>
      </c>
    </row>
    <row r="5949" spans="1:4" x14ac:dyDescent="0.25">
      <c r="A5949" t="s">
        <v>8946</v>
      </c>
      <c r="B5949" t="s">
        <v>8947</v>
      </c>
      <c r="C5949">
        <v>2</v>
      </c>
      <c r="D5949">
        <v>0</v>
      </c>
    </row>
    <row r="5950" spans="1:4" x14ac:dyDescent="0.25">
      <c r="A5950" t="s">
        <v>8946</v>
      </c>
      <c r="B5950" t="s">
        <v>8948</v>
      </c>
      <c r="C5950">
        <v>1</v>
      </c>
      <c r="D5950">
        <v>0</v>
      </c>
    </row>
    <row r="5951" spans="1:4" x14ac:dyDescent="0.25">
      <c r="A5951" t="s">
        <v>8946</v>
      </c>
      <c r="B5951" t="s">
        <v>8949</v>
      </c>
      <c r="C5951">
        <v>1</v>
      </c>
      <c r="D5951">
        <v>0</v>
      </c>
    </row>
    <row r="5952" spans="1:4" x14ac:dyDescent="0.25">
      <c r="A5952" t="s">
        <v>8950</v>
      </c>
      <c r="B5952" t="s">
        <v>8951</v>
      </c>
      <c r="C5952">
        <v>1</v>
      </c>
      <c r="D5952">
        <v>0</v>
      </c>
    </row>
    <row r="5953" spans="1:4" x14ac:dyDescent="0.25">
      <c r="A5953" t="s">
        <v>8952</v>
      </c>
      <c r="B5953" t="s">
        <v>8953</v>
      </c>
      <c r="C5953">
        <v>0</v>
      </c>
      <c r="D5953">
        <v>0</v>
      </c>
    </row>
    <row r="5954" spans="1:4" x14ac:dyDescent="0.25">
      <c r="A5954" t="s">
        <v>8954</v>
      </c>
      <c r="B5954" t="s">
        <v>8955</v>
      </c>
      <c r="C5954">
        <v>0</v>
      </c>
      <c r="D5954">
        <v>0</v>
      </c>
    </row>
    <row r="5955" spans="1:4" x14ac:dyDescent="0.25">
      <c r="A5955" t="s">
        <v>8956</v>
      </c>
      <c r="B5955" t="s">
        <v>8957</v>
      </c>
      <c r="C5955">
        <v>1</v>
      </c>
      <c r="D5955">
        <v>0</v>
      </c>
    </row>
    <row r="5956" spans="1:4" x14ac:dyDescent="0.25">
      <c r="A5956" t="s">
        <v>8956</v>
      </c>
      <c r="B5956" t="s">
        <v>8958</v>
      </c>
      <c r="C5956">
        <v>1</v>
      </c>
      <c r="D5956">
        <v>0</v>
      </c>
    </row>
    <row r="5957" spans="1:4" x14ac:dyDescent="0.25">
      <c r="A5957" t="s">
        <v>8959</v>
      </c>
      <c r="B5957" t="s">
        <v>8960</v>
      </c>
      <c r="C5957">
        <v>2</v>
      </c>
      <c r="D5957">
        <v>0</v>
      </c>
    </row>
    <row r="5958" spans="1:4" x14ac:dyDescent="0.25">
      <c r="A5958" t="s">
        <v>8959</v>
      </c>
      <c r="B5958" t="s">
        <v>8961</v>
      </c>
      <c r="C5958">
        <v>1</v>
      </c>
      <c r="D5958">
        <v>0</v>
      </c>
    </row>
    <row r="5959" spans="1:4" x14ac:dyDescent="0.25">
      <c r="A5959" t="s">
        <v>8962</v>
      </c>
      <c r="B5959" t="s">
        <v>8963</v>
      </c>
      <c r="C5959">
        <v>0</v>
      </c>
      <c r="D5959">
        <v>0</v>
      </c>
    </row>
    <row r="5960" spans="1:4" x14ac:dyDescent="0.25">
      <c r="A5960" t="s">
        <v>8962</v>
      </c>
      <c r="B5960" t="s">
        <v>8964</v>
      </c>
      <c r="C5960">
        <v>1</v>
      </c>
      <c r="D5960">
        <v>0</v>
      </c>
    </row>
    <row r="5961" spans="1:4" x14ac:dyDescent="0.25">
      <c r="A5961" t="s">
        <v>8962</v>
      </c>
      <c r="B5961" t="s">
        <v>8965</v>
      </c>
      <c r="C5961">
        <v>1</v>
      </c>
      <c r="D5961">
        <v>0</v>
      </c>
    </row>
    <row r="5962" spans="1:4" x14ac:dyDescent="0.25">
      <c r="A5962" t="s">
        <v>8966</v>
      </c>
      <c r="B5962" t="s">
        <v>8967</v>
      </c>
      <c r="C5962">
        <v>1</v>
      </c>
      <c r="D5962">
        <v>0</v>
      </c>
    </row>
    <row r="5963" spans="1:4" x14ac:dyDescent="0.25">
      <c r="A5963" t="s">
        <v>8968</v>
      </c>
      <c r="B5963" t="s">
        <v>8969</v>
      </c>
      <c r="C5963">
        <v>0</v>
      </c>
      <c r="D5963">
        <v>0</v>
      </c>
    </row>
    <row r="5964" spans="1:4" x14ac:dyDescent="0.25">
      <c r="A5964" t="s">
        <v>8970</v>
      </c>
      <c r="B5964" t="s">
        <v>8971</v>
      </c>
      <c r="C5964">
        <v>0</v>
      </c>
      <c r="D5964">
        <v>0</v>
      </c>
    </row>
    <row r="5965" spans="1:4" x14ac:dyDescent="0.25">
      <c r="A5965" t="s">
        <v>8970</v>
      </c>
      <c r="B5965" t="s">
        <v>8972</v>
      </c>
      <c r="C5965">
        <v>0</v>
      </c>
      <c r="D5965">
        <v>0</v>
      </c>
    </row>
    <row r="5966" spans="1:4" x14ac:dyDescent="0.25">
      <c r="A5966" t="s">
        <v>8973</v>
      </c>
      <c r="B5966" t="s">
        <v>1526</v>
      </c>
      <c r="C5966">
        <v>1</v>
      </c>
      <c r="D5966">
        <v>0</v>
      </c>
    </row>
    <row r="5967" spans="1:4" x14ac:dyDescent="0.25">
      <c r="A5967" t="s">
        <v>8974</v>
      </c>
      <c r="B5967" t="s">
        <v>8975</v>
      </c>
      <c r="C5967">
        <v>1</v>
      </c>
      <c r="D5967">
        <v>0</v>
      </c>
    </row>
    <row r="5968" spans="1:4" x14ac:dyDescent="0.25">
      <c r="A5968" t="s">
        <v>8974</v>
      </c>
      <c r="B5968" t="s">
        <v>8976</v>
      </c>
      <c r="C5968">
        <v>0</v>
      </c>
      <c r="D5968">
        <v>0</v>
      </c>
    </row>
    <row r="5969" spans="1:4" x14ac:dyDescent="0.25">
      <c r="A5969" t="s">
        <v>8977</v>
      </c>
      <c r="B5969" t="s">
        <v>8978</v>
      </c>
      <c r="C5969">
        <v>1</v>
      </c>
      <c r="D5969">
        <v>0</v>
      </c>
    </row>
    <row r="5970" spans="1:4" x14ac:dyDescent="0.25">
      <c r="A5970" t="s">
        <v>8977</v>
      </c>
      <c r="B5970" t="s">
        <v>8979</v>
      </c>
      <c r="C5970">
        <v>1</v>
      </c>
      <c r="D5970">
        <v>0</v>
      </c>
    </row>
    <row r="5971" spans="1:4" x14ac:dyDescent="0.25">
      <c r="A5971" t="s">
        <v>8980</v>
      </c>
      <c r="B5971" t="s">
        <v>8981</v>
      </c>
      <c r="C5971">
        <v>1</v>
      </c>
      <c r="D5971">
        <v>0</v>
      </c>
    </row>
    <row r="5972" spans="1:4" x14ac:dyDescent="0.25">
      <c r="A5972" t="s">
        <v>8980</v>
      </c>
      <c r="B5972" t="s">
        <v>8982</v>
      </c>
      <c r="C5972">
        <v>1</v>
      </c>
      <c r="D5972">
        <v>0</v>
      </c>
    </row>
    <row r="5973" spans="1:4" x14ac:dyDescent="0.25">
      <c r="A5973" t="s">
        <v>8983</v>
      </c>
      <c r="B5973" t="s">
        <v>8984</v>
      </c>
      <c r="C5973">
        <v>2</v>
      </c>
      <c r="D5973">
        <v>0</v>
      </c>
    </row>
    <row r="5974" spans="1:4" x14ac:dyDescent="0.25">
      <c r="A5974" t="s">
        <v>8983</v>
      </c>
      <c r="B5974" t="s">
        <v>8985</v>
      </c>
      <c r="C5974">
        <v>1</v>
      </c>
      <c r="D5974">
        <v>0</v>
      </c>
    </row>
    <row r="5975" spans="1:4" x14ac:dyDescent="0.25">
      <c r="A5975" t="s">
        <v>8986</v>
      </c>
      <c r="B5975" t="s">
        <v>8987</v>
      </c>
      <c r="C5975">
        <v>1</v>
      </c>
      <c r="D5975">
        <v>0</v>
      </c>
    </row>
    <row r="5976" spans="1:4" x14ac:dyDescent="0.25">
      <c r="A5976" t="s">
        <v>8986</v>
      </c>
      <c r="B5976" t="s">
        <v>8988</v>
      </c>
      <c r="C5976">
        <v>1</v>
      </c>
      <c r="D5976">
        <v>0</v>
      </c>
    </row>
    <row r="5977" spans="1:4" x14ac:dyDescent="0.25">
      <c r="A5977" t="s">
        <v>8986</v>
      </c>
      <c r="B5977" t="s">
        <v>8989</v>
      </c>
      <c r="C5977">
        <v>1</v>
      </c>
      <c r="D5977">
        <v>0</v>
      </c>
    </row>
    <row r="5978" spans="1:4" x14ac:dyDescent="0.25">
      <c r="A5978" t="s">
        <v>8990</v>
      </c>
      <c r="B5978" t="s">
        <v>1570</v>
      </c>
      <c r="C5978">
        <v>1</v>
      </c>
      <c r="D5978">
        <v>0</v>
      </c>
    </row>
    <row r="5979" spans="1:4" x14ac:dyDescent="0.25">
      <c r="A5979" t="s">
        <v>8991</v>
      </c>
      <c r="B5979" t="s">
        <v>8992</v>
      </c>
      <c r="C5979">
        <v>1</v>
      </c>
      <c r="D5979">
        <v>0</v>
      </c>
    </row>
    <row r="5980" spans="1:4" x14ac:dyDescent="0.25">
      <c r="A5980" t="s">
        <v>8991</v>
      </c>
      <c r="B5980" t="s">
        <v>8993</v>
      </c>
      <c r="C5980">
        <v>0</v>
      </c>
      <c r="D5980">
        <v>0</v>
      </c>
    </row>
    <row r="5981" spans="1:4" x14ac:dyDescent="0.25">
      <c r="A5981" t="s">
        <v>8994</v>
      </c>
      <c r="B5981" t="s">
        <v>8995</v>
      </c>
      <c r="C5981">
        <v>0</v>
      </c>
      <c r="D5981">
        <v>0</v>
      </c>
    </row>
    <row r="5982" spans="1:4" x14ac:dyDescent="0.25">
      <c r="A5982" t="s">
        <v>8996</v>
      </c>
      <c r="B5982" t="s">
        <v>1001</v>
      </c>
      <c r="C5982">
        <v>1</v>
      </c>
      <c r="D5982">
        <v>0</v>
      </c>
    </row>
    <row r="5983" spans="1:4" x14ac:dyDescent="0.25">
      <c r="A5983" t="s">
        <v>8997</v>
      </c>
      <c r="B5983" t="s">
        <v>8998</v>
      </c>
      <c r="C5983">
        <v>1</v>
      </c>
      <c r="D5983">
        <v>0</v>
      </c>
    </row>
    <row r="5984" spans="1:4" x14ac:dyDescent="0.25">
      <c r="A5984" t="s">
        <v>8999</v>
      </c>
      <c r="B5984" t="s">
        <v>9000</v>
      </c>
      <c r="C5984">
        <v>2</v>
      </c>
      <c r="D5984">
        <v>0</v>
      </c>
    </row>
    <row r="5985" spans="1:4" x14ac:dyDescent="0.25">
      <c r="A5985" t="s">
        <v>9001</v>
      </c>
      <c r="B5985" t="s">
        <v>9002</v>
      </c>
      <c r="C5985">
        <v>1</v>
      </c>
      <c r="D5985">
        <v>0</v>
      </c>
    </row>
    <row r="5986" spans="1:4" x14ac:dyDescent="0.25">
      <c r="A5986" t="s">
        <v>9001</v>
      </c>
      <c r="B5986" t="s">
        <v>9003</v>
      </c>
      <c r="C5986">
        <v>0</v>
      </c>
      <c r="D5986">
        <v>0</v>
      </c>
    </row>
    <row r="5987" spans="1:4" x14ac:dyDescent="0.25">
      <c r="A5987" t="s">
        <v>9004</v>
      </c>
      <c r="B5987" t="s">
        <v>9005</v>
      </c>
      <c r="C5987">
        <v>1</v>
      </c>
      <c r="D5987">
        <v>0</v>
      </c>
    </row>
    <row r="5988" spans="1:4" x14ac:dyDescent="0.25">
      <c r="A5988" t="s">
        <v>9006</v>
      </c>
      <c r="B5988" t="s">
        <v>9007</v>
      </c>
      <c r="C5988">
        <v>2</v>
      </c>
      <c r="D5988">
        <v>0</v>
      </c>
    </row>
    <row r="5989" spans="1:4" x14ac:dyDescent="0.25">
      <c r="A5989" t="s">
        <v>9006</v>
      </c>
      <c r="B5989" t="s">
        <v>9008</v>
      </c>
      <c r="C5989">
        <v>2</v>
      </c>
      <c r="D5989">
        <v>0</v>
      </c>
    </row>
    <row r="5990" spans="1:4" x14ac:dyDescent="0.25">
      <c r="A5990" t="s">
        <v>9009</v>
      </c>
      <c r="B5990" t="s">
        <v>9010</v>
      </c>
      <c r="C5990">
        <v>1</v>
      </c>
      <c r="D5990">
        <v>0</v>
      </c>
    </row>
    <row r="5991" spans="1:4" x14ac:dyDescent="0.25">
      <c r="A5991" t="s">
        <v>9009</v>
      </c>
      <c r="B5991" t="s">
        <v>9011</v>
      </c>
      <c r="C5991">
        <v>2</v>
      </c>
      <c r="D5991">
        <v>0</v>
      </c>
    </row>
    <row r="5992" spans="1:4" x14ac:dyDescent="0.25">
      <c r="A5992" t="s">
        <v>9009</v>
      </c>
      <c r="B5992" t="s">
        <v>9012</v>
      </c>
      <c r="C5992">
        <v>1</v>
      </c>
      <c r="D5992">
        <v>0</v>
      </c>
    </row>
    <row r="5993" spans="1:4" x14ac:dyDescent="0.25">
      <c r="A5993" t="s">
        <v>9013</v>
      </c>
      <c r="B5993" t="s">
        <v>9014</v>
      </c>
      <c r="C5993">
        <v>1</v>
      </c>
      <c r="D5993">
        <v>0</v>
      </c>
    </row>
    <row r="5994" spans="1:4" x14ac:dyDescent="0.25">
      <c r="A5994" t="s">
        <v>9013</v>
      </c>
      <c r="B5994" t="s">
        <v>9015</v>
      </c>
      <c r="C5994">
        <v>1</v>
      </c>
      <c r="D5994">
        <v>0</v>
      </c>
    </row>
    <row r="5995" spans="1:4" x14ac:dyDescent="0.25">
      <c r="A5995" t="s">
        <v>9016</v>
      </c>
      <c r="B5995" t="s">
        <v>9017</v>
      </c>
      <c r="C5995">
        <v>0</v>
      </c>
      <c r="D5995">
        <v>0</v>
      </c>
    </row>
    <row r="5996" spans="1:4" x14ac:dyDescent="0.25">
      <c r="A5996" t="s">
        <v>9016</v>
      </c>
      <c r="B5996" t="s">
        <v>9018</v>
      </c>
      <c r="C5996">
        <v>1</v>
      </c>
      <c r="D5996">
        <v>0</v>
      </c>
    </row>
    <row r="5997" spans="1:4" x14ac:dyDescent="0.25">
      <c r="A5997" t="s">
        <v>9019</v>
      </c>
      <c r="B5997" t="s">
        <v>2267</v>
      </c>
      <c r="C5997">
        <v>0</v>
      </c>
      <c r="D5997">
        <v>0</v>
      </c>
    </row>
    <row r="5998" spans="1:4" x14ac:dyDescent="0.25">
      <c r="A5998" t="s">
        <v>9020</v>
      </c>
      <c r="B5998" t="s">
        <v>9021</v>
      </c>
      <c r="C5998">
        <v>2</v>
      </c>
      <c r="D5998">
        <v>0</v>
      </c>
    </row>
    <row r="5999" spans="1:4" x14ac:dyDescent="0.25">
      <c r="A5999" t="s">
        <v>9022</v>
      </c>
      <c r="B5999" t="s">
        <v>9023</v>
      </c>
      <c r="C5999">
        <v>1</v>
      </c>
      <c r="D5999">
        <v>0</v>
      </c>
    </row>
    <row r="6000" spans="1:4" x14ac:dyDescent="0.25">
      <c r="A6000" t="s">
        <v>9022</v>
      </c>
      <c r="B6000" t="s">
        <v>9024</v>
      </c>
      <c r="C6000">
        <v>1</v>
      </c>
      <c r="D6000">
        <v>0</v>
      </c>
    </row>
    <row r="6001" spans="1:4" x14ac:dyDescent="0.25">
      <c r="A6001" t="s">
        <v>9025</v>
      </c>
      <c r="B6001" t="s">
        <v>9026</v>
      </c>
      <c r="C6001">
        <v>0</v>
      </c>
      <c r="D6001">
        <v>0</v>
      </c>
    </row>
    <row r="6002" spans="1:4" x14ac:dyDescent="0.25">
      <c r="A6002" t="s">
        <v>9025</v>
      </c>
      <c r="B6002" t="s">
        <v>9027</v>
      </c>
      <c r="C6002">
        <v>2</v>
      </c>
      <c r="D6002">
        <v>0</v>
      </c>
    </row>
    <row r="6003" spans="1:4" x14ac:dyDescent="0.25">
      <c r="A6003" t="s">
        <v>9028</v>
      </c>
      <c r="B6003" t="s">
        <v>9029</v>
      </c>
      <c r="C6003">
        <v>1</v>
      </c>
      <c r="D6003">
        <v>0</v>
      </c>
    </row>
    <row r="6004" spans="1:4" x14ac:dyDescent="0.25">
      <c r="A6004" t="s">
        <v>9030</v>
      </c>
      <c r="B6004" t="s">
        <v>9031</v>
      </c>
      <c r="C6004">
        <v>2</v>
      </c>
      <c r="D6004">
        <v>0</v>
      </c>
    </row>
    <row r="6005" spans="1:4" x14ac:dyDescent="0.25">
      <c r="A6005" t="s">
        <v>9030</v>
      </c>
      <c r="B6005" t="s">
        <v>9032</v>
      </c>
      <c r="C6005">
        <v>0</v>
      </c>
      <c r="D6005">
        <v>0</v>
      </c>
    </row>
    <row r="6006" spans="1:4" x14ac:dyDescent="0.25">
      <c r="A6006" t="s">
        <v>9033</v>
      </c>
      <c r="B6006" t="s">
        <v>9034</v>
      </c>
      <c r="C6006">
        <v>0</v>
      </c>
      <c r="D6006">
        <v>0</v>
      </c>
    </row>
    <row r="6007" spans="1:4" x14ac:dyDescent="0.25">
      <c r="A6007" t="s">
        <v>9033</v>
      </c>
      <c r="B6007" t="s">
        <v>9035</v>
      </c>
      <c r="C6007">
        <v>1</v>
      </c>
      <c r="D6007">
        <v>0</v>
      </c>
    </row>
    <row r="6008" spans="1:4" x14ac:dyDescent="0.25">
      <c r="A6008" t="s">
        <v>9036</v>
      </c>
      <c r="B6008" t="s">
        <v>852</v>
      </c>
      <c r="C6008">
        <v>0</v>
      </c>
      <c r="D6008">
        <v>0</v>
      </c>
    </row>
    <row r="6009" spans="1:4" x14ac:dyDescent="0.25">
      <c r="A6009" t="s">
        <v>9037</v>
      </c>
      <c r="B6009" t="s">
        <v>3858</v>
      </c>
      <c r="C6009">
        <v>1</v>
      </c>
      <c r="D6009">
        <v>0</v>
      </c>
    </row>
    <row r="6010" spans="1:4" x14ac:dyDescent="0.25">
      <c r="A6010" t="s">
        <v>9038</v>
      </c>
      <c r="B6010" t="s">
        <v>9039</v>
      </c>
      <c r="C6010">
        <v>2</v>
      </c>
      <c r="D6010">
        <v>0</v>
      </c>
    </row>
    <row r="6011" spans="1:4" x14ac:dyDescent="0.25">
      <c r="A6011" t="s">
        <v>9040</v>
      </c>
      <c r="B6011" t="s">
        <v>9041</v>
      </c>
      <c r="C6011">
        <v>1</v>
      </c>
      <c r="D6011">
        <v>0</v>
      </c>
    </row>
    <row r="6012" spans="1:4" x14ac:dyDescent="0.25">
      <c r="A6012" t="s">
        <v>9040</v>
      </c>
      <c r="B6012" t="s">
        <v>9042</v>
      </c>
      <c r="C6012">
        <v>1</v>
      </c>
      <c r="D6012">
        <v>0</v>
      </c>
    </row>
    <row r="6013" spans="1:4" x14ac:dyDescent="0.25">
      <c r="A6013" t="s">
        <v>9040</v>
      </c>
      <c r="B6013" t="s">
        <v>9043</v>
      </c>
      <c r="C6013">
        <v>0</v>
      </c>
      <c r="D6013">
        <v>0</v>
      </c>
    </row>
    <row r="6014" spans="1:4" x14ac:dyDescent="0.25">
      <c r="A6014" t="s">
        <v>9044</v>
      </c>
      <c r="B6014" t="s">
        <v>9045</v>
      </c>
      <c r="C6014">
        <v>0</v>
      </c>
      <c r="D6014">
        <v>0</v>
      </c>
    </row>
    <row r="6015" spans="1:4" x14ac:dyDescent="0.25">
      <c r="A6015" t="s">
        <v>9046</v>
      </c>
      <c r="B6015" t="s">
        <v>968</v>
      </c>
      <c r="C6015">
        <v>1</v>
      </c>
      <c r="D6015">
        <v>0</v>
      </c>
    </row>
    <row r="6016" spans="1:4" x14ac:dyDescent="0.25">
      <c r="A6016" t="s">
        <v>9047</v>
      </c>
      <c r="B6016" t="s">
        <v>9048</v>
      </c>
      <c r="C6016">
        <v>1</v>
      </c>
      <c r="D6016">
        <v>0</v>
      </c>
    </row>
    <row r="6017" spans="1:4" x14ac:dyDescent="0.25">
      <c r="A6017" t="s">
        <v>9047</v>
      </c>
      <c r="B6017" t="s">
        <v>9049</v>
      </c>
      <c r="C6017">
        <v>0</v>
      </c>
      <c r="D6017">
        <v>0</v>
      </c>
    </row>
    <row r="6018" spans="1:4" x14ac:dyDescent="0.25">
      <c r="A6018" t="s">
        <v>9050</v>
      </c>
      <c r="B6018" t="s">
        <v>1499</v>
      </c>
      <c r="C6018">
        <v>1</v>
      </c>
      <c r="D6018">
        <v>0</v>
      </c>
    </row>
    <row r="6019" spans="1:4" x14ac:dyDescent="0.25">
      <c r="A6019" t="s">
        <v>9051</v>
      </c>
      <c r="B6019" t="s">
        <v>9052</v>
      </c>
      <c r="C6019">
        <v>1</v>
      </c>
      <c r="D6019">
        <v>0</v>
      </c>
    </row>
    <row r="6020" spans="1:4" x14ac:dyDescent="0.25">
      <c r="A6020" t="s">
        <v>9053</v>
      </c>
      <c r="B6020" t="s">
        <v>9054</v>
      </c>
      <c r="C6020">
        <v>2</v>
      </c>
      <c r="D6020">
        <v>0</v>
      </c>
    </row>
    <row r="6021" spans="1:4" x14ac:dyDescent="0.25">
      <c r="A6021" t="s">
        <v>9055</v>
      </c>
      <c r="B6021" t="s">
        <v>9056</v>
      </c>
      <c r="C6021">
        <v>0</v>
      </c>
      <c r="D6021">
        <v>0</v>
      </c>
    </row>
    <row r="6022" spans="1:4" x14ac:dyDescent="0.25">
      <c r="A6022" t="s">
        <v>9055</v>
      </c>
      <c r="B6022" t="s">
        <v>9057</v>
      </c>
      <c r="C6022">
        <v>1</v>
      </c>
      <c r="D6022">
        <v>0</v>
      </c>
    </row>
    <row r="6023" spans="1:4" x14ac:dyDescent="0.25">
      <c r="A6023" t="s">
        <v>9058</v>
      </c>
      <c r="B6023" t="s">
        <v>9059</v>
      </c>
      <c r="C6023">
        <v>0</v>
      </c>
      <c r="D6023">
        <v>0</v>
      </c>
    </row>
    <row r="6024" spans="1:4" x14ac:dyDescent="0.25">
      <c r="A6024" t="s">
        <v>9058</v>
      </c>
      <c r="B6024" t="s">
        <v>9060</v>
      </c>
      <c r="C6024">
        <v>1</v>
      </c>
      <c r="D6024">
        <v>0</v>
      </c>
    </row>
    <row r="6025" spans="1:4" x14ac:dyDescent="0.25">
      <c r="A6025" t="s">
        <v>9061</v>
      </c>
      <c r="B6025" t="s">
        <v>9062</v>
      </c>
      <c r="C6025">
        <v>1</v>
      </c>
      <c r="D6025">
        <v>0</v>
      </c>
    </row>
    <row r="6026" spans="1:4" x14ac:dyDescent="0.25">
      <c r="A6026" t="s">
        <v>9061</v>
      </c>
      <c r="B6026" t="s">
        <v>9063</v>
      </c>
      <c r="C6026">
        <v>2</v>
      </c>
      <c r="D6026">
        <v>0</v>
      </c>
    </row>
    <row r="6027" spans="1:4" x14ac:dyDescent="0.25">
      <c r="A6027" t="s">
        <v>9064</v>
      </c>
      <c r="B6027" t="s">
        <v>1401</v>
      </c>
      <c r="C6027">
        <v>0</v>
      </c>
      <c r="D6027">
        <v>0</v>
      </c>
    </row>
    <row r="6028" spans="1:4" x14ac:dyDescent="0.25">
      <c r="A6028" t="s">
        <v>9065</v>
      </c>
      <c r="B6028" t="s">
        <v>816</v>
      </c>
      <c r="C6028">
        <v>1</v>
      </c>
      <c r="D6028">
        <v>0</v>
      </c>
    </row>
    <row r="6029" spans="1:4" x14ac:dyDescent="0.25">
      <c r="A6029" t="s">
        <v>9066</v>
      </c>
      <c r="B6029" t="s">
        <v>852</v>
      </c>
      <c r="C6029">
        <v>0</v>
      </c>
      <c r="D6029">
        <v>0</v>
      </c>
    </row>
    <row r="6030" spans="1:4" x14ac:dyDescent="0.25">
      <c r="A6030" t="s">
        <v>9066</v>
      </c>
      <c r="B6030" t="s">
        <v>9067</v>
      </c>
      <c r="C6030">
        <v>0</v>
      </c>
      <c r="D6030">
        <v>0</v>
      </c>
    </row>
    <row r="6031" spans="1:4" x14ac:dyDescent="0.25">
      <c r="A6031" t="s">
        <v>9068</v>
      </c>
      <c r="B6031" t="s">
        <v>9069</v>
      </c>
      <c r="C6031">
        <v>1</v>
      </c>
      <c r="D6031">
        <v>0</v>
      </c>
    </row>
    <row r="6032" spans="1:4" x14ac:dyDescent="0.25">
      <c r="A6032" t="s">
        <v>9068</v>
      </c>
      <c r="B6032" t="s">
        <v>9070</v>
      </c>
      <c r="C6032">
        <v>1</v>
      </c>
      <c r="D6032">
        <v>0</v>
      </c>
    </row>
    <row r="6033" spans="1:4" x14ac:dyDescent="0.25">
      <c r="A6033" t="s">
        <v>9068</v>
      </c>
      <c r="B6033" t="s">
        <v>9069</v>
      </c>
      <c r="C6033">
        <v>1</v>
      </c>
      <c r="D6033">
        <v>0</v>
      </c>
    </row>
    <row r="6034" spans="1:4" x14ac:dyDescent="0.25">
      <c r="A6034" t="s">
        <v>9071</v>
      </c>
      <c r="B6034" t="s">
        <v>9072</v>
      </c>
      <c r="C6034">
        <v>1</v>
      </c>
      <c r="D6034">
        <v>0</v>
      </c>
    </row>
    <row r="6035" spans="1:4" x14ac:dyDescent="0.25">
      <c r="A6035" t="s">
        <v>9071</v>
      </c>
      <c r="B6035" t="s">
        <v>9073</v>
      </c>
      <c r="C6035">
        <v>1</v>
      </c>
      <c r="D6035">
        <v>0</v>
      </c>
    </row>
    <row r="6036" spans="1:4" x14ac:dyDescent="0.25">
      <c r="A6036" t="s">
        <v>9074</v>
      </c>
      <c r="B6036" t="s">
        <v>9075</v>
      </c>
      <c r="C6036">
        <v>1</v>
      </c>
      <c r="D6036">
        <v>0</v>
      </c>
    </row>
    <row r="6037" spans="1:4" x14ac:dyDescent="0.25">
      <c r="A6037" t="s">
        <v>9076</v>
      </c>
      <c r="B6037" t="s">
        <v>9077</v>
      </c>
      <c r="C6037">
        <v>1</v>
      </c>
      <c r="D6037">
        <v>0</v>
      </c>
    </row>
    <row r="6038" spans="1:4" x14ac:dyDescent="0.25">
      <c r="A6038" t="s">
        <v>9076</v>
      </c>
      <c r="B6038" t="s">
        <v>9078</v>
      </c>
      <c r="C6038">
        <v>0</v>
      </c>
      <c r="D6038">
        <v>0</v>
      </c>
    </row>
    <row r="6039" spans="1:4" x14ac:dyDescent="0.25">
      <c r="A6039" t="s">
        <v>9079</v>
      </c>
      <c r="B6039" t="s">
        <v>843</v>
      </c>
      <c r="C6039">
        <v>1</v>
      </c>
      <c r="D6039">
        <v>0</v>
      </c>
    </row>
    <row r="6040" spans="1:4" x14ac:dyDescent="0.25">
      <c r="A6040" t="s">
        <v>9079</v>
      </c>
      <c r="B6040" t="s">
        <v>398</v>
      </c>
      <c r="C6040">
        <v>0</v>
      </c>
      <c r="D6040">
        <v>0</v>
      </c>
    </row>
    <row r="6041" spans="1:4" x14ac:dyDescent="0.25">
      <c r="A6041" t="s">
        <v>9080</v>
      </c>
      <c r="B6041" t="s">
        <v>9081</v>
      </c>
      <c r="C6041">
        <v>1</v>
      </c>
      <c r="D6041">
        <v>0</v>
      </c>
    </row>
    <row r="6042" spans="1:4" x14ac:dyDescent="0.25">
      <c r="A6042" t="s">
        <v>9082</v>
      </c>
      <c r="B6042" t="s">
        <v>9083</v>
      </c>
      <c r="C6042">
        <v>1</v>
      </c>
      <c r="D6042">
        <v>0</v>
      </c>
    </row>
    <row r="6043" spans="1:4" x14ac:dyDescent="0.25">
      <c r="A6043" t="s">
        <v>9084</v>
      </c>
      <c r="B6043" t="s">
        <v>9085</v>
      </c>
      <c r="C6043">
        <v>0</v>
      </c>
      <c r="D6043">
        <v>0</v>
      </c>
    </row>
    <row r="6044" spans="1:4" x14ac:dyDescent="0.25">
      <c r="A6044" t="s">
        <v>9084</v>
      </c>
      <c r="B6044" t="s">
        <v>9086</v>
      </c>
      <c r="C6044">
        <v>1</v>
      </c>
      <c r="D6044">
        <v>0</v>
      </c>
    </row>
    <row r="6045" spans="1:4" x14ac:dyDescent="0.25">
      <c r="A6045" t="s">
        <v>9087</v>
      </c>
      <c r="B6045" t="s">
        <v>9088</v>
      </c>
      <c r="C6045">
        <v>0</v>
      </c>
      <c r="D6045">
        <v>0</v>
      </c>
    </row>
    <row r="6046" spans="1:4" x14ac:dyDescent="0.25">
      <c r="A6046" t="s">
        <v>9089</v>
      </c>
      <c r="B6046" t="s">
        <v>843</v>
      </c>
      <c r="C6046">
        <v>1</v>
      </c>
      <c r="D6046">
        <v>0</v>
      </c>
    </row>
    <row r="6047" spans="1:4" x14ac:dyDescent="0.25">
      <c r="A6047" t="s">
        <v>9090</v>
      </c>
      <c r="B6047" t="s">
        <v>968</v>
      </c>
      <c r="C6047">
        <v>1</v>
      </c>
      <c r="D6047">
        <v>0</v>
      </c>
    </row>
    <row r="6048" spans="1:4" x14ac:dyDescent="0.25">
      <c r="A6048" t="s">
        <v>9090</v>
      </c>
      <c r="B6048" t="s">
        <v>9091</v>
      </c>
      <c r="C6048">
        <v>2</v>
      </c>
      <c r="D6048">
        <v>0</v>
      </c>
    </row>
    <row r="6049" spans="1:4" x14ac:dyDescent="0.25">
      <c r="A6049" t="s">
        <v>9092</v>
      </c>
      <c r="B6049" t="s">
        <v>3863</v>
      </c>
      <c r="C6049">
        <v>1</v>
      </c>
      <c r="D6049">
        <v>0</v>
      </c>
    </row>
    <row r="6050" spans="1:4" x14ac:dyDescent="0.25">
      <c r="A6050" t="s">
        <v>9093</v>
      </c>
      <c r="B6050" t="s">
        <v>9094</v>
      </c>
      <c r="C6050">
        <v>0</v>
      </c>
      <c r="D6050">
        <v>0</v>
      </c>
    </row>
    <row r="6051" spans="1:4" x14ac:dyDescent="0.25">
      <c r="A6051" t="s">
        <v>9095</v>
      </c>
      <c r="B6051" t="s">
        <v>9096</v>
      </c>
      <c r="C6051">
        <v>0</v>
      </c>
      <c r="D6051">
        <v>0</v>
      </c>
    </row>
    <row r="6052" spans="1:4" x14ac:dyDescent="0.25">
      <c r="A6052" t="s">
        <v>9097</v>
      </c>
      <c r="B6052" t="s">
        <v>2267</v>
      </c>
      <c r="C6052">
        <v>0</v>
      </c>
      <c r="D6052">
        <v>0</v>
      </c>
    </row>
    <row r="6053" spans="1:4" x14ac:dyDescent="0.25">
      <c r="A6053" t="s">
        <v>9098</v>
      </c>
      <c r="B6053" t="s">
        <v>9099</v>
      </c>
      <c r="C6053">
        <v>1</v>
      </c>
      <c r="D6053">
        <v>0</v>
      </c>
    </row>
    <row r="6054" spans="1:4" x14ac:dyDescent="0.25">
      <c r="A6054" t="s">
        <v>9098</v>
      </c>
      <c r="B6054" t="s">
        <v>9100</v>
      </c>
      <c r="C6054">
        <v>2</v>
      </c>
      <c r="D6054">
        <v>0</v>
      </c>
    </row>
    <row r="6055" spans="1:4" x14ac:dyDescent="0.25">
      <c r="A6055" t="s">
        <v>9101</v>
      </c>
      <c r="B6055" t="s">
        <v>9102</v>
      </c>
      <c r="C6055">
        <v>0</v>
      </c>
      <c r="D6055">
        <v>0</v>
      </c>
    </row>
    <row r="6056" spans="1:4" x14ac:dyDescent="0.25">
      <c r="A6056" t="s">
        <v>9103</v>
      </c>
      <c r="B6056" t="s">
        <v>9104</v>
      </c>
      <c r="C6056">
        <v>0</v>
      </c>
      <c r="D6056">
        <v>0</v>
      </c>
    </row>
    <row r="6057" spans="1:4" x14ac:dyDescent="0.25">
      <c r="A6057" t="s">
        <v>9103</v>
      </c>
      <c r="B6057" t="s">
        <v>9105</v>
      </c>
      <c r="C6057">
        <v>2</v>
      </c>
      <c r="D6057">
        <v>0</v>
      </c>
    </row>
    <row r="6058" spans="1:4" x14ac:dyDescent="0.25">
      <c r="A6058" t="s">
        <v>9103</v>
      </c>
      <c r="B6058" t="s">
        <v>9106</v>
      </c>
      <c r="C6058">
        <v>2</v>
      </c>
      <c r="D6058">
        <v>0</v>
      </c>
    </row>
    <row r="6059" spans="1:4" x14ac:dyDescent="0.25">
      <c r="A6059" t="s">
        <v>9107</v>
      </c>
      <c r="B6059" t="s">
        <v>9108</v>
      </c>
      <c r="C6059">
        <v>1</v>
      </c>
      <c r="D6059">
        <v>0</v>
      </c>
    </row>
    <row r="6060" spans="1:4" x14ac:dyDescent="0.25">
      <c r="A6060" t="s">
        <v>9109</v>
      </c>
      <c r="B6060" t="s">
        <v>9110</v>
      </c>
      <c r="C6060">
        <v>0</v>
      </c>
      <c r="D6060">
        <v>0</v>
      </c>
    </row>
    <row r="6061" spans="1:4" x14ac:dyDescent="0.25">
      <c r="A6061" t="s">
        <v>9111</v>
      </c>
      <c r="B6061" t="s">
        <v>9112</v>
      </c>
      <c r="C6061">
        <v>1</v>
      </c>
      <c r="D6061">
        <v>0</v>
      </c>
    </row>
    <row r="6062" spans="1:4" x14ac:dyDescent="0.25">
      <c r="A6062" t="s">
        <v>9113</v>
      </c>
      <c r="B6062" t="s">
        <v>1001</v>
      </c>
      <c r="C6062">
        <v>1</v>
      </c>
      <c r="D6062">
        <v>0</v>
      </c>
    </row>
    <row r="6063" spans="1:4" x14ac:dyDescent="0.25">
      <c r="A6063" t="s">
        <v>9114</v>
      </c>
      <c r="B6063" t="s">
        <v>9115</v>
      </c>
      <c r="C6063">
        <v>2</v>
      </c>
      <c r="D6063">
        <v>0</v>
      </c>
    </row>
    <row r="6064" spans="1:4" x14ac:dyDescent="0.25">
      <c r="A6064" t="s">
        <v>9114</v>
      </c>
      <c r="B6064" t="s">
        <v>9116</v>
      </c>
      <c r="C6064">
        <v>1</v>
      </c>
      <c r="D6064">
        <v>0</v>
      </c>
    </row>
    <row r="6065" spans="1:4" x14ac:dyDescent="0.25">
      <c r="A6065" t="s">
        <v>9117</v>
      </c>
      <c r="B6065" t="s">
        <v>9118</v>
      </c>
      <c r="C6065">
        <v>1</v>
      </c>
      <c r="D6065">
        <v>0</v>
      </c>
    </row>
    <row r="6066" spans="1:4" x14ac:dyDescent="0.25">
      <c r="A6066" t="s">
        <v>9117</v>
      </c>
      <c r="B6066" t="s">
        <v>9119</v>
      </c>
      <c r="C6066">
        <v>0</v>
      </c>
      <c r="D6066">
        <v>0</v>
      </c>
    </row>
    <row r="6067" spans="1:4" x14ac:dyDescent="0.25">
      <c r="A6067" t="s">
        <v>9117</v>
      </c>
      <c r="B6067" t="s">
        <v>9120</v>
      </c>
      <c r="C6067">
        <v>0</v>
      </c>
      <c r="D6067">
        <v>0</v>
      </c>
    </row>
    <row r="6068" spans="1:4" x14ac:dyDescent="0.25">
      <c r="A6068" t="s">
        <v>9121</v>
      </c>
      <c r="B6068" t="s">
        <v>9122</v>
      </c>
      <c r="C6068">
        <v>1</v>
      </c>
      <c r="D6068">
        <v>0</v>
      </c>
    </row>
    <row r="6069" spans="1:4" x14ac:dyDescent="0.25">
      <c r="A6069" t="s">
        <v>9121</v>
      </c>
      <c r="B6069" t="s">
        <v>9123</v>
      </c>
      <c r="C6069">
        <v>0</v>
      </c>
      <c r="D6069">
        <v>0</v>
      </c>
    </row>
    <row r="6070" spans="1:4" x14ac:dyDescent="0.25">
      <c r="A6070" t="s">
        <v>9124</v>
      </c>
      <c r="B6070" t="s">
        <v>9125</v>
      </c>
      <c r="C6070">
        <v>0</v>
      </c>
      <c r="D6070">
        <v>0</v>
      </c>
    </row>
    <row r="6071" spans="1:4" x14ac:dyDescent="0.25">
      <c r="A6071" t="s">
        <v>9126</v>
      </c>
      <c r="B6071" t="s">
        <v>9127</v>
      </c>
      <c r="C6071">
        <v>2</v>
      </c>
      <c r="D6071">
        <v>0</v>
      </c>
    </row>
    <row r="6072" spans="1:4" x14ac:dyDescent="0.25">
      <c r="A6072" t="s">
        <v>9128</v>
      </c>
      <c r="B6072" t="s">
        <v>9129</v>
      </c>
      <c r="C6072">
        <v>2</v>
      </c>
      <c r="D6072">
        <v>0</v>
      </c>
    </row>
    <row r="6073" spans="1:4" x14ac:dyDescent="0.25">
      <c r="A6073" t="s">
        <v>9128</v>
      </c>
      <c r="B6073" t="s">
        <v>9130</v>
      </c>
      <c r="C6073">
        <v>1</v>
      </c>
      <c r="D6073">
        <v>0</v>
      </c>
    </row>
    <row r="6074" spans="1:4" x14ac:dyDescent="0.25">
      <c r="A6074" t="s">
        <v>9128</v>
      </c>
      <c r="B6074" t="s">
        <v>9131</v>
      </c>
      <c r="C6074">
        <v>1</v>
      </c>
      <c r="D6074">
        <v>0</v>
      </c>
    </row>
    <row r="6075" spans="1:4" x14ac:dyDescent="0.25">
      <c r="A6075" t="s">
        <v>9132</v>
      </c>
      <c r="B6075" t="s">
        <v>9133</v>
      </c>
      <c r="C6075">
        <v>1</v>
      </c>
      <c r="D6075">
        <v>0</v>
      </c>
    </row>
    <row r="6076" spans="1:4" x14ac:dyDescent="0.25">
      <c r="A6076" t="s">
        <v>9134</v>
      </c>
      <c r="B6076" t="s">
        <v>2267</v>
      </c>
      <c r="C6076">
        <v>0</v>
      </c>
      <c r="D6076">
        <v>0</v>
      </c>
    </row>
    <row r="6077" spans="1:4" x14ac:dyDescent="0.25">
      <c r="A6077" t="s">
        <v>9135</v>
      </c>
      <c r="B6077" t="s">
        <v>9136</v>
      </c>
      <c r="C6077">
        <v>2</v>
      </c>
      <c r="D6077">
        <v>0</v>
      </c>
    </row>
    <row r="6078" spans="1:4" x14ac:dyDescent="0.25">
      <c r="A6078" t="s">
        <v>9135</v>
      </c>
      <c r="B6078" t="s">
        <v>9137</v>
      </c>
      <c r="C6078">
        <v>2</v>
      </c>
      <c r="D6078">
        <v>0</v>
      </c>
    </row>
    <row r="6079" spans="1:4" x14ac:dyDescent="0.25">
      <c r="A6079" t="s">
        <v>9138</v>
      </c>
      <c r="B6079" t="s">
        <v>9139</v>
      </c>
      <c r="C6079">
        <v>0</v>
      </c>
      <c r="D6079">
        <v>0</v>
      </c>
    </row>
    <row r="6080" spans="1:4" x14ac:dyDescent="0.25">
      <c r="A6080" t="s">
        <v>9138</v>
      </c>
      <c r="B6080" t="s">
        <v>9140</v>
      </c>
      <c r="C6080">
        <v>1</v>
      </c>
      <c r="D6080">
        <v>0</v>
      </c>
    </row>
    <row r="6081" spans="1:4" x14ac:dyDescent="0.25">
      <c r="A6081" t="s">
        <v>9141</v>
      </c>
      <c r="B6081" t="s">
        <v>9142</v>
      </c>
      <c r="C6081">
        <v>2</v>
      </c>
      <c r="D6081">
        <v>0</v>
      </c>
    </row>
    <row r="6082" spans="1:4" x14ac:dyDescent="0.25">
      <c r="A6082" t="s">
        <v>9141</v>
      </c>
      <c r="B6082" t="s">
        <v>9143</v>
      </c>
      <c r="C6082">
        <v>0</v>
      </c>
      <c r="D6082">
        <v>0</v>
      </c>
    </row>
    <row r="6083" spans="1:4" x14ac:dyDescent="0.25">
      <c r="A6083" t="s">
        <v>9144</v>
      </c>
      <c r="B6083" t="s">
        <v>843</v>
      </c>
      <c r="C6083">
        <v>1</v>
      </c>
      <c r="D6083">
        <v>0</v>
      </c>
    </row>
    <row r="6084" spans="1:4" x14ac:dyDescent="0.25">
      <c r="A6084" t="s">
        <v>9144</v>
      </c>
      <c r="B6084" t="s">
        <v>9145</v>
      </c>
      <c r="C6084">
        <v>0</v>
      </c>
      <c r="D6084">
        <v>0</v>
      </c>
    </row>
    <row r="6085" spans="1:4" x14ac:dyDescent="0.25">
      <c r="A6085" t="s">
        <v>9146</v>
      </c>
      <c r="B6085" t="s">
        <v>9147</v>
      </c>
      <c r="C6085">
        <v>0</v>
      </c>
      <c r="D6085">
        <v>0</v>
      </c>
    </row>
    <row r="6086" spans="1:4" x14ac:dyDescent="0.25">
      <c r="A6086" t="s">
        <v>9146</v>
      </c>
      <c r="B6086" t="s">
        <v>1001</v>
      </c>
      <c r="C6086">
        <v>1</v>
      </c>
      <c r="D6086">
        <v>0</v>
      </c>
    </row>
    <row r="6087" spans="1:4" x14ac:dyDescent="0.25">
      <c r="A6087" t="s">
        <v>9148</v>
      </c>
      <c r="B6087" t="s">
        <v>9149</v>
      </c>
      <c r="C6087">
        <v>0</v>
      </c>
      <c r="D6087">
        <v>0</v>
      </c>
    </row>
    <row r="6088" spans="1:4" x14ac:dyDescent="0.25">
      <c r="A6088" t="s">
        <v>9150</v>
      </c>
      <c r="B6088" t="s">
        <v>9151</v>
      </c>
      <c r="C6088">
        <v>0</v>
      </c>
      <c r="D6088">
        <v>0</v>
      </c>
    </row>
    <row r="6089" spans="1:4" x14ac:dyDescent="0.25">
      <c r="A6089" t="s">
        <v>9152</v>
      </c>
      <c r="B6089" t="s">
        <v>9153</v>
      </c>
      <c r="C6089">
        <v>1</v>
      </c>
      <c r="D6089">
        <v>0</v>
      </c>
    </row>
    <row r="6090" spans="1:4" x14ac:dyDescent="0.25">
      <c r="A6090" t="s">
        <v>9154</v>
      </c>
      <c r="B6090" t="s">
        <v>968</v>
      </c>
      <c r="C6090">
        <v>1</v>
      </c>
      <c r="D6090">
        <v>0</v>
      </c>
    </row>
    <row r="6091" spans="1:4" x14ac:dyDescent="0.25">
      <c r="A6091" t="s">
        <v>9155</v>
      </c>
      <c r="B6091" t="s">
        <v>852</v>
      </c>
      <c r="C6091">
        <v>0</v>
      </c>
      <c r="D6091">
        <v>0</v>
      </c>
    </row>
    <row r="6092" spans="1:4" x14ac:dyDescent="0.25">
      <c r="A6092" t="s">
        <v>9156</v>
      </c>
      <c r="B6092" t="s">
        <v>9157</v>
      </c>
      <c r="C6092">
        <v>1</v>
      </c>
      <c r="D6092">
        <v>0</v>
      </c>
    </row>
    <row r="6093" spans="1:4" x14ac:dyDescent="0.25">
      <c r="A6093" t="s">
        <v>9156</v>
      </c>
      <c r="B6093" t="s">
        <v>9158</v>
      </c>
      <c r="C6093">
        <v>1</v>
      </c>
      <c r="D6093">
        <v>0</v>
      </c>
    </row>
    <row r="6094" spans="1:4" x14ac:dyDescent="0.25">
      <c r="A6094" t="s">
        <v>9159</v>
      </c>
      <c r="B6094" t="s">
        <v>9160</v>
      </c>
      <c r="C6094">
        <v>0</v>
      </c>
      <c r="D6094">
        <v>0</v>
      </c>
    </row>
    <row r="6095" spans="1:4" x14ac:dyDescent="0.25">
      <c r="A6095" t="s">
        <v>9159</v>
      </c>
      <c r="B6095" t="s">
        <v>9161</v>
      </c>
      <c r="C6095">
        <v>0</v>
      </c>
      <c r="D6095">
        <v>0</v>
      </c>
    </row>
    <row r="6096" spans="1:4" x14ac:dyDescent="0.25">
      <c r="A6096" t="s">
        <v>9162</v>
      </c>
      <c r="B6096" t="s">
        <v>9163</v>
      </c>
      <c r="C6096">
        <v>0</v>
      </c>
      <c r="D6096">
        <v>0</v>
      </c>
    </row>
    <row r="6097" spans="1:4" x14ac:dyDescent="0.25">
      <c r="A6097" t="s">
        <v>9162</v>
      </c>
      <c r="B6097" t="s">
        <v>9164</v>
      </c>
      <c r="C6097">
        <v>0</v>
      </c>
      <c r="D6097">
        <v>0</v>
      </c>
    </row>
    <row r="6098" spans="1:4" x14ac:dyDescent="0.25">
      <c r="A6098" t="s">
        <v>9165</v>
      </c>
      <c r="B6098" t="s">
        <v>9166</v>
      </c>
      <c r="C6098">
        <v>2</v>
      </c>
      <c r="D6098">
        <v>0</v>
      </c>
    </row>
    <row r="6099" spans="1:4" x14ac:dyDescent="0.25">
      <c r="A6099" t="s">
        <v>9167</v>
      </c>
      <c r="B6099" t="s">
        <v>9168</v>
      </c>
      <c r="C6099">
        <v>1</v>
      </c>
      <c r="D6099">
        <v>0</v>
      </c>
    </row>
    <row r="6100" spans="1:4" x14ac:dyDescent="0.25">
      <c r="A6100" t="s">
        <v>9167</v>
      </c>
      <c r="B6100" t="s">
        <v>9169</v>
      </c>
      <c r="C6100">
        <v>0</v>
      </c>
      <c r="D6100">
        <v>0</v>
      </c>
    </row>
    <row r="6101" spans="1:4" x14ac:dyDescent="0.25">
      <c r="A6101" t="s">
        <v>9170</v>
      </c>
      <c r="B6101" t="s">
        <v>9171</v>
      </c>
      <c r="C6101">
        <v>2</v>
      </c>
      <c r="D6101">
        <v>0</v>
      </c>
    </row>
    <row r="6102" spans="1:4" x14ac:dyDescent="0.25">
      <c r="A6102" t="s">
        <v>9172</v>
      </c>
      <c r="B6102" t="s">
        <v>9173</v>
      </c>
      <c r="C6102">
        <v>0</v>
      </c>
      <c r="D6102">
        <v>0</v>
      </c>
    </row>
    <row r="6103" spans="1:4" x14ac:dyDescent="0.25">
      <c r="A6103" t="s">
        <v>9174</v>
      </c>
      <c r="B6103" t="s">
        <v>9175</v>
      </c>
      <c r="C6103">
        <v>0</v>
      </c>
      <c r="D6103">
        <v>0</v>
      </c>
    </row>
    <row r="6104" spans="1:4" x14ac:dyDescent="0.25">
      <c r="A6104" t="s">
        <v>9176</v>
      </c>
      <c r="B6104" t="s">
        <v>9177</v>
      </c>
      <c r="C6104">
        <v>0</v>
      </c>
      <c r="D6104">
        <v>0</v>
      </c>
    </row>
    <row r="6105" spans="1:4" x14ac:dyDescent="0.25">
      <c r="A6105" t="s">
        <v>9176</v>
      </c>
      <c r="B6105" t="s">
        <v>9178</v>
      </c>
      <c r="C6105">
        <v>2</v>
      </c>
      <c r="D6105">
        <v>0</v>
      </c>
    </row>
    <row r="6106" spans="1:4" x14ac:dyDescent="0.25">
      <c r="A6106" t="s">
        <v>9179</v>
      </c>
      <c r="B6106" t="s">
        <v>9180</v>
      </c>
      <c r="C6106">
        <v>0</v>
      </c>
      <c r="D6106">
        <v>0</v>
      </c>
    </row>
    <row r="6107" spans="1:4" x14ac:dyDescent="0.25">
      <c r="A6107" t="s">
        <v>9181</v>
      </c>
      <c r="B6107" t="s">
        <v>2061</v>
      </c>
      <c r="C6107">
        <v>0</v>
      </c>
      <c r="D6107">
        <v>0</v>
      </c>
    </row>
    <row r="6108" spans="1:4" x14ac:dyDescent="0.25">
      <c r="A6108" t="s">
        <v>9182</v>
      </c>
      <c r="B6108" t="s">
        <v>9183</v>
      </c>
      <c r="C6108">
        <v>1</v>
      </c>
      <c r="D6108">
        <v>0</v>
      </c>
    </row>
    <row r="6109" spans="1:4" x14ac:dyDescent="0.25">
      <c r="A6109" t="s">
        <v>9184</v>
      </c>
      <c r="B6109" t="s">
        <v>843</v>
      </c>
      <c r="C6109">
        <v>1</v>
      </c>
      <c r="D6109">
        <v>0</v>
      </c>
    </row>
    <row r="6110" spans="1:4" x14ac:dyDescent="0.25">
      <c r="A6110" t="s">
        <v>9185</v>
      </c>
      <c r="B6110" t="s">
        <v>9186</v>
      </c>
      <c r="C6110">
        <v>1</v>
      </c>
      <c r="D6110">
        <v>0</v>
      </c>
    </row>
    <row r="6111" spans="1:4" x14ac:dyDescent="0.25">
      <c r="A6111" t="s">
        <v>9187</v>
      </c>
      <c r="B6111" t="s">
        <v>9188</v>
      </c>
      <c r="C6111">
        <v>1</v>
      </c>
      <c r="D6111">
        <v>0</v>
      </c>
    </row>
    <row r="6112" spans="1:4" x14ac:dyDescent="0.25">
      <c r="A6112" t="s">
        <v>9187</v>
      </c>
      <c r="B6112" t="s">
        <v>9189</v>
      </c>
      <c r="C6112">
        <v>1</v>
      </c>
      <c r="D6112">
        <v>0</v>
      </c>
    </row>
    <row r="6113" spans="1:4" x14ac:dyDescent="0.25">
      <c r="A6113" t="s">
        <v>9190</v>
      </c>
      <c r="B6113" t="s">
        <v>9191</v>
      </c>
      <c r="C6113">
        <v>1</v>
      </c>
      <c r="D6113">
        <v>0</v>
      </c>
    </row>
    <row r="6114" spans="1:4" x14ac:dyDescent="0.25">
      <c r="A6114" t="s">
        <v>9190</v>
      </c>
      <c r="B6114" t="s">
        <v>9192</v>
      </c>
      <c r="C6114">
        <v>2</v>
      </c>
      <c r="D6114">
        <v>0</v>
      </c>
    </row>
    <row r="6115" spans="1:4" x14ac:dyDescent="0.25">
      <c r="A6115" t="s">
        <v>9193</v>
      </c>
      <c r="B6115" t="s">
        <v>9194</v>
      </c>
      <c r="C6115">
        <v>0</v>
      </c>
      <c r="D6115">
        <v>0</v>
      </c>
    </row>
    <row r="6116" spans="1:4" x14ac:dyDescent="0.25">
      <c r="A6116" t="s">
        <v>9195</v>
      </c>
      <c r="B6116" t="s">
        <v>2061</v>
      </c>
      <c r="C6116">
        <v>0</v>
      </c>
      <c r="D6116">
        <v>0</v>
      </c>
    </row>
    <row r="6117" spans="1:4" x14ac:dyDescent="0.25">
      <c r="A6117" t="s">
        <v>9195</v>
      </c>
      <c r="B6117" t="s">
        <v>1294</v>
      </c>
      <c r="C6117">
        <v>1</v>
      </c>
      <c r="D6117">
        <v>0</v>
      </c>
    </row>
    <row r="6118" spans="1:4" x14ac:dyDescent="0.25">
      <c r="A6118" t="s">
        <v>9196</v>
      </c>
      <c r="B6118" t="s">
        <v>9197</v>
      </c>
      <c r="C6118">
        <v>0</v>
      </c>
      <c r="D6118">
        <v>0</v>
      </c>
    </row>
    <row r="6119" spans="1:4" x14ac:dyDescent="0.25">
      <c r="A6119" t="s">
        <v>9196</v>
      </c>
      <c r="B6119" t="s">
        <v>9198</v>
      </c>
      <c r="C6119">
        <v>0</v>
      </c>
      <c r="D6119">
        <v>0</v>
      </c>
    </row>
    <row r="6120" spans="1:4" x14ac:dyDescent="0.25">
      <c r="A6120" t="s">
        <v>9196</v>
      </c>
      <c r="B6120" t="s">
        <v>9199</v>
      </c>
      <c r="C6120">
        <v>1</v>
      </c>
      <c r="D6120">
        <v>0</v>
      </c>
    </row>
    <row r="6121" spans="1:4" x14ac:dyDescent="0.25">
      <c r="A6121" t="s">
        <v>9200</v>
      </c>
      <c r="B6121" t="s">
        <v>9201</v>
      </c>
      <c r="C6121">
        <v>1</v>
      </c>
      <c r="D6121">
        <v>0</v>
      </c>
    </row>
    <row r="6122" spans="1:4" x14ac:dyDescent="0.25">
      <c r="A6122" t="s">
        <v>9202</v>
      </c>
      <c r="B6122" t="s">
        <v>9203</v>
      </c>
      <c r="C6122">
        <v>0</v>
      </c>
      <c r="D6122">
        <v>0</v>
      </c>
    </row>
    <row r="6123" spans="1:4" x14ac:dyDescent="0.25">
      <c r="A6123" t="s">
        <v>9204</v>
      </c>
      <c r="B6123" t="s">
        <v>9205</v>
      </c>
      <c r="C6123">
        <v>1</v>
      </c>
      <c r="D6123">
        <v>0</v>
      </c>
    </row>
    <row r="6124" spans="1:4" x14ac:dyDescent="0.25">
      <c r="A6124" t="s">
        <v>9206</v>
      </c>
      <c r="B6124" t="s">
        <v>9207</v>
      </c>
      <c r="C6124">
        <v>1</v>
      </c>
      <c r="D6124">
        <v>0</v>
      </c>
    </row>
    <row r="6125" spans="1:4" x14ac:dyDescent="0.25">
      <c r="A6125" t="s">
        <v>9208</v>
      </c>
      <c r="B6125" t="s">
        <v>9209</v>
      </c>
      <c r="C6125">
        <v>1</v>
      </c>
      <c r="D6125">
        <v>0</v>
      </c>
    </row>
    <row r="6126" spans="1:4" x14ac:dyDescent="0.25">
      <c r="A6126" t="s">
        <v>9210</v>
      </c>
      <c r="B6126" t="s">
        <v>9211</v>
      </c>
      <c r="C6126">
        <v>2</v>
      </c>
      <c r="D6126">
        <v>0</v>
      </c>
    </row>
    <row r="6127" spans="1:4" x14ac:dyDescent="0.25">
      <c r="A6127" t="s">
        <v>9210</v>
      </c>
      <c r="B6127" t="s">
        <v>9212</v>
      </c>
      <c r="C6127">
        <v>1</v>
      </c>
      <c r="D6127">
        <v>0</v>
      </c>
    </row>
    <row r="6128" spans="1:4" x14ac:dyDescent="0.25">
      <c r="A6128" t="s">
        <v>9213</v>
      </c>
      <c r="B6128" t="s">
        <v>1387</v>
      </c>
      <c r="C6128">
        <v>1</v>
      </c>
      <c r="D6128">
        <v>0</v>
      </c>
    </row>
    <row r="6129" spans="1:4" x14ac:dyDescent="0.25">
      <c r="A6129" t="s">
        <v>9214</v>
      </c>
      <c r="B6129" t="s">
        <v>9215</v>
      </c>
      <c r="C6129">
        <v>0</v>
      </c>
      <c r="D6129">
        <v>0</v>
      </c>
    </row>
    <row r="6130" spans="1:4" x14ac:dyDescent="0.25">
      <c r="A6130" t="s">
        <v>9216</v>
      </c>
      <c r="B6130" t="s">
        <v>9217</v>
      </c>
      <c r="C6130">
        <v>0</v>
      </c>
      <c r="D6130">
        <v>0</v>
      </c>
    </row>
    <row r="6131" spans="1:4" x14ac:dyDescent="0.25">
      <c r="A6131" t="s">
        <v>9216</v>
      </c>
      <c r="B6131" t="s">
        <v>9218</v>
      </c>
      <c r="C6131">
        <v>1</v>
      </c>
      <c r="D6131">
        <v>0</v>
      </c>
    </row>
    <row r="6132" spans="1:4" x14ac:dyDescent="0.25">
      <c r="A6132" t="s">
        <v>9219</v>
      </c>
      <c r="B6132" t="s">
        <v>9220</v>
      </c>
      <c r="C6132">
        <v>0</v>
      </c>
      <c r="D6132">
        <v>0</v>
      </c>
    </row>
    <row r="6133" spans="1:4" x14ac:dyDescent="0.25">
      <c r="A6133" t="s">
        <v>9219</v>
      </c>
      <c r="B6133" t="s">
        <v>9221</v>
      </c>
      <c r="C6133">
        <v>1</v>
      </c>
      <c r="D6133">
        <v>0</v>
      </c>
    </row>
    <row r="6134" spans="1:4" x14ac:dyDescent="0.25">
      <c r="A6134" t="s">
        <v>9222</v>
      </c>
      <c r="B6134" t="s">
        <v>9223</v>
      </c>
      <c r="C6134">
        <v>2</v>
      </c>
      <c r="D6134">
        <v>0</v>
      </c>
    </row>
    <row r="6135" spans="1:4" x14ac:dyDescent="0.25">
      <c r="A6135" t="s">
        <v>9222</v>
      </c>
      <c r="B6135" t="s">
        <v>9224</v>
      </c>
      <c r="C6135">
        <v>2</v>
      </c>
      <c r="D6135">
        <v>0</v>
      </c>
    </row>
    <row r="6136" spans="1:4" x14ac:dyDescent="0.25">
      <c r="A6136" t="s">
        <v>9222</v>
      </c>
      <c r="B6136" t="s">
        <v>9225</v>
      </c>
      <c r="C6136">
        <v>2</v>
      </c>
      <c r="D6136">
        <v>0</v>
      </c>
    </row>
    <row r="6137" spans="1:4" x14ac:dyDescent="0.25">
      <c r="A6137" t="s">
        <v>9226</v>
      </c>
      <c r="B6137" t="s">
        <v>9227</v>
      </c>
      <c r="C6137">
        <v>0</v>
      </c>
      <c r="D6137">
        <v>0</v>
      </c>
    </row>
    <row r="6138" spans="1:4" x14ac:dyDescent="0.25">
      <c r="A6138" t="s">
        <v>9228</v>
      </c>
      <c r="B6138" t="s">
        <v>9229</v>
      </c>
      <c r="C6138">
        <v>1</v>
      </c>
      <c r="D6138">
        <v>0</v>
      </c>
    </row>
    <row r="6139" spans="1:4" x14ac:dyDescent="0.25">
      <c r="A6139" t="s">
        <v>9230</v>
      </c>
      <c r="B6139" t="s">
        <v>9231</v>
      </c>
      <c r="C6139">
        <v>1</v>
      </c>
      <c r="D6139">
        <v>0</v>
      </c>
    </row>
    <row r="6140" spans="1:4" x14ac:dyDescent="0.25">
      <c r="A6140" t="s">
        <v>9232</v>
      </c>
      <c r="B6140" t="s">
        <v>9233</v>
      </c>
      <c r="C6140">
        <v>1</v>
      </c>
      <c r="D6140">
        <v>0</v>
      </c>
    </row>
    <row r="6141" spans="1:4" x14ac:dyDescent="0.25">
      <c r="A6141" t="s">
        <v>9232</v>
      </c>
      <c r="B6141" t="s">
        <v>9234</v>
      </c>
      <c r="C6141">
        <v>2</v>
      </c>
      <c r="D6141">
        <v>0</v>
      </c>
    </row>
    <row r="6142" spans="1:4" x14ac:dyDescent="0.25">
      <c r="A6142" t="s">
        <v>9232</v>
      </c>
      <c r="B6142" t="s">
        <v>9235</v>
      </c>
      <c r="C6142">
        <v>2</v>
      </c>
      <c r="D6142">
        <v>0</v>
      </c>
    </row>
    <row r="6143" spans="1:4" x14ac:dyDescent="0.25">
      <c r="A6143" t="s">
        <v>9236</v>
      </c>
      <c r="B6143" t="s">
        <v>9237</v>
      </c>
      <c r="C6143">
        <v>1</v>
      </c>
      <c r="D6143">
        <v>0</v>
      </c>
    </row>
    <row r="6144" spans="1:4" x14ac:dyDescent="0.25">
      <c r="A6144" t="s">
        <v>9238</v>
      </c>
      <c r="B6144" t="s">
        <v>9239</v>
      </c>
      <c r="C6144">
        <v>1</v>
      </c>
      <c r="D6144">
        <v>0</v>
      </c>
    </row>
    <row r="6145" spans="1:4" x14ac:dyDescent="0.25">
      <c r="A6145" t="s">
        <v>9238</v>
      </c>
      <c r="B6145" t="s">
        <v>9240</v>
      </c>
      <c r="C6145">
        <v>1</v>
      </c>
      <c r="D6145">
        <v>0</v>
      </c>
    </row>
    <row r="6146" spans="1:4" x14ac:dyDescent="0.25">
      <c r="A6146" t="s">
        <v>9238</v>
      </c>
      <c r="B6146" t="s">
        <v>9241</v>
      </c>
      <c r="C6146">
        <v>0</v>
      </c>
      <c r="D6146">
        <v>0</v>
      </c>
    </row>
    <row r="6147" spans="1:4" x14ac:dyDescent="0.25">
      <c r="A6147" t="s">
        <v>9242</v>
      </c>
      <c r="B6147" t="s">
        <v>9243</v>
      </c>
      <c r="C6147">
        <v>0</v>
      </c>
      <c r="D6147">
        <v>0</v>
      </c>
    </row>
    <row r="6148" spans="1:4" x14ac:dyDescent="0.25">
      <c r="A6148" t="s">
        <v>9242</v>
      </c>
      <c r="B6148" t="s">
        <v>9244</v>
      </c>
      <c r="C6148">
        <v>0</v>
      </c>
      <c r="D6148">
        <v>0</v>
      </c>
    </row>
    <row r="6149" spans="1:4" x14ac:dyDescent="0.25">
      <c r="A6149" t="s">
        <v>9245</v>
      </c>
      <c r="B6149" t="s">
        <v>9246</v>
      </c>
      <c r="C6149">
        <v>1</v>
      </c>
      <c r="D6149">
        <v>0</v>
      </c>
    </row>
    <row r="6150" spans="1:4" x14ac:dyDescent="0.25">
      <c r="A6150" t="s">
        <v>9247</v>
      </c>
      <c r="B6150" t="s">
        <v>9248</v>
      </c>
      <c r="C6150">
        <v>2</v>
      </c>
      <c r="D6150">
        <v>0</v>
      </c>
    </row>
    <row r="6151" spans="1:4" x14ac:dyDescent="0.25">
      <c r="A6151" t="s">
        <v>9247</v>
      </c>
      <c r="B6151" t="s">
        <v>9249</v>
      </c>
      <c r="C6151">
        <v>2</v>
      </c>
      <c r="D6151">
        <v>0</v>
      </c>
    </row>
    <row r="6152" spans="1:4" x14ac:dyDescent="0.25">
      <c r="A6152" t="s">
        <v>9247</v>
      </c>
      <c r="B6152" t="s">
        <v>9250</v>
      </c>
      <c r="C6152">
        <v>2</v>
      </c>
      <c r="D6152">
        <v>0</v>
      </c>
    </row>
    <row r="6153" spans="1:4" x14ac:dyDescent="0.25">
      <c r="A6153" t="s">
        <v>9251</v>
      </c>
      <c r="B6153" t="s">
        <v>9252</v>
      </c>
      <c r="C6153">
        <v>1</v>
      </c>
      <c r="D6153">
        <v>0</v>
      </c>
    </row>
    <row r="6154" spans="1:4" x14ac:dyDescent="0.25">
      <c r="A6154" t="s">
        <v>9253</v>
      </c>
      <c r="B6154" t="s">
        <v>9254</v>
      </c>
      <c r="C6154">
        <v>1</v>
      </c>
      <c r="D6154">
        <v>0</v>
      </c>
    </row>
    <row r="6155" spans="1:4" x14ac:dyDescent="0.25">
      <c r="A6155" t="s">
        <v>9253</v>
      </c>
      <c r="B6155" t="s">
        <v>9255</v>
      </c>
      <c r="C6155">
        <v>1</v>
      </c>
      <c r="D6155">
        <v>0</v>
      </c>
    </row>
    <row r="6156" spans="1:4" x14ac:dyDescent="0.25">
      <c r="A6156" t="s">
        <v>9253</v>
      </c>
      <c r="B6156" t="s">
        <v>1912</v>
      </c>
      <c r="C6156">
        <v>0</v>
      </c>
      <c r="D6156">
        <v>0</v>
      </c>
    </row>
    <row r="6157" spans="1:4" x14ac:dyDescent="0.25">
      <c r="A6157" t="s">
        <v>9256</v>
      </c>
      <c r="B6157" t="s">
        <v>9257</v>
      </c>
      <c r="C6157">
        <v>0</v>
      </c>
      <c r="D6157">
        <v>0</v>
      </c>
    </row>
    <row r="6158" spans="1:4" x14ac:dyDescent="0.25">
      <c r="A6158" t="s">
        <v>9258</v>
      </c>
      <c r="B6158" t="s">
        <v>9259</v>
      </c>
      <c r="C6158">
        <v>1</v>
      </c>
      <c r="D6158">
        <v>0</v>
      </c>
    </row>
    <row r="6159" spans="1:4" x14ac:dyDescent="0.25">
      <c r="A6159" t="s">
        <v>9260</v>
      </c>
      <c r="B6159" t="s">
        <v>9261</v>
      </c>
      <c r="C6159">
        <v>0</v>
      </c>
      <c r="D6159">
        <v>0</v>
      </c>
    </row>
    <row r="6160" spans="1:4" x14ac:dyDescent="0.25">
      <c r="A6160" t="s">
        <v>9260</v>
      </c>
      <c r="B6160" t="s">
        <v>9262</v>
      </c>
      <c r="C6160">
        <v>0</v>
      </c>
      <c r="D6160">
        <v>0</v>
      </c>
    </row>
    <row r="6161" spans="1:4" x14ac:dyDescent="0.25">
      <c r="A6161" t="s">
        <v>9263</v>
      </c>
      <c r="B6161" t="s">
        <v>9264</v>
      </c>
      <c r="C6161">
        <v>1</v>
      </c>
      <c r="D6161">
        <v>0</v>
      </c>
    </row>
    <row r="6162" spans="1:4" x14ac:dyDescent="0.25">
      <c r="A6162" t="s">
        <v>9263</v>
      </c>
      <c r="B6162" t="s">
        <v>9265</v>
      </c>
      <c r="C6162">
        <v>1</v>
      </c>
      <c r="D6162">
        <v>0</v>
      </c>
    </row>
    <row r="6163" spans="1:4" x14ac:dyDescent="0.25">
      <c r="A6163" t="s">
        <v>9266</v>
      </c>
      <c r="B6163" t="s">
        <v>9267</v>
      </c>
      <c r="C6163">
        <v>1</v>
      </c>
      <c r="D6163">
        <v>0</v>
      </c>
    </row>
    <row r="6164" spans="1:4" x14ac:dyDescent="0.25">
      <c r="A6164" t="s">
        <v>9268</v>
      </c>
      <c r="B6164" t="s">
        <v>9269</v>
      </c>
      <c r="C6164">
        <v>1</v>
      </c>
      <c r="D6164">
        <v>0</v>
      </c>
    </row>
    <row r="6165" spans="1:4" x14ac:dyDescent="0.25">
      <c r="A6165" t="s">
        <v>9268</v>
      </c>
      <c r="B6165" t="s">
        <v>9270</v>
      </c>
      <c r="C6165">
        <v>1</v>
      </c>
      <c r="D6165">
        <v>0</v>
      </c>
    </row>
    <row r="6166" spans="1:4" x14ac:dyDescent="0.25">
      <c r="A6166" t="s">
        <v>9268</v>
      </c>
      <c r="B6166" t="s">
        <v>9271</v>
      </c>
      <c r="C6166">
        <v>0</v>
      </c>
      <c r="D6166">
        <v>0</v>
      </c>
    </row>
    <row r="6167" spans="1:4" x14ac:dyDescent="0.25">
      <c r="A6167" t="s">
        <v>9272</v>
      </c>
      <c r="B6167" t="s">
        <v>398</v>
      </c>
      <c r="C6167">
        <v>0</v>
      </c>
      <c r="D6167">
        <v>0</v>
      </c>
    </row>
    <row r="6168" spans="1:4" x14ac:dyDescent="0.25">
      <c r="A6168" t="s">
        <v>9273</v>
      </c>
      <c r="B6168" t="s">
        <v>9274</v>
      </c>
      <c r="C6168">
        <v>2</v>
      </c>
      <c r="D6168">
        <v>0</v>
      </c>
    </row>
    <row r="6169" spans="1:4" x14ac:dyDescent="0.25">
      <c r="A6169" t="s">
        <v>9275</v>
      </c>
      <c r="B6169" t="s">
        <v>9276</v>
      </c>
      <c r="C6169">
        <v>2</v>
      </c>
      <c r="D6169">
        <v>0</v>
      </c>
    </row>
    <row r="6170" spans="1:4" x14ac:dyDescent="0.25">
      <c r="A6170" t="s">
        <v>9275</v>
      </c>
      <c r="B6170" t="s">
        <v>9277</v>
      </c>
      <c r="C6170">
        <v>1</v>
      </c>
      <c r="D6170">
        <v>0</v>
      </c>
    </row>
    <row r="6171" spans="1:4" x14ac:dyDescent="0.25">
      <c r="A6171" t="s">
        <v>9278</v>
      </c>
      <c r="B6171" t="s">
        <v>9279</v>
      </c>
      <c r="C6171">
        <v>0</v>
      </c>
      <c r="D6171">
        <v>0</v>
      </c>
    </row>
    <row r="6172" spans="1:4" x14ac:dyDescent="0.25">
      <c r="A6172" t="s">
        <v>9280</v>
      </c>
      <c r="B6172" t="s">
        <v>9281</v>
      </c>
      <c r="C6172">
        <v>1</v>
      </c>
      <c r="D6172">
        <v>0</v>
      </c>
    </row>
    <row r="6173" spans="1:4" x14ac:dyDescent="0.25">
      <c r="A6173" t="s">
        <v>9282</v>
      </c>
      <c r="B6173" t="s">
        <v>9283</v>
      </c>
      <c r="C6173">
        <v>1</v>
      </c>
      <c r="D6173">
        <v>0</v>
      </c>
    </row>
    <row r="6174" spans="1:4" x14ac:dyDescent="0.25">
      <c r="A6174" t="s">
        <v>9282</v>
      </c>
      <c r="B6174" t="s">
        <v>9284</v>
      </c>
      <c r="C6174">
        <v>1</v>
      </c>
      <c r="D6174">
        <v>0</v>
      </c>
    </row>
    <row r="6175" spans="1:4" x14ac:dyDescent="0.25">
      <c r="A6175" t="s">
        <v>9282</v>
      </c>
      <c r="B6175" t="s">
        <v>9285</v>
      </c>
      <c r="C6175">
        <v>1</v>
      </c>
      <c r="D6175">
        <v>0</v>
      </c>
    </row>
    <row r="6176" spans="1:4" x14ac:dyDescent="0.25">
      <c r="A6176" t="s">
        <v>9286</v>
      </c>
      <c r="B6176" t="s">
        <v>9287</v>
      </c>
      <c r="C6176">
        <v>1</v>
      </c>
      <c r="D6176">
        <v>0</v>
      </c>
    </row>
    <row r="6177" spans="1:4" x14ac:dyDescent="0.25">
      <c r="A6177" t="s">
        <v>9286</v>
      </c>
      <c r="B6177" t="s">
        <v>9288</v>
      </c>
      <c r="C6177">
        <v>1</v>
      </c>
      <c r="D6177">
        <v>0</v>
      </c>
    </row>
    <row r="6178" spans="1:4" x14ac:dyDescent="0.25">
      <c r="A6178" t="s">
        <v>9289</v>
      </c>
      <c r="B6178" t="s">
        <v>969</v>
      </c>
      <c r="C6178">
        <v>0</v>
      </c>
      <c r="D6178">
        <v>0</v>
      </c>
    </row>
    <row r="6179" spans="1:4" x14ac:dyDescent="0.25">
      <c r="A6179" t="s">
        <v>9289</v>
      </c>
      <c r="B6179" t="s">
        <v>968</v>
      </c>
      <c r="C6179">
        <v>1</v>
      </c>
      <c r="D6179">
        <v>0</v>
      </c>
    </row>
    <row r="6180" spans="1:4" x14ac:dyDescent="0.25">
      <c r="A6180" t="s">
        <v>9290</v>
      </c>
      <c r="B6180" t="s">
        <v>9291</v>
      </c>
      <c r="C6180">
        <v>2</v>
      </c>
      <c r="D6180">
        <v>0</v>
      </c>
    </row>
    <row r="6181" spans="1:4" x14ac:dyDescent="0.25">
      <c r="A6181" t="s">
        <v>9290</v>
      </c>
      <c r="B6181" t="s">
        <v>9292</v>
      </c>
      <c r="C6181">
        <v>0</v>
      </c>
      <c r="D6181">
        <v>0</v>
      </c>
    </row>
    <row r="6182" spans="1:4" x14ac:dyDescent="0.25">
      <c r="A6182" t="s">
        <v>9293</v>
      </c>
      <c r="B6182" t="s">
        <v>9294</v>
      </c>
      <c r="C6182">
        <v>1</v>
      </c>
      <c r="D6182">
        <v>0</v>
      </c>
    </row>
    <row r="6183" spans="1:4" x14ac:dyDescent="0.25">
      <c r="A6183" t="s">
        <v>9295</v>
      </c>
      <c r="B6183" t="s">
        <v>969</v>
      </c>
      <c r="C6183">
        <v>0</v>
      </c>
      <c r="D6183">
        <v>0</v>
      </c>
    </row>
    <row r="6184" spans="1:4" x14ac:dyDescent="0.25">
      <c r="A6184" t="s">
        <v>9296</v>
      </c>
      <c r="B6184" t="s">
        <v>9297</v>
      </c>
      <c r="C6184">
        <v>1</v>
      </c>
      <c r="D6184">
        <v>0</v>
      </c>
    </row>
    <row r="6185" spans="1:4" x14ac:dyDescent="0.25">
      <c r="A6185" t="s">
        <v>9298</v>
      </c>
      <c r="B6185" t="s">
        <v>1938</v>
      </c>
      <c r="C6185">
        <v>0</v>
      </c>
      <c r="D6185">
        <v>0</v>
      </c>
    </row>
    <row r="6186" spans="1:4" x14ac:dyDescent="0.25">
      <c r="A6186" t="s">
        <v>9298</v>
      </c>
      <c r="B6186" t="s">
        <v>9299</v>
      </c>
      <c r="C6186">
        <v>0</v>
      </c>
      <c r="D6186">
        <v>0</v>
      </c>
    </row>
    <row r="6187" spans="1:4" x14ac:dyDescent="0.25">
      <c r="A6187" t="s">
        <v>9300</v>
      </c>
      <c r="B6187" t="s">
        <v>9301</v>
      </c>
      <c r="C6187">
        <v>1</v>
      </c>
      <c r="D6187">
        <v>0</v>
      </c>
    </row>
    <row r="6188" spans="1:4" x14ac:dyDescent="0.25">
      <c r="A6188" t="s">
        <v>9302</v>
      </c>
      <c r="B6188" t="s">
        <v>9303</v>
      </c>
      <c r="C6188">
        <v>2</v>
      </c>
      <c r="D6188">
        <v>0</v>
      </c>
    </row>
    <row r="6189" spans="1:4" x14ac:dyDescent="0.25">
      <c r="A6189" t="s">
        <v>9302</v>
      </c>
      <c r="B6189" t="s">
        <v>9304</v>
      </c>
      <c r="C6189">
        <v>2</v>
      </c>
      <c r="D6189">
        <v>0</v>
      </c>
    </row>
    <row r="6190" spans="1:4" x14ac:dyDescent="0.25">
      <c r="A6190" t="s">
        <v>9305</v>
      </c>
      <c r="B6190" t="s">
        <v>9306</v>
      </c>
      <c r="C6190">
        <v>2</v>
      </c>
      <c r="D6190">
        <v>0</v>
      </c>
    </row>
    <row r="6191" spans="1:4" x14ac:dyDescent="0.25">
      <c r="A6191" t="s">
        <v>9307</v>
      </c>
      <c r="B6191" t="s">
        <v>9308</v>
      </c>
      <c r="C6191">
        <v>2</v>
      </c>
      <c r="D6191">
        <v>0</v>
      </c>
    </row>
    <row r="6192" spans="1:4" x14ac:dyDescent="0.25">
      <c r="A6192" t="s">
        <v>9309</v>
      </c>
      <c r="B6192" t="s">
        <v>9310</v>
      </c>
      <c r="C6192">
        <v>0</v>
      </c>
      <c r="D6192">
        <v>0</v>
      </c>
    </row>
    <row r="6193" spans="1:4" x14ac:dyDescent="0.25">
      <c r="A6193" t="s">
        <v>9309</v>
      </c>
      <c r="B6193" t="s">
        <v>9311</v>
      </c>
      <c r="C6193">
        <v>2</v>
      </c>
      <c r="D6193">
        <v>0</v>
      </c>
    </row>
    <row r="6194" spans="1:4" x14ac:dyDescent="0.25">
      <c r="A6194" t="s">
        <v>9309</v>
      </c>
      <c r="B6194" t="s">
        <v>9312</v>
      </c>
      <c r="C6194">
        <v>1</v>
      </c>
      <c r="D6194">
        <v>0</v>
      </c>
    </row>
    <row r="6195" spans="1:4" x14ac:dyDescent="0.25">
      <c r="A6195" t="s">
        <v>9313</v>
      </c>
      <c r="B6195" t="s">
        <v>816</v>
      </c>
      <c r="C6195">
        <v>1</v>
      </c>
      <c r="D6195">
        <v>0</v>
      </c>
    </row>
    <row r="6196" spans="1:4" x14ac:dyDescent="0.25">
      <c r="A6196" t="s">
        <v>9313</v>
      </c>
      <c r="B6196" t="s">
        <v>852</v>
      </c>
      <c r="C6196">
        <v>0</v>
      </c>
      <c r="D6196">
        <v>0</v>
      </c>
    </row>
    <row r="6197" spans="1:4" x14ac:dyDescent="0.25">
      <c r="A6197" t="s">
        <v>9314</v>
      </c>
      <c r="B6197" t="s">
        <v>9315</v>
      </c>
      <c r="C6197">
        <v>2</v>
      </c>
      <c r="D6197">
        <v>0</v>
      </c>
    </row>
    <row r="6198" spans="1:4" x14ac:dyDescent="0.25">
      <c r="A6198" t="s">
        <v>9314</v>
      </c>
      <c r="B6198" t="s">
        <v>9316</v>
      </c>
      <c r="C6198">
        <v>2</v>
      </c>
      <c r="D6198">
        <v>0</v>
      </c>
    </row>
    <row r="6199" spans="1:4" x14ac:dyDescent="0.25">
      <c r="A6199" t="s">
        <v>9317</v>
      </c>
      <c r="B6199" t="s">
        <v>9318</v>
      </c>
      <c r="C6199">
        <v>1</v>
      </c>
      <c r="D6199">
        <v>0</v>
      </c>
    </row>
    <row r="6200" spans="1:4" x14ac:dyDescent="0.25">
      <c r="A6200" t="s">
        <v>9319</v>
      </c>
      <c r="B6200" t="s">
        <v>9320</v>
      </c>
      <c r="C6200">
        <v>0</v>
      </c>
      <c r="D6200">
        <v>0</v>
      </c>
    </row>
    <row r="6201" spans="1:4" x14ac:dyDescent="0.25">
      <c r="A6201" t="s">
        <v>9319</v>
      </c>
      <c r="B6201" t="s">
        <v>9321</v>
      </c>
      <c r="C6201">
        <v>0</v>
      </c>
      <c r="D6201">
        <v>0</v>
      </c>
    </row>
    <row r="6202" spans="1:4" x14ac:dyDescent="0.25">
      <c r="A6202" t="s">
        <v>9322</v>
      </c>
      <c r="B6202" t="s">
        <v>9323</v>
      </c>
      <c r="C6202">
        <v>0</v>
      </c>
      <c r="D6202">
        <v>0</v>
      </c>
    </row>
    <row r="6203" spans="1:4" x14ac:dyDescent="0.25">
      <c r="A6203" t="s">
        <v>9322</v>
      </c>
      <c r="B6203" t="s">
        <v>9324</v>
      </c>
      <c r="C6203">
        <v>0</v>
      </c>
      <c r="D6203">
        <v>0</v>
      </c>
    </row>
    <row r="6204" spans="1:4" x14ac:dyDescent="0.25">
      <c r="A6204" t="s">
        <v>9325</v>
      </c>
      <c r="B6204" t="s">
        <v>9326</v>
      </c>
      <c r="C6204">
        <v>1</v>
      </c>
      <c r="D6204">
        <v>0</v>
      </c>
    </row>
    <row r="6205" spans="1:4" x14ac:dyDescent="0.25">
      <c r="A6205" t="s">
        <v>9327</v>
      </c>
      <c r="B6205" t="s">
        <v>9328</v>
      </c>
      <c r="C6205">
        <v>1</v>
      </c>
      <c r="D6205">
        <v>0</v>
      </c>
    </row>
    <row r="6206" spans="1:4" x14ac:dyDescent="0.25">
      <c r="A6206" t="s">
        <v>9329</v>
      </c>
      <c r="B6206" t="s">
        <v>1001</v>
      </c>
      <c r="C6206">
        <v>1</v>
      </c>
      <c r="D6206">
        <v>0</v>
      </c>
    </row>
    <row r="6207" spans="1:4" x14ac:dyDescent="0.25">
      <c r="A6207" t="s">
        <v>9330</v>
      </c>
      <c r="B6207" t="s">
        <v>9331</v>
      </c>
      <c r="C6207">
        <v>1</v>
      </c>
      <c r="D6207">
        <v>0</v>
      </c>
    </row>
    <row r="6208" spans="1:4" x14ac:dyDescent="0.25">
      <c r="A6208" t="s">
        <v>9330</v>
      </c>
      <c r="B6208" t="s">
        <v>9332</v>
      </c>
      <c r="C6208">
        <v>0</v>
      </c>
      <c r="D6208">
        <v>0</v>
      </c>
    </row>
    <row r="6209" spans="1:4" x14ac:dyDescent="0.25">
      <c r="A6209" t="s">
        <v>9333</v>
      </c>
      <c r="B6209" t="s">
        <v>9334</v>
      </c>
      <c r="C6209">
        <v>0</v>
      </c>
      <c r="D6209">
        <v>0</v>
      </c>
    </row>
    <row r="6210" spans="1:4" x14ac:dyDescent="0.25">
      <c r="A6210" t="s">
        <v>9335</v>
      </c>
      <c r="B6210" t="s">
        <v>9336</v>
      </c>
      <c r="C6210">
        <v>0</v>
      </c>
      <c r="D6210">
        <v>0</v>
      </c>
    </row>
    <row r="6211" spans="1:4" x14ac:dyDescent="0.25">
      <c r="A6211" t="s">
        <v>9335</v>
      </c>
      <c r="B6211" t="s">
        <v>9337</v>
      </c>
      <c r="C6211">
        <v>1</v>
      </c>
      <c r="D6211">
        <v>0</v>
      </c>
    </row>
    <row r="6212" spans="1:4" x14ac:dyDescent="0.25">
      <c r="A6212" t="s">
        <v>9335</v>
      </c>
      <c r="B6212" t="s">
        <v>9338</v>
      </c>
      <c r="C6212">
        <v>1</v>
      </c>
      <c r="D6212">
        <v>0</v>
      </c>
    </row>
    <row r="6213" spans="1:4" x14ac:dyDescent="0.25">
      <c r="A6213" t="s">
        <v>9339</v>
      </c>
      <c r="B6213" t="s">
        <v>9340</v>
      </c>
      <c r="C6213">
        <v>1</v>
      </c>
      <c r="D6213">
        <v>0</v>
      </c>
    </row>
    <row r="6214" spans="1:4" x14ac:dyDescent="0.25">
      <c r="A6214" t="s">
        <v>9341</v>
      </c>
      <c r="B6214" t="s">
        <v>9342</v>
      </c>
      <c r="C6214">
        <v>1</v>
      </c>
      <c r="D6214">
        <v>0</v>
      </c>
    </row>
    <row r="6215" spans="1:4" x14ac:dyDescent="0.25">
      <c r="A6215" t="s">
        <v>9341</v>
      </c>
      <c r="B6215" t="s">
        <v>9343</v>
      </c>
      <c r="C6215">
        <v>0</v>
      </c>
      <c r="D6215">
        <v>0</v>
      </c>
    </row>
    <row r="6216" spans="1:4" x14ac:dyDescent="0.25">
      <c r="A6216" t="s">
        <v>9341</v>
      </c>
      <c r="B6216" t="s">
        <v>9344</v>
      </c>
      <c r="C6216">
        <v>1</v>
      </c>
      <c r="D6216">
        <v>0</v>
      </c>
    </row>
    <row r="6217" spans="1:4" x14ac:dyDescent="0.25">
      <c r="A6217" t="s">
        <v>9345</v>
      </c>
      <c r="B6217" t="s">
        <v>9346</v>
      </c>
      <c r="C6217">
        <v>2</v>
      </c>
      <c r="D6217">
        <v>0</v>
      </c>
    </row>
    <row r="6218" spans="1:4" x14ac:dyDescent="0.25">
      <c r="A6218" t="s">
        <v>9345</v>
      </c>
      <c r="B6218" t="s">
        <v>9347</v>
      </c>
      <c r="C6218">
        <v>2</v>
      </c>
      <c r="D6218">
        <v>0</v>
      </c>
    </row>
    <row r="6219" spans="1:4" x14ac:dyDescent="0.25">
      <c r="A6219" t="s">
        <v>9345</v>
      </c>
      <c r="B6219" t="s">
        <v>9348</v>
      </c>
      <c r="C6219">
        <v>2</v>
      </c>
      <c r="D6219">
        <v>0</v>
      </c>
    </row>
    <row r="6220" spans="1:4" x14ac:dyDescent="0.25">
      <c r="A6220" t="s">
        <v>9349</v>
      </c>
      <c r="B6220" t="s">
        <v>9350</v>
      </c>
      <c r="C6220">
        <v>1</v>
      </c>
      <c r="D6220">
        <v>0</v>
      </c>
    </row>
    <row r="6221" spans="1:4" x14ac:dyDescent="0.25">
      <c r="A6221" t="s">
        <v>9351</v>
      </c>
      <c r="B6221" t="s">
        <v>9352</v>
      </c>
      <c r="C6221">
        <v>1</v>
      </c>
      <c r="D6221">
        <v>0</v>
      </c>
    </row>
    <row r="6222" spans="1:4" x14ac:dyDescent="0.25">
      <c r="A6222" t="s">
        <v>9353</v>
      </c>
      <c r="B6222" t="s">
        <v>843</v>
      </c>
      <c r="C6222">
        <v>1</v>
      </c>
      <c r="D6222">
        <v>0</v>
      </c>
    </row>
    <row r="6223" spans="1:4" x14ac:dyDescent="0.25">
      <c r="A6223" t="s">
        <v>9354</v>
      </c>
      <c r="B6223" t="s">
        <v>9355</v>
      </c>
      <c r="C6223">
        <v>1</v>
      </c>
      <c r="D6223">
        <v>0</v>
      </c>
    </row>
    <row r="6224" spans="1:4" x14ac:dyDescent="0.25">
      <c r="A6224" t="s">
        <v>9354</v>
      </c>
      <c r="B6224" t="s">
        <v>9356</v>
      </c>
      <c r="C6224">
        <v>1</v>
      </c>
      <c r="D6224">
        <v>0</v>
      </c>
    </row>
    <row r="6225" spans="1:4" x14ac:dyDescent="0.25">
      <c r="A6225" t="s">
        <v>9357</v>
      </c>
      <c r="B6225" t="s">
        <v>9358</v>
      </c>
      <c r="C6225">
        <v>1</v>
      </c>
      <c r="D6225">
        <v>0</v>
      </c>
    </row>
    <row r="6226" spans="1:4" x14ac:dyDescent="0.25">
      <c r="A6226" t="s">
        <v>9359</v>
      </c>
      <c r="B6226" t="s">
        <v>9360</v>
      </c>
      <c r="C6226">
        <v>2</v>
      </c>
      <c r="D6226">
        <v>0</v>
      </c>
    </row>
    <row r="6227" spans="1:4" x14ac:dyDescent="0.25">
      <c r="A6227" t="s">
        <v>9359</v>
      </c>
      <c r="B6227" t="s">
        <v>4637</v>
      </c>
      <c r="C6227">
        <v>1</v>
      </c>
      <c r="D6227">
        <v>0</v>
      </c>
    </row>
    <row r="6228" spans="1:4" x14ac:dyDescent="0.25">
      <c r="A6228" t="s">
        <v>9359</v>
      </c>
      <c r="B6228" t="s">
        <v>9361</v>
      </c>
      <c r="C6228">
        <v>1</v>
      </c>
      <c r="D6228">
        <v>0</v>
      </c>
    </row>
    <row r="6229" spans="1:4" x14ac:dyDescent="0.25">
      <c r="A6229" t="s">
        <v>9362</v>
      </c>
      <c r="B6229" t="s">
        <v>9363</v>
      </c>
      <c r="C6229">
        <v>1</v>
      </c>
      <c r="D6229">
        <v>0</v>
      </c>
    </row>
    <row r="6230" spans="1:4" x14ac:dyDescent="0.25">
      <c r="A6230" t="s">
        <v>9364</v>
      </c>
      <c r="B6230" t="s">
        <v>9365</v>
      </c>
      <c r="C6230">
        <v>0</v>
      </c>
      <c r="D6230">
        <v>0</v>
      </c>
    </row>
    <row r="6231" spans="1:4" x14ac:dyDescent="0.25">
      <c r="A6231" t="s">
        <v>9364</v>
      </c>
      <c r="B6231" t="s">
        <v>816</v>
      </c>
      <c r="C6231">
        <v>1</v>
      </c>
      <c r="D6231">
        <v>0</v>
      </c>
    </row>
    <row r="6232" spans="1:4" x14ac:dyDescent="0.25">
      <c r="A6232" t="s">
        <v>9366</v>
      </c>
      <c r="B6232" t="s">
        <v>9367</v>
      </c>
      <c r="C6232">
        <v>2</v>
      </c>
      <c r="D6232">
        <v>0</v>
      </c>
    </row>
    <row r="6233" spans="1:4" x14ac:dyDescent="0.25">
      <c r="A6233" t="s">
        <v>9368</v>
      </c>
      <c r="B6233" t="s">
        <v>9369</v>
      </c>
      <c r="C6233">
        <v>1</v>
      </c>
      <c r="D6233">
        <v>0</v>
      </c>
    </row>
    <row r="6234" spans="1:4" x14ac:dyDescent="0.25">
      <c r="A6234" t="s">
        <v>9368</v>
      </c>
      <c r="B6234" t="s">
        <v>9370</v>
      </c>
      <c r="C6234">
        <v>1</v>
      </c>
      <c r="D6234">
        <v>0</v>
      </c>
    </row>
    <row r="6235" spans="1:4" x14ac:dyDescent="0.25">
      <c r="A6235" t="s">
        <v>9368</v>
      </c>
      <c r="B6235" t="s">
        <v>9371</v>
      </c>
      <c r="C6235">
        <v>1</v>
      </c>
      <c r="D6235">
        <v>0</v>
      </c>
    </row>
    <row r="6236" spans="1:4" x14ac:dyDescent="0.25">
      <c r="A6236" t="s">
        <v>9372</v>
      </c>
      <c r="B6236" t="s">
        <v>9373</v>
      </c>
      <c r="C6236">
        <v>1</v>
      </c>
      <c r="D6236">
        <v>0</v>
      </c>
    </row>
    <row r="6237" spans="1:4" x14ac:dyDescent="0.25">
      <c r="A6237" t="s">
        <v>9374</v>
      </c>
      <c r="B6237" t="s">
        <v>9375</v>
      </c>
      <c r="C6237">
        <v>1</v>
      </c>
      <c r="D6237">
        <v>0</v>
      </c>
    </row>
    <row r="6238" spans="1:4" x14ac:dyDescent="0.25">
      <c r="A6238" t="s">
        <v>9376</v>
      </c>
      <c r="B6238" t="s">
        <v>9377</v>
      </c>
      <c r="C6238">
        <v>1</v>
      </c>
      <c r="D6238">
        <v>0</v>
      </c>
    </row>
    <row r="6239" spans="1:4" x14ac:dyDescent="0.25">
      <c r="A6239" t="s">
        <v>9376</v>
      </c>
      <c r="B6239" t="s">
        <v>9378</v>
      </c>
      <c r="C6239">
        <v>0</v>
      </c>
      <c r="D6239">
        <v>0</v>
      </c>
    </row>
    <row r="6240" spans="1:4" x14ac:dyDescent="0.25">
      <c r="A6240" t="s">
        <v>9379</v>
      </c>
      <c r="B6240" t="s">
        <v>9380</v>
      </c>
      <c r="C6240">
        <v>1</v>
      </c>
      <c r="D6240">
        <v>0</v>
      </c>
    </row>
    <row r="6241" spans="1:4" x14ac:dyDescent="0.25">
      <c r="A6241" t="s">
        <v>9381</v>
      </c>
      <c r="B6241" t="s">
        <v>9382</v>
      </c>
      <c r="C6241">
        <v>2</v>
      </c>
      <c r="D6241">
        <v>0</v>
      </c>
    </row>
    <row r="6242" spans="1:4" x14ac:dyDescent="0.25">
      <c r="A6242" t="s">
        <v>9383</v>
      </c>
      <c r="B6242" t="s">
        <v>9384</v>
      </c>
      <c r="C6242">
        <v>1</v>
      </c>
      <c r="D6242">
        <v>0</v>
      </c>
    </row>
    <row r="6243" spans="1:4" x14ac:dyDescent="0.25">
      <c r="A6243" t="s">
        <v>9385</v>
      </c>
      <c r="B6243" t="s">
        <v>9386</v>
      </c>
      <c r="C6243">
        <v>2</v>
      </c>
      <c r="D6243">
        <v>0</v>
      </c>
    </row>
    <row r="6244" spans="1:4" x14ac:dyDescent="0.25">
      <c r="A6244" t="s">
        <v>9385</v>
      </c>
      <c r="B6244" t="s">
        <v>9387</v>
      </c>
      <c r="C6244">
        <v>0</v>
      </c>
      <c r="D6244">
        <v>0</v>
      </c>
    </row>
    <row r="6245" spans="1:4" x14ac:dyDescent="0.25">
      <c r="A6245" t="s">
        <v>9388</v>
      </c>
      <c r="B6245" t="s">
        <v>9389</v>
      </c>
      <c r="C6245">
        <v>0</v>
      </c>
      <c r="D6245">
        <v>0</v>
      </c>
    </row>
    <row r="6246" spans="1:4" x14ac:dyDescent="0.25">
      <c r="A6246" t="s">
        <v>9388</v>
      </c>
      <c r="B6246" t="s">
        <v>9390</v>
      </c>
      <c r="C6246">
        <v>0</v>
      </c>
      <c r="D6246">
        <v>0</v>
      </c>
    </row>
    <row r="6247" spans="1:4" x14ac:dyDescent="0.25">
      <c r="A6247" t="s">
        <v>9388</v>
      </c>
      <c r="B6247" t="s">
        <v>1257</v>
      </c>
      <c r="C6247">
        <v>1</v>
      </c>
      <c r="D6247">
        <v>0</v>
      </c>
    </row>
    <row r="6248" spans="1:4" x14ac:dyDescent="0.25">
      <c r="A6248" t="s">
        <v>9391</v>
      </c>
      <c r="B6248" t="s">
        <v>9392</v>
      </c>
      <c r="C6248">
        <v>1</v>
      </c>
      <c r="D6248">
        <v>0</v>
      </c>
    </row>
    <row r="6249" spans="1:4" x14ac:dyDescent="0.25">
      <c r="A6249" t="s">
        <v>9391</v>
      </c>
      <c r="B6249" t="s">
        <v>9393</v>
      </c>
      <c r="C6249">
        <v>1</v>
      </c>
      <c r="D6249">
        <v>0</v>
      </c>
    </row>
    <row r="6250" spans="1:4" x14ac:dyDescent="0.25">
      <c r="A6250" t="s">
        <v>9391</v>
      </c>
      <c r="B6250" t="s">
        <v>9394</v>
      </c>
      <c r="C6250">
        <v>2</v>
      </c>
      <c r="D6250">
        <v>0</v>
      </c>
    </row>
    <row r="6251" spans="1:4" x14ac:dyDescent="0.25">
      <c r="A6251" t="s">
        <v>9395</v>
      </c>
      <c r="B6251" t="s">
        <v>9396</v>
      </c>
      <c r="C6251">
        <v>1</v>
      </c>
      <c r="D6251">
        <v>0</v>
      </c>
    </row>
    <row r="6252" spans="1:4" x14ac:dyDescent="0.25">
      <c r="A6252" t="s">
        <v>9395</v>
      </c>
      <c r="B6252" t="s">
        <v>9397</v>
      </c>
      <c r="C6252">
        <v>1</v>
      </c>
      <c r="D6252">
        <v>0</v>
      </c>
    </row>
    <row r="6253" spans="1:4" x14ac:dyDescent="0.25">
      <c r="A6253" t="s">
        <v>9398</v>
      </c>
      <c r="B6253" t="s">
        <v>9399</v>
      </c>
      <c r="C6253">
        <v>2</v>
      </c>
      <c r="D6253">
        <v>0</v>
      </c>
    </row>
    <row r="6254" spans="1:4" x14ac:dyDescent="0.25">
      <c r="A6254" t="s">
        <v>9398</v>
      </c>
      <c r="B6254" t="s">
        <v>9400</v>
      </c>
      <c r="C6254">
        <v>1</v>
      </c>
      <c r="D6254">
        <v>0</v>
      </c>
    </row>
    <row r="6255" spans="1:4" x14ac:dyDescent="0.25">
      <c r="A6255" t="s">
        <v>9401</v>
      </c>
      <c r="B6255" t="s">
        <v>9402</v>
      </c>
      <c r="C6255">
        <v>0</v>
      </c>
      <c r="D6255">
        <v>0</v>
      </c>
    </row>
    <row r="6256" spans="1:4" x14ac:dyDescent="0.25">
      <c r="A6256" t="s">
        <v>9401</v>
      </c>
      <c r="B6256" t="s">
        <v>9403</v>
      </c>
      <c r="C6256">
        <v>0</v>
      </c>
      <c r="D6256">
        <v>0</v>
      </c>
    </row>
    <row r="6257" spans="1:4" x14ac:dyDescent="0.25">
      <c r="A6257" t="s">
        <v>9401</v>
      </c>
      <c r="B6257" t="s">
        <v>9404</v>
      </c>
      <c r="C6257">
        <v>0</v>
      </c>
      <c r="D6257">
        <v>0</v>
      </c>
    </row>
    <row r="6258" spans="1:4" x14ac:dyDescent="0.25">
      <c r="A6258" t="s">
        <v>9405</v>
      </c>
      <c r="B6258" t="s">
        <v>9406</v>
      </c>
      <c r="C6258">
        <v>0</v>
      </c>
      <c r="D6258">
        <v>0</v>
      </c>
    </row>
    <row r="6259" spans="1:4" x14ac:dyDescent="0.25">
      <c r="A6259" t="s">
        <v>9407</v>
      </c>
      <c r="B6259" t="s">
        <v>9408</v>
      </c>
      <c r="C6259">
        <v>1</v>
      </c>
      <c r="D6259">
        <v>0</v>
      </c>
    </row>
    <row r="6260" spans="1:4" x14ac:dyDescent="0.25">
      <c r="A6260" t="s">
        <v>9407</v>
      </c>
      <c r="B6260" t="s">
        <v>9409</v>
      </c>
      <c r="C6260">
        <v>1</v>
      </c>
      <c r="D6260">
        <v>0</v>
      </c>
    </row>
    <row r="6261" spans="1:4" x14ac:dyDescent="0.25">
      <c r="A6261" t="s">
        <v>9410</v>
      </c>
      <c r="B6261" t="s">
        <v>3578</v>
      </c>
      <c r="C6261">
        <v>1</v>
      </c>
      <c r="D6261">
        <v>0</v>
      </c>
    </row>
    <row r="6262" spans="1:4" x14ac:dyDescent="0.25">
      <c r="A6262" t="s">
        <v>9411</v>
      </c>
      <c r="B6262" t="s">
        <v>9412</v>
      </c>
      <c r="C6262">
        <v>1</v>
      </c>
      <c r="D6262">
        <v>0</v>
      </c>
    </row>
    <row r="6263" spans="1:4" x14ac:dyDescent="0.25">
      <c r="A6263" t="s">
        <v>9413</v>
      </c>
      <c r="B6263" t="s">
        <v>852</v>
      </c>
      <c r="C6263">
        <v>0</v>
      </c>
      <c r="D6263">
        <v>0</v>
      </c>
    </row>
    <row r="6264" spans="1:4" x14ac:dyDescent="0.25">
      <c r="A6264" t="s">
        <v>9414</v>
      </c>
      <c r="B6264" t="s">
        <v>9415</v>
      </c>
      <c r="C6264">
        <v>1</v>
      </c>
      <c r="D6264">
        <v>0</v>
      </c>
    </row>
    <row r="6265" spans="1:4" x14ac:dyDescent="0.25">
      <c r="A6265" t="s">
        <v>9416</v>
      </c>
      <c r="B6265" t="s">
        <v>9417</v>
      </c>
      <c r="C6265">
        <v>1</v>
      </c>
      <c r="D6265">
        <v>0</v>
      </c>
    </row>
    <row r="6266" spans="1:4" x14ac:dyDescent="0.25">
      <c r="A6266" t="s">
        <v>9416</v>
      </c>
      <c r="B6266" t="s">
        <v>9418</v>
      </c>
      <c r="C6266">
        <v>1</v>
      </c>
      <c r="D6266">
        <v>0</v>
      </c>
    </row>
    <row r="6267" spans="1:4" x14ac:dyDescent="0.25">
      <c r="A6267" t="s">
        <v>9416</v>
      </c>
      <c r="B6267" t="s">
        <v>9419</v>
      </c>
      <c r="C6267">
        <v>1</v>
      </c>
      <c r="D6267">
        <v>0</v>
      </c>
    </row>
    <row r="6268" spans="1:4" x14ac:dyDescent="0.25">
      <c r="A6268" t="s">
        <v>9420</v>
      </c>
      <c r="B6268" t="s">
        <v>9421</v>
      </c>
      <c r="C6268">
        <v>1</v>
      </c>
      <c r="D6268">
        <v>0</v>
      </c>
    </row>
    <row r="6269" spans="1:4" x14ac:dyDescent="0.25">
      <c r="A6269" t="s">
        <v>9422</v>
      </c>
      <c r="B6269" t="s">
        <v>9423</v>
      </c>
      <c r="C6269">
        <v>0</v>
      </c>
      <c r="D6269">
        <v>0</v>
      </c>
    </row>
    <row r="6270" spans="1:4" x14ac:dyDescent="0.25">
      <c r="A6270" t="s">
        <v>9424</v>
      </c>
      <c r="B6270" t="s">
        <v>9425</v>
      </c>
      <c r="C6270">
        <v>0</v>
      </c>
      <c r="D6270">
        <v>0</v>
      </c>
    </row>
    <row r="6271" spans="1:4" x14ac:dyDescent="0.25">
      <c r="A6271" t="s">
        <v>9424</v>
      </c>
      <c r="B6271" t="s">
        <v>9426</v>
      </c>
      <c r="C6271">
        <v>0</v>
      </c>
      <c r="D6271">
        <v>0</v>
      </c>
    </row>
    <row r="6272" spans="1:4" x14ac:dyDescent="0.25">
      <c r="A6272" t="s">
        <v>9427</v>
      </c>
      <c r="B6272" t="s">
        <v>843</v>
      </c>
      <c r="C6272">
        <v>1</v>
      </c>
      <c r="D6272">
        <v>0</v>
      </c>
    </row>
    <row r="6273" spans="1:4" x14ac:dyDescent="0.25">
      <c r="A6273" t="s">
        <v>9427</v>
      </c>
      <c r="B6273" t="s">
        <v>9428</v>
      </c>
      <c r="C6273">
        <v>2</v>
      </c>
      <c r="D6273">
        <v>0</v>
      </c>
    </row>
    <row r="6274" spans="1:4" x14ac:dyDescent="0.25">
      <c r="A6274" t="s">
        <v>9429</v>
      </c>
      <c r="B6274" t="s">
        <v>9430</v>
      </c>
      <c r="C6274">
        <v>1</v>
      </c>
      <c r="D6274">
        <v>0</v>
      </c>
    </row>
    <row r="6275" spans="1:4" x14ac:dyDescent="0.25">
      <c r="A6275" t="s">
        <v>9429</v>
      </c>
      <c r="B6275" t="s">
        <v>9431</v>
      </c>
      <c r="C6275">
        <v>1</v>
      </c>
      <c r="D6275">
        <v>0</v>
      </c>
    </row>
    <row r="6276" spans="1:4" x14ac:dyDescent="0.25">
      <c r="A6276" t="s">
        <v>9432</v>
      </c>
      <c r="B6276" t="s">
        <v>3049</v>
      </c>
      <c r="C6276">
        <v>1</v>
      </c>
      <c r="D6276">
        <v>0</v>
      </c>
    </row>
    <row r="6277" spans="1:4" x14ac:dyDescent="0.25">
      <c r="A6277" t="s">
        <v>9433</v>
      </c>
      <c r="B6277" t="s">
        <v>9434</v>
      </c>
      <c r="C6277">
        <v>0</v>
      </c>
      <c r="D6277">
        <v>0</v>
      </c>
    </row>
    <row r="6278" spans="1:4" x14ac:dyDescent="0.25">
      <c r="A6278" t="s">
        <v>9433</v>
      </c>
      <c r="B6278" t="s">
        <v>9435</v>
      </c>
      <c r="C6278">
        <v>2</v>
      </c>
      <c r="D6278">
        <v>0</v>
      </c>
    </row>
    <row r="6279" spans="1:4" x14ac:dyDescent="0.25">
      <c r="A6279" t="s">
        <v>9436</v>
      </c>
      <c r="B6279" t="s">
        <v>9437</v>
      </c>
      <c r="C6279">
        <v>2</v>
      </c>
      <c r="D6279">
        <v>0</v>
      </c>
    </row>
    <row r="6280" spans="1:4" x14ac:dyDescent="0.25">
      <c r="A6280" t="s">
        <v>9436</v>
      </c>
      <c r="B6280" t="s">
        <v>9438</v>
      </c>
      <c r="C6280">
        <v>2</v>
      </c>
      <c r="D6280">
        <v>0</v>
      </c>
    </row>
    <row r="6281" spans="1:4" x14ac:dyDescent="0.25">
      <c r="A6281" t="s">
        <v>9436</v>
      </c>
      <c r="B6281" t="s">
        <v>9439</v>
      </c>
      <c r="C6281">
        <v>2</v>
      </c>
      <c r="D6281">
        <v>0</v>
      </c>
    </row>
    <row r="6282" spans="1:4" x14ac:dyDescent="0.25">
      <c r="A6282" t="s">
        <v>9440</v>
      </c>
      <c r="B6282" t="s">
        <v>968</v>
      </c>
      <c r="C6282">
        <v>1</v>
      </c>
      <c r="D6282">
        <v>0</v>
      </c>
    </row>
    <row r="6283" spans="1:4" x14ac:dyDescent="0.25">
      <c r="A6283" t="s">
        <v>9441</v>
      </c>
      <c r="B6283" t="s">
        <v>9442</v>
      </c>
      <c r="C6283">
        <v>1</v>
      </c>
      <c r="D6283">
        <v>0</v>
      </c>
    </row>
    <row r="6284" spans="1:4" x14ac:dyDescent="0.25">
      <c r="A6284" t="s">
        <v>9441</v>
      </c>
      <c r="B6284" t="s">
        <v>9443</v>
      </c>
      <c r="C6284">
        <v>1</v>
      </c>
      <c r="D6284">
        <v>0</v>
      </c>
    </row>
    <row r="6285" spans="1:4" x14ac:dyDescent="0.25">
      <c r="A6285" t="s">
        <v>9444</v>
      </c>
      <c r="B6285" t="s">
        <v>9445</v>
      </c>
      <c r="C6285">
        <v>1</v>
      </c>
      <c r="D6285">
        <v>0</v>
      </c>
    </row>
    <row r="6286" spans="1:4" x14ac:dyDescent="0.25">
      <c r="A6286" t="s">
        <v>9446</v>
      </c>
      <c r="B6286" t="s">
        <v>9447</v>
      </c>
      <c r="C6286">
        <v>2</v>
      </c>
      <c r="D6286">
        <v>0</v>
      </c>
    </row>
    <row r="6287" spans="1:4" x14ac:dyDescent="0.25">
      <c r="A6287" t="s">
        <v>9448</v>
      </c>
      <c r="B6287" t="s">
        <v>816</v>
      </c>
      <c r="C6287">
        <v>1</v>
      </c>
      <c r="D6287">
        <v>0</v>
      </c>
    </row>
    <row r="6288" spans="1:4" x14ac:dyDescent="0.25">
      <c r="A6288" t="s">
        <v>9449</v>
      </c>
      <c r="B6288" t="s">
        <v>9450</v>
      </c>
      <c r="C6288">
        <v>1</v>
      </c>
      <c r="D6288">
        <v>0</v>
      </c>
    </row>
    <row r="6289" spans="1:4" x14ac:dyDescent="0.25">
      <c r="A6289" t="s">
        <v>9451</v>
      </c>
      <c r="B6289" t="s">
        <v>9452</v>
      </c>
      <c r="C6289">
        <v>2</v>
      </c>
      <c r="D6289">
        <v>0</v>
      </c>
    </row>
    <row r="6290" spans="1:4" x14ac:dyDescent="0.25">
      <c r="A6290" t="s">
        <v>9453</v>
      </c>
      <c r="B6290" t="s">
        <v>9454</v>
      </c>
      <c r="C6290">
        <v>0</v>
      </c>
      <c r="D6290">
        <v>0</v>
      </c>
    </row>
    <row r="6291" spans="1:4" x14ac:dyDescent="0.25">
      <c r="A6291" t="s">
        <v>9453</v>
      </c>
      <c r="B6291" t="s">
        <v>969</v>
      </c>
      <c r="C6291">
        <v>0</v>
      </c>
      <c r="D6291">
        <v>0</v>
      </c>
    </row>
    <row r="6292" spans="1:4" x14ac:dyDescent="0.25">
      <c r="A6292" t="s">
        <v>9455</v>
      </c>
      <c r="B6292" t="s">
        <v>9456</v>
      </c>
      <c r="C6292">
        <v>2</v>
      </c>
      <c r="D6292">
        <v>0</v>
      </c>
    </row>
    <row r="6293" spans="1:4" x14ac:dyDescent="0.25">
      <c r="A6293" t="s">
        <v>9457</v>
      </c>
      <c r="B6293" t="s">
        <v>9458</v>
      </c>
      <c r="C6293">
        <v>1</v>
      </c>
      <c r="D6293">
        <v>0</v>
      </c>
    </row>
    <row r="6294" spans="1:4" x14ac:dyDescent="0.25">
      <c r="A6294" t="s">
        <v>9457</v>
      </c>
      <c r="B6294" t="s">
        <v>9459</v>
      </c>
      <c r="C6294">
        <v>1</v>
      </c>
      <c r="D6294">
        <v>0</v>
      </c>
    </row>
    <row r="6295" spans="1:4" x14ac:dyDescent="0.25">
      <c r="A6295" t="s">
        <v>9457</v>
      </c>
      <c r="B6295" t="s">
        <v>9460</v>
      </c>
      <c r="C6295">
        <v>1</v>
      </c>
      <c r="D6295">
        <v>0</v>
      </c>
    </row>
    <row r="6296" spans="1:4" x14ac:dyDescent="0.25">
      <c r="A6296" t="s">
        <v>9461</v>
      </c>
      <c r="B6296" t="s">
        <v>9462</v>
      </c>
      <c r="C6296">
        <v>1</v>
      </c>
      <c r="D6296">
        <v>0</v>
      </c>
    </row>
    <row r="6297" spans="1:4" x14ac:dyDescent="0.25">
      <c r="A6297" t="s">
        <v>9461</v>
      </c>
      <c r="B6297" t="s">
        <v>9463</v>
      </c>
      <c r="C6297">
        <v>2</v>
      </c>
      <c r="D6297">
        <v>0</v>
      </c>
    </row>
    <row r="6298" spans="1:4" x14ac:dyDescent="0.25">
      <c r="A6298" t="s">
        <v>9461</v>
      </c>
      <c r="B6298" t="s">
        <v>9464</v>
      </c>
      <c r="C6298">
        <v>1</v>
      </c>
      <c r="D6298">
        <v>0</v>
      </c>
    </row>
    <row r="6299" spans="1:4" x14ac:dyDescent="0.25">
      <c r="A6299" t="s">
        <v>9465</v>
      </c>
      <c r="B6299" t="s">
        <v>1001</v>
      </c>
      <c r="C6299">
        <v>1</v>
      </c>
      <c r="D6299">
        <v>0</v>
      </c>
    </row>
    <row r="6300" spans="1:4" x14ac:dyDescent="0.25">
      <c r="A6300" t="s">
        <v>9466</v>
      </c>
      <c r="B6300" t="s">
        <v>9467</v>
      </c>
      <c r="C6300">
        <v>0</v>
      </c>
      <c r="D6300">
        <v>0</v>
      </c>
    </row>
    <row r="6301" spans="1:4" x14ac:dyDescent="0.25">
      <c r="A6301" t="s">
        <v>9466</v>
      </c>
      <c r="B6301" t="s">
        <v>9468</v>
      </c>
      <c r="C6301">
        <v>1</v>
      </c>
      <c r="D6301">
        <v>0</v>
      </c>
    </row>
    <row r="6302" spans="1:4" x14ac:dyDescent="0.25">
      <c r="A6302" t="s">
        <v>9469</v>
      </c>
      <c r="B6302" t="s">
        <v>9470</v>
      </c>
      <c r="C6302">
        <v>0</v>
      </c>
      <c r="D6302">
        <v>0</v>
      </c>
    </row>
    <row r="6303" spans="1:4" x14ac:dyDescent="0.25">
      <c r="A6303" t="s">
        <v>9469</v>
      </c>
      <c r="B6303" t="s">
        <v>9471</v>
      </c>
      <c r="C6303">
        <v>0</v>
      </c>
      <c r="D6303">
        <v>0</v>
      </c>
    </row>
    <row r="6304" spans="1:4" x14ac:dyDescent="0.25">
      <c r="A6304" t="s">
        <v>9472</v>
      </c>
      <c r="B6304" t="s">
        <v>9473</v>
      </c>
      <c r="C6304">
        <v>0</v>
      </c>
      <c r="D6304">
        <v>0</v>
      </c>
    </row>
    <row r="6305" spans="1:4" x14ac:dyDescent="0.25">
      <c r="A6305" t="s">
        <v>9472</v>
      </c>
      <c r="B6305" t="s">
        <v>9474</v>
      </c>
      <c r="C6305">
        <v>0</v>
      </c>
      <c r="D6305">
        <v>0</v>
      </c>
    </row>
    <row r="6306" spans="1:4" x14ac:dyDescent="0.25">
      <c r="A6306" t="s">
        <v>9472</v>
      </c>
      <c r="B6306" t="s">
        <v>9475</v>
      </c>
      <c r="C6306">
        <v>0</v>
      </c>
      <c r="D6306">
        <v>0</v>
      </c>
    </row>
    <row r="6307" spans="1:4" x14ac:dyDescent="0.25">
      <c r="A6307" t="s">
        <v>9476</v>
      </c>
      <c r="B6307" t="s">
        <v>9477</v>
      </c>
      <c r="C6307">
        <v>0</v>
      </c>
      <c r="D6307">
        <v>0</v>
      </c>
    </row>
    <row r="6308" spans="1:4" x14ac:dyDescent="0.25">
      <c r="A6308" t="s">
        <v>9476</v>
      </c>
      <c r="B6308" t="s">
        <v>3690</v>
      </c>
      <c r="C6308">
        <v>2</v>
      </c>
      <c r="D6308">
        <v>0</v>
      </c>
    </row>
    <row r="6309" spans="1:4" x14ac:dyDescent="0.25">
      <c r="A6309" t="s">
        <v>9478</v>
      </c>
      <c r="B6309" t="s">
        <v>9479</v>
      </c>
      <c r="C6309">
        <v>2</v>
      </c>
      <c r="D6309">
        <v>0</v>
      </c>
    </row>
    <row r="6310" spans="1:4" x14ac:dyDescent="0.25">
      <c r="A6310" t="s">
        <v>9478</v>
      </c>
      <c r="B6310" t="s">
        <v>2052</v>
      </c>
      <c r="C6310">
        <v>0</v>
      </c>
      <c r="D6310">
        <v>0</v>
      </c>
    </row>
    <row r="6311" spans="1:4" x14ac:dyDescent="0.25">
      <c r="A6311" t="s">
        <v>9478</v>
      </c>
      <c r="B6311" t="s">
        <v>9480</v>
      </c>
      <c r="C6311">
        <v>0</v>
      </c>
      <c r="D6311">
        <v>0</v>
      </c>
    </row>
    <row r="6312" spans="1:4" x14ac:dyDescent="0.25">
      <c r="A6312" t="s">
        <v>9481</v>
      </c>
      <c r="B6312" t="s">
        <v>9482</v>
      </c>
      <c r="C6312">
        <v>0</v>
      </c>
      <c r="D6312">
        <v>0</v>
      </c>
    </row>
    <row r="6313" spans="1:4" x14ac:dyDescent="0.25">
      <c r="A6313" t="s">
        <v>9481</v>
      </c>
      <c r="B6313" t="s">
        <v>9483</v>
      </c>
      <c r="C6313">
        <v>0</v>
      </c>
      <c r="D6313">
        <v>0</v>
      </c>
    </row>
    <row r="6314" spans="1:4" x14ac:dyDescent="0.25">
      <c r="A6314" t="s">
        <v>9481</v>
      </c>
      <c r="B6314" t="s">
        <v>9484</v>
      </c>
      <c r="C6314">
        <v>1</v>
      </c>
      <c r="D6314">
        <v>0</v>
      </c>
    </row>
    <row r="6315" spans="1:4" x14ac:dyDescent="0.25">
      <c r="A6315" t="s">
        <v>9485</v>
      </c>
      <c r="B6315" t="s">
        <v>9486</v>
      </c>
      <c r="C6315">
        <v>1</v>
      </c>
      <c r="D6315">
        <v>0</v>
      </c>
    </row>
    <row r="6316" spans="1:4" x14ac:dyDescent="0.25">
      <c r="A6316" t="s">
        <v>9485</v>
      </c>
      <c r="B6316" t="s">
        <v>9487</v>
      </c>
      <c r="C6316">
        <v>1</v>
      </c>
      <c r="D6316">
        <v>0</v>
      </c>
    </row>
    <row r="6317" spans="1:4" x14ac:dyDescent="0.25">
      <c r="A6317" t="s">
        <v>9488</v>
      </c>
      <c r="B6317" t="s">
        <v>9489</v>
      </c>
      <c r="C6317">
        <v>1</v>
      </c>
      <c r="D6317">
        <v>0</v>
      </c>
    </row>
    <row r="6318" spans="1:4" x14ac:dyDescent="0.25">
      <c r="A6318" t="s">
        <v>9490</v>
      </c>
      <c r="B6318" t="s">
        <v>9491</v>
      </c>
      <c r="C6318">
        <v>2</v>
      </c>
      <c r="D6318">
        <v>0</v>
      </c>
    </row>
    <row r="6319" spans="1:4" x14ac:dyDescent="0.25">
      <c r="A6319" t="s">
        <v>9490</v>
      </c>
      <c r="B6319" t="s">
        <v>9492</v>
      </c>
      <c r="C6319">
        <v>0</v>
      </c>
      <c r="D6319">
        <v>0</v>
      </c>
    </row>
    <row r="6320" spans="1:4" x14ac:dyDescent="0.25">
      <c r="A6320" t="s">
        <v>9493</v>
      </c>
      <c r="B6320" t="s">
        <v>2061</v>
      </c>
      <c r="C6320">
        <v>0</v>
      </c>
      <c r="D6320">
        <v>0</v>
      </c>
    </row>
    <row r="6321" spans="1:4" x14ac:dyDescent="0.25">
      <c r="A6321" t="s">
        <v>9493</v>
      </c>
      <c r="B6321" t="s">
        <v>9494</v>
      </c>
      <c r="C6321">
        <v>0</v>
      </c>
      <c r="D6321">
        <v>0</v>
      </c>
    </row>
    <row r="6322" spans="1:4" x14ac:dyDescent="0.25">
      <c r="A6322" t="s">
        <v>9495</v>
      </c>
      <c r="B6322" t="s">
        <v>9496</v>
      </c>
      <c r="C6322">
        <v>0</v>
      </c>
      <c r="D6322">
        <v>0</v>
      </c>
    </row>
    <row r="6323" spans="1:4" x14ac:dyDescent="0.25">
      <c r="A6323" t="s">
        <v>9497</v>
      </c>
      <c r="B6323" t="s">
        <v>9498</v>
      </c>
      <c r="C6323">
        <v>0</v>
      </c>
      <c r="D6323">
        <v>0</v>
      </c>
    </row>
    <row r="6324" spans="1:4" x14ac:dyDescent="0.25">
      <c r="A6324" t="s">
        <v>9499</v>
      </c>
      <c r="B6324" t="s">
        <v>9500</v>
      </c>
      <c r="C6324">
        <v>1</v>
      </c>
      <c r="D6324">
        <v>0</v>
      </c>
    </row>
    <row r="6325" spans="1:4" x14ac:dyDescent="0.25">
      <c r="A6325" t="s">
        <v>9501</v>
      </c>
      <c r="B6325" t="s">
        <v>9502</v>
      </c>
      <c r="C6325">
        <v>0</v>
      </c>
      <c r="D6325">
        <v>0</v>
      </c>
    </row>
    <row r="6326" spans="1:4" x14ac:dyDescent="0.25">
      <c r="A6326" t="s">
        <v>9503</v>
      </c>
      <c r="B6326" t="s">
        <v>9504</v>
      </c>
      <c r="C6326">
        <v>1</v>
      </c>
      <c r="D6326">
        <v>0</v>
      </c>
    </row>
    <row r="6327" spans="1:4" x14ac:dyDescent="0.25">
      <c r="A6327" t="s">
        <v>9503</v>
      </c>
      <c r="B6327" t="s">
        <v>9505</v>
      </c>
      <c r="C6327">
        <v>1</v>
      </c>
      <c r="D6327">
        <v>0</v>
      </c>
    </row>
    <row r="6328" spans="1:4" x14ac:dyDescent="0.25">
      <c r="A6328" t="s">
        <v>9506</v>
      </c>
      <c r="B6328" t="s">
        <v>9507</v>
      </c>
      <c r="C6328">
        <v>1</v>
      </c>
      <c r="D6328">
        <v>0</v>
      </c>
    </row>
    <row r="6329" spans="1:4" x14ac:dyDescent="0.25">
      <c r="A6329" t="s">
        <v>9508</v>
      </c>
      <c r="B6329" t="s">
        <v>9509</v>
      </c>
      <c r="C6329">
        <v>1</v>
      </c>
      <c r="D6329">
        <v>0</v>
      </c>
    </row>
    <row r="6330" spans="1:4" x14ac:dyDescent="0.25">
      <c r="A6330" t="s">
        <v>9508</v>
      </c>
      <c r="B6330" t="s">
        <v>9510</v>
      </c>
      <c r="C6330">
        <v>2</v>
      </c>
      <c r="D6330">
        <v>0</v>
      </c>
    </row>
    <row r="6331" spans="1:4" x14ac:dyDescent="0.25">
      <c r="A6331" t="s">
        <v>9511</v>
      </c>
      <c r="B6331" t="s">
        <v>9512</v>
      </c>
      <c r="C6331">
        <v>0</v>
      </c>
      <c r="D6331">
        <v>0</v>
      </c>
    </row>
    <row r="6332" spans="1:4" x14ac:dyDescent="0.25">
      <c r="A6332" t="s">
        <v>9513</v>
      </c>
      <c r="B6332" t="s">
        <v>9514</v>
      </c>
      <c r="C6332">
        <v>1</v>
      </c>
      <c r="D6332">
        <v>0</v>
      </c>
    </row>
    <row r="6333" spans="1:4" x14ac:dyDescent="0.25">
      <c r="A6333" t="s">
        <v>9513</v>
      </c>
      <c r="B6333" t="s">
        <v>9515</v>
      </c>
      <c r="C6333">
        <v>1</v>
      </c>
      <c r="D6333">
        <v>0</v>
      </c>
    </row>
    <row r="6334" spans="1:4" x14ac:dyDescent="0.25">
      <c r="A6334" t="s">
        <v>9516</v>
      </c>
      <c r="B6334" t="s">
        <v>9517</v>
      </c>
      <c r="C6334">
        <v>1</v>
      </c>
      <c r="D6334">
        <v>0</v>
      </c>
    </row>
    <row r="6335" spans="1:4" x14ac:dyDescent="0.25">
      <c r="A6335" t="s">
        <v>9518</v>
      </c>
      <c r="B6335" t="s">
        <v>1555</v>
      </c>
      <c r="C6335">
        <v>0</v>
      </c>
      <c r="D6335">
        <v>0</v>
      </c>
    </row>
    <row r="6336" spans="1:4" x14ac:dyDescent="0.25">
      <c r="A6336" t="s">
        <v>9519</v>
      </c>
      <c r="B6336" t="s">
        <v>9520</v>
      </c>
      <c r="C6336">
        <v>2</v>
      </c>
      <c r="D6336">
        <v>0</v>
      </c>
    </row>
    <row r="6337" spans="1:4" x14ac:dyDescent="0.25">
      <c r="A6337" t="s">
        <v>9519</v>
      </c>
      <c r="B6337" t="s">
        <v>5494</v>
      </c>
      <c r="C6337">
        <v>2</v>
      </c>
      <c r="D6337">
        <v>0</v>
      </c>
    </row>
    <row r="6338" spans="1:4" x14ac:dyDescent="0.25">
      <c r="A6338" t="s">
        <v>9521</v>
      </c>
      <c r="B6338" t="s">
        <v>1001</v>
      </c>
      <c r="C6338">
        <v>1</v>
      </c>
      <c r="D6338">
        <v>0</v>
      </c>
    </row>
    <row r="6339" spans="1:4" x14ac:dyDescent="0.25">
      <c r="A6339" t="s">
        <v>9522</v>
      </c>
      <c r="B6339" t="s">
        <v>9523</v>
      </c>
      <c r="C6339">
        <v>1</v>
      </c>
      <c r="D6339">
        <v>0</v>
      </c>
    </row>
    <row r="6340" spans="1:4" x14ac:dyDescent="0.25">
      <c r="A6340" t="s">
        <v>9524</v>
      </c>
      <c r="B6340" t="s">
        <v>9525</v>
      </c>
      <c r="C6340">
        <v>1</v>
      </c>
      <c r="D6340">
        <v>0</v>
      </c>
    </row>
    <row r="6341" spans="1:4" x14ac:dyDescent="0.25">
      <c r="A6341" t="s">
        <v>9524</v>
      </c>
      <c r="B6341" t="s">
        <v>9526</v>
      </c>
      <c r="C6341">
        <v>1</v>
      </c>
      <c r="D6341">
        <v>0</v>
      </c>
    </row>
    <row r="6342" spans="1:4" x14ac:dyDescent="0.25">
      <c r="A6342" t="s">
        <v>9527</v>
      </c>
      <c r="B6342" t="s">
        <v>9528</v>
      </c>
      <c r="C6342">
        <v>1</v>
      </c>
      <c r="D6342">
        <v>0</v>
      </c>
    </row>
    <row r="6343" spans="1:4" x14ac:dyDescent="0.25">
      <c r="A6343" t="s">
        <v>9529</v>
      </c>
      <c r="B6343" t="s">
        <v>9530</v>
      </c>
      <c r="C6343">
        <v>0</v>
      </c>
      <c r="D6343">
        <v>0</v>
      </c>
    </row>
    <row r="6344" spans="1:4" x14ac:dyDescent="0.25">
      <c r="A6344" t="s">
        <v>9531</v>
      </c>
      <c r="B6344" t="s">
        <v>9532</v>
      </c>
      <c r="C6344">
        <v>0</v>
      </c>
      <c r="D6344">
        <v>0</v>
      </c>
    </row>
    <row r="6345" spans="1:4" x14ac:dyDescent="0.25">
      <c r="A6345" t="s">
        <v>9533</v>
      </c>
      <c r="B6345" t="s">
        <v>9534</v>
      </c>
      <c r="C6345">
        <v>2</v>
      </c>
      <c r="D6345">
        <v>0</v>
      </c>
    </row>
    <row r="6346" spans="1:4" x14ac:dyDescent="0.25">
      <c r="A6346" t="s">
        <v>9533</v>
      </c>
      <c r="B6346" t="s">
        <v>5189</v>
      </c>
      <c r="C6346">
        <v>1</v>
      </c>
      <c r="D6346">
        <v>0</v>
      </c>
    </row>
    <row r="6347" spans="1:4" x14ac:dyDescent="0.25">
      <c r="A6347" t="s">
        <v>9535</v>
      </c>
      <c r="B6347" t="s">
        <v>9536</v>
      </c>
      <c r="C6347">
        <v>1</v>
      </c>
      <c r="D6347">
        <v>0</v>
      </c>
    </row>
    <row r="6348" spans="1:4" x14ac:dyDescent="0.25">
      <c r="A6348" t="s">
        <v>9535</v>
      </c>
      <c r="B6348" t="s">
        <v>9537</v>
      </c>
      <c r="C6348">
        <v>0</v>
      </c>
      <c r="D6348">
        <v>0</v>
      </c>
    </row>
    <row r="6349" spans="1:4" x14ac:dyDescent="0.25">
      <c r="A6349" t="s">
        <v>9535</v>
      </c>
      <c r="B6349" t="s">
        <v>9538</v>
      </c>
      <c r="C6349">
        <v>0</v>
      </c>
      <c r="D6349">
        <v>0</v>
      </c>
    </row>
    <row r="6350" spans="1:4" x14ac:dyDescent="0.25">
      <c r="A6350" t="s">
        <v>9539</v>
      </c>
      <c r="B6350" t="s">
        <v>9540</v>
      </c>
      <c r="C6350">
        <v>1</v>
      </c>
      <c r="D6350">
        <v>0</v>
      </c>
    </row>
    <row r="6351" spans="1:4" x14ac:dyDescent="0.25">
      <c r="A6351" t="s">
        <v>9541</v>
      </c>
      <c r="B6351" t="s">
        <v>9542</v>
      </c>
      <c r="C6351">
        <v>0</v>
      </c>
      <c r="D6351">
        <v>0</v>
      </c>
    </row>
    <row r="6352" spans="1:4" x14ac:dyDescent="0.25">
      <c r="A6352" t="s">
        <v>9543</v>
      </c>
      <c r="B6352" t="s">
        <v>9544</v>
      </c>
      <c r="C6352">
        <v>1</v>
      </c>
      <c r="D6352">
        <v>0</v>
      </c>
    </row>
    <row r="6353" spans="1:4" x14ac:dyDescent="0.25">
      <c r="A6353" t="s">
        <v>9545</v>
      </c>
      <c r="B6353" t="s">
        <v>9546</v>
      </c>
      <c r="C6353">
        <v>0</v>
      </c>
      <c r="D6353">
        <v>0</v>
      </c>
    </row>
    <row r="6354" spans="1:4" x14ac:dyDescent="0.25">
      <c r="A6354" t="s">
        <v>9547</v>
      </c>
      <c r="B6354" t="s">
        <v>1101</v>
      </c>
      <c r="C6354">
        <v>1</v>
      </c>
      <c r="D6354">
        <v>0</v>
      </c>
    </row>
    <row r="6355" spans="1:4" x14ac:dyDescent="0.25">
      <c r="A6355" t="s">
        <v>9548</v>
      </c>
      <c r="B6355" t="s">
        <v>9549</v>
      </c>
      <c r="C6355">
        <v>0</v>
      </c>
      <c r="D6355">
        <v>0</v>
      </c>
    </row>
    <row r="6356" spans="1:4" x14ac:dyDescent="0.25">
      <c r="A6356" t="s">
        <v>9550</v>
      </c>
      <c r="B6356" t="s">
        <v>9551</v>
      </c>
      <c r="C6356">
        <v>1</v>
      </c>
      <c r="D6356">
        <v>0</v>
      </c>
    </row>
    <row r="6357" spans="1:4" x14ac:dyDescent="0.25">
      <c r="A6357" t="s">
        <v>9550</v>
      </c>
      <c r="B6357" t="s">
        <v>9552</v>
      </c>
      <c r="C6357">
        <v>1</v>
      </c>
      <c r="D6357">
        <v>0</v>
      </c>
    </row>
    <row r="6358" spans="1:4" x14ac:dyDescent="0.25">
      <c r="A6358" t="s">
        <v>9553</v>
      </c>
      <c r="B6358" t="s">
        <v>9554</v>
      </c>
      <c r="C6358">
        <v>1</v>
      </c>
      <c r="D6358">
        <v>0</v>
      </c>
    </row>
    <row r="6359" spans="1:4" x14ac:dyDescent="0.25">
      <c r="A6359" t="s">
        <v>9553</v>
      </c>
      <c r="B6359" t="s">
        <v>9555</v>
      </c>
      <c r="C6359">
        <v>1</v>
      </c>
      <c r="D6359">
        <v>0</v>
      </c>
    </row>
    <row r="6360" spans="1:4" x14ac:dyDescent="0.25">
      <c r="A6360" t="s">
        <v>9556</v>
      </c>
      <c r="B6360" t="s">
        <v>9557</v>
      </c>
      <c r="C6360">
        <v>2</v>
      </c>
      <c r="D6360">
        <v>0</v>
      </c>
    </row>
    <row r="6361" spans="1:4" x14ac:dyDescent="0.25">
      <c r="A6361" t="s">
        <v>9556</v>
      </c>
      <c r="B6361" t="s">
        <v>9558</v>
      </c>
      <c r="C6361">
        <v>1</v>
      </c>
      <c r="D6361">
        <v>0</v>
      </c>
    </row>
    <row r="6362" spans="1:4" x14ac:dyDescent="0.25">
      <c r="A6362" t="s">
        <v>9559</v>
      </c>
      <c r="B6362" t="s">
        <v>9560</v>
      </c>
      <c r="C6362">
        <v>1</v>
      </c>
      <c r="D6362">
        <v>0</v>
      </c>
    </row>
    <row r="6363" spans="1:4" x14ac:dyDescent="0.25">
      <c r="A6363" t="s">
        <v>9559</v>
      </c>
      <c r="B6363" t="s">
        <v>9561</v>
      </c>
      <c r="C6363">
        <v>0</v>
      </c>
      <c r="D6363">
        <v>0</v>
      </c>
    </row>
    <row r="6364" spans="1:4" x14ac:dyDescent="0.25">
      <c r="A6364" t="s">
        <v>9562</v>
      </c>
      <c r="B6364" t="s">
        <v>9563</v>
      </c>
      <c r="C6364">
        <v>2</v>
      </c>
      <c r="D6364">
        <v>0</v>
      </c>
    </row>
    <row r="6365" spans="1:4" x14ac:dyDescent="0.25">
      <c r="A6365" t="s">
        <v>9562</v>
      </c>
      <c r="B6365" t="s">
        <v>9564</v>
      </c>
      <c r="C6365">
        <v>1</v>
      </c>
      <c r="D6365">
        <v>0</v>
      </c>
    </row>
    <row r="6366" spans="1:4" x14ac:dyDescent="0.25">
      <c r="A6366" t="s">
        <v>9562</v>
      </c>
      <c r="B6366" t="s">
        <v>9565</v>
      </c>
      <c r="C6366">
        <v>2</v>
      </c>
      <c r="D6366">
        <v>0</v>
      </c>
    </row>
    <row r="6367" spans="1:4" x14ac:dyDescent="0.25">
      <c r="A6367" t="s">
        <v>9566</v>
      </c>
      <c r="B6367" t="s">
        <v>9567</v>
      </c>
      <c r="C6367">
        <v>1</v>
      </c>
      <c r="D6367">
        <v>0</v>
      </c>
    </row>
    <row r="6368" spans="1:4" x14ac:dyDescent="0.25">
      <c r="A6368" t="s">
        <v>9566</v>
      </c>
      <c r="B6368" t="s">
        <v>9568</v>
      </c>
      <c r="C6368">
        <v>2</v>
      </c>
      <c r="D6368">
        <v>0</v>
      </c>
    </row>
    <row r="6369" spans="1:4" x14ac:dyDescent="0.25">
      <c r="A6369" t="s">
        <v>9566</v>
      </c>
      <c r="B6369" t="s">
        <v>9569</v>
      </c>
      <c r="C6369">
        <v>2</v>
      </c>
      <c r="D6369">
        <v>0</v>
      </c>
    </row>
    <row r="6370" spans="1:4" x14ac:dyDescent="0.25">
      <c r="A6370" t="s">
        <v>9570</v>
      </c>
      <c r="B6370" t="s">
        <v>9571</v>
      </c>
      <c r="C6370">
        <v>0</v>
      </c>
      <c r="D6370">
        <v>0</v>
      </c>
    </row>
    <row r="6371" spans="1:4" x14ac:dyDescent="0.25">
      <c r="A6371" t="s">
        <v>9570</v>
      </c>
      <c r="B6371" t="s">
        <v>9572</v>
      </c>
      <c r="C6371">
        <v>1</v>
      </c>
      <c r="D6371">
        <v>0</v>
      </c>
    </row>
    <row r="6372" spans="1:4" x14ac:dyDescent="0.25">
      <c r="A6372" t="s">
        <v>9573</v>
      </c>
      <c r="B6372" t="s">
        <v>9574</v>
      </c>
      <c r="C6372">
        <v>0</v>
      </c>
      <c r="D6372">
        <v>0</v>
      </c>
    </row>
    <row r="6373" spans="1:4" x14ac:dyDescent="0.25">
      <c r="A6373" t="s">
        <v>9575</v>
      </c>
      <c r="B6373" t="s">
        <v>9576</v>
      </c>
      <c r="C6373">
        <v>1</v>
      </c>
      <c r="D6373">
        <v>0</v>
      </c>
    </row>
    <row r="6374" spans="1:4" x14ac:dyDescent="0.25">
      <c r="A6374" t="s">
        <v>9575</v>
      </c>
      <c r="B6374" t="s">
        <v>9577</v>
      </c>
      <c r="C6374">
        <v>0</v>
      </c>
      <c r="D6374">
        <v>0</v>
      </c>
    </row>
    <row r="6375" spans="1:4" x14ac:dyDescent="0.25">
      <c r="A6375" t="s">
        <v>9578</v>
      </c>
      <c r="B6375" t="s">
        <v>9579</v>
      </c>
      <c r="C6375">
        <v>1</v>
      </c>
      <c r="D6375">
        <v>0</v>
      </c>
    </row>
    <row r="6376" spans="1:4" x14ac:dyDescent="0.25">
      <c r="A6376" t="s">
        <v>9578</v>
      </c>
      <c r="B6376" t="s">
        <v>9580</v>
      </c>
      <c r="C6376">
        <v>1</v>
      </c>
      <c r="D6376">
        <v>0</v>
      </c>
    </row>
    <row r="6377" spans="1:4" x14ac:dyDescent="0.25">
      <c r="A6377" t="s">
        <v>9578</v>
      </c>
      <c r="B6377" t="s">
        <v>9581</v>
      </c>
      <c r="C6377">
        <v>1</v>
      </c>
      <c r="D6377">
        <v>0</v>
      </c>
    </row>
    <row r="6378" spans="1:4" x14ac:dyDescent="0.25">
      <c r="A6378" t="s">
        <v>9582</v>
      </c>
      <c r="B6378" t="s">
        <v>9583</v>
      </c>
      <c r="C6378">
        <v>1</v>
      </c>
      <c r="D6378">
        <v>0</v>
      </c>
    </row>
    <row r="6379" spans="1:4" x14ac:dyDescent="0.25">
      <c r="A6379" t="s">
        <v>9582</v>
      </c>
      <c r="B6379" t="s">
        <v>5903</v>
      </c>
      <c r="C6379">
        <v>2</v>
      </c>
      <c r="D6379">
        <v>0</v>
      </c>
    </row>
    <row r="6380" spans="1:4" x14ac:dyDescent="0.25">
      <c r="A6380" t="s">
        <v>9584</v>
      </c>
      <c r="B6380" t="s">
        <v>9585</v>
      </c>
      <c r="C6380">
        <v>1</v>
      </c>
      <c r="D6380">
        <v>0</v>
      </c>
    </row>
    <row r="6381" spans="1:4" x14ac:dyDescent="0.25">
      <c r="A6381" t="s">
        <v>9584</v>
      </c>
      <c r="B6381" t="s">
        <v>9586</v>
      </c>
      <c r="C6381">
        <v>2</v>
      </c>
      <c r="D6381">
        <v>0</v>
      </c>
    </row>
    <row r="6382" spans="1:4" x14ac:dyDescent="0.25">
      <c r="A6382" t="s">
        <v>9584</v>
      </c>
      <c r="B6382" t="s">
        <v>9587</v>
      </c>
      <c r="C6382">
        <v>1</v>
      </c>
      <c r="D6382">
        <v>0</v>
      </c>
    </row>
    <row r="6383" spans="1:4" x14ac:dyDescent="0.25">
      <c r="A6383" t="s">
        <v>9588</v>
      </c>
      <c r="B6383" t="s">
        <v>9589</v>
      </c>
      <c r="C6383">
        <v>1</v>
      </c>
      <c r="D6383">
        <v>0</v>
      </c>
    </row>
    <row r="6384" spans="1:4" x14ac:dyDescent="0.25">
      <c r="A6384" t="s">
        <v>9588</v>
      </c>
      <c r="B6384" t="s">
        <v>9590</v>
      </c>
      <c r="C6384">
        <v>1</v>
      </c>
      <c r="D6384">
        <v>0</v>
      </c>
    </row>
    <row r="6385" spans="1:4" x14ac:dyDescent="0.25">
      <c r="A6385" t="s">
        <v>9591</v>
      </c>
      <c r="B6385" t="s">
        <v>9592</v>
      </c>
      <c r="C6385">
        <v>1</v>
      </c>
      <c r="D6385">
        <v>0</v>
      </c>
    </row>
    <row r="6386" spans="1:4" x14ac:dyDescent="0.25">
      <c r="A6386" t="s">
        <v>9591</v>
      </c>
      <c r="B6386" t="s">
        <v>9593</v>
      </c>
      <c r="C6386">
        <v>1</v>
      </c>
      <c r="D6386">
        <v>0</v>
      </c>
    </row>
    <row r="6387" spans="1:4" x14ac:dyDescent="0.25">
      <c r="A6387" t="s">
        <v>9594</v>
      </c>
      <c r="B6387" t="s">
        <v>9595</v>
      </c>
      <c r="C6387">
        <v>0</v>
      </c>
      <c r="D6387">
        <v>0</v>
      </c>
    </row>
    <row r="6388" spans="1:4" x14ac:dyDescent="0.25">
      <c r="A6388" t="s">
        <v>9596</v>
      </c>
      <c r="B6388" t="s">
        <v>9597</v>
      </c>
      <c r="C6388">
        <v>1</v>
      </c>
      <c r="D6388">
        <v>0</v>
      </c>
    </row>
    <row r="6389" spans="1:4" x14ac:dyDescent="0.25">
      <c r="A6389" t="s">
        <v>9598</v>
      </c>
      <c r="B6389" t="s">
        <v>9599</v>
      </c>
      <c r="C6389">
        <v>1</v>
      </c>
      <c r="D6389">
        <v>0</v>
      </c>
    </row>
    <row r="6390" spans="1:4" x14ac:dyDescent="0.25">
      <c r="A6390" t="s">
        <v>9600</v>
      </c>
      <c r="B6390" t="s">
        <v>9601</v>
      </c>
      <c r="C6390">
        <v>0</v>
      </c>
      <c r="D6390">
        <v>0</v>
      </c>
    </row>
    <row r="6391" spans="1:4" x14ac:dyDescent="0.25">
      <c r="A6391" t="s">
        <v>9602</v>
      </c>
      <c r="B6391" t="s">
        <v>9603</v>
      </c>
      <c r="C6391">
        <v>2</v>
      </c>
      <c r="D6391">
        <v>0</v>
      </c>
    </row>
    <row r="6392" spans="1:4" x14ac:dyDescent="0.25">
      <c r="A6392" t="s">
        <v>9602</v>
      </c>
      <c r="B6392" t="s">
        <v>9604</v>
      </c>
      <c r="C6392">
        <v>2</v>
      </c>
      <c r="D6392">
        <v>0</v>
      </c>
    </row>
    <row r="6393" spans="1:4" x14ac:dyDescent="0.25">
      <c r="A6393" t="s">
        <v>9605</v>
      </c>
      <c r="B6393" t="s">
        <v>9606</v>
      </c>
      <c r="C6393">
        <v>0</v>
      </c>
      <c r="D6393">
        <v>0</v>
      </c>
    </row>
    <row r="6394" spans="1:4" x14ac:dyDescent="0.25">
      <c r="A6394" t="s">
        <v>9607</v>
      </c>
      <c r="B6394" t="s">
        <v>9608</v>
      </c>
      <c r="C6394">
        <v>0</v>
      </c>
      <c r="D6394">
        <v>0</v>
      </c>
    </row>
    <row r="6395" spans="1:4" x14ac:dyDescent="0.25">
      <c r="A6395" t="s">
        <v>9609</v>
      </c>
      <c r="B6395" t="s">
        <v>9610</v>
      </c>
      <c r="C6395">
        <v>0</v>
      </c>
      <c r="D6395">
        <v>0</v>
      </c>
    </row>
    <row r="6396" spans="1:4" x14ac:dyDescent="0.25">
      <c r="A6396" t="s">
        <v>9611</v>
      </c>
      <c r="B6396" t="s">
        <v>9612</v>
      </c>
      <c r="C6396">
        <v>0</v>
      </c>
      <c r="D6396">
        <v>0</v>
      </c>
    </row>
    <row r="6397" spans="1:4" x14ac:dyDescent="0.25">
      <c r="A6397" t="s">
        <v>9613</v>
      </c>
      <c r="B6397" t="s">
        <v>9614</v>
      </c>
      <c r="C6397">
        <v>1</v>
      </c>
      <c r="D6397">
        <v>0</v>
      </c>
    </row>
    <row r="6398" spans="1:4" x14ac:dyDescent="0.25">
      <c r="A6398" t="s">
        <v>9613</v>
      </c>
      <c r="B6398" t="s">
        <v>9615</v>
      </c>
      <c r="C6398">
        <v>1</v>
      </c>
      <c r="D6398">
        <v>0</v>
      </c>
    </row>
    <row r="6399" spans="1:4" x14ac:dyDescent="0.25">
      <c r="A6399" t="s">
        <v>9616</v>
      </c>
      <c r="B6399" t="s">
        <v>9617</v>
      </c>
      <c r="C6399">
        <v>0</v>
      </c>
      <c r="D6399">
        <v>0</v>
      </c>
    </row>
    <row r="6400" spans="1:4" x14ac:dyDescent="0.25">
      <c r="A6400" t="s">
        <v>9618</v>
      </c>
      <c r="B6400" t="s">
        <v>9619</v>
      </c>
      <c r="C6400">
        <v>1</v>
      </c>
      <c r="D6400">
        <v>0</v>
      </c>
    </row>
    <row r="6401" spans="1:4" x14ac:dyDescent="0.25">
      <c r="A6401" t="s">
        <v>9618</v>
      </c>
      <c r="B6401" t="s">
        <v>9620</v>
      </c>
      <c r="C6401">
        <v>0</v>
      </c>
      <c r="D6401">
        <v>0</v>
      </c>
    </row>
    <row r="6402" spans="1:4" x14ac:dyDescent="0.25">
      <c r="A6402" t="s">
        <v>9621</v>
      </c>
      <c r="B6402" t="s">
        <v>398</v>
      </c>
      <c r="C6402">
        <v>0</v>
      </c>
      <c r="D6402">
        <v>0</v>
      </c>
    </row>
    <row r="6403" spans="1:4" x14ac:dyDescent="0.25">
      <c r="A6403" t="s">
        <v>9621</v>
      </c>
      <c r="B6403" t="s">
        <v>9622</v>
      </c>
      <c r="C6403">
        <v>0</v>
      </c>
      <c r="D6403">
        <v>0</v>
      </c>
    </row>
    <row r="6404" spans="1:4" x14ac:dyDescent="0.25">
      <c r="A6404" t="s">
        <v>9621</v>
      </c>
      <c r="B6404" t="s">
        <v>9623</v>
      </c>
      <c r="C6404">
        <v>0</v>
      </c>
      <c r="D6404">
        <v>0</v>
      </c>
    </row>
    <row r="6405" spans="1:4" x14ac:dyDescent="0.25">
      <c r="A6405" t="s">
        <v>9624</v>
      </c>
      <c r="B6405" t="s">
        <v>9625</v>
      </c>
      <c r="C6405">
        <v>0</v>
      </c>
      <c r="D6405">
        <v>0</v>
      </c>
    </row>
    <row r="6406" spans="1:4" x14ac:dyDescent="0.25">
      <c r="A6406" t="s">
        <v>9626</v>
      </c>
      <c r="B6406" t="s">
        <v>9627</v>
      </c>
      <c r="C6406">
        <v>2</v>
      </c>
      <c r="D6406">
        <v>0</v>
      </c>
    </row>
    <row r="6407" spans="1:4" x14ac:dyDescent="0.25">
      <c r="A6407" t="s">
        <v>9628</v>
      </c>
      <c r="B6407" t="s">
        <v>9629</v>
      </c>
      <c r="C6407">
        <v>1</v>
      </c>
      <c r="D6407">
        <v>0</v>
      </c>
    </row>
    <row r="6408" spans="1:4" x14ac:dyDescent="0.25">
      <c r="A6408" t="s">
        <v>9630</v>
      </c>
      <c r="B6408" t="s">
        <v>9631</v>
      </c>
      <c r="C6408">
        <v>2</v>
      </c>
      <c r="D6408">
        <v>0</v>
      </c>
    </row>
    <row r="6409" spans="1:4" x14ac:dyDescent="0.25">
      <c r="A6409" t="s">
        <v>9632</v>
      </c>
      <c r="B6409" t="s">
        <v>9633</v>
      </c>
      <c r="C6409">
        <v>0</v>
      </c>
      <c r="D6409">
        <v>0</v>
      </c>
    </row>
    <row r="6410" spans="1:4" x14ac:dyDescent="0.25">
      <c r="A6410" t="s">
        <v>9634</v>
      </c>
      <c r="B6410" t="s">
        <v>9635</v>
      </c>
      <c r="C6410">
        <v>0</v>
      </c>
      <c r="D6410">
        <v>0</v>
      </c>
    </row>
    <row r="6411" spans="1:4" x14ac:dyDescent="0.25">
      <c r="A6411" t="s">
        <v>9636</v>
      </c>
      <c r="B6411" t="s">
        <v>1001</v>
      </c>
      <c r="C6411">
        <v>1</v>
      </c>
      <c r="D6411">
        <v>0</v>
      </c>
    </row>
    <row r="6412" spans="1:4" x14ac:dyDescent="0.25">
      <c r="A6412" t="s">
        <v>9637</v>
      </c>
      <c r="B6412" t="s">
        <v>9638</v>
      </c>
      <c r="C6412">
        <v>0</v>
      </c>
      <c r="D6412">
        <v>0</v>
      </c>
    </row>
    <row r="6413" spans="1:4" x14ac:dyDescent="0.25">
      <c r="A6413" t="s">
        <v>9639</v>
      </c>
      <c r="B6413" t="s">
        <v>816</v>
      </c>
      <c r="C6413">
        <v>1</v>
      </c>
      <c r="D6413">
        <v>0</v>
      </c>
    </row>
    <row r="6414" spans="1:4" x14ac:dyDescent="0.25">
      <c r="A6414" t="s">
        <v>9639</v>
      </c>
      <c r="B6414" t="s">
        <v>9640</v>
      </c>
      <c r="C6414">
        <v>0</v>
      </c>
      <c r="D6414">
        <v>0</v>
      </c>
    </row>
    <row r="6415" spans="1:4" x14ac:dyDescent="0.25">
      <c r="A6415" t="s">
        <v>9641</v>
      </c>
      <c r="B6415" t="s">
        <v>9642</v>
      </c>
      <c r="C6415">
        <v>1</v>
      </c>
      <c r="D6415">
        <v>0</v>
      </c>
    </row>
    <row r="6416" spans="1:4" x14ac:dyDescent="0.25">
      <c r="A6416" t="s">
        <v>9641</v>
      </c>
      <c r="B6416" t="s">
        <v>843</v>
      </c>
      <c r="C6416">
        <v>1</v>
      </c>
      <c r="D6416">
        <v>0</v>
      </c>
    </row>
    <row r="6417" spans="1:4" x14ac:dyDescent="0.25">
      <c r="A6417" t="s">
        <v>9643</v>
      </c>
      <c r="B6417" t="s">
        <v>9644</v>
      </c>
      <c r="C6417">
        <v>1</v>
      </c>
      <c r="D6417">
        <v>0</v>
      </c>
    </row>
    <row r="6418" spans="1:4" x14ac:dyDescent="0.25">
      <c r="A6418" t="s">
        <v>9643</v>
      </c>
      <c r="B6418" t="s">
        <v>9645</v>
      </c>
      <c r="C6418">
        <v>1</v>
      </c>
      <c r="D6418">
        <v>0</v>
      </c>
    </row>
    <row r="6419" spans="1:4" x14ac:dyDescent="0.25">
      <c r="A6419" t="s">
        <v>9646</v>
      </c>
      <c r="B6419" t="s">
        <v>9647</v>
      </c>
      <c r="C6419">
        <v>0</v>
      </c>
      <c r="D6419">
        <v>0</v>
      </c>
    </row>
    <row r="6420" spans="1:4" x14ac:dyDescent="0.25">
      <c r="A6420" t="s">
        <v>9648</v>
      </c>
      <c r="B6420" t="s">
        <v>9649</v>
      </c>
      <c r="C6420">
        <v>1</v>
      </c>
      <c r="D6420">
        <v>0</v>
      </c>
    </row>
    <row r="6421" spans="1:4" x14ac:dyDescent="0.25">
      <c r="A6421" t="s">
        <v>9648</v>
      </c>
      <c r="B6421" t="s">
        <v>9650</v>
      </c>
      <c r="C6421">
        <v>1</v>
      </c>
      <c r="D6421">
        <v>0</v>
      </c>
    </row>
    <row r="6422" spans="1:4" x14ac:dyDescent="0.25">
      <c r="A6422" t="s">
        <v>9651</v>
      </c>
      <c r="B6422" t="s">
        <v>9652</v>
      </c>
      <c r="C6422">
        <v>0</v>
      </c>
      <c r="D6422">
        <v>0</v>
      </c>
    </row>
    <row r="6423" spans="1:4" x14ac:dyDescent="0.25">
      <c r="A6423" t="s">
        <v>9651</v>
      </c>
      <c r="B6423" t="s">
        <v>9653</v>
      </c>
      <c r="C6423">
        <v>1</v>
      </c>
      <c r="D6423">
        <v>0</v>
      </c>
    </row>
    <row r="6424" spans="1:4" x14ac:dyDescent="0.25">
      <c r="A6424" t="s">
        <v>9654</v>
      </c>
      <c r="B6424" t="s">
        <v>9655</v>
      </c>
      <c r="C6424">
        <v>0</v>
      </c>
      <c r="D6424">
        <v>0</v>
      </c>
    </row>
    <row r="6425" spans="1:4" x14ac:dyDescent="0.25">
      <c r="A6425" t="s">
        <v>9656</v>
      </c>
      <c r="B6425" t="s">
        <v>9657</v>
      </c>
      <c r="C6425">
        <v>0</v>
      </c>
      <c r="D6425">
        <v>0</v>
      </c>
    </row>
    <row r="6426" spans="1:4" x14ac:dyDescent="0.25">
      <c r="A6426" t="s">
        <v>9658</v>
      </c>
      <c r="B6426" t="s">
        <v>9659</v>
      </c>
      <c r="C6426">
        <v>1</v>
      </c>
      <c r="D6426">
        <v>0</v>
      </c>
    </row>
    <row r="6427" spans="1:4" x14ac:dyDescent="0.25">
      <c r="A6427" t="s">
        <v>9660</v>
      </c>
      <c r="B6427" t="s">
        <v>9661</v>
      </c>
      <c r="C6427">
        <v>0</v>
      </c>
      <c r="D6427">
        <v>0</v>
      </c>
    </row>
    <row r="6428" spans="1:4" x14ac:dyDescent="0.25">
      <c r="A6428" t="s">
        <v>9662</v>
      </c>
      <c r="B6428" t="s">
        <v>9663</v>
      </c>
      <c r="C6428">
        <v>1</v>
      </c>
      <c r="D6428">
        <v>0</v>
      </c>
    </row>
    <row r="6429" spans="1:4" x14ac:dyDescent="0.25">
      <c r="A6429" t="s">
        <v>9662</v>
      </c>
      <c r="B6429" t="s">
        <v>9664</v>
      </c>
      <c r="C6429">
        <v>2</v>
      </c>
      <c r="D6429">
        <v>0</v>
      </c>
    </row>
    <row r="6430" spans="1:4" x14ac:dyDescent="0.25">
      <c r="A6430" t="s">
        <v>9665</v>
      </c>
      <c r="B6430" t="s">
        <v>9666</v>
      </c>
      <c r="C6430">
        <v>0</v>
      </c>
      <c r="D6430">
        <v>0</v>
      </c>
    </row>
    <row r="6431" spans="1:4" x14ac:dyDescent="0.25">
      <c r="A6431" t="s">
        <v>9665</v>
      </c>
      <c r="B6431" t="s">
        <v>9667</v>
      </c>
      <c r="C6431">
        <v>0</v>
      </c>
      <c r="D6431">
        <v>0</v>
      </c>
    </row>
    <row r="6432" spans="1:4" x14ac:dyDescent="0.25">
      <c r="A6432" t="s">
        <v>9668</v>
      </c>
      <c r="B6432" t="s">
        <v>9669</v>
      </c>
      <c r="C6432">
        <v>0</v>
      </c>
      <c r="D6432">
        <v>0</v>
      </c>
    </row>
    <row r="6433" spans="1:4" x14ac:dyDescent="0.25">
      <c r="A6433" t="s">
        <v>9670</v>
      </c>
      <c r="B6433" t="s">
        <v>9671</v>
      </c>
      <c r="C6433">
        <v>2</v>
      </c>
      <c r="D6433">
        <v>0</v>
      </c>
    </row>
    <row r="6434" spans="1:4" x14ac:dyDescent="0.25">
      <c r="A6434" t="s">
        <v>9670</v>
      </c>
      <c r="B6434" t="s">
        <v>9672</v>
      </c>
      <c r="C6434">
        <v>0</v>
      </c>
      <c r="D6434">
        <v>0</v>
      </c>
    </row>
    <row r="6435" spans="1:4" x14ac:dyDescent="0.25">
      <c r="A6435" t="s">
        <v>9670</v>
      </c>
      <c r="B6435" t="s">
        <v>9673</v>
      </c>
      <c r="C6435">
        <v>0</v>
      </c>
      <c r="D6435">
        <v>0</v>
      </c>
    </row>
    <row r="6436" spans="1:4" x14ac:dyDescent="0.25">
      <c r="A6436" t="s">
        <v>9674</v>
      </c>
      <c r="B6436" t="s">
        <v>816</v>
      </c>
      <c r="C6436">
        <v>1</v>
      </c>
      <c r="D6436">
        <v>0</v>
      </c>
    </row>
    <row r="6437" spans="1:4" x14ac:dyDescent="0.25">
      <c r="A6437" t="s">
        <v>9675</v>
      </c>
      <c r="B6437" t="s">
        <v>9676</v>
      </c>
      <c r="C6437">
        <v>0</v>
      </c>
      <c r="D6437">
        <v>0</v>
      </c>
    </row>
    <row r="6438" spans="1:4" x14ac:dyDescent="0.25">
      <c r="A6438" t="s">
        <v>9675</v>
      </c>
      <c r="B6438" t="s">
        <v>9677</v>
      </c>
      <c r="C6438">
        <v>2</v>
      </c>
      <c r="D6438">
        <v>0</v>
      </c>
    </row>
    <row r="6439" spans="1:4" x14ac:dyDescent="0.25">
      <c r="A6439" t="s">
        <v>9678</v>
      </c>
      <c r="B6439" t="s">
        <v>9679</v>
      </c>
      <c r="C6439">
        <v>0</v>
      </c>
      <c r="D6439">
        <v>0</v>
      </c>
    </row>
    <row r="6440" spans="1:4" x14ac:dyDescent="0.25">
      <c r="A6440" t="s">
        <v>9678</v>
      </c>
      <c r="B6440" t="s">
        <v>9680</v>
      </c>
      <c r="C6440">
        <v>0</v>
      </c>
      <c r="D6440">
        <v>0</v>
      </c>
    </row>
    <row r="6441" spans="1:4" x14ac:dyDescent="0.25">
      <c r="A6441" t="s">
        <v>9681</v>
      </c>
      <c r="B6441" t="s">
        <v>9682</v>
      </c>
      <c r="C6441">
        <v>0</v>
      </c>
      <c r="D6441">
        <v>0</v>
      </c>
    </row>
    <row r="6442" spans="1:4" x14ac:dyDescent="0.25">
      <c r="A6442" t="s">
        <v>9681</v>
      </c>
      <c r="B6442" t="s">
        <v>9683</v>
      </c>
      <c r="C6442">
        <v>0</v>
      </c>
      <c r="D6442">
        <v>0</v>
      </c>
    </row>
    <row r="6443" spans="1:4" x14ac:dyDescent="0.25">
      <c r="A6443" t="s">
        <v>9681</v>
      </c>
      <c r="B6443" t="s">
        <v>9684</v>
      </c>
      <c r="C6443">
        <v>0</v>
      </c>
      <c r="D6443">
        <v>0</v>
      </c>
    </row>
    <row r="6444" spans="1:4" x14ac:dyDescent="0.25">
      <c r="A6444" t="s">
        <v>9685</v>
      </c>
      <c r="B6444" t="s">
        <v>9686</v>
      </c>
      <c r="C6444">
        <v>0</v>
      </c>
      <c r="D6444">
        <v>0</v>
      </c>
    </row>
    <row r="6445" spans="1:4" x14ac:dyDescent="0.25">
      <c r="A6445" t="s">
        <v>9687</v>
      </c>
      <c r="B6445" t="s">
        <v>9688</v>
      </c>
      <c r="C6445">
        <v>2</v>
      </c>
      <c r="D6445">
        <v>0</v>
      </c>
    </row>
    <row r="6446" spans="1:4" x14ac:dyDescent="0.25">
      <c r="A6446" t="s">
        <v>9689</v>
      </c>
      <c r="B6446" t="s">
        <v>9690</v>
      </c>
      <c r="C6446">
        <v>2</v>
      </c>
      <c r="D6446">
        <v>0</v>
      </c>
    </row>
    <row r="6447" spans="1:4" x14ac:dyDescent="0.25">
      <c r="A6447" t="s">
        <v>9691</v>
      </c>
      <c r="B6447" t="s">
        <v>9692</v>
      </c>
      <c r="C6447">
        <v>1</v>
      </c>
      <c r="D6447">
        <v>0</v>
      </c>
    </row>
    <row r="6448" spans="1:4" x14ac:dyDescent="0.25">
      <c r="A6448" t="s">
        <v>9693</v>
      </c>
      <c r="B6448" t="s">
        <v>9694</v>
      </c>
      <c r="C6448">
        <v>1</v>
      </c>
      <c r="D6448">
        <v>0</v>
      </c>
    </row>
    <row r="6449" spans="1:4" x14ac:dyDescent="0.25">
      <c r="A6449" t="s">
        <v>9695</v>
      </c>
      <c r="B6449" t="s">
        <v>9696</v>
      </c>
      <c r="C6449">
        <v>1</v>
      </c>
      <c r="D6449">
        <v>0</v>
      </c>
    </row>
    <row r="6450" spans="1:4" x14ac:dyDescent="0.25">
      <c r="A6450" t="s">
        <v>9697</v>
      </c>
      <c r="B6450" t="s">
        <v>9698</v>
      </c>
      <c r="C6450">
        <v>0</v>
      </c>
      <c r="D6450">
        <v>0</v>
      </c>
    </row>
    <row r="6451" spans="1:4" x14ac:dyDescent="0.25">
      <c r="A6451" t="s">
        <v>9697</v>
      </c>
      <c r="B6451" t="s">
        <v>9699</v>
      </c>
      <c r="C6451">
        <v>0</v>
      </c>
      <c r="D6451">
        <v>0</v>
      </c>
    </row>
    <row r="6452" spans="1:4" x14ac:dyDescent="0.25">
      <c r="A6452" t="s">
        <v>9700</v>
      </c>
      <c r="B6452" t="s">
        <v>9701</v>
      </c>
      <c r="C6452">
        <v>1</v>
      </c>
      <c r="D6452">
        <v>0</v>
      </c>
    </row>
    <row r="6453" spans="1:4" x14ac:dyDescent="0.25">
      <c r="A6453" t="s">
        <v>9702</v>
      </c>
      <c r="B6453" t="s">
        <v>9703</v>
      </c>
      <c r="C6453">
        <v>2</v>
      </c>
      <c r="D6453">
        <v>0</v>
      </c>
    </row>
    <row r="6454" spans="1:4" x14ac:dyDescent="0.25">
      <c r="A6454" t="s">
        <v>9704</v>
      </c>
      <c r="B6454" t="s">
        <v>1938</v>
      </c>
      <c r="C6454">
        <v>0</v>
      </c>
      <c r="D6454">
        <v>0</v>
      </c>
    </row>
    <row r="6455" spans="1:4" x14ac:dyDescent="0.25">
      <c r="A6455" t="s">
        <v>9705</v>
      </c>
      <c r="B6455" t="s">
        <v>9706</v>
      </c>
      <c r="C6455">
        <v>1</v>
      </c>
      <c r="D6455">
        <v>0</v>
      </c>
    </row>
    <row r="6456" spans="1:4" x14ac:dyDescent="0.25">
      <c r="A6456" t="s">
        <v>9705</v>
      </c>
      <c r="B6456" t="s">
        <v>9707</v>
      </c>
      <c r="C6456">
        <v>1</v>
      </c>
      <c r="D6456">
        <v>0</v>
      </c>
    </row>
    <row r="6457" spans="1:4" x14ac:dyDescent="0.25">
      <c r="A6457" t="s">
        <v>9708</v>
      </c>
      <c r="B6457" t="s">
        <v>969</v>
      </c>
      <c r="C6457">
        <v>0</v>
      </c>
      <c r="D6457">
        <v>0</v>
      </c>
    </row>
    <row r="6458" spans="1:4" x14ac:dyDescent="0.25">
      <c r="A6458" t="s">
        <v>9708</v>
      </c>
      <c r="B6458" t="s">
        <v>9709</v>
      </c>
      <c r="C6458">
        <v>1</v>
      </c>
      <c r="D6458">
        <v>0</v>
      </c>
    </row>
    <row r="6459" spans="1:4" x14ac:dyDescent="0.25">
      <c r="A6459" t="s">
        <v>9710</v>
      </c>
      <c r="B6459" t="s">
        <v>9711</v>
      </c>
      <c r="C6459">
        <v>1</v>
      </c>
      <c r="D6459">
        <v>0</v>
      </c>
    </row>
    <row r="6460" spans="1:4" x14ac:dyDescent="0.25">
      <c r="A6460" t="s">
        <v>9710</v>
      </c>
      <c r="B6460" t="s">
        <v>9712</v>
      </c>
      <c r="C6460">
        <v>1</v>
      </c>
      <c r="D6460">
        <v>0</v>
      </c>
    </row>
    <row r="6461" spans="1:4" x14ac:dyDescent="0.25">
      <c r="A6461" t="s">
        <v>9713</v>
      </c>
      <c r="B6461" t="s">
        <v>951</v>
      </c>
      <c r="C6461">
        <v>1</v>
      </c>
      <c r="D6461">
        <v>0</v>
      </c>
    </row>
    <row r="6462" spans="1:4" x14ac:dyDescent="0.25">
      <c r="A6462" t="s">
        <v>9713</v>
      </c>
      <c r="B6462" t="s">
        <v>9714</v>
      </c>
      <c r="C6462">
        <v>1</v>
      </c>
      <c r="D6462">
        <v>0</v>
      </c>
    </row>
    <row r="6463" spans="1:4" x14ac:dyDescent="0.25">
      <c r="A6463" t="s">
        <v>9713</v>
      </c>
      <c r="B6463" t="s">
        <v>9715</v>
      </c>
      <c r="C6463">
        <v>1</v>
      </c>
      <c r="D6463">
        <v>0</v>
      </c>
    </row>
    <row r="6464" spans="1:4" x14ac:dyDescent="0.25">
      <c r="A6464" t="s">
        <v>9716</v>
      </c>
      <c r="B6464" t="s">
        <v>9717</v>
      </c>
      <c r="C6464">
        <v>0</v>
      </c>
      <c r="D6464">
        <v>0</v>
      </c>
    </row>
    <row r="6465" spans="1:4" x14ac:dyDescent="0.25">
      <c r="A6465" t="s">
        <v>9716</v>
      </c>
      <c r="B6465" t="s">
        <v>9718</v>
      </c>
      <c r="C6465">
        <v>0</v>
      </c>
      <c r="D6465">
        <v>0</v>
      </c>
    </row>
    <row r="6466" spans="1:4" x14ac:dyDescent="0.25">
      <c r="A6466" t="s">
        <v>9719</v>
      </c>
      <c r="B6466" t="s">
        <v>9720</v>
      </c>
      <c r="C6466">
        <v>0</v>
      </c>
      <c r="D6466">
        <v>0</v>
      </c>
    </row>
    <row r="6467" spans="1:4" x14ac:dyDescent="0.25">
      <c r="A6467" t="s">
        <v>9721</v>
      </c>
      <c r="B6467" t="s">
        <v>1097</v>
      </c>
      <c r="C6467">
        <v>1</v>
      </c>
      <c r="D6467">
        <v>0</v>
      </c>
    </row>
    <row r="6468" spans="1:4" x14ac:dyDescent="0.25">
      <c r="A6468" t="s">
        <v>9722</v>
      </c>
      <c r="B6468" t="s">
        <v>9723</v>
      </c>
      <c r="C6468">
        <v>1</v>
      </c>
      <c r="D6468">
        <v>0</v>
      </c>
    </row>
    <row r="6469" spans="1:4" x14ac:dyDescent="0.25">
      <c r="A6469" t="s">
        <v>9722</v>
      </c>
      <c r="B6469" t="s">
        <v>9724</v>
      </c>
      <c r="C6469">
        <v>1</v>
      </c>
      <c r="D6469">
        <v>0</v>
      </c>
    </row>
    <row r="6470" spans="1:4" x14ac:dyDescent="0.25">
      <c r="A6470" t="s">
        <v>9725</v>
      </c>
      <c r="B6470" t="s">
        <v>9726</v>
      </c>
      <c r="C6470">
        <v>1</v>
      </c>
      <c r="D6470">
        <v>0</v>
      </c>
    </row>
    <row r="6471" spans="1:4" x14ac:dyDescent="0.25">
      <c r="A6471" t="s">
        <v>9725</v>
      </c>
      <c r="B6471" t="s">
        <v>9727</v>
      </c>
      <c r="C6471">
        <v>1</v>
      </c>
      <c r="D6471">
        <v>0</v>
      </c>
    </row>
    <row r="6472" spans="1:4" x14ac:dyDescent="0.25">
      <c r="A6472" t="s">
        <v>9728</v>
      </c>
      <c r="B6472" t="s">
        <v>9729</v>
      </c>
      <c r="C6472">
        <v>1</v>
      </c>
      <c r="D6472">
        <v>0</v>
      </c>
    </row>
    <row r="6473" spans="1:4" x14ac:dyDescent="0.25">
      <c r="A6473" t="s">
        <v>9730</v>
      </c>
      <c r="B6473" t="s">
        <v>9731</v>
      </c>
      <c r="C6473">
        <v>0</v>
      </c>
      <c r="D6473">
        <v>0</v>
      </c>
    </row>
    <row r="6474" spans="1:4" x14ac:dyDescent="0.25">
      <c r="A6474" t="s">
        <v>9732</v>
      </c>
      <c r="B6474" t="s">
        <v>9733</v>
      </c>
      <c r="C6474">
        <v>2</v>
      </c>
      <c r="D6474">
        <v>0</v>
      </c>
    </row>
    <row r="6475" spans="1:4" x14ac:dyDescent="0.25">
      <c r="A6475" t="s">
        <v>9732</v>
      </c>
      <c r="B6475" t="s">
        <v>9734</v>
      </c>
      <c r="C6475">
        <v>0</v>
      </c>
      <c r="D6475">
        <v>0</v>
      </c>
    </row>
    <row r="6476" spans="1:4" x14ac:dyDescent="0.25">
      <c r="A6476" t="s">
        <v>9735</v>
      </c>
      <c r="B6476" t="s">
        <v>9736</v>
      </c>
      <c r="C6476">
        <v>1</v>
      </c>
      <c r="D6476">
        <v>0</v>
      </c>
    </row>
    <row r="6477" spans="1:4" x14ac:dyDescent="0.25">
      <c r="A6477" t="s">
        <v>9735</v>
      </c>
      <c r="B6477" t="s">
        <v>9737</v>
      </c>
      <c r="C6477">
        <v>1</v>
      </c>
      <c r="D6477">
        <v>0</v>
      </c>
    </row>
    <row r="6478" spans="1:4" x14ac:dyDescent="0.25">
      <c r="A6478" t="s">
        <v>9738</v>
      </c>
      <c r="B6478" t="s">
        <v>9739</v>
      </c>
      <c r="C6478">
        <v>1</v>
      </c>
      <c r="D6478">
        <v>0</v>
      </c>
    </row>
    <row r="6479" spans="1:4" x14ac:dyDescent="0.25">
      <c r="A6479" t="s">
        <v>9740</v>
      </c>
      <c r="B6479" t="s">
        <v>9741</v>
      </c>
      <c r="C6479">
        <v>0</v>
      </c>
      <c r="D6479">
        <v>0</v>
      </c>
    </row>
    <row r="6480" spans="1:4" x14ac:dyDescent="0.25">
      <c r="A6480" t="s">
        <v>9740</v>
      </c>
      <c r="B6480" t="s">
        <v>9742</v>
      </c>
      <c r="C6480">
        <v>1</v>
      </c>
      <c r="D6480">
        <v>0</v>
      </c>
    </row>
    <row r="6481" spans="1:4" x14ac:dyDescent="0.25">
      <c r="A6481" t="s">
        <v>9743</v>
      </c>
      <c r="B6481" t="s">
        <v>9744</v>
      </c>
      <c r="C6481">
        <v>0</v>
      </c>
      <c r="D6481">
        <v>0</v>
      </c>
    </row>
    <row r="6482" spans="1:4" x14ac:dyDescent="0.25">
      <c r="A6482" t="s">
        <v>9745</v>
      </c>
      <c r="B6482" t="s">
        <v>9746</v>
      </c>
      <c r="C6482">
        <v>2</v>
      </c>
      <c r="D6482">
        <v>0</v>
      </c>
    </row>
    <row r="6483" spans="1:4" x14ac:dyDescent="0.25">
      <c r="A6483" t="s">
        <v>9745</v>
      </c>
      <c r="B6483" t="s">
        <v>9747</v>
      </c>
      <c r="C6483">
        <v>1</v>
      </c>
      <c r="D6483">
        <v>0</v>
      </c>
    </row>
    <row r="6484" spans="1:4" x14ac:dyDescent="0.25">
      <c r="A6484" t="s">
        <v>9748</v>
      </c>
      <c r="B6484" t="s">
        <v>996</v>
      </c>
      <c r="C6484">
        <v>1</v>
      </c>
      <c r="D6484">
        <v>0</v>
      </c>
    </row>
    <row r="6485" spans="1:4" x14ac:dyDescent="0.25">
      <c r="A6485" t="s">
        <v>9749</v>
      </c>
      <c r="B6485" t="s">
        <v>9750</v>
      </c>
      <c r="C6485">
        <v>1</v>
      </c>
      <c r="D6485">
        <v>0</v>
      </c>
    </row>
    <row r="6486" spans="1:4" x14ac:dyDescent="0.25">
      <c r="A6486" t="s">
        <v>9751</v>
      </c>
      <c r="B6486" t="s">
        <v>9752</v>
      </c>
      <c r="C6486">
        <v>0</v>
      </c>
      <c r="D6486">
        <v>0</v>
      </c>
    </row>
    <row r="6487" spans="1:4" x14ac:dyDescent="0.25">
      <c r="A6487" t="s">
        <v>9753</v>
      </c>
      <c r="B6487" t="s">
        <v>1001</v>
      </c>
      <c r="C6487">
        <v>1</v>
      </c>
      <c r="D6487">
        <v>0</v>
      </c>
    </row>
    <row r="6488" spans="1:4" x14ac:dyDescent="0.25">
      <c r="A6488" t="s">
        <v>9754</v>
      </c>
      <c r="B6488" t="s">
        <v>9755</v>
      </c>
      <c r="C6488">
        <v>2</v>
      </c>
      <c r="D6488">
        <v>0</v>
      </c>
    </row>
    <row r="6489" spans="1:4" x14ac:dyDescent="0.25">
      <c r="A6489" t="s">
        <v>9756</v>
      </c>
      <c r="B6489" t="s">
        <v>9757</v>
      </c>
      <c r="C6489">
        <v>2</v>
      </c>
      <c r="D6489">
        <v>0</v>
      </c>
    </row>
    <row r="6490" spans="1:4" x14ac:dyDescent="0.25">
      <c r="A6490" t="s">
        <v>9756</v>
      </c>
      <c r="B6490" t="s">
        <v>9758</v>
      </c>
      <c r="C6490">
        <v>0</v>
      </c>
      <c r="D6490">
        <v>0</v>
      </c>
    </row>
    <row r="6491" spans="1:4" x14ac:dyDescent="0.25">
      <c r="A6491" t="s">
        <v>9759</v>
      </c>
      <c r="B6491" t="s">
        <v>4637</v>
      </c>
      <c r="C6491">
        <v>1</v>
      </c>
      <c r="D6491">
        <v>0</v>
      </c>
    </row>
    <row r="6492" spans="1:4" x14ac:dyDescent="0.25">
      <c r="A6492" t="s">
        <v>9759</v>
      </c>
      <c r="B6492" t="s">
        <v>9760</v>
      </c>
      <c r="C6492">
        <v>1</v>
      </c>
      <c r="D6492">
        <v>0</v>
      </c>
    </row>
    <row r="6493" spans="1:4" x14ac:dyDescent="0.25">
      <c r="A6493" t="s">
        <v>9761</v>
      </c>
      <c r="B6493" t="s">
        <v>969</v>
      </c>
      <c r="C6493">
        <v>0</v>
      </c>
      <c r="D6493">
        <v>0</v>
      </c>
    </row>
    <row r="6494" spans="1:4" x14ac:dyDescent="0.25">
      <c r="A6494" t="s">
        <v>9762</v>
      </c>
      <c r="B6494" t="s">
        <v>9763</v>
      </c>
      <c r="C6494">
        <v>2</v>
      </c>
      <c r="D6494">
        <v>0</v>
      </c>
    </row>
    <row r="6495" spans="1:4" x14ac:dyDescent="0.25">
      <c r="A6495" t="s">
        <v>9762</v>
      </c>
      <c r="B6495" t="s">
        <v>9764</v>
      </c>
      <c r="C6495">
        <v>0</v>
      </c>
      <c r="D6495">
        <v>0</v>
      </c>
    </row>
    <row r="6496" spans="1:4" x14ac:dyDescent="0.25">
      <c r="A6496" t="s">
        <v>9765</v>
      </c>
      <c r="B6496" t="s">
        <v>9766</v>
      </c>
      <c r="C6496">
        <v>1</v>
      </c>
      <c r="D6496">
        <v>0</v>
      </c>
    </row>
    <row r="6497" spans="1:4" x14ac:dyDescent="0.25">
      <c r="A6497" t="s">
        <v>9767</v>
      </c>
      <c r="B6497" t="s">
        <v>9768</v>
      </c>
      <c r="C6497">
        <v>2</v>
      </c>
      <c r="D6497">
        <v>0</v>
      </c>
    </row>
    <row r="6498" spans="1:4" x14ac:dyDescent="0.25">
      <c r="A6498" t="s">
        <v>9767</v>
      </c>
      <c r="B6498" t="s">
        <v>9769</v>
      </c>
      <c r="C6498">
        <v>2</v>
      </c>
      <c r="D6498">
        <v>0</v>
      </c>
    </row>
    <row r="6499" spans="1:4" x14ac:dyDescent="0.25">
      <c r="A6499" t="s">
        <v>9767</v>
      </c>
      <c r="B6499" t="s">
        <v>9770</v>
      </c>
      <c r="C6499">
        <v>0</v>
      </c>
      <c r="D6499">
        <v>0</v>
      </c>
    </row>
    <row r="6500" spans="1:4" x14ac:dyDescent="0.25">
      <c r="A6500" t="s">
        <v>9771</v>
      </c>
      <c r="B6500" t="s">
        <v>9772</v>
      </c>
      <c r="C6500">
        <v>0</v>
      </c>
      <c r="D6500">
        <v>0</v>
      </c>
    </row>
    <row r="6501" spans="1:4" x14ac:dyDescent="0.25">
      <c r="A6501" t="s">
        <v>9771</v>
      </c>
      <c r="B6501" t="s">
        <v>9773</v>
      </c>
      <c r="C6501">
        <v>1</v>
      </c>
      <c r="D6501">
        <v>0</v>
      </c>
    </row>
    <row r="6502" spans="1:4" x14ac:dyDescent="0.25">
      <c r="A6502" t="s">
        <v>9774</v>
      </c>
      <c r="B6502" t="s">
        <v>9775</v>
      </c>
      <c r="C6502">
        <v>1</v>
      </c>
      <c r="D6502">
        <v>0</v>
      </c>
    </row>
    <row r="6503" spans="1:4" x14ac:dyDescent="0.25">
      <c r="A6503" t="s">
        <v>9776</v>
      </c>
      <c r="B6503" t="s">
        <v>9777</v>
      </c>
      <c r="C6503">
        <v>0</v>
      </c>
      <c r="D6503">
        <v>0</v>
      </c>
    </row>
    <row r="6504" spans="1:4" x14ac:dyDescent="0.25">
      <c r="A6504" t="s">
        <v>9776</v>
      </c>
      <c r="B6504" t="s">
        <v>9778</v>
      </c>
      <c r="C6504">
        <v>1</v>
      </c>
      <c r="D6504">
        <v>0</v>
      </c>
    </row>
    <row r="6505" spans="1:4" x14ac:dyDescent="0.25">
      <c r="A6505" t="s">
        <v>9776</v>
      </c>
      <c r="B6505" t="s">
        <v>9779</v>
      </c>
      <c r="C6505">
        <v>0</v>
      </c>
      <c r="D6505">
        <v>0</v>
      </c>
    </row>
    <row r="6506" spans="1:4" x14ac:dyDescent="0.25">
      <c r="A6506" t="s">
        <v>9780</v>
      </c>
      <c r="B6506" t="s">
        <v>9781</v>
      </c>
      <c r="C6506">
        <v>1</v>
      </c>
      <c r="D6506">
        <v>0</v>
      </c>
    </row>
    <row r="6507" spans="1:4" x14ac:dyDescent="0.25">
      <c r="A6507" t="s">
        <v>9780</v>
      </c>
      <c r="B6507" t="s">
        <v>9782</v>
      </c>
      <c r="C6507">
        <v>0</v>
      </c>
      <c r="D6507">
        <v>0</v>
      </c>
    </row>
    <row r="6508" spans="1:4" x14ac:dyDescent="0.25">
      <c r="A6508" t="s">
        <v>9780</v>
      </c>
      <c r="B6508" t="s">
        <v>9783</v>
      </c>
      <c r="C6508">
        <v>0</v>
      </c>
      <c r="D6508">
        <v>0</v>
      </c>
    </row>
    <row r="6509" spans="1:4" x14ac:dyDescent="0.25">
      <c r="A6509" t="s">
        <v>9784</v>
      </c>
      <c r="B6509" t="s">
        <v>9785</v>
      </c>
      <c r="C6509">
        <v>1</v>
      </c>
      <c r="D6509">
        <v>0</v>
      </c>
    </row>
    <row r="6510" spans="1:4" x14ac:dyDescent="0.25">
      <c r="A6510" t="s">
        <v>9786</v>
      </c>
      <c r="B6510" t="s">
        <v>1283</v>
      </c>
      <c r="C6510">
        <v>0</v>
      </c>
      <c r="D6510">
        <v>0</v>
      </c>
    </row>
    <row r="6511" spans="1:4" x14ac:dyDescent="0.25">
      <c r="A6511" t="s">
        <v>9787</v>
      </c>
      <c r="B6511" t="s">
        <v>9788</v>
      </c>
      <c r="C6511">
        <v>2</v>
      </c>
      <c r="D6511">
        <v>0</v>
      </c>
    </row>
    <row r="6512" spans="1:4" x14ac:dyDescent="0.25">
      <c r="A6512" t="s">
        <v>9789</v>
      </c>
      <c r="B6512" t="s">
        <v>9790</v>
      </c>
      <c r="C6512">
        <v>1</v>
      </c>
      <c r="D6512">
        <v>0</v>
      </c>
    </row>
    <row r="6513" spans="1:4" x14ac:dyDescent="0.25">
      <c r="A6513" t="s">
        <v>9791</v>
      </c>
      <c r="B6513" t="s">
        <v>9792</v>
      </c>
      <c r="C6513">
        <v>1</v>
      </c>
      <c r="D6513">
        <v>0</v>
      </c>
    </row>
    <row r="6514" spans="1:4" x14ac:dyDescent="0.25">
      <c r="A6514" t="s">
        <v>9791</v>
      </c>
      <c r="B6514" t="s">
        <v>9793</v>
      </c>
      <c r="C6514">
        <v>0</v>
      </c>
      <c r="D6514">
        <v>0</v>
      </c>
    </row>
    <row r="6515" spans="1:4" x14ac:dyDescent="0.25">
      <c r="A6515" t="s">
        <v>9794</v>
      </c>
      <c r="B6515" t="s">
        <v>9795</v>
      </c>
      <c r="C6515">
        <v>0</v>
      </c>
      <c r="D6515">
        <v>0</v>
      </c>
    </row>
    <row r="6516" spans="1:4" x14ac:dyDescent="0.25">
      <c r="A6516" t="s">
        <v>9794</v>
      </c>
      <c r="B6516" t="s">
        <v>9796</v>
      </c>
      <c r="C6516">
        <v>0</v>
      </c>
      <c r="D6516">
        <v>0</v>
      </c>
    </row>
    <row r="6517" spans="1:4" x14ac:dyDescent="0.25">
      <c r="A6517" t="s">
        <v>9794</v>
      </c>
      <c r="B6517" t="s">
        <v>9797</v>
      </c>
      <c r="C6517">
        <v>0</v>
      </c>
      <c r="D6517">
        <v>0</v>
      </c>
    </row>
    <row r="6518" spans="1:4" x14ac:dyDescent="0.25">
      <c r="A6518" t="s">
        <v>9798</v>
      </c>
      <c r="B6518" t="s">
        <v>2825</v>
      </c>
      <c r="C6518">
        <v>1</v>
      </c>
      <c r="D6518">
        <v>0</v>
      </c>
    </row>
    <row r="6519" spans="1:4" x14ac:dyDescent="0.25">
      <c r="A6519" t="s">
        <v>9799</v>
      </c>
      <c r="B6519" t="s">
        <v>9800</v>
      </c>
      <c r="C6519">
        <v>1</v>
      </c>
      <c r="D6519">
        <v>0</v>
      </c>
    </row>
    <row r="6520" spans="1:4" x14ac:dyDescent="0.25">
      <c r="A6520" t="s">
        <v>9799</v>
      </c>
      <c r="B6520" t="s">
        <v>9801</v>
      </c>
      <c r="C6520">
        <v>1</v>
      </c>
      <c r="D6520">
        <v>0</v>
      </c>
    </row>
    <row r="6521" spans="1:4" x14ac:dyDescent="0.25">
      <c r="A6521" t="s">
        <v>9799</v>
      </c>
      <c r="B6521" t="s">
        <v>9802</v>
      </c>
      <c r="C6521">
        <v>0</v>
      </c>
      <c r="D6521">
        <v>0</v>
      </c>
    </row>
    <row r="6522" spans="1:4" x14ac:dyDescent="0.25">
      <c r="A6522" t="s">
        <v>9803</v>
      </c>
      <c r="B6522" t="s">
        <v>9804</v>
      </c>
      <c r="C6522">
        <v>0</v>
      </c>
      <c r="D6522">
        <v>0</v>
      </c>
    </row>
    <row r="6523" spans="1:4" x14ac:dyDescent="0.25">
      <c r="A6523" t="s">
        <v>9805</v>
      </c>
      <c r="B6523" t="s">
        <v>9806</v>
      </c>
      <c r="C6523">
        <v>1</v>
      </c>
      <c r="D6523">
        <v>0</v>
      </c>
    </row>
    <row r="6524" spans="1:4" x14ac:dyDescent="0.25">
      <c r="A6524" t="s">
        <v>9805</v>
      </c>
      <c r="B6524" t="s">
        <v>9807</v>
      </c>
      <c r="C6524">
        <v>1</v>
      </c>
      <c r="D6524">
        <v>0</v>
      </c>
    </row>
    <row r="6525" spans="1:4" x14ac:dyDescent="0.25">
      <c r="A6525" t="s">
        <v>9808</v>
      </c>
      <c r="B6525" t="s">
        <v>9809</v>
      </c>
      <c r="C6525">
        <v>0</v>
      </c>
      <c r="D6525">
        <v>0</v>
      </c>
    </row>
    <row r="6526" spans="1:4" x14ac:dyDescent="0.25">
      <c r="A6526" t="s">
        <v>9810</v>
      </c>
      <c r="B6526" t="s">
        <v>9811</v>
      </c>
      <c r="C6526">
        <v>1</v>
      </c>
      <c r="D6526">
        <v>0</v>
      </c>
    </row>
    <row r="6527" spans="1:4" x14ac:dyDescent="0.25">
      <c r="A6527" t="s">
        <v>9810</v>
      </c>
      <c r="B6527" t="s">
        <v>9812</v>
      </c>
      <c r="C6527">
        <v>0</v>
      </c>
      <c r="D6527">
        <v>0</v>
      </c>
    </row>
    <row r="6528" spans="1:4" x14ac:dyDescent="0.25">
      <c r="A6528" t="s">
        <v>9813</v>
      </c>
      <c r="B6528" t="s">
        <v>9814</v>
      </c>
      <c r="C6528">
        <v>0</v>
      </c>
      <c r="D6528">
        <v>0</v>
      </c>
    </row>
    <row r="6529" spans="1:4" x14ac:dyDescent="0.25">
      <c r="A6529" t="s">
        <v>9813</v>
      </c>
      <c r="B6529" t="s">
        <v>9039</v>
      </c>
      <c r="C6529">
        <v>2</v>
      </c>
      <c r="D6529">
        <v>0</v>
      </c>
    </row>
    <row r="6530" spans="1:4" x14ac:dyDescent="0.25">
      <c r="A6530" t="s">
        <v>9813</v>
      </c>
      <c r="B6530" t="s">
        <v>9815</v>
      </c>
      <c r="C6530">
        <v>1</v>
      </c>
      <c r="D6530">
        <v>0</v>
      </c>
    </row>
    <row r="6531" spans="1:4" x14ac:dyDescent="0.25">
      <c r="A6531" t="s">
        <v>9816</v>
      </c>
      <c r="B6531" t="s">
        <v>9817</v>
      </c>
      <c r="C6531">
        <v>1</v>
      </c>
      <c r="D6531">
        <v>0</v>
      </c>
    </row>
    <row r="6532" spans="1:4" x14ac:dyDescent="0.25">
      <c r="A6532" t="s">
        <v>9816</v>
      </c>
      <c r="B6532" t="s">
        <v>9818</v>
      </c>
      <c r="C6532">
        <v>1</v>
      </c>
      <c r="D6532">
        <v>0</v>
      </c>
    </row>
    <row r="6533" spans="1:4" x14ac:dyDescent="0.25">
      <c r="A6533" t="s">
        <v>9816</v>
      </c>
      <c r="B6533" t="s">
        <v>9819</v>
      </c>
      <c r="C6533">
        <v>1</v>
      </c>
      <c r="D6533">
        <v>0</v>
      </c>
    </row>
    <row r="6534" spans="1:4" x14ac:dyDescent="0.25">
      <c r="A6534" t="s">
        <v>9820</v>
      </c>
      <c r="B6534" t="s">
        <v>843</v>
      </c>
      <c r="C6534">
        <v>1</v>
      </c>
      <c r="D6534">
        <v>0</v>
      </c>
    </row>
    <row r="6535" spans="1:4" x14ac:dyDescent="0.25">
      <c r="A6535" t="s">
        <v>9821</v>
      </c>
      <c r="B6535" t="s">
        <v>2444</v>
      </c>
      <c r="C6535">
        <v>0</v>
      </c>
      <c r="D6535">
        <v>0</v>
      </c>
    </row>
    <row r="6536" spans="1:4" x14ac:dyDescent="0.25">
      <c r="A6536" t="s">
        <v>9822</v>
      </c>
      <c r="B6536" t="s">
        <v>9823</v>
      </c>
      <c r="C6536">
        <v>1</v>
      </c>
      <c r="D6536">
        <v>0</v>
      </c>
    </row>
    <row r="6537" spans="1:4" x14ac:dyDescent="0.25">
      <c r="A6537" t="s">
        <v>9824</v>
      </c>
      <c r="B6537" t="s">
        <v>9825</v>
      </c>
      <c r="C6537">
        <v>1</v>
      </c>
      <c r="D6537">
        <v>0</v>
      </c>
    </row>
    <row r="6538" spans="1:4" x14ac:dyDescent="0.25">
      <c r="A6538" t="s">
        <v>9824</v>
      </c>
      <c r="B6538" t="s">
        <v>9826</v>
      </c>
      <c r="C6538">
        <v>0</v>
      </c>
      <c r="D6538">
        <v>0</v>
      </c>
    </row>
    <row r="6539" spans="1:4" x14ac:dyDescent="0.25">
      <c r="A6539" t="s">
        <v>9827</v>
      </c>
      <c r="B6539" t="s">
        <v>9828</v>
      </c>
      <c r="C6539">
        <v>1</v>
      </c>
      <c r="D6539">
        <v>0</v>
      </c>
    </row>
    <row r="6540" spans="1:4" x14ac:dyDescent="0.25">
      <c r="A6540" t="s">
        <v>9827</v>
      </c>
      <c r="B6540" t="s">
        <v>9829</v>
      </c>
      <c r="C6540">
        <v>0</v>
      </c>
      <c r="D6540">
        <v>0</v>
      </c>
    </row>
    <row r="6541" spans="1:4" x14ac:dyDescent="0.25">
      <c r="A6541" t="s">
        <v>9830</v>
      </c>
      <c r="B6541" t="s">
        <v>9831</v>
      </c>
      <c r="C6541">
        <v>2</v>
      </c>
      <c r="D6541">
        <v>0</v>
      </c>
    </row>
    <row r="6542" spans="1:4" x14ac:dyDescent="0.25">
      <c r="A6542" t="s">
        <v>9832</v>
      </c>
      <c r="B6542" t="s">
        <v>9833</v>
      </c>
      <c r="C6542">
        <v>1</v>
      </c>
      <c r="D6542">
        <v>0</v>
      </c>
    </row>
    <row r="6543" spans="1:4" x14ac:dyDescent="0.25">
      <c r="A6543" t="s">
        <v>9834</v>
      </c>
      <c r="B6543" t="s">
        <v>8967</v>
      </c>
      <c r="C6543">
        <v>1</v>
      </c>
      <c r="D6543">
        <v>0</v>
      </c>
    </row>
    <row r="6544" spans="1:4" x14ac:dyDescent="0.25">
      <c r="A6544" t="s">
        <v>9835</v>
      </c>
      <c r="B6544" t="s">
        <v>9836</v>
      </c>
      <c r="C6544">
        <v>2</v>
      </c>
      <c r="D6544">
        <v>0</v>
      </c>
    </row>
    <row r="6545" spans="1:4" x14ac:dyDescent="0.25">
      <c r="A6545" t="s">
        <v>9837</v>
      </c>
      <c r="B6545" t="s">
        <v>9838</v>
      </c>
      <c r="C6545">
        <v>1</v>
      </c>
      <c r="D6545">
        <v>0</v>
      </c>
    </row>
    <row r="6546" spans="1:4" x14ac:dyDescent="0.25">
      <c r="A6546" t="s">
        <v>9837</v>
      </c>
      <c r="B6546" t="s">
        <v>9839</v>
      </c>
      <c r="C6546">
        <v>0</v>
      </c>
      <c r="D6546">
        <v>0</v>
      </c>
    </row>
    <row r="6547" spans="1:4" x14ac:dyDescent="0.25">
      <c r="A6547" t="s">
        <v>9837</v>
      </c>
      <c r="B6547" t="s">
        <v>9840</v>
      </c>
      <c r="C6547">
        <v>2</v>
      </c>
      <c r="D6547">
        <v>0</v>
      </c>
    </row>
    <row r="6548" spans="1:4" x14ac:dyDescent="0.25">
      <c r="A6548" t="s">
        <v>9841</v>
      </c>
      <c r="B6548" t="s">
        <v>9842</v>
      </c>
      <c r="C6548">
        <v>0</v>
      </c>
      <c r="D6548">
        <v>0</v>
      </c>
    </row>
    <row r="6549" spans="1:4" x14ac:dyDescent="0.25">
      <c r="A6549" t="s">
        <v>9841</v>
      </c>
      <c r="B6549" t="s">
        <v>9843</v>
      </c>
      <c r="C6549">
        <v>1</v>
      </c>
      <c r="D6549">
        <v>0</v>
      </c>
    </row>
    <row r="6550" spans="1:4" x14ac:dyDescent="0.25">
      <c r="A6550" t="s">
        <v>9844</v>
      </c>
      <c r="B6550" t="s">
        <v>9845</v>
      </c>
      <c r="C6550">
        <v>1</v>
      </c>
      <c r="D6550">
        <v>0</v>
      </c>
    </row>
    <row r="6551" spans="1:4" x14ac:dyDescent="0.25">
      <c r="A6551" t="s">
        <v>9844</v>
      </c>
      <c r="B6551" t="s">
        <v>9846</v>
      </c>
      <c r="C6551">
        <v>1</v>
      </c>
      <c r="D6551">
        <v>0</v>
      </c>
    </row>
    <row r="6552" spans="1:4" x14ac:dyDescent="0.25">
      <c r="A6552" t="s">
        <v>9844</v>
      </c>
      <c r="B6552" t="s">
        <v>9847</v>
      </c>
      <c r="C6552">
        <v>1</v>
      </c>
      <c r="D6552">
        <v>0</v>
      </c>
    </row>
    <row r="6553" spans="1:4" x14ac:dyDescent="0.25">
      <c r="A6553" t="s">
        <v>9848</v>
      </c>
      <c r="B6553" t="s">
        <v>816</v>
      </c>
      <c r="C6553">
        <v>1</v>
      </c>
      <c r="D6553">
        <v>0</v>
      </c>
    </row>
    <row r="6554" spans="1:4" x14ac:dyDescent="0.25">
      <c r="A6554" t="s">
        <v>9849</v>
      </c>
      <c r="B6554" t="s">
        <v>9850</v>
      </c>
      <c r="C6554">
        <v>0</v>
      </c>
      <c r="D6554">
        <v>0</v>
      </c>
    </row>
    <row r="6555" spans="1:4" x14ac:dyDescent="0.25">
      <c r="A6555" t="s">
        <v>9851</v>
      </c>
      <c r="B6555" t="s">
        <v>9852</v>
      </c>
      <c r="C6555">
        <v>1</v>
      </c>
      <c r="D6555">
        <v>0</v>
      </c>
    </row>
    <row r="6556" spans="1:4" x14ac:dyDescent="0.25">
      <c r="A6556" t="s">
        <v>9851</v>
      </c>
      <c r="B6556" t="s">
        <v>9853</v>
      </c>
      <c r="C6556">
        <v>1</v>
      </c>
      <c r="D6556">
        <v>0</v>
      </c>
    </row>
    <row r="6557" spans="1:4" x14ac:dyDescent="0.25">
      <c r="A6557" t="s">
        <v>9851</v>
      </c>
      <c r="B6557" t="s">
        <v>9854</v>
      </c>
      <c r="C6557">
        <v>1</v>
      </c>
      <c r="D6557">
        <v>0</v>
      </c>
    </row>
    <row r="6558" spans="1:4" x14ac:dyDescent="0.25">
      <c r="A6558" t="s">
        <v>9855</v>
      </c>
      <c r="B6558" t="s">
        <v>9856</v>
      </c>
      <c r="C6558">
        <v>1</v>
      </c>
      <c r="D6558">
        <v>0</v>
      </c>
    </row>
    <row r="6559" spans="1:4" x14ac:dyDescent="0.25">
      <c r="A6559" t="s">
        <v>9857</v>
      </c>
      <c r="B6559" t="s">
        <v>9858</v>
      </c>
      <c r="C6559">
        <v>1</v>
      </c>
      <c r="D6559">
        <v>0</v>
      </c>
    </row>
    <row r="6560" spans="1:4" x14ac:dyDescent="0.25">
      <c r="A6560" t="s">
        <v>9857</v>
      </c>
      <c r="B6560" t="s">
        <v>9859</v>
      </c>
      <c r="C6560">
        <v>1</v>
      </c>
      <c r="D6560">
        <v>0</v>
      </c>
    </row>
    <row r="6561" spans="1:4" x14ac:dyDescent="0.25">
      <c r="A6561" t="s">
        <v>9860</v>
      </c>
      <c r="B6561" t="s">
        <v>2267</v>
      </c>
      <c r="C6561">
        <v>0</v>
      </c>
      <c r="D6561">
        <v>0</v>
      </c>
    </row>
    <row r="6562" spans="1:4" x14ac:dyDescent="0.25">
      <c r="A6562" t="s">
        <v>9861</v>
      </c>
      <c r="B6562" t="s">
        <v>9862</v>
      </c>
      <c r="C6562">
        <v>1</v>
      </c>
      <c r="D6562">
        <v>0</v>
      </c>
    </row>
    <row r="6563" spans="1:4" x14ac:dyDescent="0.25">
      <c r="A6563" t="s">
        <v>9861</v>
      </c>
      <c r="B6563" t="s">
        <v>9863</v>
      </c>
      <c r="C6563">
        <v>1</v>
      </c>
      <c r="D6563">
        <v>0</v>
      </c>
    </row>
    <row r="6564" spans="1:4" x14ac:dyDescent="0.25">
      <c r="A6564" t="s">
        <v>9861</v>
      </c>
      <c r="B6564" t="s">
        <v>9864</v>
      </c>
      <c r="C6564">
        <v>1</v>
      </c>
      <c r="D6564">
        <v>0</v>
      </c>
    </row>
    <row r="6565" spans="1:4" x14ac:dyDescent="0.25">
      <c r="A6565" t="s">
        <v>9865</v>
      </c>
      <c r="B6565" t="s">
        <v>9866</v>
      </c>
      <c r="C6565">
        <v>1</v>
      </c>
      <c r="D6565">
        <v>0</v>
      </c>
    </row>
    <row r="6566" spans="1:4" x14ac:dyDescent="0.25">
      <c r="A6566" t="s">
        <v>9867</v>
      </c>
      <c r="B6566" t="s">
        <v>9868</v>
      </c>
      <c r="C6566">
        <v>2</v>
      </c>
      <c r="D6566">
        <v>0</v>
      </c>
    </row>
    <row r="6567" spans="1:4" x14ac:dyDescent="0.25">
      <c r="A6567" t="s">
        <v>9867</v>
      </c>
      <c r="B6567" t="s">
        <v>9869</v>
      </c>
      <c r="C6567">
        <v>1</v>
      </c>
      <c r="D6567">
        <v>0</v>
      </c>
    </row>
    <row r="6568" spans="1:4" x14ac:dyDescent="0.25">
      <c r="A6568" t="s">
        <v>9870</v>
      </c>
      <c r="B6568" t="s">
        <v>9871</v>
      </c>
      <c r="C6568">
        <v>0</v>
      </c>
      <c r="D6568">
        <v>0</v>
      </c>
    </row>
    <row r="6569" spans="1:4" x14ac:dyDescent="0.25">
      <c r="A6569" t="s">
        <v>9870</v>
      </c>
      <c r="B6569" t="s">
        <v>1938</v>
      </c>
      <c r="C6569">
        <v>0</v>
      </c>
      <c r="D6569">
        <v>0</v>
      </c>
    </row>
    <row r="6570" spans="1:4" x14ac:dyDescent="0.25">
      <c r="A6570" t="s">
        <v>9872</v>
      </c>
      <c r="B6570" t="s">
        <v>9873</v>
      </c>
      <c r="C6570">
        <v>2</v>
      </c>
      <c r="D6570">
        <v>0</v>
      </c>
    </row>
    <row r="6571" spans="1:4" x14ac:dyDescent="0.25">
      <c r="A6571" t="s">
        <v>9872</v>
      </c>
      <c r="B6571" t="s">
        <v>9874</v>
      </c>
      <c r="C6571">
        <v>1</v>
      </c>
      <c r="D6571">
        <v>0</v>
      </c>
    </row>
    <row r="6572" spans="1:4" x14ac:dyDescent="0.25">
      <c r="A6572" t="s">
        <v>9875</v>
      </c>
      <c r="B6572" t="s">
        <v>9876</v>
      </c>
      <c r="C6572">
        <v>0</v>
      </c>
      <c r="D6572">
        <v>0</v>
      </c>
    </row>
    <row r="6573" spans="1:4" x14ac:dyDescent="0.25">
      <c r="A6573" t="s">
        <v>9875</v>
      </c>
      <c r="B6573" t="s">
        <v>9877</v>
      </c>
      <c r="C6573">
        <v>2</v>
      </c>
      <c r="D6573">
        <v>0</v>
      </c>
    </row>
    <row r="6574" spans="1:4" x14ac:dyDescent="0.25">
      <c r="A6574" t="s">
        <v>9878</v>
      </c>
      <c r="B6574" t="s">
        <v>816</v>
      </c>
      <c r="C6574">
        <v>1</v>
      </c>
      <c r="D6574">
        <v>0</v>
      </c>
    </row>
    <row r="6575" spans="1:4" x14ac:dyDescent="0.25">
      <c r="A6575" t="s">
        <v>9878</v>
      </c>
      <c r="B6575" t="s">
        <v>9879</v>
      </c>
      <c r="C6575">
        <v>1</v>
      </c>
      <c r="D6575">
        <v>0</v>
      </c>
    </row>
    <row r="6576" spans="1:4" x14ac:dyDescent="0.25">
      <c r="A6576" t="s">
        <v>9880</v>
      </c>
      <c r="B6576" t="s">
        <v>2061</v>
      </c>
      <c r="C6576">
        <v>0</v>
      </c>
      <c r="D6576">
        <v>0</v>
      </c>
    </row>
    <row r="6577" spans="1:4" x14ac:dyDescent="0.25">
      <c r="A6577" t="s">
        <v>9881</v>
      </c>
      <c r="B6577" t="s">
        <v>9882</v>
      </c>
      <c r="C6577">
        <v>0</v>
      </c>
      <c r="D6577">
        <v>0</v>
      </c>
    </row>
    <row r="6578" spans="1:4" x14ac:dyDescent="0.25">
      <c r="A6578" t="s">
        <v>9883</v>
      </c>
      <c r="B6578" t="s">
        <v>9884</v>
      </c>
      <c r="C6578">
        <v>1</v>
      </c>
      <c r="D6578">
        <v>0</v>
      </c>
    </row>
    <row r="6579" spans="1:4" x14ac:dyDescent="0.25">
      <c r="A6579" t="s">
        <v>9883</v>
      </c>
      <c r="B6579" t="s">
        <v>9885</v>
      </c>
      <c r="C6579">
        <v>1</v>
      </c>
      <c r="D6579">
        <v>0</v>
      </c>
    </row>
    <row r="6580" spans="1:4" x14ac:dyDescent="0.25">
      <c r="A6580" t="s">
        <v>9886</v>
      </c>
      <c r="B6580" t="s">
        <v>9887</v>
      </c>
      <c r="C6580">
        <v>2</v>
      </c>
      <c r="D6580">
        <v>0</v>
      </c>
    </row>
    <row r="6581" spans="1:4" x14ac:dyDescent="0.25">
      <c r="A6581" t="s">
        <v>9886</v>
      </c>
      <c r="B6581" t="s">
        <v>9888</v>
      </c>
      <c r="C6581">
        <v>1</v>
      </c>
      <c r="D6581">
        <v>0</v>
      </c>
    </row>
    <row r="6582" spans="1:4" x14ac:dyDescent="0.25">
      <c r="A6582" t="s">
        <v>9889</v>
      </c>
      <c r="B6582" t="s">
        <v>9890</v>
      </c>
      <c r="C6582">
        <v>0</v>
      </c>
      <c r="D6582">
        <v>0</v>
      </c>
    </row>
    <row r="6583" spans="1:4" x14ac:dyDescent="0.25">
      <c r="A6583" t="s">
        <v>9891</v>
      </c>
      <c r="B6583" t="s">
        <v>4179</v>
      </c>
      <c r="C6583">
        <v>1</v>
      </c>
      <c r="D6583">
        <v>0</v>
      </c>
    </row>
    <row r="6584" spans="1:4" x14ac:dyDescent="0.25">
      <c r="A6584" t="s">
        <v>9891</v>
      </c>
      <c r="B6584" t="s">
        <v>9892</v>
      </c>
      <c r="C6584">
        <v>1</v>
      </c>
      <c r="D6584">
        <v>0</v>
      </c>
    </row>
    <row r="6585" spans="1:4" x14ac:dyDescent="0.25">
      <c r="A6585" t="s">
        <v>9893</v>
      </c>
      <c r="B6585" t="s">
        <v>9894</v>
      </c>
      <c r="C6585">
        <v>1</v>
      </c>
      <c r="D6585">
        <v>0</v>
      </c>
    </row>
    <row r="6586" spans="1:4" x14ac:dyDescent="0.25">
      <c r="A6586" t="s">
        <v>9895</v>
      </c>
      <c r="B6586" t="s">
        <v>9896</v>
      </c>
      <c r="C6586">
        <v>0</v>
      </c>
      <c r="D6586">
        <v>0</v>
      </c>
    </row>
    <row r="6587" spans="1:4" x14ac:dyDescent="0.25">
      <c r="A6587" t="s">
        <v>9897</v>
      </c>
      <c r="B6587" t="s">
        <v>9898</v>
      </c>
      <c r="C6587">
        <v>0</v>
      </c>
      <c r="D6587">
        <v>0</v>
      </c>
    </row>
    <row r="6588" spans="1:4" x14ac:dyDescent="0.25">
      <c r="A6588" t="s">
        <v>9899</v>
      </c>
      <c r="B6588" t="s">
        <v>9900</v>
      </c>
      <c r="C6588">
        <v>2</v>
      </c>
      <c r="D6588">
        <v>0</v>
      </c>
    </row>
    <row r="6589" spans="1:4" x14ac:dyDescent="0.25">
      <c r="A6589" t="s">
        <v>9899</v>
      </c>
      <c r="B6589" t="s">
        <v>9901</v>
      </c>
      <c r="C6589">
        <v>0</v>
      </c>
      <c r="D6589">
        <v>0</v>
      </c>
    </row>
    <row r="6590" spans="1:4" x14ac:dyDescent="0.25">
      <c r="A6590" t="s">
        <v>9902</v>
      </c>
      <c r="B6590" t="s">
        <v>9903</v>
      </c>
      <c r="C6590">
        <v>1</v>
      </c>
      <c r="D6590">
        <v>0</v>
      </c>
    </row>
    <row r="6591" spans="1:4" x14ac:dyDescent="0.25">
      <c r="A6591" t="s">
        <v>9904</v>
      </c>
      <c r="B6591" t="s">
        <v>9905</v>
      </c>
      <c r="C6591">
        <v>0</v>
      </c>
      <c r="D6591">
        <v>0</v>
      </c>
    </row>
    <row r="6592" spans="1:4" x14ac:dyDescent="0.25">
      <c r="A6592" t="s">
        <v>9904</v>
      </c>
      <c r="B6592" t="s">
        <v>9906</v>
      </c>
      <c r="C6592">
        <v>1</v>
      </c>
      <c r="D6592">
        <v>0</v>
      </c>
    </row>
    <row r="6593" spans="1:4" x14ac:dyDescent="0.25">
      <c r="A6593" t="s">
        <v>9907</v>
      </c>
      <c r="B6593" t="s">
        <v>9908</v>
      </c>
      <c r="C6593">
        <v>0</v>
      </c>
      <c r="D6593">
        <v>0</v>
      </c>
    </row>
    <row r="6594" spans="1:4" x14ac:dyDescent="0.25">
      <c r="A6594" t="s">
        <v>9909</v>
      </c>
      <c r="B6594" t="s">
        <v>969</v>
      </c>
      <c r="C6594">
        <v>0</v>
      </c>
      <c r="D6594">
        <v>0</v>
      </c>
    </row>
    <row r="6595" spans="1:4" x14ac:dyDescent="0.25">
      <c r="A6595" t="s">
        <v>9910</v>
      </c>
      <c r="B6595" t="s">
        <v>398</v>
      </c>
      <c r="C6595">
        <v>0</v>
      </c>
      <c r="D6595">
        <v>0</v>
      </c>
    </row>
    <row r="6596" spans="1:4" x14ac:dyDescent="0.25">
      <c r="A6596" t="s">
        <v>9911</v>
      </c>
      <c r="B6596" t="s">
        <v>9912</v>
      </c>
      <c r="C6596">
        <v>2</v>
      </c>
      <c r="D6596">
        <v>0</v>
      </c>
    </row>
    <row r="6597" spans="1:4" x14ac:dyDescent="0.25">
      <c r="A6597" t="s">
        <v>9911</v>
      </c>
      <c r="B6597" t="s">
        <v>9913</v>
      </c>
      <c r="C6597">
        <v>1</v>
      </c>
      <c r="D6597">
        <v>0</v>
      </c>
    </row>
    <row r="6598" spans="1:4" x14ac:dyDescent="0.25">
      <c r="A6598" t="s">
        <v>9911</v>
      </c>
      <c r="B6598" t="s">
        <v>9914</v>
      </c>
      <c r="C6598">
        <v>0</v>
      </c>
      <c r="D6598">
        <v>0</v>
      </c>
    </row>
    <row r="6599" spans="1:4" x14ac:dyDescent="0.25">
      <c r="A6599" t="s">
        <v>9915</v>
      </c>
      <c r="B6599" t="s">
        <v>9916</v>
      </c>
      <c r="C6599">
        <v>1</v>
      </c>
      <c r="D6599">
        <v>0</v>
      </c>
    </row>
    <row r="6600" spans="1:4" x14ac:dyDescent="0.25">
      <c r="A6600" t="s">
        <v>9917</v>
      </c>
      <c r="B6600" t="s">
        <v>9918</v>
      </c>
      <c r="C6600">
        <v>2</v>
      </c>
      <c r="D6600">
        <v>0</v>
      </c>
    </row>
    <row r="6601" spans="1:4" x14ac:dyDescent="0.25">
      <c r="A6601" t="s">
        <v>9919</v>
      </c>
      <c r="B6601" t="s">
        <v>9920</v>
      </c>
      <c r="C6601">
        <v>0</v>
      </c>
      <c r="D6601">
        <v>0</v>
      </c>
    </row>
    <row r="6602" spans="1:4" x14ac:dyDescent="0.25">
      <c r="A6602" t="s">
        <v>9921</v>
      </c>
      <c r="B6602" t="s">
        <v>9922</v>
      </c>
      <c r="C6602">
        <v>0</v>
      </c>
      <c r="D6602">
        <v>0</v>
      </c>
    </row>
    <row r="6603" spans="1:4" x14ac:dyDescent="0.25">
      <c r="A6603" t="s">
        <v>9923</v>
      </c>
      <c r="B6603" t="s">
        <v>9924</v>
      </c>
      <c r="C6603">
        <v>1</v>
      </c>
      <c r="D6603">
        <v>0</v>
      </c>
    </row>
    <row r="6604" spans="1:4" x14ac:dyDescent="0.25">
      <c r="A6604" t="s">
        <v>9925</v>
      </c>
      <c r="B6604" t="s">
        <v>1001</v>
      </c>
      <c r="C6604">
        <v>1</v>
      </c>
      <c r="D6604">
        <v>0</v>
      </c>
    </row>
    <row r="6605" spans="1:4" x14ac:dyDescent="0.25">
      <c r="A6605" t="s">
        <v>9925</v>
      </c>
      <c r="B6605" t="s">
        <v>9926</v>
      </c>
      <c r="C6605">
        <v>1</v>
      </c>
      <c r="D6605">
        <v>0</v>
      </c>
    </row>
    <row r="6606" spans="1:4" x14ac:dyDescent="0.25">
      <c r="A6606" t="s">
        <v>9925</v>
      </c>
      <c r="B6606" t="s">
        <v>9927</v>
      </c>
      <c r="C6606">
        <v>1</v>
      </c>
      <c r="D6606">
        <v>0</v>
      </c>
    </row>
    <row r="6607" spans="1:4" x14ac:dyDescent="0.25">
      <c r="A6607" t="s">
        <v>9928</v>
      </c>
      <c r="B6607" t="s">
        <v>9929</v>
      </c>
      <c r="C6607">
        <v>1</v>
      </c>
      <c r="D6607">
        <v>0</v>
      </c>
    </row>
    <row r="6608" spans="1:4" x14ac:dyDescent="0.25">
      <c r="A6608" t="s">
        <v>9928</v>
      </c>
      <c r="B6608" t="s">
        <v>9930</v>
      </c>
      <c r="C6608">
        <v>0</v>
      </c>
      <c r="D6608">
        <v>0</v>
      </c>
    </row>
    <row r="6609" spans="1:4" x14ac:dyDescent="0.25">
      <c r="A6609" t="s">
        <v>9931</v>
      </c>
      <c r="B6609" t="s">
        <v>9932</v>
      </c>
      <c r="C6609">
        <v>1</v>
      </c>
      <c r="D6609">
        <v>0</v>
      </c>
    </row>
    <row r="6610" spans="1:4" x14ac:dyDescent="0.25">
      <c r="A6610" t="s">
        <v>9931</v>
      </c>
      <c r="B6610" t="s">
        <v>9933</v>
      </c>
      <c r="C6610">
        <v>2</v>
      </c>
      <c r="D6610">
        <v>0</v>
      </c>
    </row>
    <row r="6611" spans="1:4" x14ac:dyDescent="0.25">
      <c r="A6611" t="s">
        <v>9931</v>
      </c>
      <c r="B6611" t="s">
        <v>9934</v>
      </c>
      <c r="C6611">
        <v>1</v>
      </c>
      <c r="D6611">
        <v>0</v>
      </c>
    </row>
    <row r="6612" spans="1:4" x14ac:dyDescent="0.25">
      <c r="A6612" t="s">
        <v>9935</v>
      </c>
      <c r="B6612" t="s">
        <v>9936</v>
      </c>
      <c r="C6612">
        <v>1</v>
      </c>
      <c r="D6612">
        <v>0</v>
      </c>
    </row>
    <row r="6613" spans="1:4" x14ac:dyDescent="0.25">
      <c r="A6613" t="s">
        <v>9935</v>
      </c>
      <c r="B6613" t="s">
        <v>9937</v>
      </c>
      <c r="C6613">
        <v>1</v>
      </c>
      <c r="D6613">
        <v>0</v>
      </c>
    </row>
    <row r="6614" spans="1:4" x14ac:dyDescent="0.25">
      <c r="A6614" t="s">
        <v>9938</v>
      </c>
      <c r="B6614" t="s">
        <v>9939</v>
      </c>
      <c r="C6614">
        <v>1</v>
      </c>
      <c r="D6614">
        <v>0</v>
      </c>
    </row>
    <row r="6615" spans="1:4" x14ac:dyDescent="0.25">
      <c r="A6615" t="s">
        <v>9940</v>
      </c>
      <c r="B6615" t="s">
        <v>2671</v>
      </c>
      <c r="C6615">
        <v>1</v>
      </c>
      <c r="D6615">
        <v>0</v>
      </c>
    </row>
    <row r="6616" spans="1:4" x14ac:dyDescent="0.25">
      <c r="A6616" t="s">
        <v>9941</v>
      </c>
      <c r="B6616" t="s">
        <v>9942</v>
      </c>
      <c r="C6616">
        <v>0</v>
      </c>
      <c r="D6616">
        <v>0</v>
      </c>
    </row>
    <row r="6617" spans="1:4" x14ac:dyDescent="0.25">
      <c r="A6617" t="s">
        <v>9943</v>
      </c>
      <c r="B6617" t="s">
        <v>1101</v>
      </c>
      <c r="C6617">
        <v>1</v>
      </c>
      <c r="D6617">
        <v>0</v>
      </c>
    </row>
    <row r="6618" spans="1:4" x14ac:dyDescent="0.25">
      <c r="A6618" t="s">
        <v>9944</v>
      </c>
      <c r="B6618" t="s">
        <v>2267</v>
      </c>
      <c r="C6618">
        <v>0</v>
      </c>
      <c r="D6618">
        <v>0</v>
      </c>
    </row>
    <row r="6619" spans="1:4" x14ac:dyDescent="0.25">
      <c r="A6619" t="s">
        <v>9944</v>
      </c>
      <c r="B6619" t="s">
        <v>9945</v>
      </c>
      <c r="C6619">
        <v>2</v>
      </c>
      <c r="D6619">
        <v>0</v>
      </c>
    </row>
    <row r="6620" spans="1:4" x14ac:dyDescent="0.25">
      <c r="A6620" t="s">
        <v>9946</v>
      </c>
      <c r="B6620" t="s">
        <v>1001</v>
      </c>
      <c r="C6620">
        <v>1</v>
      </c>
      <c r="D6620">
        <v>0</v>
      </c>
    </row>
    <row r="6621" spans="1:4" x14ac:dyDescent="0.25">
      <c r="A6621" t="s">
        <v>9947</v>
      </c>
      <c r="B6621" t="s">
        <v>9948</v>
      </c>
      <c r="C6621">
        <v>0</v>
      </c>
      <c r="D6621">
        <v>0</v>
      </c>
    </row>
    <row r="6622" spans="1:4" x14ac:dyDescent="0.25">
      <c r="A6622" t="s">
        <v>9947</v>
      </c>
      <c r="B6622" t="s">
        <v>9949</v>
      </c>
      <c r="C6622">
        <v>2</v>
      </c>
      <c r="D6622">
        <v>0</v>
      </c>
    </row>
    <row r="6623" spans="1:4" x14ac:dyDescent="0.25">
      <c r="A6623" t="s">
        <v>9947</v>
      </c>
      <c r="B6623" t="s">
        <v>9950</v>
      </c>
      <c r="C6623">
        <v>0</v>
      </c>
      <c r="D6623">
        <v>0</v>
      </c>
    </row>
    <row r="6624" spans="1:4" x14ac:dyDescent="0.25">
      <c r="A6624" t="s">
        <v>9951</v>
      </c>
      <c r="B6624" t="s">
        <v>9952</v>
      </c>
      <c r="C6624">
        <v>1</v>
      </c>
      <c r="D6624">
        <v>0</v>
      </c>
    </row>
    <row r="6625" spans="1:4" x14ac:dyDescent="0.25">
      <c r="A6625" t="s">
        <v>9951</v>
      </c>
      <c r="B6625" t="s">
        <v>9953</v>
      </c>
      <c r="C6625">
        <v>1</v>
      </c>
      <c r="D6625">
        <v>0</v>
      </c>
    </row>
    <row r="6626" spans="1:4" x14ac:dyDescent="0.25">
      <c r="A6626" t="s">
        <v>9951</v>
      </c>
      <c r="B6626" t="s">
        <v>9954</v>
      </c>
      <c r="C6626">
        <v>1</v>
      </c>
      <c r="D6626">
        <v>0</v>
      </c>
    </row>
    <row r="6627" spans="1:4" x14ac:dyDescent="0.25">
      <c r="A6627" t="s">
        <v>9955</v>
      </c>
      <c r="B6627" t="s">
        <v>1769</v>
      </c>
      <c r="C6627">
        <v>1</v>
      </c>
      <c r="D6627">
        <v>0</v>
      </c>
    </row>
    <row r="6628" spans="1:4" x14ac:dyDescent="0.25">
      <c r="A6628" t="s">
        <v>9956</v>
      </c>
      <c r="B6628" t="s">
        <v>1001</v>
      </c>
      <c r="C6628">
        <v>1</v>
      </c>
      <c r="D6628">
        <v>0</v>
      </c>
    </row>
    <row r="6629" spans="1:4" x14ac:dyDescent="0.25">
      <c r="A6629" t="s">
        <v>9957</v>
      </c>
      <c r="B6629" t="s">
        <v>9958</v>
      </c>
      <c r="C6629">
        <v>1</v>
      </c>
      <c r="D6629">
        <v>0</v>
      </c>
    </row>
    <row r="6630" spans="1:4" x14ac:dyDescent="0.25">
      <c r="A6630" t="s">
        <v>9959</v>
      </c>
      <c r="B6630" t="s">
        <v>9960</v>
      </c>
      <c r="C6630">
        <v>2</v>
      </c>
      <c r="D6630">
        <v>0</v>
      </c>
    </row>
    <row r="6631" spans="1:4" x14ac:dyDescent="0.25">
      <c r="A6631" t="s">
        <v>9961</v>
      </c>
      <c r="B6631" t="s">
        <v>9962</v>
      </c>
      <c r="C6631">
        <v>1</v>
      </c>
      <c r="D6631">
        <v>0</v>
      </c>
    </row>
    <row r="6632" spans="1:4" x14ac:dyDescent="0.25">
      <c r="A6632" t="s">
        <v>9961</v>
      </c>
      <c r="B6632" t="s">
        <v>9963</v>
      </c>
      <c r="C6632">
        <v>0</v>
      </c>
      <c r="D6632">
        <v>0</v>
      </c>
    </row>
    <row r="6633" spans="1:4" x14ac:dyDescent="0.25">
      <c r="A6633" t="s">
        <v>9964</v>
      </c>
      <c r="B6633" t="s">
        <v>9965</v>
      </c>
      <c r="C6633">
        <v>1</v>
      </c>
      <c r="D6633">
        <v>0</v>
      </c>
    </row>
    <row r="6634" spans="1:4" x14ac:dyDescent="0.25">
      <c r="A6634" t="s">
        <v>9966</v>
      </c>
      <c r="B6634" t="s">
        <v>9967</v>
      </c>
      <c r="C6634">
        <v>1</v>
      </c>
      <c r="D6634">
        <v>0</v>
      </c>
    </row>
    <row r="6635" spans="1:4" x14ac:dyDescent="0.25">
      <c r="A6635" t="s">
        <v>9968</v>
      </c>
      <c r="B6635" t="s">
        <v>9969</v>
      </c>
      <c r="C6635">
        <v>1</v>
      </c>
      <c r="D6635">
        <v>0</v>
      </c>
    </row>
    <row r="6636" spans="1:4" x14ac:dyDescent="0.25">
      <c r="A6636" t="s">
        <v>9968</v>
      </c>
      <c r="B6636" t="s">
        <v>9970</v>
      </c>
      <c r="C6636">
        <v>1</v>
      </c>
      <c r="D6636">
        <v>0</v>
      </c>
    </row>
    <row r="6637" spans="1:4" x14ac:dyDescent="0.25">
      <c r="A6637" t="s">
        <v>9968</v>
      </c>
      <c r="B6637" t="s">
        <v>9971</v>
      </c>
      <c r="C6637">
        <v>1</v>
      </c>
      <c r="D6637">
        <v>0</v>
      </c>
    </row>
    <row r="6638" spans="1:4" x14ac:dyDescent="0.25">
      <c r="A6638" t="s">
        <v>9972</v>
      </c>
      <c r="B6638" t="s">
        <v>9973</v>
      </c>
      <c r="C6638">
        <v>1</v>
      </c>
      <c r="D6638">
        <v>0</v>
      </c>
    </row>
    <row r="6639" spans="1:4" x14ac:dyDescent="0.25">
      <c r="A6639" t="s">
        <v>9974</v>
      </c>
      <c r="B6639" t="s">
        <v>9975</v>
      </c>
      <c r="C6639">
        <v>0</v>
      </c>
      <c r="D6639">
        <v>0</v>
      </c>
    </row>
    <row r="6640" spans="1:4" x14ac:dyDescent="0.25">
      <c r="A6640" t="s">
        <v>9976</v>
      </c>
      <c r="B6640" t="s">
        <v>9977</v>
      </c>
      <c r="C6640">
        <v>1</v>
      </c>
      <c r="D6640">
        <v>0</v>
      </c>
    </row>
    <row r="6641" spans="1:4" x14ac:dyDescent="0.25">
      <c r="A6641" t="s">
        <v>9976</v>
      </c>
      <c r="B6641" t="s">
        <v>9978</v>
      </c>
      <c r="C6641">
        <v>1</v>
      </c>
      <c r="D6641">
        <v>0</v>
      </c>
    </row>
    <row r="6642" spans="1:4" x14ac:dyDescent="0.25">
      <c r="A6642" t="s">
        <v>9979</v>
      </c>
      <c r="B6642" t="s">
        <v>9980</v>
      </c>
      <c r="C6642">
        <v>1</v>
      </c>
      <c r="D6642">
        <v>0</v>
      </c>
    </row>
    <row r="6643" spans="1:4" x14ac:dyDescent="0.25">
      <c r="A6643" t="s">
        <v>9981</v>
      </c>
      <c r="B6643" t="s">
        <v>9982</v>
      </c>
      <c r="C6643">
        <v>1</v>
      </c>
      <c r="D6643">
        <v>0</v>
      </c>
    </row>
    <row r="6644" spans="1:4" x14ac:dyDescent="0.25">
      <c r="A6644" t="s">
        <v>9981</v>
      </c>
      <c r="B6644" t="s">
        <v>9983</v>
      </c>
      <c r="C6644">
        <v>0</v>
      </c>
      <c r="D6644">
        <v>0</v>
      </c>
    </row>
    <row r="6645" spans="1:4" x14ac:dyDescent="0.25">
      <c r="A6645" t="s">
        <v>9984</v>
      </c>
      <c r="B6645" t="s">
        <v>1387</v>
      </c>
      <c r="C6645">
        <v>1</v>
      </c>
      <c r="D6645">
        <v>0</v>
      </c>
    </row>
    <row r="6646" spans="1:4" x14ac:dyDescent="0.25">
      <c r="A6646" t="s">
        <v>9985</v>
      </c>
      <c r="B6646" t="s">
        <v>9986</v>
      </c>
      <c r="C6646">
        <v>2</v>
      </c>
      <c r="D6646">
        <v>0</v>
      </c>
    </row>
    <row r="6647" spans="1:4" x14ac:dyDescent="0.25">
      <c r="A6647" t="s">
        <v>9987</v>
      </c>
      <c r="B6647" t="s">
        <v>9988</v>
      </c>
      <c r="C6647">
        <v>0</v>
      </c>
      <c r="D6647">
        <v>0</v>
      </c>
    </row>
    <row r="6648" spans="1:4" x14ac:dyDescent="0.25">
      <c r="A6648" t="s">
        <v>9989</v>
      </c>
      <c r="B6648" t="s">
        <v>1499</v>
      </c>
      <c r="C6648">
        <v>1</v>
      </c>
      <c r="D6648">
        <v>0</v>
      </c>
    </row>
    <row r="6649" spans="1:4" x14ac:dyDescent="0.25">
      <c r="A6649" t="s">
        <v>9990</v>
      </c>
      <c r="B6649" t="s">
        <v>7306</v>
      </c>
      <c r="C6649">
        <v>1</v>
      </c>
      <c r="D6649">
        <v>0</v>
      </c>
    </row>
    <row r="6650" spans="1:4" x14ac:dyDescent="0.25">
      <c r="A6650" t="s">
        <v>9991</v>
      </c>
      <c r="B6650" t="s">
        <v>9992</v>
      </c>
      <c r="C6650">
        <v>1</v>
      </c>
      <c r="D6650">
        <v>0</v>
      </c>
    </row>
    <row r="6651" spans="1:4" x14ac:dyDescent="0.25">
      <c r="A6651" t="s">
        <v>9993</v>
      </c>
      <c r="B6651" t="s">
        <v>9994</v>
      </c>
      <c r="C6651">
        <v>1</v>
      </c>
      <c r="D6651">
        <v>0</v>
      </c>
    </row>
    <row r="6652" spans="1:4" x14ac:dyDescent="0.25">
      <c r="A6652" t="s">
        <v>9995</v>
      </c>
      <c r="B6652" t="s">
        <v>9996</v>
      </c>
      <c r="C6652">
        <v>0</v>
      </c>
      <c r="D6652">
        <v>0</v>
      </c>
    </row>
    <row r="6653" spans="1:4" x14ac:dyDescent="0.25">
      <c r="A6653" t="s">
        <v>9995</v>
      </c>
      <c r="B6653" t="s">
        <v>9997</v>
      </c>
      <c r="C6653">
        <v>0</v>
      </c>
      <c r="D6653">
        <v>0</v>
      </c>
    </row>
    <row r="6654" spans="1:4" x14ac:dyDescent="0.25">
      <c r="A6654" t="s">
        <v>9995</v>
      </c>
      <c r="B6654" t="s">
        <v>9998</v>
      </c>
      <c r="C6654">
        <v>0</v>
      </c>
      <c r="D6654">
        <v>0</v>
      </c>
    </row>
    <row r="6655" spans="1:4" x14ac:dyDescent="0.25">
      <c r="A6655" t="s">
        <v>9999</v>
      </c>
      <c r="B6655" t="s">
        <v>10000</v>
      </c>
      <c r="C6655">
        <v>1</v>
      </c>
      <c r="D6655">
        <v>0</v>
      </c>
    </row>
    <row r="6656" spans="1:4" x14ac:dyDescent="0.25">
      <c r="A6656" t="s">
        <v>9999</v>
      </c>
      <c r="B6656" t="s">
        <v>10001</v>
      </c>
      <c r="C6656">
        <v>1</v>
      </c>
      <c r="D6656">
        <v>0</v>
      </c>
    </row>
    <row r="6657" spans="1:4" x14ac:dyDescent="0.25">
      <c r="A6657" t="s">
        <v>10002</v>
      </c>
      <c r="B6657" t="s">
        <v>10003</v>
      </c>
      <c r="C6657">
        <v>2</v>
      </c>
      <c r="D6657">
        <v>0</v>
      </c>
    </row>
    <row r="6658" spans="1:4" x14ac:dyDescent="0.25">
      <c r="A6658" t="s">
        <v>10002</v>
      </c>
      <c r="B6658" t="s">
        <v>10004</v>
      </c>
      <c r="C6658">
        <v>2</v>
      </c>
      <c r="D6658">
        <v>0</v>
      </c>
    </row>
    <row r="6659" spans="1:4" x14ac:dyDescent="0.25">
      <c r="A6659" t="s">
        <v>10005</v>
      </c>
      <c r="B6659" t="s">
        <v>10006</v>
      </c>
      <c r="C6659">
        <v>0</v>
      </c>
      <c r="D6659">
        <v>0</v>
      </c>
    </row>
    <row r="6660" spans="1:4" x14ac:dyDescent="0.25">
      <c r="A6660" t="s">
        <v>10005</v>
      </c>
      <c r="B6660" t="s">
        <v>10007</v>
      </c>
      <c r="C6660">
        <v>0</v>
      </c>
      <c r="D6660">
        <v>0</v>
      </c>
    </row>
    <row r="6661" spans="1:4" x14ac:dyDescent="0.25">
      <c r="A6661" t="s">
        <v>10005</v>
      </c>
      <c r="B6661" t="s">
        <v>10008</v>
      </c>
      <c r="C6661">
        <v>0</v>
      </c>
      <c r="D6661">
        <v>0</v>
      </c>
    </row>
    <row r="6662" spans="1:4" x14ac:dyDescent="0.25">
      <c r="A6662" t="s">
        <v>10009</v>
      </c>
      <c r="B6662" t="s">
        <v>10010</v>
      </c>
      <c r="C6662">
        <v>1</v>
      </c>
      <c r="D6662">
        <v>0</v>
      </c>
    </row>
    <row r="6663" spans="1:4" x14ac:dyDescent="0.25">
      <c r="A6663" t="s">
        <v>10011</v>
      </c>
      <c r="B6663" t="s">
        <v>10012</v>
      </c>
      <c r="C6663">
        <v>0</v>
      </c>
      <c r="D6663">
        <v>0</v>
      </c>
    </row>
    <row r="6664" spans="1:4" x14ac:dyDescent="0.25">
      <c r="A6664" t="s">
        <v>10013</v>
      </c>
      <c r="B6664" t="s">
        <v>10014</v>
      </c>
      <c r="C6664">
        <v>2</v>
      </c>
      <c r="D6664">
        <v>0</v>
      </c>
    </row>
    <row r="6665" spans="1:4" x14ac:dyDescent="0.25">
      <c r="A6665" t="s">
        <v>10013</v>
      </c>
      <c r="B6665" t="s">
        <v>10015</v>
      </c>
      <c r="C6665">
        <v>2</v>
      </c>
      <c r="D6665">
        <v>0</v>
      </c>
    </row>
    <row r="6666" spans="1:4" x14ac:dyDescent="0.25">
      <c r="A6666" t="s">
        <v>10016</v>
      </c>
      <c r="B6666" t="s">
        <v>843</v>
      </c>
      <c r="C6666">
        <v>1</v>
      </c>
      <c r="D6666">
        <v>0</v>
      </c>
    </row>
    <row r="6667" spans="1:4" x14ac:dyDescent="0.25">
      <c r="A6667" t="s">
        <v>10016</v>
      </c>
      <c r="B6667" t="s">
        <v>10017</v>
      </c>
      <c r="C6667">
        <v>0</v>
      </c>
      <c r="D6667">
        <v>0</v>
      </c>
    </row>
    <row r="6668" spans="1:4" x14ac:dyDescent="0.25">
      <c r="A6668" t="s">
        <v>10018</v>
      </c>
      <c r="B6668" t="s">
        <v>10019</v>
      </c>
      <c r="C6668">
        <v>2</v>
      </c>
      <c r="D6668">
        <v>0</v>
      </c>
    </row>
    <row r="6669" spans="1:4" x14ac:dyDescent="0.25">
      <c r="A6669" t="s">
        <v>10018</v>
      </c>
      <c r="B6669" t="s">
        <v>10020</v>
      </c>
      <c r="C6669">
        <v>2</v>
      </c>
      <c r="D6669">
        <v>0</v>
      </c>
    </row>
    <row r="6670" spans="1:4" x14ac:dyDescent="0.25">
      <c r="A6670" t="s">
        <v>10021</v>
      </c>
      <c r="B6670" t="s">
        <v>3410</v>
      </c>
      <c r="C6670">
        <v>1</v>
      </c>
      <c r="D6670">
        <v>0</v>
      </c>
    </row>
    <row r="6671" spans="1:4" x14ac:dyDescent="0.25">
      <c r="A6671" t="s">
        <v>10021</v>
      </c>
      <c r="B6671" t="s">
        <v>10022</v>
      </c>
      <c r="C6671">
        <v>1</v>
      </c>
      <c r="D6671">
        <v>0</v>
      </c>
    </row>
    <row r="6672" spans="1:4" x14ac:dyDescent="0.25">
      <c r="A6672" t="s">
        <v>10023</v>
      </c>
      <c r="B6672" t="s">
        <v>10024</v>
      </c>
      <c r="C6672">
        <v>1</v>
      </c>
      <c r="D6672">
        <v>0</v>
      </c>
    </row>
    <row r="6673" spans="1:4" x14ac:dyDescent="0.25">
      <c r="A6673" t="s">
        <v>10025</v>
      </c>
      <c r="B6673" t="s">
        <v>843</v>
      </c>
      <c r="C6673">
        <v>1</v>
      </c>
      <c r="D6673">
        <v>0</v>
      </c>
    </row>
    <row r="6674" spans="1:4" x14ac:dyDescent="0.25">
      <c r="A6674" t="s">
        <v>10026</v>
      </c>
      <c r="B6674" t="s">
        <v>10027</v>
      </c>
      <c r="C6674">
        <v>0</v>
      </c>
      <c r="D6674">
        <v>0</v>
      </c>
    </row>
    <row r="6675" spans="1:4" x14ac:dyDescent="0.25">
      <c r="A6675" t="s">
        <v>10028</v>
      </c>
      <c r="B6675" t="s">
        <v>820</v>
      </c>
      <c r="C6675">
        <v>1</v>
      </c>
      <c r="D6675">
        <v>0</v>
      </c>
    </row>
    <row r="6676" spans="1:4" x14ac:dyDescent="0.25">
      <c r="A6676" t="s">
        <v>10029</v>
      </c>
      <c r="B6676" t="s">
        <v>10030</v>
      </c>
      <c r="C6676">
        <v>2</v>
      </c>
      <c r="D6676">
        <v>0</v>
      </c>
    </row>
    <row r="6677" spans="1:4" x14ac:dyDescent="0.25">
      <c r="A6677" t="s">
        <v>10029</v>
      </c>
      <c r="B6677" t="s">
        <v>10031</v>
      </c>
      <c r="C6677">
        <v>2</v>
      </c>
      <c r="D6677">
        <v>0</v>
      </c>
    </row>
    <row r="6678" spans="1:4" x14ac:dyDescent="0.25">
      <c r="A6678" t="s">
        <v>10032</v>
      </c>
      <c r="B6678" t="s">
        <v>10033</v>
      </c>
      <c r="C6678">
        <v>1</v>
      </c>
      <c r="D6678">
        <v>0</v>
      </c>
    </row>
    <row r="6679" spans="1:4" x14ac:dyDescent="0.25">
      <c r="A6679" t="s">
        <v>10034</v>
      </c>
      <c r="B6679" t="s">
        <v>10035</v>
      </c>
      <c r="C6679">
        <v>0</v>
      </c>
      <c r="D6679">
        <v>0</v>
      </c>
    </row>
    <row r="6680" spans="1:4" x14ac:dyDescent="0.25">
      <c r="A6680" t="s">
        <v>10034</v>
      </c>
      <c r="B6680" t="s">
        <v>10036</v>
      </c>
      <c r="C6680">
        <v>0</v>
      </c>
      <c r="D6680">
        <v>0</v>
      </c>
    </row>
    <row r="6681" spans="1:4" x14ac:dyDescent="0.25">
      <c r="A6681" t="s">
        <v>10034</v>
      </c>
      <c r="B6681" t="s">
        <v>10037</v>
      </c>
      <c r="C6681">
        <v>1</v>
      </c>
      <c r="D6681">
        <v>0</v>
      </c>
    </row>
    <row r="6682" spans="1:4" x14ac:dyDescent="0.25">
      <c r="A6682" t="s">
        <v>10038</v>
      </c>
      <c r="B6682" t="s">
        <v>843</v>
      </c>
      <c r="C6682">
        <v>1</v>
      </c>
      <c r="D6682">
        <v>0</v>
      </c>
    </row>
    <row r="6683" spans="1:4" x14ac:dyDescent="0.25">
      <c r="A6683" t="s">
        <v>10039</v>
      </c>
      <c r="B6683" t="s">
        <v>10040</v>
      </c>
      <c r="C6683">
        <v>1</v>
      </c>
      <c r="D6683">
        <v>0</v>
      </c>
    </row>
    <row r="6684" spans="1:4" x14ac:dyDescent="0.25">
      <c r="A6684" t="s">
        <v>10039</v>
      </c>
      <c r="B6684" t="s">
        <v>10041</v>
      </c>
      <c r="C6684">
        <v>1</v>
      </c>
      <c r="D6684">
        <v>0</v>
      </c>
    </row>
    <row r="6685" spans="1:4" x14ac:dyDescent="0.25">
      <c r="A6685" t="s">
        <v>10039</v>
      </c>
      <c r="B6685" t="s">
        <v>10042</v>
      </c>
      <c r="C6685">
        <v>2</v>
      </c>
      <c r="D6685">
        <v>0</v>
      </c>
    </row>
    <row r="6686" spans="1:4" x14ac:dyDescent="0.25">
      <c r="A6686" t="s">
        <v>10043</v>
      </c>
      <c r="B6686" t="s">
        <v>10044</v>
      </c>
      <c r="C6686">
        <v>1</v>
      </c>
      <c r="D6686">
        <v>0</v>
      </c>
    </row>
    <row r="6687" spans="1:4" x14ac:dyDescent="0.25">
      <c r="A6687" t="s">
        <v>10043</v>
      </c>
      <c r="B6687" t="s">
        <v>10045</v>
      </c>
      <c r="C6687">
        <v>1</v>
      </c>
      <c r="D6687">
        <v>0</v>
      </c>
    </row>
    <row r="6688" spans="1:4" x14ac:dyDescent="0.25">
      <c r="A6688" t="s">
        <v>10046</v>
      </c>
      <c r="B6688" t="s">
        <v>10047</v>
      </c>
      <c r="C6688">
        <v>0</v>
      </c>
      <c r="D6688">
        <v>0</v>
      </c>
    </row>
    <row r="6689" spans="1:4" x14ac:dyDescent="0.25">
      <c r="A6689" t="s">
        <v>10048</v>
      </c>
      <c r="B6689" t="s">
        <v>10049</v>
      </c>
      <c r="C6689">
        <v>1</v>
      </c>
      <c r="D6689">
        <v>0</v>
      </c>
    </row>
    <row r="6690" spans="1:4" x14ac:dyDescent="0.25">
      <c r="A6690" t="s">
        <v>10048</v>
      </c>
      <c r="B6690" t="s">
        <v>10050</v>
      </c>
      <c r="C6690">
        <v>1</v>
      </c>
      <c r="D6690">
        <v>0</v>
      </c>
    </row>
    <row r="6691" spans="1:4" x14ac:dyDescent="0.25">
      <c r="A6691" t="s">
        <v>10051</v>
      </c>
      <c r="B6691" t="s">
        <v>10052</v>
      </c>
      <c r="C6691">
        <v>0</v>
      </c>
      <c r="D6691">
        <v>0</v>
      </c>
    </row>
    <row r="6692" spans="1:4" x14ac:dyDescent="0.25">
      <c r="A6692" t="s">
        <v>10051</v>
      </c>
      <c r="B6692" t="s">
        <v>10053</v>
      </c>
      <c r="C6692">
        <v>1</v>
      </c>
      <c r="D6692">
        <v>0</v>
      </c>
    </row>
    <row r="6693" spans="1:4" x14ac:dyDescent="0.25">
      <c r="A6693" t="s">
        <v>10054</v>
      </c>
      <c r="B6693" t="s">
        <v>10055</v>
      </c>
      <c r="C6693">
        <v>0</v>
      </c>
      <c r="D6693">
        <v>0</v>
      </c>
    </row>
    <row r="6694" spans="1:4" x14ac:dyDescent="0.25">
      <c r="A6694" t="s">
        <v>10056</v>
      </c>
      <c r="B6694" t="s">
        <v>10057</v>
      </c>
      <c r="C6694">
        <v>1</v>
      </c>
      <c r="D6694">
        <v>0</v>
      </c>
    </row>
    <row r="6695" spans="1:4" x14ac:dyDescent="0.25">
      <c r="A6695" t="s">
        <v>10058</v>
      </c>
      <c r="B6695" t="s">
        <v>10059</v>
      </c>
      <c r="C6695">
        <v>1</v>
      </c>
      <c r="D6695">
        <v>0</v>
      </c>
    </row>
    <row r="6696" spans="1:4" x14ac:dyDescent="0.25">
      <c r="A6696" t="s">
        <v>10060</v>
      </c>
      <c r="B6696" t="s">
        <v>10061</v>
      </c>
      <c r="C6696">
        <v>1</v>
      </c>
      <c r="D6696">
        <v>0</v>
      </c>
    </row>
    <row r="6697" spans="1:4" x14ac:dyDescent="0.25">
      <c r="A6697" t="s">
        <v>10060</v>
      </c>
      <c r="B6697" t="s">
        <v>10062</v>
      </c>
      <c r="C6697">
        <v>2</v>
      </c>
      <c r="D6697">
        <v>0</v>
      </c>
    </row>
    <row r="6698" spans="1:4" x14ac:dyDescent="0.25">
      <c r="A6698" t="s">
        <v>10060</v>
      </c>
      <c r="B6698" t="s">
        <v>10063</v>
      </c>
      <c r="C6698">
        <v>0</v>
      </c>
      <c r="D6698">
        <v>0</v>
      </c>
    </row>
    <row r="6699" spans="1:4" x14ac:dyDescent="0.25">
      <c r="A6699" t="s">
        <v>10064</v>
      </c>
      <c r="B6699" t="s">
        <v>10065</v>
      </c>
      <c r="C6699">
        <v>2</v>
      </c>
      <c r="D6699">
        <v>0</v>
      </c>
    </row>
    <row r="6700" spans="1:4" x14ac:dyDescent="0.25">
      <c r="A6700" t="s">
        <v>10064</v>
      </c>
      <c r="B6700" t="s">
        <v>10066</v>
      </c>
      <c r="C6700">
        <v>0</v>
      </c>
      <c r="D6700">
        <v>0</v>
      </c>
    </row>
    <row r="6701" spans="1:4" x14ac:dyDescent="0.25">
      <c r="A6701" t="s">
        <v>10064</v>
      </c>
      <c r="B6701" t="s">
        <v>10067</v>
      </c>
      <c r="C6701">
        <v>0</v>
      </c>
      <c r="D6701">
        <v>0</v>
      </c>
    </row>
    <row r="6702" spans="1:4" x14ac:dyDescent="0.25">
      <c r="A6702" t="s">
        <v>10068</v>
      </c>
      <c r="B6702" t="s">
        <v>2061</v>
      </c>
      <c r="C6702">
        <v>0</v>
      </c>
      <c r="D6702">
        <v>0</v>
      </c>
    </row>
    <row r="6703" spans="1:4" x14ac:dyDescent="0.25">
      <c r="A6703" t="s">
        <v>10069</v>
      </c>
      <c r="B6703" t="s">
        <v>4910</v>
      </c>
      <c r="C6703">
        <v>1</v>
      </c>
      <c r="D6703">
        <v>0</v>
      </c>
    </row>
    <row r="6704" spans="1:4" x14ac:dyDescent="0.25">
      <c r="A6704" t="s">
        <v>10070</v>
      </c>
      <c r="B6704" t="s">
        <v>10071</v>
      </c>
      <c r="C6704">
        <v>2</v>
      </c>
      <c r="D6704">
        <v>0</v>
      </c>
    </row>
    <row r="6705" spans="1:4" x14ac:dyDescent="0.25">
      <c r="A6705" t="s">
        <v>10070</v>
      </c>
      <c r="B6705" t="s">
        <v>10072</v>
      </c>
      <c r="C6705">
        <v>1</v>
      </c>
      <c r="D6705">
        <v>0</v>
      </c>
    </row>
    <row r="6706" spans="1:4" x14ac:dyDescent="0.25">
      <c r="A6706" t="s">
        <v>10073</v>
      </c>
      <c r="B6706" t="s">
        <v>10074</v>
      </c>
      <c r="C6706">
        <v>2</v>
      </c>
      <c r="D6706">
        <v>0</v>
      </c>
    </row>
    <row r="6707" spans="1:4" x14ac:dyDescent="0.25">
      <c r="A6707" t="s">
        <v>10073</v>
      </c>
      <c r="B6707" t="s">
        <v>10075</v>
      </c>
      <c r="C6707">
        <v>0</v>
      </c>
      <c r="D6707">
        <v>0</v>
      </c>
    </row>
    <row r="6708" spans="1:4" x14ac:dyDescent="0.25">
      <c r="A6708" t="s">
        <v>10073</v>
      </c>
      <c r="B6708" t="s">
        <v>10076</v>
      </c>
      <c r="C6708">
        <v>2</v>
      </c>
      <c r="D6708">
        <v>0</v>
      </c>
    </row>
    <row r="6709" spans="1:4" x14ac:dyDescent="0.25">
      <c r="A6709" t="s">
        <v>10077</v>
      </c>
      <c r="B6709" t="s">
        <v>10078</v>
      </c>
      <c r="C6709">
        <v>2</v>
      </c>
      <c r="D6709">
        <v>0</v>
      </c>
    </row>
    <row r="6710" spans="1:4" x14ac:dyDescent="0.25">
      <c r="A6710" t="s">
        <v>10079</v>
      </c>
      <c r="B6710" t="s">
        <v>10080</v>
      </c>
      <c r="C6710">
        <v>2</v>
      </c>
      <c r="D6710">
        <v>0</v>
      </c>
    </row>
    <row r="6711" spans="1:4" x14ac:dyDescent="0.25">
      <c r="A6711" t="s">
        <v>10081</v>
      </c>
      <c r="B6711" t="s">
        <v>1151</v>
      </c>
      <c r="C6711">
        <v>1</v>
      </c>
      <c r="D6711">
        <v>0</v>
      </c>
    </row>
    <row r="6712" spans="1:4" x14ac:dyDescent="0.25">
      <c r="A6712" t="s">
        <v>10082</v>
      </c>
      <c r="B6712" t="s">
        <v>10083</v>
      </c>
      <c r="C6712">
        <v>0</v>
      </c>
      <c r="D6712">
        <v>0</v>
      </c>
    </row>
    <row r="6713" spans="1:4" x14ac:dyDescent="0.25">
      <c r="A6713" t="s">
        <v>10082</v>
      </c>
      <c r="B6713" t="s">
        <v>10084</v>
      </c>
      <c r="C6713">
        <v>1</v>
      </c>
      <c r="D6713">
        <v>0</v>
      </c>
    </row>
    <row r="6714" spans="1:4" x14ac:dyDescent="0.25">
      <c r="A6714" t="s">
        <v>10085</v>
      </c>
      <c r="B6714" t="s">
        <v>10086</v>
      </c>
      <c r="C6714">
        <v>1</v>
      </c>
      <c r="D6714">
        <v>0</v>
      </c>
    </row>
    <row r="6715" spans="1:4" x14ac:dyDescent="0.25">
      <c r="A6715" t="s">
        <v>10087</v>
      </c>
      <c r="B6715" t="s">
        <v>3347</v>
      </c>
      <c r="C6715">
        <v>0</v>
      </c>
      <c r="D6715">
        <v>0</v>
      </c>
    </row>
    <row r="6716" spans="1:4" x14ac:dyDescent="0.25">
      <c r="A6716" t="s">
        <v>10088</v>
      </c>
      <c r="B6716" t="s">
        <v>10089</v>
      </c>
      <c r="C6716">
        <v>1</v>
      </c>
      <c r="D6716">
        <v>0</v>
      </c>
    </row>
    <row r="6717" spans="1:4" x14ac:dyDescent="0.25">
      <c r="A6717" t="s">
        <v>10090</v>
      </c>
      <c r="B6717" t="s">
        <v>3410</v>
      </c>
      <c r="C6717">
        <v>0</v>
      </c>
      <c r="D6717">
        <v>0</v>
      </c>
    </row>
    <row r="6718" spans="1:4" x14ac:dyDescent="0.25">
      <c r="A6718" t="s">
        <v>10091</v>
      </c>
      <c r="B6718" t="s">
        <v>4139</v>
      </c>
      <c r="C6718">
        <v>1</v>
      </c>
      <c r="D6718">
        <v>0</v>
      </c>
    </row>
    <row r="6719" spans="1:4" x14ac:dyDescent="0.25">
      <c r="A6719" t="s">
        <v>10092</v>
      </c>
      <c r="B6719" t="s">
        <v>10093</v>
      </c>
      <c r="C6719">
        <v>1</v>
      </c>
      <c r="D6719">
        <v>0</v>
      </c>
    </row>
    <row r="6720" spans="1:4" x14ac:dyDescent="0.25">
      <c r="A6720" t="s">
        <v>10092</v>
      </c>
      <c r="B6720" t="s">
        <v>10094</v>
      </c>
      <c r="C6720">
        <v>0</v>
      </c>
      <c r="D6720">
        <v>0</v>
      </c>
    </row>
    <row r="6721" spans="1:4" x14ac:dyDescent="0.25">
      <c r="A6721" t="s">
        <v>10095</v>
      </c>
      <c r="B6721" t="s">
        <v>10096</v>
      </c>
      <c r="C6721">
        <v>1</v>
      </c>
      <c r="D6721">
        <v>0</v>
      </c>
    </row>
    <row r="6722" spans="1:4" x14ac:dyDescent="0.25">
      <c r="A6722" t="s">
        <v>10097</v>
      </c>
      <c r="B6722" t="s">
        <v>2704</v>
      </c>
      <c r="C6722">
        <v>1</v>
      </c>
      <c r="D6722">
        <v>0</v>
      </c>
    </row>
    <row r="6723" spans="1:4" x14ac:dyDescent="0.25">
      <c r="A6723" t="s">
        <v>10098</v>
      </c>
      <c r="B6723" t="s">
        <v>10099</v>
      </c>
      <c r="C6723">
        <v>1</v>
      </c>
      <c r="D6723">
        <v>0</v>
      </c>
    </row>
    <row r="6724" spans="1:4" x14ac:dyDescent="0.25">
      <c r="A6724" t="s">
        <v>10100</v>
      </c>
      <c r="B6724" t="s">
        <v>10101</v>
      </c>
      <c r="C6724">
        <v>2</v>
      </c>
      <c r="D6724">
        <v>0</v>
      </c>
    </row>
    <row r="6725" spans="1:4" x14ac:dyDescent="0.25">
      <c r="A6725" t="s">
        <v>10102</v>
      </c>
      <c r="B6725" t="s">
        <v>10103</v>
      </c>
      <c r="C6725">
        <v>1</v>
      </c>
      <c r="D6725">
        <v>0</v>
      </c>
    </row>
    <row r="6726" spans="1:4" x14ac:dyDescent="0.25">
      <c r="A6726" t="s">
        <v>10102</v>
      </c>
      <c r="B6726" t="s">
        <v>10104</v>
      </c>
      <c r="C6726">
        <v>2</v>
      </c>
      <c r="D6726">
        <v>0</v>
      </c>
    </row>
    <row r="6727" spans="1:4" x14ac:dyDescent="0.25">
      <c r="A6727" t="s">
        <v>10105</v>
      </c>
      <c r="B6727" t="s">
        <v>10106</v>
      </c>
      <c r="C6727">
        <v>0</v>
      </c>
      <c r="D6727">
        <v>0</v>
      </c>
    </row>
    <row r="6728" spans="1:4" x14ac:dyDescent="0.25">
      <c r="A6728" t="s">
        <v>10107</v>
      </c>
      <c r="B6728" t="s">
        <v>10108</v>
      </c>
      <c r="C6728">
        <v>1</v>
      </c>
      <c r="D6728">
        <v>0</v>
      </c>
    </row>
    <row r="6729" spans="1:4" x14ac:dyDescent="0.25">
      <c r="A6729" t="s">
        <v>10109</v>
      </c>
      <c r="B6729" t="s">
        <v>10110</v>
      </c>
      <c r="C6729">
        <v>1</v>
      </c>
      <c r="D6729">
        <v>0</v>
      </c>
    </row>
    <row r="6730" spans="1:4" x14ac:dyDescent="0.25">
      <c r="A6730" t="s">
        <v>10109</v>
      </c>
      <c r="B6730" t="s">
        <v>10111</v>
      </c>
      <c r="C6730">
        <v>1</v>
      </c>
      <c r="D6730">
        <v>0</v>
      </c>
    </row>
    <row r="6731" spans="1:4" x14ac:dyDescent="0.25">
      <c r="A6731" t="s">
        <v>10112</v>
      </c>
      <c r="B6731" t="s">
        <v>10113</v>
      </c>
      <c r="C6731">
        <v>1</v>
      </c>
      <c r="D6731">
        <v>0</v>
      </c>
    </row>
    <row r="6732" spans="1:4" x14ac:dyDescent="0.25">
      <c r="A6732" t="s">
        <v>10112</v>
      </c>
      <c r="B6732" t="s">
        <v>10114</v>
      </c>
      <c r="C6732">
        <v>0</v>
      </c>
      <c r="D6732">
        <v>0</v>
      </c>
    </row>
    <row r="6733" spans="1:4" x14ac:dyDescent="0.25">
      <c r="A6733" t="s">
        <v>10112</v>
      </c>
      <c r="B6733" t="s">
        <v>10115</v>
      </c>
      <c r="C6733">
        <v>0</v>
      </c>
      <c r="D6733">
        <v>0</v>
      </c>
    </row>
    <row r="6734" spans="1:4" x14ac:dyDescent="0.25">
      <c r="A6734" t="s">
        <v>10116</v>
      </c>
      <c r="B6734" t="s">
        <v>10117</v>
      </c>
      <c r="C6734">
        <v>2</v>
      </c>
      <c r="D6734">
        <v>0</v>
      </c>
    </row>
    <row r="6735" spans="1:4" x14ac:dyDescent="0.25">
      <c r="A6735" t="s">
        <v>10116</v>
      </c>
      <c r="B6735" t="s">
        <v>10118</v>
      </c>
      <c r="C6735">
        <v>2</v>
      </c>
      <c r="D6735">
        <v>0</v>
      </c>
    </row>
    <row r="6736" spans="1:4" x14ac:dyDescent="0.25">
      <c r="A6736" t="s">
        <v>10119</v>
      </c>
      <c r="B6736" t="s">
        <v>10120</v>
      </c>
      <c r="C6736">
        <v>1</v>
      </c>
      <c r="D6736">
        <v>0</v>
      </c>
    </row>
    <row r="6737" spans="1:4" x14ac:dyDescent="0.25">
      <c r="A6737" t="s">
        <v>10119</v>
      </c>
      <c r="B6737" t="s">
        <v>10121</v>
      </c>
      <c r="C6737">
        <v>0</v>
      </c>
      <c r="D6737">
        <v>0</v>
      </c>
    </row>
    <row r="6738" spans="1:4" x14ac:dyDescent="0.25">
      <c r="A6738" t="s">
        <v>10122</v>
      </c>
      <c r="B6738" t="s">
        <v>10123</v>
      </c>
      <c r="C6738">
        <v>0</v>
      </c>
      <c r="D6738">
        <v>0</v>
      </c>
    </row>
    <row r="6739" spans="1:4" x14ac:dyDescent="0.25">
      <c r="A6739" t="s">
        <v>10122</v>
      </c>
      <c r="B6739" t="s">
        <v>10124</v>
      </c>
      <c r="C6739">
        <v>0</v>
      </c>
      <c r="D6739">
        <v>0</v>
      </c>
    </row>
    <row r="6740" spans="1:4" x14ac:dyDescent="0.25">
      <c r="A6740" t="s">
        <v>10125</v>
      </c>
      <c r="B6740" t="s">
        <v>10126</v>
      </c>
      <c r="C6740">
        <v>1</v>
      </c>
      <c r="D6740">
        <v>0</v>
      </c>
    </row>
    <row r="6741" spans="1:4" x14ac:dyDescent="0.25">
      <c r="A6741" t="s">
        <v>10127</v>
      </c>
      <c r="B6741" t="s">
        <v>2953</v>
      </c>
      <c r="C6741">
        <v>0</v>
      </c>
      <c r="D6741">
        <v>0</v>
      </c>
    </row>
    <row r="6742" spans="1:4" x14ac:dyDescent="0.25">
      <c r="A6742" t="s">
        <v>10127</v>
      </c>
      <c r="B6742" t="s">
        <v>10128</v>
      </c>
      <c r="C6742">
        <v>1</v>
      </c>
      <c r="D6742">
        <v>0</v>
      </c>
    </row>
    <row r="6743" spans="1:4" x14ac:dyDescent="0.25">
      <c r="A6743" t="s">
        <v>10127</v>
      </c>
      <c r="B6743" t="s">
        <v>10129</v>
      </c>
      <c r="C6743">
        <v>1</v>
      </c>
      <c r="D6743">
        <v>0</v>
      </c>
    </row>
    <row r="6744" spans="1:4" x14ac:dyDescent="0.25">
      <c r="A6744" t="s">
        <v>10130</v>
      </c>
      <c r="B6744" t="s">
        <v>10131</v>
      </c>
      <c r="C6744">
        <v>0</v>
      </c>
      <c r="D6744">
        <v>0</v>
      </c>
    </row>
    <row r="6745" spans="1:4" x14ac:dyDescent="0.25">
      <c r="A6745" t="s">
        <v>10130</v>
      </c>
      <c r="B6745" t="s">
        <v>10132</v>
      </c>
      <c r="C6745">
        <v>0</v>
      </c>
      <c r="D6745">
        <v>0</v>
      </c>
    </row>
    <row r="6746" spans="1:4" x14ac:dyDescent="0.25">
      <c r="A6746" t="s">
        <v>10133</v>
      </c>
      <c r="B6746" t="s">
        <v>2825</v>
      </c>
      <c r="C6746">
        <v>1</v>
      </c>
      <c r="D6746">
        <v>0</v>
      </c>
    </row>
    <row r="6747" spans="1:4" x14ac:dyDescent="0.25">
      <c r="A6747" t="s">
        <v>10133</v>
      </c>
      <c r="B6747" t="s">
        <v>10134</v>
      </c>
      <c r="C6747">
        <v>1</v>
      </c>
      <c r="D6747">
        <v>0</v>
      </c>
    </row>
    <row r="6748" spans="1:4" x14ac:dyDescent="0.25">
      <c r="A6748" t="s">
        <v>10133</v>
      </c>
      <c r="B6748" t="s">
        <v>10135</v>
      </c>
      <c r="C6748">
        <v>0</v>
      </c>
      <c r="D6748">
        <v>0</v>
      </c>
    </row>
    <row r="6749" spans="1:4" x14ac:dyDescent="0.25">
      <c r="A6749" t="s">
        <v>10136</v>
      </c>
      <c r="B6749" t="s">
        <v>10137</v>
      </c>
      <c r="C6749">
        <v>1</v>
      </c>
      <c r="D6749">
        <v>0</v>
      </c>
    </row>
    <row r="6750" spans="1:4" x14ac:dyDescent="0.25">
      <c r="A6750" t="s">
        <v>10136</v>
      </c>
      <c r="B6750" t="s">
        <v>10138</v>
      </c>
      <c r="C6750">
        <v>0</v>
      </c>
      <c r="D6750">
        <v>0</v>
      </c>
    </row>
    <row r="6751" spans="1:4" x14ac:dyDescent="0.25">
      <c r="A6751" t="s">
        <v>10136</v>
      </c>
      <c r="B6751" t="s">
        <v>10139</v>
      </c>
      <c r="C6751">
        <v>1</v>
      </c>
      <c r="D6751">
        <v>0</v>
      </c>
    </row>
    <row r="6752" spans="1:4" x14ac:dyDescent="0.25">
      <c r="A6752" t="s">
        <v>10140</v>
      </c>
      <c r="B6752" t="s">
        <v>10141</v>
      </c>
      <c r="C6752">
        <v>2</v>
      </c>
      <c r="D6752">
        <v>0</v>
      </c>
    </row>
    <row r="6753" spans="1:4" x14ac:dyDescent="0.25">
      <c r="A6753" t="s">
        <v>10142</v>
      </c>
      <c r="B6753" t="s">
        <v>10143</v>
      </c>
      <c r="C6753">
        <v>2</v>
      </c>
      <c r="D6753">
        <v>0</v>
      </c>
    </row>
    <row r="6754" spans="1:4" x14ac:dyDescent="0.25">
      <c r="A6754" t="s">
        <v>10142</v>
      </c>
      <c r="B6754" t="s">
        <v>10144</v>
      </c>
      <c r="C6754">
        <v>2</v>
      </c>
      <c r="D6754">
        <v>0</v>
      </c>
    </row>
    <row r="6755" spans="1:4" x14ac:dyDescent="0.25">
      <c r="A6755" t="s">
        <v>10142</v>
      </c>
      <c r="B6755" t="s">
        <v>10145</v>
      </c>
      <c r="C6755">
        <v>1</v>
      </c>
      <c r="D6755">
        <v>0</v>
      </c>
    </row>
    <row r="6756" spans="1:4" x14ac:dyDescent="0.25">
      <c r="A6756" t="s">
        <v>10146</v>
      </c>
      <c r="B6756" t="s">
        <v>3049</v>
      </c>
      <c r="C6756">
        <v>1</v>
      </c>
      <c r="D6756">
        <v>0</v>
      </c>
    </row>
    <row r="6757" spans="1:4" x14ac:dyDescent="0.25">
      <c r="A6757" t="s">
        <v>10147</v>
      </c>
      <c r="B6757" t="s">
        <v>10148</v>
      </c>
      <c r="C6757">
        <v>0</v>
      </c>
      <c r="D6757">
        <v>0</v>
      </c>
    </row>
    <row r="6758" spans="1:4" x14ac:dyDescent="0.25">
      <c r="A6758" t="s">
        <v>10147</v>
      </c>
      <c r="B6758" t="s">
        <v>10149</v>
      </c>
      <c r="C6758">
        <v>0</v>
      </c>
      <c r="D6758">
        <v>0</v>
      </c>
    </row>
    <row r="6759" spans="1:4" x14ac:dyDescent="0.25">
      <c r="A6759" t="s">
        <v>10150</v>
      </c>
      <c r="B6759" t="s">
        <v>1387</v>
      </c>
      <c r="C6759">
        <v>1</v>
      </c>
      <c r="D6759">
        <v>0</v>
      </c>
    </row>
    <row r="6760" spans="1:4" x14ac:dyDescent="0.25">
      <c r="A6760" t="s">
        <v>10151</v>
      </c>
      <c r="B6760" t="s">
        <v>1499</v>
      </c>
      <c r="C6760">
        <v>1</v>
      </c>
      <c r="D6760">
        <v>0</v>
      </c>
    </row>
    <row r="6761" spans="1:4" x14ac:dyDescent="0.25">
      <c r="A6761" t="s">
        <v>10152</v>
      </c>
      <c r="B6761" t="s">
        <v>1977</v>
      </c>
      <c r="C6761">
        <v>1</v>
      </c>
      <c r="D6761">
        <v>0</v>
      </c>
    </row>
    <row r="6762" spans="1:4" x14ac:dyDescent="0.25">
      <c r="A6762" t="s">
        <v>10152</v>
      </c>
      <c r="B6762" t="s">
        <v>10153</v>
      </c>
      <c r="C6762">
        <v>1</v>
      </c>
      <c r="D6762">
        <v>0</v>
      </c>
    </row>
    <row r="6763" spans="1:4" x14ac:dyDescent="0.25">
      <c r="A6763" t="s">
        <v>10154</v>
      </c>
      <c r="B6763" t="s">
        <v>10155</v>
      </c>
      <c r="C6763">
        <v>0</v>
      </c>
      <c r="D6763">
        <v>0</v>
      </c>
    </row>
    <row r="6764" spans="1:4" x14ac:dyDescent="0.25">
      <c r="A6764" t="s">
        <v>10156</v>
      </c>
      <c r="B6764" t="s">
        <v>10157</v>
      </c>
      <c r="C6764">
        <v>1</v>
      </c>
      <c r="D6764">
        <v>0</v>
      </c>
    </row>
    <row r="6765" spans="1:4" x14ac:dyDescent="0.25">
      <c r="A6765" t="s">
        <v>10158</v>
      </c>
      <c r="B6765" t="s">
        <v>10159</v>
      </c>
      <c r="C6765">
        <v>1</v>
      </c>
      <c r="D6765">
        <v>0</v>
      </c>
    </row>
    <row r="6766" spans="1:4" x14ac:dyDescent="0.25">
      <c r="A6766" t="s">
        <v>10160</v>
      </c>
      <c r="B6766" t="s">
        <v>10161</v>
      </c>
      <c r="C6766">
        <v>2</v>
      </c>
      <c r="D6766">
        <v>0</v>
      </c>
    </row>
    <row r="6767" spans="1:4" x14ac:dyDescent="0.25">
      <c r="A6767" t="s">
        <v>10160</v>
      </c>
      <c r="B6767" t="s">
        <v>10162</v>
      </c>
      <c r="C6767">
        <v>1</v>
      </c>
      <c r="D6767">
        <v>0</v>
      </c>
    </row>
    <row r="6768" spans="1:4" x14ac:dyDescent="0.25">
      <c r="A6768" t="s">
        <v>10163</v>
      </c>
      <c r="B6768" t="s">
        <v>10164</v>
      </c>
      <c r="C6768">
        <v>2</v>
      </c>
      <c r="D6768">
        <v>0</v>
      </c>
    </row>
    <row r="6769" spans="1:4" x14ac:dyDescent="0.25">
      <c r="A6769" t="s">
        <v>10165</v>
      </c>
      <c r="B6769" t="s">
        <v>10166</v>
      </c>
      <c r="C6769">
        <v>0</v>
      </c>
      <c r="D6769">
        <v>0</v>
      </c>
    </row>
    <row r="6770" spans="1:4" x14ac:dyDescent="0.25">
      <c r="A6770" t="s">
        <v>10165</v>
      </c>
      <c r="B6770" t="s">
        <v>10167</v>
      </c>
      <c r="C6770">
        <v>2</v>
      </c>
      <c r="D6770">
        <v>0</v>
      </c>
    </row>
    <row r="6771" spans="1:4" x14ac:dyDescent="0.25">
      <c r="A6771" t="s">
        <v>10168</v>
      </c>
      <c r="B6771" t="s">
        <v>1001</v>
      </c>
      <c r="C6771">
        <v>1</v>
      </c>
      <c r="D6771">
        <v>0</v>
      </c>
    </row>
    <row r="6772" spans="1:4" x14ac:dyDescent="0.25">
      <c r="A6772" t="s">
        <v>10169</v>
      </c>
      <c r="B6772" t="s">
        <v>10170</v>
      </c>
      <c r="C6772">
        <v>2</v>
      </c>
      <c r="D6772">
        <v>0</v>
      </c>
    </row>
    <row r="6773" spans="1:4" x14ac:dyDescent="0.25">
      <c r="A6773" t="s">
        <v>10171</v>
      </c>
      <c r="B6773" t="s">
        <v>797</v>
      </c>
      <c r="C6773">
        <v>0</v>
      </c>
      <c r="D6773">
        <v>0</v>
      </c>
    </row>
    <row r="6774" spans="1:4" x14ac:dyDescent="0.25">
      <c r="A6774" t="s">
        <v>10172</v>
      </c>
      <c r="B6774" t="s">
        <v>10173</v>
      </c>
      <c r="C6774">
        <v>1</v>
      </c>
      <c r="D6774">
        <v>0</v>
      </c>
    </row>
    <row r="6775" spans="1:4" x14ac:dyDescent="0.25">
      <c r="A6775" t="s">
        <v>10172</v>
      </c>
      <c r="B6775" t="s">
        <v>10174</v>
      </c>
      <c r="C6775">
        <v>2</v>
      </c>
      <c r="D6775">
        <v>0</v>
      </c>
    </row>
    <row r="6776" spans="1:4" x14ac:dyDescent="0.25">
      <c r="A6776" t="s">
        <v>10175</v>
      </c>
      <c r="B6776" t="s">
        <v>10176</v>
      </c>
      <c r="C6776">
        <v>0</v>
      </c>
      <c r="D6776">
        <v>0</v>
      </c>
    </row>
    <row r="6777" spans="1:4" x14ac:dyDescent="0.25">
      <c r="A6777" t="s">
        <v>10177</v>
      </c>
      <c r="B6777" t="s">
        <v>10178</v>
      </c>
      <c r="C6777">
        <v>1</v>
      </c>
      <c r="D6777">
        <v>0</v>
      </c>
    </row>
    <row r="6778" spans="1:4" x14ac:dyDescent="0.25">
      <c r="A6778" t="s">
        <v>10179</v>
      </c>
      <c r="B6778" t="s">
        <v>10180</v>
      </c>
      <c r="C6778">
        <v>0</v>
      </c>
      <c r="D6778">
        <v>0</v>
      </c>
    </row>
    <row r="6779" spans="1:4" x14ac:dyDescent="0.25">
      <c r="A6779" t="s">
        <v>10181</v>
      </c>
      <c r="B6779" t="s">
        <v>10182</v>
      </c>
      <c r="C6779">
        <v>2</v>
      </c>
      <c r="D6779">
        <v>0</v>
      </c>
    </row>
    <row r="6780" spans="1:4" x14ac:dyDescent="0.25">
      <c r="A6780" t="s">
        <v>10181</v>
      </c>
      <c r="B6780" t="s">
        <v>2061</v>
      </c>
      <c r="C6780">
        <v>0</v>
      </c>
      <c r="D6780">
        <v>0</v>
      </c>
    </row>
    <row r="6781" spans="1:4" x14ac:dyDescent="0.25">
      <c r="A6781" t="s">
        <v>10183</v>
      </c>
      <c r="B6781" t="s">
        <v>969</v>
      </c>
      <c r="C6781">
        <v>0</v>
      </c>
      <c r="D6781">
        <v>0</v>
      </c>
    </row>
    <row r="6782" spans="1:4" x14ac:dyDescent="0.25">
      <c r="A6782" t="s">
        <v>10184</v>
      </c>
      <c r="B6782" t="s">
        <v>10185</v>
      </c>
      <c r="C6782">
        <v>1</v>
      </c>
      <c r="D6782">
        <v>0</v>
      </c>
    </row>
    <row r="6783" spans="1:4" x14ac:dyDescent="0.25">
      <c r="A6783" t="s">
        <v>10184</v>
      </c>
      <c r="B6783" t="s">
        <v>10186</v>
      </c>
      <c r="C6783">
        <v>1</v>
      </c>
      <c r="D6783">
        <v>0</v>
      </c>
    </row>
    <row r="6784" spans="1:4" x14ac:dyDescent="0.25">
      <c r="A6784" t="s">
        <v>10187</v>
      </c>
      <c r="B6784" t="s">
        <v>10188</v>
      </c>
      <c r="C6784">
        <v>2</v>
      </c>
      <c r="D6784">
        <v>0</v>
      </c>
    </row>
    <row r="6785" spans="1:4" x14ac:dyDescent="0.25">
      <c r="A6785" t="s">
        <v>10189</v>
      </c>
      <c r="B6785" t="s">
        <v>10190</v>
      </c>
      <c r="C6785">
        <v>0</v>
      </c>
      <c r="D6785">
        <v>0</v>
      </c>
    </row>
    <row r="6786" spans="1:4" x14ac:dyDescent="0.25">
      <c r="A6786" t="s">
        <v>10191</v>
      </c>
      <c r="B6786" t="s">
        <v>10192</v>
      </c>
      <c r="C6786">
        <v>0</v>
      </c>
      <c r="D6786">
        <v>0</v>
      </c>
    </row>
    <row r="6787" spans="1:4" x14ac:dyDescent="0.25">
      <c r="A6787" t="s">
        <v>10193</v>
      </c>
      <c r="B6787" t="s">
        <v>10194</v>
      </c>
      <c r="C6787">
        <v>1</v>
      </c>
      <c r="D6787">
        <v>0</v>
      </c>
    </row>
    <row r="6788" spans="1:4" x14ac:dyDescent="0.25">
      <c r="A6788" t="s">
        <v>10193</v>
      </c>
      <c r="B6788" t="s">
        <v>1977</v>
      </c>
      <c r="C6788">
        <v>1</v>
      </c>
      <c r="D6788">
        <v>0</v>
      </c>
    </row>
    <row r="6789" spans="1:4" x14ac:dyDescent="0.25">
      <c r="A6789" t="s">
        <v>10195</v>
      </c>
      <c r="B6789" t="s">
        <v>843</v>
      </c>
      <c r="C6789">
        <v>1</v>
      </c>
      <c r="D6789">
        <v>0</v>
      </c>
    </row>
    <row r="6790" spans="1:4" x14ac:dyDescent="0.25">
      <c r="A6790" t="s">
        <v>10196</v>
      </c>
      <c r="B6790" t="s">
        <v>888</v>
      </c>
      <c r="C6790">
        <v>1</v>
      </c>
      <c r="D6790">
        <v>0</v>
      </c>
    </row>
    <row r="6791" spans="1:4" x14ac:dyDescent="0.25">
      <c r="A6791" t="s">
        <v>10197</v>
      </c>
      <c r="B6791" t="s">
        <v>10198</v>
      </c>
      <c r="C6791">
        <v>0</v>
      </c>
      <c r="D6791">
        <v>0</v>
      </c>
    </row>
    <row r="6792" spans="1:4" x14ac:dyDescent="0.25">
      <c r="A6792" t="s">
        <v>10197</v>
      </c>
      <c r="B6792" t="s">
        <v>10199</v>
      </c>
      <c r="C6792">
        <v>1</v>
      </c>
      <c r="D6792">
        <v>0</v>
      </c>
    </row>
    <row r="6793" spans="1:4" x14ac:dyDescent="0.25">
      <c r="A6793" t="s">
        <v>10200</v>
      </c>
      <c r="B6793" t="s">
        <v>10201</v>
      </c>
      <c r="C6793">
        <v>1</v>
      </c>
      <c r="D6793">
        <v>0</v>
      </c>
    </row>
    <row r="6794" spans="1:4" x14ac:dyDescent="0.25">
      <c r="A6794" t="s">
        <v>10200</v>
      </c>
      <c r="B6794" t="s">
        <v>10202</v>
      </c>
      <c r="C6794">
        <v>1</v>
      </c>
      <c r="D6794">
        <v>0</v>
      </c>
    </row>
    <row r="6795" spans="1:4" x14ac:dyDescent="0.25">
      <c r="A6795" t="s">
        <v>10200</v>
      </c>
      <c r="B6795" t="s">
        <v>10203</v>
      </c>
      <c r="C6795">
        <v>2</v>
      </c>
      <c r="D6795">
        <v>0</v>
      </c>
    </row>
    <row r="6796" spans="1:4" x14ac:dyDescent="0.25">
      <c r="A6796" t="s">
        <v>10204</v>
      </c>
      <c r="B6796" t="s">
        <v>1001</v>
      </c>
      <c r="C6796">
        <v>1</v>
      </c>
      <c r="D6796">
        <v>0</v>
      </c>
    </row>
    <row r="6797" spans="1:4" x14ac:dyDescent="0.25">
      <c r="A6797" t="s">
        <v>10204</v>
      </c>
      <c r="B6797" t="s">
        <v>10205</v>
      </c>
      <c r="C6797">
        <v>1</v>
      </c>
      <c r="D6797">
        <v>0</v>
      </c>
    </row>
    <row r="6798" spans="1:4" x14ac:dyDescent="0.25">
      <c r="A6798" t="s">
        <v>10206</v>
      </c>
      <c r="B6798" t="s">
        <v>10207</v>
      </c>
      <c r="C6798">
        <v>0</v>
      </c>
      <c r="D6798">
        <v>0</v>
      </c>
    </row>
    <row r="6799" spans="1:4" x14ac:dyDescent="0.25">
      <c r="A6799" t="s">
        <v>10208</v>
      </c>
      <c r="B6799" t="s">
        <v>3846</v>
      </c>
      <c r="C6799">
        <v>1</v>
      </c>
      <c r="D6799">
        <v>0</v>
      </c>
    </row>
    <row r="6800" spans="1:4" x14ac:dyDescent="0.25">
      <c r="A6800" t="s">
        <v>10209</v>
      </c>
      <c r="B6800" t="s">
        <v>10210</v>
      </c>
      <c r="C6800">
        <v>0</v>
      </c>
      <c r="D6800">
        <v>0</v>
      </c>
    </row>
    <row r="6801" spans="1:4" x14ac:dyDescent="0.25">
      <c r="A6801" t="s">
        <v>10211</v>
      </c>
      <c r="B6801" t="s">
        <v>10212</v>
      </c>
      <c r="C6801">
        <v>1</v>
      </c>
      <c r="D6801">
        <v>0</v>
      </c>
    </row>
    <row r="6802" spans="1:4" x14ac:dyDescent="0.25">
      <c r="A6802" t="s">
        <v>10211</v>
      </c>
      <c r="B6802" t="s">
        <v>10213</v>
      </c>
      <c r="C6802">
        <v>1</v>
      </c>
      <c r="D6802">
        <v>0</v>
      </c>
    </row>
    <row r="6803" spans="1:4" x14ac:dyDescent="0.25">
      <c r="A6803" t="s">
        <v>10214</v>
      </c>
      <c r="B6803" t="s">
        <v>10215</v>
      </c>
      <c r="C6803">
        <v>0</v>
      </c>
      <c r="D6803">
        <v>0</v>
      </c>
    </row>
    <row r="6804" spans="1:4" x14ac:dyDescent="0.25">
      <c r="A6804" t="s">
        <v>10214</v>
      </c>
      <c r="B6804" t="s">
        <v>10216</v>
      </c>
      <c r="C6804">
        <v>1</v>
      </c>
      <c r="D6804">
        <v>0</v>
      </c>
    </row>
    <row r="6805" spans="1:4" x14ac:dyDescent="0.25">
      <c r="A6805" t="s">
        <v>10214</v>
      </c>
      <c r="B6805" t="s">
        <v>10217</v>
      </c>
      <c r="C6805">
        <v>0</v>
      </c>
      <c r="D6805">
        <v>0</v>
      </c>
    </row>
    <row r="6806" spans="1:4" x14ac:dyDescent="0.25">
      <c r="A6806" t="s">
        <v>10218</v>
      </c>
      <c r="B6806" t="s">
        <v>10219</v>
      </c>
      <c r="C6806">
        <v>2</v>
      </c>
      <c r="D6806">
        <v>0</v>
      </c>
    </row>
    <row r="6807" spans="1:4" x14ac:dyDescent="0.25">
      <c r="A6807" t="s">
        <v>10220</v>
      </c>
      <c r="B6807" t="s">
        <v>10221</v>
      </c>
      <c r="C6807">
        <v>2</v>
      </c>
      <c r="D6807">
        <v>0</v>
      </c>
    </row>
    <row r="6808" spans="1:4" x14ac:dyDescent="0.25">
      <c r="A6808" t="s">
        <v>10220</v>
      </c>
      <c r="B6808" t="s">
        <v>10222</v>
      </c>
      <c r="C6808">
        <v>2</v>
      </c>
      <c r="D6808">
        <v>0</v>
      </c>
    </row>
    <row r="6809" spans="1:4" x14ac:dyDescent="0.25">
      <c r="A6809" t="s">
        <v>10223</v>
      </c>
      <c r="B6809" t="s">
        <v>1387</v>
      </c>
      <c r="C6809">
        <v>1</v>
      </c>
      <c r="D6809">
        <v>0</v>
      </c>
    </row>
    <row r="6810" spans="1:4" x14ac:dyDescent="0.25">
      <c r="A6810" t="s">
        <v>10224</v>
      </c>
      <c r="B6810" t="s">
        <v>10225</v>
      </c>
      <c r="C6810">
        <v>0</v>
      </c>
      <c r="D6810">
        <v>0</v>
      </c>
    </row>
    <row r="6811" spans="1:4" x14ac:dyDescent="0.25">
      <c r="A6811" t="s">
        <v>10224</v>
      </c>
      <c r="B6811" t="s">
        <v>10226</v>
      </c>
      <c r="C6811">
        <v>0</v>
      </c>
      <c r="D6811">
        <v>0</v>
      </c>
    </row>
    <row r="6812" spans="1:4" x14ac:dyDescent="0.25">
      <c r="A6812" t="s">
        <v>10227</v>
      </c>
      <c r="B6812" t="s">
        <v>10228</v>
      </c>
      <c r="C6812">
        <v>2</v>
      </c>
      <c r="D6812">
        <v>0</v>
      </c>
    </row>
    <row r="6813" spans="1:4" x14ac:dyDescent="0.25">
      <c r="A6813" t="s">
        <v>10227</v>
      </c>
      <c r="B6813" t="s">
        <v>10229</v>
      </c>
      <c r="C6813">
        <v>1</v>
      </c>
      <c r="D6813">
        <v>0</v>
      </c>
    </row>
    <row r="6814" spans="1:4" x14ac:dyDescent="0.25">
      <c r="A6814" t="s">
        <v>10227</v>
      </c>
      <c r="B6814" t="s">
        <v>10230</v>
      </c>
      <c r="C6814">
        <v>1</v>
      </c>
      <c r="D6814">
        <v>0</v>
      </c>
    </row>
    <row r="6815" spans="1:4" x14ac:dyDescent="0.25">
      <c r="A6815" t="s">
        <v>10231</v>
      </c>
      <c r="B6815" t="s">
        <v>10232</v>
      </c>
      <c r="C6815">
        <v>1</v>
      </c>
      <c r="D6815">
        <v>0</v>
      </c>
    </row>
    <row r="6816" spans="1:4" x14ac:dyDescent="0.25">
      <c r="A6816" t="s">
        <v>10233</v>
      </c>
      <c r="B6816" t="s">
        <v>10234</v>
      </c>
      <c r="C6816">
        <v>2</v>
      </c>
      <c r="D6816">
        <v>0</v>
      </c>
    </row>
    <row r="6817" spans="1:4" x14ac:dyDescent="0.25">
      <c r="A6817" t="s">
        <v>10235</v>
      </c>
      <c r="B6817" t="s">
        <v>10236</v>
      </c>
      <c r="C6817">
        <v>0</v>
      </c>
      <c r="D6817">
        <v>0</v>
      </c>
    </row>
    <row r="6818" spans="1:4" x14ac:dyDescent="0.25">
      <c r="A6818" t="s">
        <v>10237</v>
      </c>
      <c r="B6818" t="s">
        <v>10238</v>
      </c>
      <c r="C6818">
        <v>0</v>
      </c>
      <c r="D6818">
        <v>0</v>
      </c>
    </row>
    <row r="6819" spans="1:4" x14ac:dyDescent="0.25">
      <c r="A6819" t="s">
        <v>10237</v>
      </c>
      <c r="B6819" t="s">
        <v>10239</v>
      </c>
      <c r="C6819">
        <v>0</v>
      </c>
      <c r="D6819">
        <v>0</v>
      </c>
    </row>
    <row r="6820" spans="1:4" x14ac:dyDescent="0.25">
      <c r="A6820" t="s">
        <v>10237</v>
      </c>
      <c r="B6820" t="s">
        <v>10240</v>
      </c>
      <c r="C6820">
        <v>0</v>
      </c>
      <c r="D6820">
        <v>0</v>
      </c>
    </row>
    <row r="6821" spans="1:4" x14ac:dyDescent="0.25">
      <c r="A6821" t="s">
        <v>10241</v>
      </c>
      <c r="B6821" t="s">
        <v>10242</v>
      </c>
      <c r="C6821">
        <v>1</v>
      </c>
      <c r="D6821">
        <v>0</v>
      </c>
    </row>
    <row r="6822" spans="1:4" x14ac:dyDescent="0.25">
      <c r="A6822" t="s">
        <v>10241</v>
      </c>
      <c r="B6822" t="s">
        <v>10243</v>
      </c>
      <c r="C6822">
        <v>1</v>
      </c>
      <c r="D6822">
        <v>0</v>
      </c>
    </row>
    <row r="6823" spans="1:4" x14ac:dyDescent="0.25">
      <c r="A6823" t="s">
        <v>10244</v>
      </c>
      <c r="B6823" t="s">
        <v>10245</v>
      </c>
      <c r="C6823">
        <v>2</v>
      </c>
      <c r="D6823">
        <v>0</v>
      </c>
    </row>
    <row r="6824" spans="1:4" x14ac:dyDescent="0.25">
      <c r="A6824" t="s">
        <v>10244</v>
      </c>
      <c r="B6824" t="s">
        <v>10246</v>
      </c>
      <c r="C6824">
        <v>1</v>
      </c>
      <c r="D6824">
        <v>0</v>
      </c>
    </row>
    <row r="6825" spans="1:4" x14ac:dyDescent="0.25">
      <c r="A6825" t="s">
        <v>10247</v>
      </c>
      <c r="B6825" t="s">
        <v>10248</v>
      </c>
      <c r="C6825">
        <v>1</v>
      </c>
      <c r="D6825">
        <v>0</v>
      </c>
    </row>
    <row r="6826" spans="1:4" x14ac:dyDescent="0.25">
      <c r="A6826" t="s">
        <v>10247</v>
      </c>
      <c r="B6826" t="s">
        <v>10249</v>
      </c>
      <c r="C6826">
        <v>1</v>
      </c>
      <c r="D6826">
        <v>0</v>
      </c>
    </row>
    <row r="6827" spans="1:4" x14ac:dyDescent="0.25">
      <c r="A6827" t="s">
        <v>10250</v>
      </c>
      <c r="B6827" t="s">
        <v>10251</v>
      </c>
      <c r="C6827">
        <v>1</v>
      </c>
      <c r="D6827">
        <v>0</v>
      </c>
    </row>
    <row r="6828" spans="1:4" x14ac:dyDescent="0.25">
      <c r="A6828" t="s">
        <v>10252</v>
      </c>
      <c r="B6828" t="s">
        <v>996</v>
      </c>
      <c r="C6828">
        <v>1</v>
      </c>
      <c r="D6828">
        <v>0</v>
      </c>
    </row>
    <row r="6829" spans="1:4" x14ac:dyDescent="0.25">
      <c r="A6829" t="s">
        <v>10252</v>
      </c>
      <c r="B6829" t="s">
        <v>10253</v>
      </c>
      <c r="C6829">
        <v>2</v>
      </c>
      <c r="D6829">
        <v>0</v>
      </c>
    </row>
    <row r="6830" spans="1:4" x14ac:dyDescent="0.25">
      <c r="A6830" t="s">
        <v>10254</v>
      </c>
      <c r="B6830" t="s">
        <v>10255</v>
      </c>
      <c r="C6830">
        <v>0</v>
      </c>
      <c r="D6830">
        <v>0</v>
      </c>
    </row>
    <row r="6831" spans="1:4" x14ac:dyDescent="0.25">
      <c r="A6831" t="s">
        <v>10254</v>
      </c>
      <c r="B6831" t="s">
        <v>10256</v>
      </c>
      <c r="C6831">
        <v>0</v>
      </c>
      <c r="D6831">
        <v>0</v>
      </c>
    </row>
    <row r="6832" spans="1:4" x14ac:dyDescent="0.25">
      <c r="A6832" t="s">
        <v>10257</v>
      </c>
      <c r="B6832" t="s">
        <v>1763</v>
      </c>
      <c r="C6832">
        <v>1</v>
      </c>
      <c r="D6832">
        <v>0</v>
      </c>
    </row>
    <row r="6833" spans="1:4" x14ac:dyDescent="0.25">
      <c r="A6833" t="s">
        <v>10258</v>
      </c>
      <c r="B6833" t="s">
        <v>10259</v>
      </c>
      <c r="C6833">
        <v>1</v>
      </c>
      <c r="D6833">
        <v>0</v>
      </c>
    </row>
    <row r="6834" spans="1:4" x14ac:dyDescent="0.25">
      <c r="A6834" t="s">
        <v>10258</v>
      </c>
      <c r="B6834" t="s">
        <v>10260</v>
      </c>
      <c r="C6834">
        <v>0</v>
      </c>
      <c r="D6834">
        <v>0</v>
      </c>
    </row>
    <row r="6835" spans="1:4" x14ac:dyDescent="0.25">
      <c r="A6835" t="s">
        <v>10258</v>
      </c>
      <c r="B6835" t="s">
        <v>10261</v>
      </c>
      <c r="C6835">
        <v>2</v>
      </c>
      <c r="D6835">
        <v>0</v>
      </c>
    </row>
    <row r="6836" spans="1:4" x14ac:dyDescent="0.25">
      <c r="A6836" t="s">
        <v>10262</v>
      </c>
      <c r="B6836" t="s">
        <v>10263</v>
      </c>
      <c r="C6836">
        <v>1</v>
      </c>
      <c r="D6836">
        <v>0</v>
      </c>
    </row>
    <row r="6837" spans="1:4" x14ac:dyDescent="0.25">
      <c r="A6837" t="s">
        <v>10262</v>
      </c>
      <c r="B6837" t="s">
        <v>10264</v>
      </c>
      <c r="C6837">
        <v>0</v>
      </c>
      <c r="D6837">
        <v>0</v>
      </c>
    </row>
    <row r="6838" spans="1:4" x14ac:dyDescent="0.25">
      <c r="A6838" t="s">
        <v>10265</v>
      </c>
      <c r="B6838" t="s">
        <v>10266</v>
      </c>
      <c r="C6838">
        <v>0</v>
      </c>
      <c r="D6838">
        <v>0</v>
      </c>
    </row>
    <row r="6839" spans="1:4" x14ac:dyDescent="0.25">
      <c r="A6839" t="s">
        <v>10267</v>
      </c>
      <c r="B6839" t="s">
        <v>10268</v>
      </c>
      <c r="C6839">
        <v>0</v>
      </c>
      <c r="D6839">
        <v>0</v>
      </c>
    </row>
    <row r="6840" spans="1:4" x14ac:dyDescent="0.25">
      <c r="A6840" t="s">
        <v>10269</v>
      </c>
      <c r="B6840" t="s">
        <v>10270</v>
      </c>
      <c r="C6840">
        <v>1</v>
      </c>
      <c r="D6840">
        <v>0</v>
      </c>
    </row>
    <row r="6841" spans="1:4" x14ac:dyDescent="0.25">
      <c r="A6841" t="s">
        <v>10269</v>
      </c>
      <c r="B6841" t="s">
        <v>10271</v>
      </c>
      <c r="C6841">
        <v>0</v>
      </c>
      <c r="D6841">
        <v>0</v>
      </c>
    </row>
    <row r="6842" spans="1:4" x14ac:dyDescent="0.25">
      <c r="A6842" t="s">
        <v>10272</v>
      </c>
      <c r="B6842" t="s">
        <v>10273</v>
      </c>
      <c r="C6842">
        <v>2</v>
      </c>
      <c r="D6842">
        <v>0</v>
      </c>
    </row>
    <row r="6843" spans="1:4" x14ac:dyDescent="0.25">
      <c r="A6843" t="s">
        <v>10272</v>
      </c>
      <c r="B6843" t="s">
        <v>10274</v>
      </c>
      <c r="C6843">
        <v>1</v>
      </c>
      <c r="D6843">
        <v>0</v>
      </c>
    </row>
    <row r="6844" spans="1:4" x14ac:dyDescent="0.25">
      <c r="A6844" t="s">
        <v>10275</v>
      </c>
      <c r="B6844" t="s">
        <v>10276</v>
      </c>
      <c r="C6844">
        <v>1</v>
      </c>
      <c r="D6844">
        <v>0</v>
      </c>
    </row>
    <row r="6845" spans="1:4" x14ac:dyDescent="0.25">
      <c r="A6845" t="s">
        <v>10275</v>
      </c>
      <c r="B6845" t="s">
        <v>10277</v>
      </c>
      <c r="C6845">
        <v>0</v>
      </c>
      <c r="D6845">
        <v>0</v>
      </c>
    </row>
    <row r="6846" spans="1:4" x14ac:dyDescent="0.25">
      <c r="A6846" t="s">
        <v>10278</v>
      </c>
      <c r="B6846" t="s">
        <v>10279</v>
      </c>
      <c r="C6846">
        <v>2</v>
      </c>
      <c r="D6846">
        <v>0</v>
      </c>
    </row>
    <row r="6847" spans="1:4" x14ac:dyDescent="0.25">
      <c r="A6847" t="s">
        <v>10280</v>
      </c>
      <c r="B6847" t="s">
        <v>10281</v>
      </c>
      <c r="C6847">
        <v>2</v>
      </c>
      <c r="D6847">
        <v>0</v>
      </c>
    </row>
    <row r="6848" spans="1:4" x14ac:dyDescent="0.25">
      <c r="A6848" t="s">
        <v>10280</v>
      </c>
      <c r="B6848" t="s">
        <v>10282</v>
      </c>
      <c r="C6848">
        <v>2</v>
      </c>
      <c r="D6848">
        <v>0</v>
      </c>
    </row>
    <row r="6849" spans="1:4" x14ac:dyDescent="0.25">
      <c r="A6849" t="s">
        <v>10280</v>
      </c>
      <c r="B6849" t="s">
        <v>10283</v>
      </c>
      <c r="C6849">
        <v>2</v>
      </c>
      <c r="D6849">
        <v>0</v>
      </c>
    </row>
    <row r="6850" spans="1:4" x14ac:dyDescent="0.25">
      <c r="A6850" t="s">
        <v>10284</v>
      </c>
      <c r="B6850" t="s">
        <v>398</v>
      </c>
      <c r="C6850">
        <v>0</v>
      </c>
      <c r="D6850">
        <v>0</v>
      </c>
    </row>
    <row r="6851" spans="1:4" x14ac:dyDescent="0.25">
      <c r="A6851" t="s">
        <v>10284</v>
      </c>
      <c r="B6851" t="s">
        <v>10285</v>
      </c>
      <c r="C6851">
        <v>1</v>
      </c>
      <c r="D6851">
        <v>0</v>
      </c>
    </row>
    <row r="6852" spans="1:4" x14ac:dyDescent="0.25">
      <c r="A6852" t="s">
        <v>10286</v>
      </c>
      <c r="B6852" t="s">
        <v>1499</v>
      </c>
      <c r="C6852">
        <v>1</v>
      </c>
      <c r="D6852">
        <v>0</v>
      </c>
    </row>
    <row r="6853" spans="1:4" x14ac:dyDescent="0.25">
      <c r="A6853" t="s">
        <v>10287</v>
      </c>
      <c r="B6853" t="s">
        <v>968</v>
      </c>
      <c r="C6853">
        <v>1</v>
      </c>
      <c r="D6853">
        <v>0</v>
      </c>
    </row>
    <row r="6854" spans="1:4" x14ac:dyDescent="0.25">
      <c r="A6854" t="s">
        <v>10287</v>
      </c>
      <c r="B6854" t="s">
        <v>10288</v>
      </c>
      <c r="C6854">
        <v>0</v>
      </c>
      <c r="D6854">
        <v>0</v>
      </c>
    </row>
    <row r="6855" spans="1:4" x14ac:dyDescent="0.25">
      <c r="A6855" t="s">
        <v>10287</v>
      </c>
      <c r="B6855" t="s">
        <v>10289</v>
      </c>
      <c r="C6855">
        <v>0</v>
      </c>
      <c r="D6855">
        <v>0</v>
      </c>
    </row>
    <row r="6856" spans="1:4" x14ac:dyDescent="0.25">
      <c r="A6856" t="s">
        <v>10290</v>
      </c>
      <c r="B6856" t="s">
        <v>10291</v>
      </c>
      <c r="C6856">
        <v>1</v>
      </c>
      <c r="D6856">
        <v>0</v>
      </c>
    </row>
    <row r="6857" spans="1:4" x14ac:dyDescent="0.25">
      <c r="A6857" t="s">
        <v>10290</v>
      </c>
      <c r="B6857" t="s">
        <v>10292</v>
      </c>
      <c r="C6857">
        <v>1</v>
      </c>
      <c r="D6857">
        <v>0</v>
      </c>
    </row>
    <row r="6858" spans="1:4" x14ac:dyDescent="0.25">
      <c r="A6858" t="s">
        <v>10293</v>
      </c>
      <c r="B6858" t="s">
        <v>10294</v>
      </c>
      <c r="C6858">
        <v>1</v>
      </c>
      <c r="D6858">
        <v>0</v>
      </c>
    </row>
    <row r="6859" spans="1:4" x14ac:dyDescent="0.25">
      <c r="A6859" t="s">
        <v>10293</v>
      </c>
      <c r="B6859" t="s">
        <v>10295</v>
      </c>
      <c r="C6859">
        <v>1</v>
      </c>
      <c r="D6859">
        <v>0</v>
      </c>
    </row>
    <row r="6860" spans="1:4" x14ac:dyDescent="0.25">
      <c r="A6860" t="s">
        <v>10296</v>
      </c>
      <c r="B6860" t="s">
        <v>10297</v>
      </c>
      <c r="C6860">
        <v>0</v>
      </c>
      <c r="D6860">
        <v>0</v>
      </c>
    </row>
    <row r="6861" spans="1:4" x14ac:dyDescent="0.25">
      <c r="A6861" t="s">
        <v>10298</v>
      </c>
      <c r="B6861" t="s">
        <v>10299</v>
      </c>
      <c r="C6861">
        <v>1</v>
      </c>
      <c r="D6861">
        <v>0</v>
      </c>
    </row>
    <row r="6862" spans="1:4" x14ac:dyDescent="0.25">
      <c r="A6862" t="s">
        <v>10300</v>
      </c>
      <c r="B6862" t="s">
        <v>10301</v>
      </c>
      <c r="C6862">
        <v>1</v>
      </c>
      <c r="D6862">
        <v>0</v>
      </c>
    </row>
    <row r="6863" spans="1:4" x14ac:dyDescent="0.25">
      <c r="A6863" t="s">
        <v>10300</v>
      </c>
      <c r="B6863" t="s">
        <v>10302</v>
      </c>
      <c r="C6863">
        <v>1</v>
      </c>
      <c r="D6863">
        <v>0</v>
      </c>
    </row>
    <row r="6864" spans="1:4" x14ac:dyDescent="0.25">
      <c r="A6864" t="s">
        <v>10300</v>
      </c>
      <c r="B6864" t="s">
        <v>10303</v>
      </c>
      <c r="C6864">
        <v>1</v>
      </c>
      <c r="D6864">
        <v>0</v>
      </c>
    </row>
    <row r="6865" spans="1:4" x14ac:dyDescent="0.25">
      <c r="A6865" t="s">
        <v>10304</v>
      </c>
      <c r="B6865" t="s">
        <v>10305</v>
      </c>
      <c r="C6865">
        <v>1</v>
      </c>
      <c r="D6865">
        <v>0</v>
      </c>
    </row>
    <row r="6866" spans="1:4" x14ac:dyDescent="0.25">
      <c r="A6866" t="s">
        <v>10306</v>
      </c>
      <c r="B6866" t="s">
        <v>10307</v>
      </c>
      <c r="C6866">
        <v>0</v>
      </c>
      <c r="D6866">
        <v>0</v>
      </c>
    </row>
    <row r="6867" spans="1:4" x14ac:dyDescent="0.25">
      <c r="A6867" t="s">
        <v>10306</v>
      </c>
      <c r="B6867" t="s">
        <v>10308</v>
      </c>
      <c r="C6867">
        <v>0</v>
      </c>
      <c r="D6867">
        <v>0</v>
      </c>
    </row>
    <row r="6868" spans="1:4" x14ac:dyDescent="0.25">
      <c r="A6868" t="s">
        <v>10306</v>
      </c>
      <c r="B6868" t="s">
        <v>10309</v>
      </c>
      <c r="C6868">
        <v>0</v>
      </c>
      <c r="D6868">
        <v>0</v>
      </c>
    </row>
    <row r="6869" spans="1:4" x14ac:dyDescent="0.25">
      <c r="A6869" t="s">
        <v>10310</v>
      </c>
      <c r="B6869" t="s">
        <v>10311</v>
      </c>
      <c r="C6869">
        <v>1</v>
      </c>
      <c r="D6869">
        <v>0</v>
      </c>
    </row>
    <row r="6870" spans="1:4" x14ac:dyDescent="0.25">
      <c r="A6870" t="s">
        <v>10310</v>
      </c>
      <c r="B6870" t="s">
        <v>10312</v>
      </c>
      <c r="C6870">
        <v>0</v>
      </c>
      <c r="D6870">
        <v>0</v>
      </c>
    </row>
    <row r="6871" spans="1:4" x14ac:dyDescent="0.25">
      <c r="A6871" t="s">
        <v>10313</v>
      </c>
      <c r="B6871" t="s">
        <v>10314</v>
      </c>
      <c r="C6871">
        <v>1</v>
      </c>
      <c r="D6871">
        <v>0</v>
      </c>
    </row>
    <row r="6872" spans="1:4" x14ac:dyDescent="0.25">
      <c r="A6872" t="s">
        <v>10313</v>
      </c>
      <c r="B6872" t="s">
        <v>10315</v>
      </c>
      <c r="C6872">
        <v>2</v>
      </c>
      <c r="D6872">
        <v>0</v>
      </c>
    </row>
    <row r="6873" spans="1:4" x14ac:dyDescent="0.25">
      <c r="A6873" t="s">
        <v>10316</v>
      </c>
      <c r="B6873" t="s">
        <v>10317</v>
      </c>
      <c r="C6873">
        <v>1</v>
      </c>
      <c r="D6873">
        <v>0</v>
      </c>
    </row>
    <row r="6874" spans="1:4" x14ac:dyDescent="0.25">
      <c r="A6874" t="s">
        <v>10316</v>
      </c>
      <c r="B6874" t="s">
        <v>10318</v>
      </c>
      <c r="C6874">
        <v>0</v>
      </c>
      <c r="D6874">
        <v>0</v>
      </c>
    </row>
    <row r="6875" spans="1:4" x14ac:dyDescent="0.25">
      <c r="A6875" t="s">
        <v>10319</v>
      </c>
      <c r="B6875" t="s">
        <v>10320</v>
      </c>
      <c r="C6875">
        <v>2</v>
      </c>
      <c r="D6875">
        <v>0</v>
      </c>
    </row>
    <row r="6876" spans="1:4" x14ac:dyDescent="0.25">
      <c r="A6876" t="s">
        <v>10319</v>
      </c>
      <c r="B6876" t="s">
        <v>10321</v>
      </c>
      <c r="C6876">
        <v>0</v>
      </c>
      <c r="D6876">
        <v>0</v>
      </c>
    </row>
    <row r="6877" spans="1:4" x14ac:dyDescent="0.25">
      <c r="A6877" t="s">
        <v>10322</v>
      </c>
      <c r="B6877" t="s">
        <v>10323</v>
      </c>
      <c r="C6877">
        <v>0</v>
      </c>
      <c r="D6877">
        <v>0</v>
      </c>
    </row>
    <row r="6878" spans="1:4" x14ac:dyDescent="0.25">
      <c r="A6878" t="s">
        <v>10324</v>
      </c>
      <c r="B6878" t="s">
        <v>10325</v>
      </c>
      <c r="C6878">
        <v>1</v>
      </c>
      <c r="D6878">
        <v>0</v>
      </c>
    </row>
    <row r="6879" spans="1:4" x14ac:dyDescent="0.25">
      <c r="A6879" t="s">
        <v>10326</v>
      </c>
      <c r="B6879" t="s">
        <v>10327</v>
      </c>
      <c r="C6879">
        <v>1</v>
      </c>
      <c r="D6879">
        <v>0</v>
      </c>
    </row>
    <row r="6880" spans="1:4" x14ac:dyDescent="0.25">
      <c r="A6880" t="s">
        <v>10328</v>
      </c>
      <c r="B6880" t="s">
        <v>10329</v>
      </c>
      <c r="C6880">
        <v>0</v>
      </c>
      <c r="D6880">
        <v>0</v>
      </c>
    </row>
    <row r="6881" spans="1:4" x14ac:dyDescent="0.25">
      <c r="A6881" t="s">
        <v>10328</v>
      </c>
      <c r="B6881" t="s">
        <v>10330</v>
      </c>
      <c r="C6881">
        <v>0</v>
      </c>
      <c r="D6881">
        <v>0</v>
      </c>
    </row>
    <row r="6882" spans="1:4" x14ac:dyDescent="0.25">
      <c r="A6882" t="s">
        <v>10328</v>
      </c>
      <c r="B6882" t="s">
        <v>10331</v>
      </c>
      <c r="C6882">
        <v>0</v>
      </c>
      <c r="D6882">
        <v>0</v>
      </c>
    </row>
    <row r="6883" spans="1:4" x14ac:dyDescent="0.25">
      <c r="A6883" t="s">
        <v>10332</v>
      </c>
      <c r="B6883" t="s">
        <v>10333</v>
      </c>
      <c r="C6883">
        <v>1</v>
      </c>
      <c r="D6883">
        <v>0</v>
      </c>
    </row>
    <row r="6884" spans="1:4" x14ac:dyDescent="0.25">
      <c r="A6884" t="s">
        <v>10334</v>
      </c>
      <c r="B6884" t="s">
        <v>1938</v>
      </c>
      <c r="C6884">
        <v>0</v>
      </c>
      <c r="D6884">
        <v>0</v>
      </c>
    </row>
    <row r="6885" spans="1:4" x14ac:dyDescent="0.25">
      <c r="A6885" t="s">
        <v>10334</v>
      </c>
      <c r="B6885" t="s">
        <v>816</v>
      </c>
      <c r="C6885">
        <v>1</v>
      </c>
      <c r="D6885">
        <v>0</v>
      </c>
    </row>
    <row r="6886" spans="1:4" x14ac:dyDescent="0.25">
      <c r="A6886" t="s">
        <v>10335</v>
      </c>
      <c r="B6886" t="s">
        <v>10336</v>
      </c>
      <c r="C6886">
        <v>1</v>
      </c>
      <c r="D6886">
        <v>0</v>
      </c>
    </row>
    <row r="6887" spans="1:4" x14ac:dyDescent="0.25">
      <c r="A6887" t="s">
        <v>10337</v>
      </c>
      <c r="B6887" t="s">
        <v>10338</v>
      </c>
      <c r="C6887">
        <v>1</v>
      </c>
      <c r="D6887">
        <v>0</v>
      </c>
    </row>
    <row r="6888" spans="1:4" x14ac:dyDescent="0.25">
      <c r="A6888" t="s">
        <v>10339</v>
      </c>
      <c r="B6888" t="s">
        <v>10340</v>
      </c>
      <c r="C6888">
        <v>2</v>
      </c>
      <c r="D6888">
        <v>0</v>
      </c>
    </row>
    <row r="6889" spans="1:4" x14ac:dyDescent="0.25">
      <c r="A6889" t="s">
        <v>10339</v>
      </c>
      <c r="B6889" t="s">
        <v>10341</v>
      </c>
      <c r="C6889">
        <v>0</v>
      </c>
      <c r="D6889">
        <v>0</v>
      </c>
    </row>
    <row r="6890" spans="1:4" x14ac:dyDescent="0.25">
      <c r="A6890" t="s">
        <v>10342</v>
      </c>
      <c r="B6890" t="s">
        <v>10343</v>
      </c>
      <c r="C6890">
        <v>2</v>
      </c>
      <c r="D6890">
        <v>0</v>
      </c>
    </row>
    <row r="6891" spans="1:4" x14ac:dyDescent="0.25">
      <c r="A6891" t="s">
        <v>10342</v>
      </c>
      <c r="B6891" t="s">
        <v>10344</v>
      </c>
      <c r="C6891">
        <v>1</v>
      </c>
      <c r="D6891">
        <v>0</v>
      </c>
    </row>
    <row r="6892" spans="1:4" x14ac:dyDescent="0.25">
      <c r="A6892" t="s">
        <v>10345</v>
      </c>
      <c r="B6892" t="s">
        <v>10346</v>
      </c>
      <c r="C6892">
        <v>0</v>
      </c>
      <c r="D6892">
        <v>0</v>
      </c>
    </row>
    <row r="6893" spans="1:4" x14ac:dyDescent="0.25">
      <c r="A6893" t="s">
        <v>10347</v>
      </c>
      <c r="B6893" t="s">
        <v>10348</v>
      </c>
      <c r="C6893">
        <v>0</v>
      </c>
      <c r="D6893">
        <v>0</v>
      </c>
    </row>
    <row r="6894" spans="1:4" x14ac:dyDescent="0.25">
      <c r="A6894" t="s">
        <v>10347</v>
      </c>
      <c r="B6894" t="s">
        <v>10349</v>
      </c>
      <c r="C6894">
        <v>1</v>
      </c>
      <c r="D6894">
        <v>0</v>
      </c>
    </row>
    <row r="6895" spans="1:4" x14ac:dyDescent="0.25">
      <c r="A6895" t="s">
        <v>10347</v>
      </c>
      <c r="B6895" t="s">
        <v>10350</v>
      </c>
      <c r="C6895">
        <v>0</v>
      </c>
      <c r="D6895">
        <v>0</v>
      </c>
    </row>
    <row r="6896" spans="1:4" x14ac:dyDescent="0.25">
      <c r="A6896" t="s">
        <v>10351</v>
      </c>
      <c r="B6896" t="s">
        <v>10352</v>
      </c>
      <c r="C6896">
        <v>0</v>
      </c>
      <c r="D6896">
        <v>0</v>
      </c>
    </row>
    <row r="6897" spans="1:4" x14ac:dyDescent="0.25">
      <c r="A6897" t="s">
        <v>10353</v>
      </c>
      <c r="B6897" t="s">
        <v>10354</v>
      </c>
      <c r="C6897">
        <v>2</v>
      </c>
      <c r="D6897">
        <v>0</v>
      </c>
    </row>
    <row r="6898" spans="1:4" x14ac:dyDescent="0.25">
      <c r="A6898" t="s">
        <v>10355</v>
      </c>
      <c r="B6898" t="s">
        <v>10356</v>
      </c>
      <c r="C6898">
        <v>1</v>
      </c>
      <c r="D6898">
        <v>0</v>
      </c>
    </row>
    <row r="6899" spans="1:4" x14ac:dyDescent="0.25">
      <c r="A6899" t="s">
        <v>10355</v>
      </c>
      <c r="B6899" t="s">
        <v>10357</v>
      </c>
      <c r="C6899">
        <v>1</v>
      </c>
      <c r="D6899">
        <v>0</v>
      </c>
    </row>
    <row r="6900" spans="1:4" x14ac:dyDescent="0.25">
      <c r="A6900" t="s">
        <v>10355</v>
      </c>
      <c r="B6900" t="s">
        <v>10358</v>
      </c>
      <c r="C6900">
        <v>1</v>
      </c>
      <c r="D6900">
        <v>0</v>
      </c>
    </row>
    <row r="6901" spans="1:4" x14ac:dyDescent="0.25">
      <c r="A6901" t="s">
        <v>10359</v>
      </c>
      <c r="B6901" t="s">
        <v>1001</v>
      </c>
      <c r="C6901">
        <v>1</v>
      </c>
      <c r="D6901">
        <v>0</v>
      </c>
    </row>
    <row r="6902" spans="1:4" x14ac:dyDescent="0.25">
      <c r="A6902" t="s">
        <v>10360</v>
      </c>
      <c r="B6902" t="s">
        <v>10361</v>
      </c>
      <c r="C6902">
        <v>2</v>
      </c>
      <c r="D6902">
        <v>0</v>
      </c>
    </row>
    <row r="6903" spans="1:4" x14ac:dyDescent="0.25">
      <c r="A6903" t="s">
        <v>10360</v>
      </c>
      <c r="B6903" t="s">
        <v>10362</v>
      </c>
      <c r="C6903">
        <v>2</v>
      </c>
      <c r="D6903">
        <v>0</v>
      </c>
    </row>
    <row r="6904" spans="1:4" x14ac:dyDescent="0.25">
      <c r="A6904" t="s">
        <v>10363</v>
      </c>
      <c r="B6904" t="s">
        <v>10364</v>
      </c>
      <c r="C6904">
        <v>2</v>
      </c>
      <c r="D6904">
        <v>0</v>
      </c>
    </row>
    <row r="6905" spans="1:4" x14ac:dyDescent="0.25">
      <c r="A6905" t="s">
        <v>10363</v>
      </c>
      <c r="B6905" t="s">
        <v>1423</v>
      </c>
      <c r="C6905">
        <v>1</v>
      </c>
      <c r="D6905">
        <v>0</v>
      </c>
    </row>
    <row r="6906" spans="1:4" x14ac:dyDescent="0.25">
      <c r="A6906" t="s">
        <v>10365</v>
      </c>
      <c r="B6906" t="s">
        <v>10366</v>
      </c>
      <c r="C6906">
        <v>1</v>
      </c>
      <c r="D6906">
        <v>0</v>
      </c>
    </row>
    <row r="6907" spans="1:4" x14ac:dyDescent="0.25">
      <c r="A6907" t="s">
        <v>10367</v>
      </c>
      <c r="B6907" t="s">
        <v>10368</v>
      </c>
      <c r="C6907">
        <v>1</v>
      </c>
      <c r="D6907">
        <v>0</v>
      </c>
    </row>
    <row r="6908" spans="1:4" x14ac:dyDescent="0.25">
      <c r="A6908" t="s">
        <v>10367</v>
      </c>
      <c r="B6908" t="s">
        <v>10369</v>
      </c>
      <c r="C6908">
        <v>1</v>
      </c>
      <c r="D6908">
        <v>0</v>
      </c>
    </row>
    <row r="6909" spans="1:4" x14ac:dyDescent="0.25">
      <c r="A6909" t="s">
        <v>10370</v>
      </c>
      <c r="B6909" t="s">
        <v>10371</v>
      </c>
      <c r="C6909">
        <v>0</v>
      </c>
      <c r="D6909">
        <v>0</v>
      </c>
    </row>
    <row r="6910" spans="1:4" x14ac:dyDescent="0.25">
      <c r="A6910" t="s">
        <v>10370</v>
      </c>
      <c r="B6910" t="s">
        <v>10372</v>
      </c>
      <c r="C6910">
        <v>0</v>
      </c>
      <c r="D6910">
        <v>0</v>
      </c>
    </row>
    <row r="6911" spans="1:4" x14ac:dyDescent="0.25">
      <c r="A6911" t="s">
        <v>10373</v>
      </c>
      <c r="B6911" t="s">
        <v>10374</v>
      </c>
      <c r="C6911">
        <v>1</v>
      </c>
      <c r="D6911">
        <v>0</v>
      </c>
    </row>
    <row r="6912" spans="1:4" x14ac:dyDescent="0.25">
      <c r="A6912" t="s">
        <v>10373</v>
      </c>
      <c r="B6912" t="s">
        <v>10375</v>
      </c>
      <c r="C6912">
        <v>1</v>
      </c>
      <c r="D6912">
        <v>0</v>
      </c>
    </row>
    <row r="6913" spans="1:4" x14ac:dyDescent="0.25">
      <c r="A6913" t="s">
        <v>10376</v>
      </c>
      <c r="B6913" t="s">
        <v>10377</v>
      </c>
      <c r="C6913">
        <v>1</v>
      </c>
      <c r="D6913">
        <v>0</v>
      </c>
    </row>
    <row r="6914" spans="1:4" x14ac:dyDescent="0.25">
      <c r="A6914" t="s">
        <v>10378</v>
      </c>
      <c r="B6914" t="s">
        <v>10379</v>
      </c>
      <c r="C6914">
        <v>0</v>
      </c>
      <c r="D6914">
        <v>0</v>
      </c>
    </row>
    <row r="6915" spans="1:4" x14ac:dyDescent="0.25">
      <c r="A6915" t="s">
        <v>10378</v>
      </c>
      <c r="B6915" t="s">
        <v>10380</v>
      </c>
      <c r="C6915">
        <v>0</v>
      </c>
      <c r="D6915">
        <v>0</v>
      </c>
    </row>
    <row r="6916" spans="1:4" x14ac:dyDescent="0.25">
      <c r="A6916" t="s">
        <v>10381</v>
      </c>
      <c r="B6916" t="s">
        <v>10382</v>
      </c>
      <c r="C6916">
        <v>1</v>
      </c>
      <c r="D6916">
        <v>0</v>
      </c>
    </row>
    <row r="6917" spans="1:4" x14ac:dyDescent="0.25">
      <c r="A6917" t="s">
        <v>10381</v>
      </c>
      <c r="B6917" t="s">
        <v>10383</v>
      </c>
      <c r="C6917">
        <v>2</v>
      </c>
      <c r="D6917">
        <v>0</v>
      </c>
    </row>
    <row r="6918" spans="1:4" x14ac:dyDescent="0.25">
      <c r="A6918" t="s">
        <v>10381</v>
      </c>
      <c r="B6918" t="s">
        <v>10384</v>
      </c>
      <c r="C6918">
        <v>2</v>
      </c>
      <c r="D6918">
        <v>0</v>
      </c>
    </row>
    <row r="6919" spans="1:4" x14ac:dyDescent="0.25">
      <c r="A6919" t="s">
        <v>10385</v>
      </c>
      <c r="B6919" t="s">
        <v>2267</v>
      </c>
      <c r="C6919">
        <v>0</v>
      </c>
      <c r="D6919">
        <v>0</v>
      </c>
    </row>
    <row r="6920" spans="1:4" x14ac:dyDescent="0.25">
      <c r="A6920" t="s">
        <v>10386</v>
      </c>
      <c r="B6920" t="s">
        <v>10387</v>
      </c>
      <c r="C6920">
        <v>2</v>
      </c>
      <c r="D6920">
        <v>0</v>
      </c>
    </row>
    <row r="6921" spans="1:4" x14ac:dyDescent="0.25">
      <c r="A6921" t="s">
        <v>10388</v>
      </c>
      <c r="B6921" t="s">
        <v>843</v>
      </c>
      <c r="C6921">
        <v>1</v>
      </c>
      <c r="D6921">
        <v>0</v>
      </c>
    </row>
    <row r="6922" spans="1:4" x14ac:dyDescent="0.25">
      <c r="A6922" t="s">
        <v>10388</v>
      </c>
      <c r="B6922" t="s">
        <v>10389</v>
      </c>
      <c r="C6922">
        <v>0</v>
      </c>
      <c r="D6922">
        <v>0</v>
      </c>
    </row>
    <row r="6923" spans="1:4" x14ac:dyDescent="0.25">
      <c r="A6923" t="s">
        <v>10390</v>
      </c>
      <c r="B6923" t="s">
        <v>5685</v>
      </c>
      <c r="C6923">
        <v>0</v>
      </c>
      <c r="D6923">
        <v>0</v>
      </c>
    </row>
    <row r="6924" spans="1:4" x14ac:dyDescent="0.25">
      <c r="A6924" t="s">
        <v>10391</v>
      </c>
      <c r="B6924" t="s">
        <v>1387</v>
      </c>
      <c r="C6924">
        <v>1</v>
      </c>
      <c r="D6924">
        <v>0</v>
      </c>
    </row>
    <row r="6925" spans="1:4" x14ac:dyDescent="0.25">
      <c r="A6925" t="s">
        <v>10392</v>
      </c>
      <c r="B6925" t="s">
        <v>10393</v>
      </c>
      <c r="C6925">
        <v>1</v>
      </c>
      <c r="D6925">
        <v>0</v>
      </c>
    </row>
    <row r="6926" spans="1:4" x14ac:dyDescent="0.25">
      <c r="A6926" t="s">
        <v>10392</v>
      </c>
      <c r="B6926" t="s">
        <v>10394</v>
      </c>
      <c r="C6926">
        <v>1</v>
      </c>
      <c r="D6926">
        <v>0</v>
      </c>
    </row>
    <row r="6927" spans="1:4" x14ac:dyDescent="0.25">
      <c r="A6927" t="s">
        <v>10395</v>
      </c>
      <c r="B6927" t="s">
        <v>10396</v>
      </c>
      <c r="C6927">
        <v>1</v>
      </c>
      <c r="D6927">
        <v>0</v>
      </c>
    </row>
    <row r="6928" spans="1:4" x14ac:dyDescent="0.25">
      <c r="A6928" t="s">
        <v>10395</v>
      </c>
      <c r="B6928" t="s">
        <v>10397</v>
      </c>
      <c r="C6928">
        <v>1</v>
      </c>
      <c r="D6928">
        <v>0</v>
      </c>
    </row>
    <row r="6929" spans="1:4" x14ac:dyDescent="0.25">
      <c r="A6929" t="s">
        <v>10395</v>
      </c>
      <c r="B6929" t="s">
        <v>10398</v>
      </c>
      <c r="C6929">
        <v>1</v>
      </c>
      <c r="D6929">
        <v>0</v>
      </c>
    </row>
    <row r="6930" spans="1:4" x14ac:dyDescent="0.25">
      <c r="A6930" t="s">
        <v>10399</v>
      </c>
      <c r="B6930" t="s">
        <v>10400</v>
      </c>
      <c r="C6930">
        <v>1</v>
      </c>
      <c r="D6930">
        <v>0</v>
      </c>
    </row>
    <row r="6931" spans="1:4" x14ac:dyDescent="0.25">
      <c r="A6931" t="s">
        <v>10399</v>
      </c>
      <c r="B6931" t="s">
        <v>10401</v>
      </c>
      <c r="C6931">
        <v>1</v>
      </c>
      <c r="D6931">
        <v>0</v>
      </c>
    </row>
    <row r="6932" spans="1:4" x14ac:dyDescent="0.25">
      <c r="A6932" t="s">
        <v>10402</v>
      </c>
      <c r="B6932" t="s">
        <v>10403</v>
      </c>
      <c r="C6932">
        <v>0</v>
      </c>
      <c r="D6932">
        <v>0</v>
      </c>
    </row>
    <row r="6933" spans="1:4" x14ac:dyDescent="0.25">
      <c r="A6933" t="s">
        <v>10404</v>
      </c>
      <c r="B6933" t="s">
        <v>10405</v>
      </c>
      <c r="C6933">
        <v>0</v>
      </c>
      <c r="D6933">
        <v>0</v>
      </c>
    </row>
    <row r="6934" spans="1:4" x14ac:dyDescent="0.25">
      <c r="A6934" t="s">
        <v>10404</v>
      </c>
      <c r="B6934" t="s">
        <v>10406</v>
      </c>
      <c r="C6934">
        <v>1</v>
      </c>
      <c r="D6934">
        <v>0</v>
      </c>
    </row>
    <row r="6935" spans="1:4" x14ac:dyDescent="0.25">
      <c r="A6935" t="s">
        <v>10404</v>
      </c>
      <c r="B6935" t="s">
        <v>10407</v>
      </c>
      <c r="C6935">
        <v>2</v>
      </c>
      <c r="D6935">
        <v>0</v>
      </c>
    </row>
    <row r="6936" spans="1:4" x14ac:dyDescent="0.25">
      <c r="A6936" t="s">
        <v>10408</v>
      </c>
      <c r="B6936" t="s">
        <v>10409</v>
      </c>
      <c r="C6936">
        <v>1</v>
      </c>
      <c r="D6936">
        <v>0</v>
      </c>
    </row>
    <row r="6937" spans="1:4" x14ac:dyDescent="0.25">
      <c r="A6937" t="s">
        <v>10410</v>
      </c>
      <c r="B6937" t="s">
        <v>10411</v>
      </c>
      <c r="C6937">
        <v>2</v>
      </c>
      <c r="D6937">
        <v>0</v>
      </c>
    </row>
    <row r="6938" spans="1:4" x14ac:dyDescent="0.25">
      <c r="A6938" t="s">
        <v>10412</v>
      </c>
      <c r="B6938" t="s">
        <v>10413</v>
      </c>
      <c r="C6938">
        <v>0</v>
      </c>
      <c r="D6938">
        <v>0</v>
      </c>
    </row>
    <row r="6939" spans="1:4" x14ac:dyDescent="0.25">
      <c r="A6939" t="s">
        <v>10414</v>
      </c>
      <c r="B6939" t="s">
        <v>10415</v>
      </c>
      <c r="C6939">
        <v>1</v>
      </c>
      <c r="D6939">
        <v>0</v>
      </c>
    </row>
    <row r="6940" spans="1:4" x14ac:dyDescent="0.25">
      <c r="A6940" t="s">
        <v>10414</v>
      </c>
      <c r="B6940" t="s">
        <v>10416</v>
      </c>
      <c r="C6940">
        <v>2</v>
      </c>
      <c r="D6940">
        <v>0</v>
      </c>
    </row>
    <row r="6941" spans="1:4" x14ac:dyDescent="0.25">
      <c r="A6941" t="s">
        <v>10417</v>
      </c>
      <c r="B6941" t="s">
        <v>10418</v>
      </c>
      <c r="C6941">
        <v>0</v>
      </c>
      <c r="D6941">
        <v>0</v>
      </c>
    </row>
    <row r="6942" spans="1:4" x14ac:dyDescent="0.25">
      <c r="A6942" t="s">
        <v>10419</v>
      </c>
      <c r="B6942" t="s">
        <v>10420</v>
      </c>
      <c r="C6942">
        <v>1</v>
      </c>
      <c r="D6942">
        <v>0</v>
      </c>
    </row>
    <row r="6943" spans="1:4" x14ac:dyDescent="0.25">
      <c r="A6943" t="s">
        <v>10421</v>
      </c>
      <c r="B6943" t="s">
        <v>10422</v>
      </c>
      <c r="C6943">
        <v>1</v>
      </c>
      <c r="D6943">
        <v>0</v>
      </c>
    </row>
    <row r="6944" spans="1:4" x14ac:dyDescent="0.25">
      <c r="A6944" t="s">
        <v>10421</v>
      </c>
      <c r="B6944" t="s">
        <v>10423</v>
      </c>
      <c r="C6944">
        <v>1</v>
      </c>
      <c r="D6944">
        <v>0</v>
      </c>
    </row>
    <row r="6945" spans="1:4" x14ac:dyDescent="0.25">
      <c r="A6945" t="s">
        <v>10421</v>
      </c>
      <c r="B6945" t="s">
        <v>10424</v>
      </c>
      <c r="C6945">
        <v>0</v>
      </c>
      <c r="D6945">
        <v>0</v>
      </c>
    </row>
    <row r="6946" spans="1:4" x14ac:dyDescent="0.25">
      <c r="A6946" t="s">
        <v>10425</v>
      </c>
      <c r="B6946" t="s">
        <v>969</v>
      </c>
      <c r="C6946">
        <v>0</v>
      </c>
      <c r="D6946">
        <v>0</v>
      </c>
    </row>
    <row r="6947" spans="1:4" x14ac:dyDescent="0.25">
      <c r="A6947" t="s">
        <v>10426</v>
      </c>
      <c r="B6947" t="s">
        <v>10427</v>
      </c>
      <c r="C6947">
        <v>2</v>
      </c>
      <c r="D6947">
        <v>0</v>
      </c>
    </row>
    <row r="6948" spans="1:4" x14ac:dyDescent="0.25">
      <c r="A6948" t="s">
        <v>10426</v>
      </c>
      <c r="B6948" t="s">
        <v>2061</v>
      </c>
      <c r="C6948">
        <v>0</v>
      </c>
      <c r="D6948">
        <v>0</v>
      </c>
    </row>
    <row r="6949" spans="1:4" x14ac:dyDescent="0.25">
      <c r="A6949" t="s">
        <v>10428</v>
      </c>
      <c r="B6949" t="s">
        <v>398</v>
      </c>
      <c r="C6949">
        <v>0</v>
      </c>
      <c r="D6949">
        <v>0</v>
      </c>
    </row>
    <row r="6950" spans="1:4" x14ac:dyDescent="0.25">
      <c r="A6950" t="s">
        <v>10429</v>
      </c>
      <c r="B6950" t="s">
        <v>1101</v>
      </c>
      <c r="C6950">
        <v>1</v>
      </c>
      <c r="D6950">
        <v>0</v>
      </c>
    </row>
    <row r="6951" spans="1:4" x14ac:dyDescent="0.25">
      <c r="A6951" t="s">
        <v>10429</v>
      </c>
      <c r="B6951" t="s">
        <v>10430</v>
      </c>
      <c r="C6951">
        <v>0</v>
      </c>
      <c r="D6951">
        <v>0</v>
      </c>
    </row>
    <row r="6952" spans="1:4" x14ac:dyDescent="0.25">
      <c r="A6952" t="s">
        <v>10431</v>
      </c>
      <c r="B6952" t="s">
        <v>10432</v>
      </c>
      <c r="C6952">
        <v>2</v>
      </c>
      <c r="D6952">
        <v>0</v>
      </c>
    </row>
    <row r="6953" spans="1:4" x14ac:dyDescent="0.25">
      <c r="A6953" t="s">
        <v>10433</v>
      </c>
      <c r="B6953" t="s">
        <v>10434</v>
      </c>
      <c r="C6953">
        <v>1</v>
      </c>
      <c r="D6953">
        <v>0</v>
      </c>
    </row>
    <row r="6954" spans="1:4" x14ac:dyDescent="0.25">
      <c r="A6954" t="s">
        <v>10435</v>
      </c>
      <c r="B6954" t="s">
        <v>10436</v>
      </c>
      <c r="C6954">
        <v>1</v>
      </c>
      <c r="D6954">
        <v>0</v>
      </c>
    </row>
    <row r="6955" spans="1:4" x14ac:dyDescent="0.25">
      <c r="A6955" t="s">
        <v>10435</v>
      </c>
      <c r="B6955" t="s">
        <v>10437</v>
      </c>
      <c r="C6955">
        <v>0</v>
      </c>
      <c r="D6955">
        <v>0</v>
      </c>
    </row>
    <row r="6956" spans="1:4" x14ac:dyDescent="0.25">
      <c r="A6956" t="s">
        <v>10438</v>
      </c>
      <c r="B6956" t="s">
        <v>10439</v>
      </c>
      <c r="C6956">
        <v>1</v>
      </c>
      <c r="D6956">
        <v>0</v>
      </c>
    </row>
    <row r="6957" spans="1:4" x14ac:dyDescent="0.25">
      <c r="A6957" t="s">
        <v>10438</v>
      </c>
      <c r="B6957" t="s">
        <v>10440</v>
      </c>
      <c r="C6957">
        <v>2</v>
      </c>
      <c r="D6957">
        <v>0</v>
      </c>
    </row>
    <row r="6958" spans="1:4" x14ac:dyDescent="0.25">
      <c r="A6958" t="s">
        <v>10441</v>
      </c>
      <c r="B6958" t="s">
        <v>10442</v>
      </c>
      <c r="C6958">
        <v>0</v>
      </c>
      <c r="D6958">
        <v>0</v>
      </c>
    </row>
    <row r="6959" spans="1:4" x14ac:dyDescent="0.25">
      <c r="A6959" t="s">
        <v>10441</v>
      </c>
      <c r="B6959" t="s">
        <v>10443</v>
      </c>
      <c r="C6959">
        <v>1</v>
      </c>
      <c r="D6959">
        <v>0</v>
      </c>
    </row>
    <row r="6960" spans="1:4" x14ac:dyDescent="0.25">
      <c r="A6960" t="s">
        <v>10444</v>
      </c>
      <c r="B6960" t="s">
        <v>10445</v>
      </c>
      <c r="C6960">
        <v>0</v>
      </c>
      <c r="D6960">
        <v>0</v>
      </c>
    </row>
    <row r="6961" spans="1:4" x14ac:dyDescent="0.25">
      <c r="A6961" t="s">
        <v>10446</v>
      </c>
      <c r="B6961" t="s">
        <v>10447</v>
      </c>
      <c r="C6961">
        <v>1</v>
      </c>
      <c r="D6961">
        <v>0</v>
      </c>
    </row>
    <row r="6962" spans="1:4" x14ac:dyDescent="0.25">
      <c r="A6962" t="s">
        <v>10446</v>
      </c>
      <c r="B6962" t="s">
        <v>10448</v>
      </c>
      <c r="C6962">
        <v>0</v>
      </c>
      <c r="D6962">
        <v>0</v>
      </c>
    </row>
    <row r="6963" spans="1:4" x14ac:dyDescent="0.25">
      <c r="A6963" t="s">
        <v>10446</v>
      </c>
      <c r="B6963" t="s">
        <v>10449</v>
      </c>
      <c r="C6963">
        <v>1</v>
      </c>
      <c r="D6963">
        <v>0</v>
      </c>
    </row>
    <row r="6964" spans="1:4" x14ac:dyDescent="0.25">
      <c r="A6964" t="s">
        <v>10450</v>
      </c>
      <c r="B6964" t="s">
        <v>10451</v>
      </c>
      <c r="C6964">
        <v>2</v>
      </c>
      <c r="D6964">
        <v>0</v>
      </c>
    </row>
    <row r="6965" spans="1:4" x14ac:dyDescent="0.25">
      <c r="A6965" t="s">
        <v>10452</v>
      </c>
      <c r="B6965" t="s">
        <v>10453</v>
      </c>
      <c r="C6965">
        <v>1</v>
      </c>
      <c r="D6965">
        <v>0</v>
      </c>
    </row>
    <row r="6966" spans="1:4" x14ac:dyDescent="0.25">
      <c r="A6966" t="s">
        <v>10454</v>
      </c>
      <c r="B6966" t="s">
        <v>10455</v>
      </c>
      <c r="C6966">
        <v>2</v>
      </c>
      <c r="D6966">
        <v>0</v>
      </c>
    </row>
    <row r="6967" spans="1:4" x14ac:dyDescent="0.25">
      <c r="A6967" t="s">
        <v>10454</v>
      </c>
      <c r="B6967" t="s">
        <v>10456</v>
      </c>
      <c r="C6967">
        <v>1</v>
      </c>
      <c r="D6967">
        <v>0</v>
      </c>
    </row>
    <row r="6968" spans="1:4" x14ac:dyDescent="0.25">
      <c r="A6968" t="s">
        <v>10457</v>
      </c>
      <c r="B6968" t="s">
        <v>10458</v>
      </c>
      <c r="C6968">
        <v>1</v>
      </c>
      <c r="D6968">
        <v>0</v>
      </c>
    </row>
    <row r="6969" spans="1:4" x14ac:dyDescent="0.25">
      <c r="A6969" t="s">
        <v>10457</v>
      </c>
      <c r="B6969" t="s">
        <v>10459</v>
      </c>
      <c r="C6969">
        <v>0</v>
      </c>
      <c r="D6969">
        <v>0</v>
      </c>
    </row>
    <row r="6970" spans="1:4" x14ac:dyDescent="0.25">
      <c r="A6970" t="s">
        <v>10457</v>
      </c>
      <c r="B6970" t="s">
        <v>10460</v>
      </c>
      <c r="C6970">
        <v>1</v>
      </c>
      <c r="D6970">
        <v>0</v>
      </c>
    </row>
    <row r="6971" spans="1:4" x14ac:dyDescent="0.25">
      <c r="A6971" t="s">
        <v>10461</v>
      </c>
      <c r="B6971" t="s">
        <v>10462</v>
      </c>
      <c r="C6971">
        <v>1</v>
      </c>
      <c r="D6971">
        <v>0</v>
      </c>
    </row>
    <row r="6972" spans="1:4" x14ac:dyDescent="0.25">
      <c r="A6972" t="s">
        <v>10461</v>
      </c>
      <c r="B6972" t="s">
        <v>10463</v>
      </c>
      <c r="C6972">
        <v>1</v>
      </c>
      <c r="D6972">
        <v>0</v>
      </c>
    </row>
    <row r="6973" spans="1:4" x14ac:dyDescent="0.25">
      <c r="A6973" t="s">
        <v>10464</v>
      </c>
      <c r="B6973" t="s">
        <v>10465</v>
      </c>
      <c r="C6973">
        <v>0</v>
      </c>
      <c r="D6973">
        <v>0</v>
      </c>
    </row>
    <row r="6974" spans="1:4" x14ac:dyDescent="0.25">
      <c r="A6974" t="s">
        <v>10464</v>
      </c>
      <c r="B6974" t="s">
        <v>1401</v>
      </c>
      <c r="C6974">
        <v>0</v>
      </c>
      <c r="D6974">
        <v>0</v>
      </c>
    </row>
    <row r="6975" spans="1:4" x14ac:dyDescent="0.25">
      <c r="A6975" t="s">
        <v>10466</v>
      </c>
      <c r="B6975" t="s">
        <v>10467</v>
      </c>
      <c r="C6975">
        <v>1</v>
      </c>
      <c r="D6975">
        <v>0</v>
      </c>
    </row>
    <row r="6976" spans="1:4" x14ac:dyDescent="0.25">
      <c r="A6976" t="s">
        <v>10466</v>
      </c>
      <c r="B6976" t="s">
        <v>10468</v>
      </c>
      <c r="C6976">
        <v>1</v>
      </c>
      <c r="D6976">
        <v>0</v>
      </c>
    </row>
    <row r="6977" spans="1:4" x14ac:dyDescent="0.25">
      <c r="A6977" t="s">
        <v>10466</v>
      </c>
      <c r="B6977" t="s">
        <v>10469</v>
      </c>
      <c r="C6977">
        <v>1</v>
      </c>
      <c r="D6977">
        <v>0</v>
      </c>
    </row>
    <row r="6978" spans="1:4" x14ac:dyDescent="0.25">
      <c r="A6978" t="s">
        <v>10470</v>
      </c>
      <c r="B6978" t="s">
        <v>10471</v>
      </c>
      <c r="C6978">
        <v>0</v>
      </c>
      <c r="D6978">
        <v>0</v>
      </c>
    </row>
    <row r="6979" spans="1:4" x14ac:dyDescent="0.25">
      <c r="A6979" t="s">
        <v>10472</v>
      </c>
      <c r="B6979" t="s">
        <v>10473</v>
      </c>
      <c r="C6979">
        <v>1</v>
      </c>
      <c r="D6979">
        <v>0</v>
      </c>
    </row>
    <row r="6980" spans="1:4" x14ac:dyDescent="0.25">
      <c r="A6980" t="s">
        <v>10472</v>
      </c>
      <c r="B6980" t="s">
        <v>10474</v>
      </c>
      <c r="C6980">
        <v>2</v>
      </c>
      <c r="D6980">
        <v>0</v>
      </c>
    </row>
    <row r="6981" spans="1:4" x14ac:dyDescent="0.25">
      <c r="A6981" t="s">
        <v>10475</v>
      </c>
      <c r="B6981" t="s">
        <v>10476</v>
      </c>
      <c r="C6981">
        <v>0</v>
      </c>
      <c r="D6981">
        <v>0</v>
      </c>
    </row>
    <row r="6982" spans="1:4" x14ac:dyDescent="0.25">
      <c r="A6982" t="s">
        <v>10475</v>
      </c>
      <c r="B6982" t="s">
        <v>10477</v>
      </c>
      <c r="C6982">
        <v>0</v>
      </c>
      <c r="D6982">
        <v>0</v>
      </c>
    </row>
    <row r="6983" spans="1:4" x14ac:dyDescent="0.25">
      <c r="A6983" t="s">
        <v>10478</v>
      </c>
      <c r="B6983" t="s">
        <v>10479</v>
      </c>
      <c r="C6983">
        <v>1</v>
      </c>
      <c r="D6983">
        <v>0</v>
      </c>
    </row>
    <row r="6984" spans="1:4" x14ac:dyDescent="0.25">
      <c r="A6984" t="s">
        <v>10478</v>
      </c>
      <c r="B6984" t="s">
        <v>10480</v>
      </c>
      <c r="C6984">
        <v>1</v>
      </c>
      <c r="D6984">
        <v>0</v>
      </c>
    </row>
    <row r="6985" spans="1:4" x14ac:dyDescent="0.25">
      <c r="A6985" t="s">
        <v>10481</v>
      </c>
      <c r="B6985" t="s">
        <v>10482</v>
      </c>
      <c r="C6985">
        <v>1</v>
      </c>
      <c r="D6985">
        <v>0</v>
      </c>
    </row>
    <row r="6986" spans="1:4" x14ac:dyDescent="0.25">
      <c r="A6986" t="s">
        <v>10483</v>
      </c>
      <c r="B6986" t="s">
        <v>10484</v>
      </c>
      <c r="C6986">
        <v>0</v>
      </c>
      <c r="D6986">
        <v>0</v>
      </c>
    </row>
    <row r="6987" spans="1:4" x14ac:dyDescent="0.25">
      <c r="A6987" t="s">
        <v>10485</v>
      </c>
      <c r="B6987" t="s">
        <v>10486</v>
      </c>
      <c r="C6987">
        <v>0</v>
      </c>
      <c r="D6987">
        <v>0</v>
      </c>
    </row>
    <row r="6988" spans="1:4" x14ac:dyDescent="0.25">
      <c r="A6988" t="s">
        <v>10487</v>
      </c>
      <c r="B6988" t="s">
        <v>10488</v>
      </c>
      <c r="C6988">
        <v>1</v>
      </c>
      <c r="D6988">
        <v>0</v>
      </c>
    </row>
    <row r="6989" spans="1:4" x14ac:dyDescent="0.25">
      <c r="A6989" t="s">
        <v>10489</v>
      </c>
      <c r="B6989" t="s">
        <v>10490</v>
      </c>
      <c r="C6989">
        <v>0</v>
      </c>
      <c r="D6989">
        <v>0</v>
      </c>
    </row>
    <row r="6990" spans="1:4" x14ac:dyDescent="0.25">
      <c r="A6990" t="s">
        <v>10491</v>
      </c>
      <c r="B6990" t="s">
        <v>1229</v>
      </c>
      <c r="C6990">
        <v>1</v>
      </c>
      <c r="D6990">
        <v>0</v>
      </c>
    </row>
    <row r="6991" spans="1:4" x14ac:dyDescent="0.25">
      <c r="A6991" t="s">
        <v>10492</v>
      </c>
      <c r="B6991" t="s">
        <v>951</v>
      </c>
      <c r="C6991">
        <v>1</v>
      </c>
      <c r="D6991">
        <v>0</v>
      </c>
    </row>
    <row r="6992" spans="1:4" x14ac:dyDescent="0.25">
      <c r="A6992" t="s">
        <v>10492</v>
      </c>
      <c r="B6992" t="s">
        <v>10493</v>
      </c>
      <c r="C6992">
        <v>2</v>
      </c>
      <c r="D6992">
        <v>0</v>
      </c>
    </row>
    <row r="6993" spans="1:4" x14ac:dyDescent="0.25">
      <c r="A6993" t="s">
        <v>10492</v>
      </c>
      <c r="B6993" t="s">
        <v>10494</v>
      </c>
      <c r="C6993">
        <v>0</v>
      </c>
      <c r="D6993">
        <v>0</v>
      </c>
    </row>
    <row r="6994" spans="1:4" x14ac:dyDescent="0.25">
      <c r="A6994" t="s">
        <v>10495</v>
      </c>
      <c r="B6994" t="s">
        <v>10496</v>
      </c>
      <c r="C6994">
        <v>1</v>
      </c>
      <c r="D6994">
        <v>0</v>
      </c>
    </row>
    <row r="6995" spans="1:4" x14ac:dyDescent="0.25">
      <c r="A6995" t="s">
        <v>10495</v>
      </c>
      <c r="B6995" t="s">
        <v>10497</v>
      </c>
      <c r="C6995">
        <v>1</v>
      </c>
      <c r="D6995">
        <v>0</v>
      </c>
    </row>
    <row r="6996" spans="1:4" x14ac:dyDescent="0.25">
      <c r="A6996" t="s">
        <v>10498</v>
      </c>
      <c r="B6996" t="s">
        <v>1151</v>
      </c>
      <c r="C6996">
        <v>1</v>
      </c>
      <c r="D6996">
        <v>0</v>
      </c>
    </row>
    <row r="6997" spans="1:4" x14ac:dyDescent="0.25">
      <c r="A6997" t="s">
        <v>10499</v>
      </c>
      <c r="B6997" t="s">
        <v>10500</v>
      </c>
      <c r="C6997">
        <v>1</v>
      </c>
      <c r="D6997">
        <v>0</v>
      </c>
    </row>
    <row r="6998" spans="1:4" x14ac:dyDescent="0.25">
      <c r="A6998" t="s">
        <v>10501</v>
      </c>
      <c r="B6998" t="s">
        <v>10502</v>
      </c>
      <c r="C6998">
        <v>0</v>
      </c>
      <c r="D6998">
        <v>0</v>
      </c>
    </row>
    <row r="6999" spans="1:4" x14ac:dyDescent="0.25">
      <c r="A6999" t="s">
        <v>10501</v>
      </c>
      <c r="B6999" t="s">
        <v>10503</v>
      </c>
      <c r="C6999">
        <v>1</v>
      </c>
      <c r="D6999">
        <v>0</v>
      </c>
    </row>
    <row r="7000" spans="1:4" x14ac:dyDescent="0.25">
      <c r="A7000" t="s">
        <v>10501</v>
      </c>
      <c r="B7000" t="s">
        <v>10504</v>
      </c>
      <c r="C7000">
        <v>1</v>
      </c>
      <c r="D7000">
        <v>0</v>
      </c>
    </row>
    <row r="7001" spans="1:4" x14ac:dyDescent="0.25">
      <c r="A7001" t="s">
        <v>10505</v>
      </c>
      <c r="B7001" t="s">
        <v>10506</v>
      </c>
      <c r="C7001">
        <v>0</v>
      </c>
      <c r="D7001">
        <v>0</v>
      </c>
    </row>
    <row r="7002" spans="1:4" x14ac:dyDescent="0.25">
      <c r="A7002" t="s">
        <v>10505</v>
      </c>
      <c r="B7002" t="s">
        <v>10507</v>
      </c>
      <c r="C7002">
        <v>1</v>
      </c>
      <c r="D7002">
        <v>0</v>
      </c>
    </row>
    <row r="7003" spans="1:4" x14ac:dyDescent="0.25">
      <c r="A7003" t="s">
        <v>10508</v>
      </c>
      <c r="B7003" t="s">
        <v>10509</v>
      </c>
      <c r="C7003">
        <v>1</v>
      </c>
      <c r="D7003">
        <v>0</v>
      </c>
    </row>
    <row r="7004" spans="1:4" x14ac:dyDescent="0.25">
      <c r="A7004" t="s">
        <v>10510</v>
      </c>
      <c r="B7004" t="s">
        <v>10511</v>
      </c>
      <c r="C7004">
        <v>1</v>
      </c>
      <c r="D7004">
        <v>0</v>
      </c>
    </row>
    <row r="7005" spans="1:4" x14ac:dyDescent="0.25">
      <c r="A7005" t="s">
        <v>10510</v>
      </c>
      <c r="B7005" t="s">
        <v>10512</v>
      </c>
      <c r="C7005">
        <v>1</v>
      </c>
      <c r="D7005">
        <v>0</v>
      </c>
    </row>
    <row r="7006" spans="1:4" x14ac:dyDescent="0.25">
      <c r="A7006" t="s">
        <v>10510</v>
      </c>
      <c r="B7006" t="s">
        <v>10513</v>
      </c>
      <c r="C7006">
        <v>1</v>
      </c>
      <c r="D7006">
        <v>0</v>
      </c>
    </row>
    <row r="7007" spans="1:4" x14ac:dyDescent="0.25">
      <c r="A7007" t="s">
        <v>10514</v>
      </c>
      <c r="B7007" t="s">
        <v>797</v>
      </c>
      <c r="C7007">
        <v>0</v>
      </c>
      <c r="D7007">
        <v>0</v>
      </c>
    </row>
    <row r="7008" spans="1:4" x14ac:dyDescent="0.25">
      <c r="A7008" t="s">
        <v>10515</v>
      </c>
      <c r="B7008" t="s">
        <v>10516</v>
      </c>
      <c r="C7008">
        <v>1</v>
      </c>
      <c r="D7008">
        <v>0</v>
      </c>
    </row>
    <row r="7009" spans="1:4" x14ac:dyDescent="0.25">
      <c r="A7009" t="s">
        <v>10517</v>
      </c>
      <c r="B7009" t="s">
        <v>10518</v>
      </c>
      <c r="C7009">
        <v>0</v>
      </c>
      <c r="D7009">
        <v>0</v>
      </c>
    </row>
    <row r="7010" spans="1:4" x14ac:dyDescent="0.25">
      <c r="A7010" t="s">
        <v>10517</v>
      </c>
      <c r="B7010" t="s">
        <v>10519</v>
      </c>
      <c r="C7010">
        <v>0</v>
      </c>
      <c r="D7010">
        <v>0</v>
      </c>
    </row>
    <row r="7011" spans="1:4" x14ac:dyDescent="0.25">
      <c r="A7011" t="s">
        <v>10517</v>
      </c>
      <c r="B7011" t="s">
        <v>10520</v>
      </c>
      <c r="C7011">
        <v>1</v>
      </c>
      <c r="D7011">
        <v>0</v>
      </c>
    </row>
    <row r="7012" spans="1:4" x14ac:dyDescent="0.25">
      <c r="A7012" t="s">
        <v>10521</v>
      </c>
      <c r="B7012" t="s">
        <v>10522</v>
      </c>
      <c r="C7012">
        <v>0</v>
      </c>
      <c r="D7012">
        <v>0</v>
      </c>
    </row>
    <row r="7013" spans="1:4" x14ac:dyDescent="0.25">
      <c r="A7013" t="s">
        <v>10523</v>
      </c>
      <c r="B7013" t="s">
        <v>852</v>
      </c>
      <c r="C7013">
        <v>0</v>
      </c>
      <c r="D7013">
        <v>0</v>
      </c>
    </row>
    <row r="7014" spans="1:4" x14ac:dyDescent="0.25">
      <c r="A7014" t="s">
        <v>10524</v>
      </c>
      <c r="B7014" t="s">
        <v>10525</v>
      </c>
      <c r="C7014">
        <v>0</v>
      </c>
      <c r="D7014">
        <v>0</v>
      </c>
    </row>
    <row r="7015" spans="1:4" x14ac:dyDescent="0.25">
      <c r="A7015" t="s">
        <v>10524</v>
      </c>
      <c r="B7015" t="s">
        <v>10526</v>
      </c>
      <c r="C7015">
        <v>0</v>
      </c>
      <c r="D7015">
        <v>0</v>
      </c>
    </row>
    <row r="7016" spans="1:4" x14ac:dyDescent="0.25">
      <c r="A7016" t="s">
        <v>10524</v>
      </c>
      <c r="B7016" t="s">
        <v>10527</v>
      </c>
      <c r="C7016">
        <v>1</v>
      </c>
      <c r="D7016">
        <v>0</v>
      </c>
    </row>
    <row r="7017" spans="1:4" x14ac:dyDescent="0.25">
      <c r="A7017" t="s">
        <v>10528</v>
      </c>
      <c r="B7017" t="s">
        <v>10529</v>
      </c>
      <c r="C7017">
        <v>1</v>
      </c>
      <c r="D7017">
        <v>0</v>
      </c>
    </row>
    <row r="7018" spans="1:4" x14ac:dyDescent="0.25">
      <c r="A7018" t="s">
        <v>10530</v>
      </c>
      <c r="B7018" t="s">
        <v>10531</v>
      </c>
      <c r="C7018">
        <v>1</v>
      </c>
      <c r="D7018">
        <v>0</v>
      </c>
    </row>
    <row r="7019" spans="1:4" x14ac:dyDescent="0.25">
      <c r="A7019" t="s">
        <v>10530</v>
      </c>
      <c r="B7019" t="s">
        <v>10532</v>
      </c>
      <c r="C7019">
        <v>0</v>
      </c>
      <c r="D7019">
        <v>0</v>
      </c>
    </row>
    <row r="7020" spans="1:4" x14ac:dyDescent="0.25">
      <c r="A7020" t="s">
        <v>10533</v>
      </c>
      <c r="B7020" t="s">
        <v>10534</v>
      </c>
      <c r="C7020">
        <v>2</v>
      </c>
      <c r="D7020">
        <v>0</v>
      </c>
    </row>
    <row r="7021" spans="1:4" x14ac:dyDescent="0.25">
      <c r="A7021" t="s">
        <v>10533</v>
      </c>
      <c r="B7021" t="s">
        <v>10535</v>
      </c>
      <c r="C7021">
        <v>0</v>
      </c>
      <c r="D7021">
        <v>0</v>
      </c>
    </row>
    <row r="7022" spans="1:4" x14ac:dyDescent="0.25">
      <c r="A7022" t="s">
        <v>10533</v>
      </c>
      <c r="B7022" t="s">
        <v>10536</v>
      </c>
      <c r="C7022">
        <v>1</v>
      </c>
      <c r="D7022">
        <v>0</v>
      </c>
    </row>
    <row r="7023" spans="1:4" x14ac:dyDescent="0.25">
      <c r="A7023" t="s">
        <v>10537</v>
      </c>
      <c r="B7023" t="s">
        <v>10538</v>
      </c>
      <c r="C7023">
        <v>1</v>
      </c>
      <c r="D7023">
        <v>0</v>
      </c>
    </row>
    <row r="7024" spans="1:4" x14ac:dyDescent="0.25">
      <c r="A7024" t="s">
        <v>10539</v>
      </c>
      <c r="B7024" t="s">
        <v>1526</v>
      </c>
      <c r="C7024">
        <v>1</v>
      </c>
      <c r="D7024">
        <v>0</v>
      </c>
    </row>
    <row r="7025" spans="1:4" x14ac:dyDescent="0.25">
      <c r="A7025" t="s">
        <v>10540</v>
      </c>
      <c r="B7025" t="s">
        <v>10541</v>
      </c>
      <c r="C7025">
        <v>1</v>
      </c>
      <c r="D7025">
        <v>0</v>
      </c>
    </row>
    <row r="7026" spans="1:4" x14ac:dyDescent="0.25">
      <c r="A7026" t="s">
        <v>10540</v>
      </c>
      <c r="B7026" t="s">
        <v>10542</v>
      </c>
      <c r="C7026">
        <v>1</v>
      </c>
      <c r="D7026">
        <v>0</v>
      </c>
    </row>
    <row r="7027" spans="1:4" x14ac:dyDescent="0.25">
      <c r="A7027" t="s">
        <v>10540</v>
      </c>
      <c r="B7027" t="s">
        <v>10543</v>
      </c>
      <c r="C7027">
        <v>1</v>
      </c>
      <c r="D7027">
        <v>0</v>
      </c>
    </row>
    <row r="7028" spans="1:4" x14ac:dyDescent="0.25">
      <c r="A7028" t="s">
        <v>10544</v>
      </c>
      <c r="B7028" t="s">
        <v>10545</v>
      </c>
      <c r="C7028">
        <v>0</v>
      </c>
      <c r="D7028">
        <v>0</v>
      </c>
    </row>
    <row r="7029" spans="1:4" x14ac:dyDescent="0.25">
      <c r="A7029" t="s">
        <v>10546</v>
      </c>
      <c r="B7029" t="s">
        <v>10547</v>
      </c>
      <c r="C7029">
        <v>0</v>
      </c>
      <c r="D7029">
        <v>0</v>
      </c>
    </row>
    <row r="7030" spans="1:4" x14ac:dyDescent="0.25">
      <c r="A7030" t="s">
        <v>10546</v>
      </c>
      <c r="B7030" t="s">
        <v>10548</v>
      </c>
      <c r="C7030">
        <v>0</v>
      </c>
      <c r="D7030">
        <v>0</v>
      </c>
    </row>
    <row r="7031" spans="1:4" x14ac:dyDescent="0.25">
      <c r="A7031" t="s">
        <v>10546</v>
      </c>
      <c r="B7031" t="s">
        <v>10549</v>
      </c>
      <c r="C7031">
        <v>1</v>
      </c>
      <c r="D7031">
        <v>0</v>
      </c>
    </row>
    <row r="7032" spans="1:4" x14ac:dyDescent="0.25">
      <c r="A7032" t="s">
        <v>10550</v>
      </c>
      <c r="B7032" t="s">
        <v>10551</v>
      </c>
      <c r="C7032">
        <v>0</v>
      </c>
      <c r="D7032">
        <v>0</v>
      </c>
    </row>
    <row r="7033" spans="1:4" x14ac:dyDescent="0.25">
      <c r="A7033" t="s">
        <v>10552</v>
      </c>
      <c r="B7033" t="s">
        <v>10553</v>
      </c>
      <c r="C7033">
        <v>0</v>
      </c>
      <c r="D7033">
        <v>0</v>
      </c>
    </row>
    <row r="7034" spans="1:4" x14ac:dyDescent="0.25">
      <c r="A7034" t="s">
        <v>10552</v>
      </c>
      <c r="B7034" t="s">
        <v>10554</v>
      </c>
      <c r="C7034">
        <v>0</v>
      </c>
      <c r="D7034">
        <v>0</v>
      </c>
    </row>
    <row r="7035" spans="1:4" x14ac:dyDescent="0.25">
      <c r="A7035" t="s">
        <v>10552</v>
      </c>
      <c r="B7035" t="s">
        <v>10555</v>
      </c>
      <c r="C7035">
        <v>1</v>
      </c>
      <c r="D7035">
        <v>0</v>
      </c>
    </row>
    <row r="7036" spans="1:4" x14ac:dyDescent="0.25">
      <c r="A7036" t="s">
        <v>10556</v>
      </c>
      <c r="B7036" t="s">
        <v>10557</v>
      </c>
      <c r="C7036">
        <v>1</v>
      </c>
      <c r="D7036">
        <v>0</v>
      </c>
    </row>
    <row r="7037" spans="1:4" x14ac:dyDescent="0.25">
      <c r="A7037" t="s">
        <v>10558</v>
      </c>
      <c r="B7037" t="s">
        <v>10559</v>
      </c>
      <c r="C7037">
        <v>2</v>
      </c>
      <c r="D7037">
        <v>0</v>
      </c>
    </row>
    <row r="7038" spans="1:4" x14ac:dyDescent="0.25">
      <c r="A7038" t="s">
        <v>10560</v>
      </c>
      <c r="B7038" t="s">
        <v>1401</v>
      </c>
      <c r="C7038">
        <v>0</v>
      </c>
      <c r="D7038">
        <v>0</v>
      </c>
    </row>
    <row r="7039" spans="1:4" x14ac:dyDescent="0.25">
      <c r="A7039" t="s">
        <v>10560</v>
      </c>
      <c r="B7039" t="s">
        <v>10561</v>
      </c>
      <c r="C7039">
        <v>1</v>
      </c>
      <c r="D7039">
        <v>0</v>
      </c>
    </row>
    <row r="7040" spans="1:4" x14ac:dyDescent="0.25">
      <c r="A7040" t="s">
        <v>10562</v>
      </c>
      <c r="B7040" t="s">
        <v>10563</v>
      </c>
      <c r="C7040">
        <v>1</v>
      </c>
      <c r="D7040">
        <v>0</v>
      </c>
    </row>
    <row r="7041" spans="1:4" x14ac:dyDescent="0.25">
      <c r="A7041" t="s">
        <v>10562</v>
      </c>
      <c r="B7041" t="s">
        <v>10564</v>
      </c>
      <c r="C7041">
        <v>1</v>
      </c>
      <c r="D7041">
        <v>0</v>
      </c>
    </row>
    <row r="7042" spans="1:4" x14ac:dyDescent="0.25">
      <c r="A7042" t="s">
        <v>10565</v>
      </c>
      <c r="B7042" t="s">
        <v>10566</v>
      </c>
      <c r="C7042">
        <v>1</v>
      </c>
      <c r="D7042">
        <v>0</v>
      </c>
    </row>
    <row r="7043" spans="1:4" x14ac:dyDescent="0.25">
      <c r="A7043" t="s">
        <v>10567</v>
      </c>
      <c r="B7043" t="s">
        <v>10568</v>
      </c>
      <c r="C7043">
        <v>1</v>
      </c>
      <c r="D7043">
        <v>0</v>
      </c>
    </row>
    <row r="7044" spans="1:4" x14ac:dyDescent="0.25">
      <c r="A7044" t="s">
        <v>10569</v>
      </c>
      <c r="B7044" t="s">
        <v>1001</v>
      </c>
      <c r="C7044">
        <v>1</v>
      </c>
      <c r="D7044">
        <v>0</v>
      </c>
    </row>
    <row r="7045" spans="1:4" x14ac:dyDescent="0.25">
      <c r="A7045" t="s">
        <v>10569</v>
      </c>
      <c r="B7045" t="s">
        <v>10570</v>
      </c>
      <c r="C7045">
        <v>1</v>
      </c>
      <c r="D7045">
        <v>0</v>
      </c>
    </row>
    <row r="7046" spans="1:4" x14ac:dyDescent="0.25">
      <c r="A7046" t="s">
        <v>10571</v>
      </c>
      <c r="B7046" t="s">
        <v>10572</v>
      </c>
      <c r="C7046">
        <v>0</v>
      </c>
      <c r="D7046">
        <v>0</v>
      </c>
    </row>
    <row r="7047" spans="1:4" x14ac:dyDescent="0.25">
      <c r="A7047" t="s">
        <v>10571</v>
      </c>
      <c r="B7047" t="s">
        <v>10573</v>
      </c>
      <c r="C7047">
        <v>0</v>
      </c>
      <c r="D7047">
        <v>0</v>
      </c>
    </row>
    <row r="7048" spans="1:4" x14ac:dyDescent="0.25">
      <c r="A7048" t="s">
        <v>10574</v>
      </c>
      <c r="B7048" t="s">
        <v>4349</v>
      </c>
      <c r="C7048">
        <v>1</v>
      </c>
      <c r="D7048">
        <v>0</v>
      </c>
    </row>
    <row r="7049" spans="1:4" x14ac:dyDescent="0.25">
      <c r="A7049" t="s">
        <v>10574</v>
      </c>
      <c r="B7049" t="s">
        <v>10575</v>
      </c>
      <c r="C7049">
        <v>0</v>
      </c>
      <c r="D7049">
        <v>0</v>
      </c>
    </row>
    <row r="7050" spans="1:4" x14ac:dyDescent="0.25">
      <c r="A7050" t="s">
        <v>10576</v>
      </c>
      <c r="B7050" t="s">
        <v>10577</v>
      </c>
      <c r="C7050">
        <v>1</v>
      </c>
      <c r="D7050">
        <v>0</v>
      </c>
    </row>
    <row r="7051" spans="1:4" x14ac:dyDescent="0.25">
      <c r="A7051" t="s">
        <v>10576</v>
      </c>
      <c r="B7051" t="s">
        <v>10578</v>
      </c>
      <c r="C7051">
        <v>2</v>
      </c>
      <c r="D7051">
        <v>0</v>
      </c>
    </row>
    <row r="7052" spans="1:4" x14ac:dyDescent="0.25">
      <c r="A7052" t="s">
        <v>10579</v>
      </c>
      <c r="B7052" t="s">
        <v>10580</v>
      </c>
      <c r="C7052">
        <v>0</v>
      </c>
      <c r="D7052">
        <v>0</v>
      </c>
    </row>
    <row r="7053" spans="1:4" x14ac:dyDescent="0.25">
      <c r="A7053" t="s">
        <v>10581</v>
      </c>
      <c r="B7053" t="s">
        <v>10582</v>
      </c>
      <c r="C7053">
        <v>1</v>
      </c>
      <c r="D7053">
        <v>0</v>
      </c>
    </row>
    <row r="7054" spans="1:4" x14ac:dyDescent="0.25">
      <c r="A7054" t="s">
        <v>10581</v>
      </c>
      <c r="B7054" t="s">
        <v>10583</v>
      </c>
      <c r="C7054">
        <v>1</v>
      </c>
      <c r="D7054">
        <v>0</v>
      </c>
    </row>
    <row r="7055" spans="1:4" x14ac:dyDescent="0.25">
      <c r="A7055" t="s">
        <v>10581</v>
      </c>
      <c r="B7055" t="s">
        <v>10584</v>
      </c>
      <c r="C7055">
        <v>2</v>
      </c>
      <c r="D7055">
        <v>0</v>
      </c>
    </row>
    <row r="7056" spans="1:4" x14ac:dyDescent="0.25">
      <c r="A7056" t="s">
        <v>10585</v>
      </c>
      <c r="B7056" t="s">
        <v>10586</v>
      </c>
      <c r="C7056">
        <v>2</v>
      </c>
      <c r="D7056">
        <v>0</v>
      </c>
    </row>
    <row r="7057" spans="1:4" x14ac:dyDescent="0.25">
      <c r="A7057" t="s">
        <v>10587</v>
      </c>
      <c r="B7057" t="s">
        <v>10588</v>
      </c>
      <c r="C7057">
        <v>2</v>
      </c>
      <c r="D7057">
        <v>0</v>
      </c>
    </row>
    <row r="7058" spans="1:4" x14ac:dyDescent="0.25">
      <c r="A7058" t="s">
        <v>10587</v>
      </c>
      <c r="B7058" t="s">
        <v>10589</v>
      </c>
      <c r="C7058">
        <v>0</v>
      </c>
      <c r="D7058">
        <v>0</v>
      </c>
    </row>
    <row r="7059" spans="1:4" x14ac:dyDescent="0.25">
      <c r="A7059" t="s">
        <v>10587</v>
      </c>
      <c r="B7059" t="s">
        <v>10590</v>
      </c>
      <c r="C7059">
        <v>1</v>
      </c>
      <c r="D7059">
        <v>0</v>
      </c>
    </row>
    <row r="7060" spans="1:4" x14ac:dyDescent="0.25">
      <c r="A7060" t="s">
        <v>10591</v>
      </c>
      <c r="B7060" t="s">
        <v>10592</v>
      </c>
      <c r="C7060">
        <v>0</v>
      </c>
      <c r="D7060">
        <v>0</v>
      </c>
    </row>
    <row r="7061" spans="1:4" x14ac:dyDescent="0.25">
      <c r="A7061" t="s">
        <v>10591</v>
      </c>
      <c r="B7061" t="s">
        <v>10593</v>
      </c>
      <c r="C7061">
        <v>1</v>
      </c>
      <c r="D7061">
        <v>0</v>
      </c>
    </row>
    <row r="7062" spans="1:4" x14ac:dyDescent="0.25">
      <c r="A7062" t="s">
        <v>10591</v>
      </c>
      <c r="B7062" t="s">
        <v>10594</v>
      </c>
      <c r="C7062">
        <v>0</v>
      </c>
      <c r="D7062">
        <v>0</v>
      </c>
    </row>
    <row r="7063" spans="1:4" x14ac:dyDescent="0.25">
      <c r="A7063" t="s">
        <v>10595</v>
      </c>
      <c r="B7063" t="s">
        <v>1001</v>
      </c>
      <c r="C7063">
        <v>1</v>
      </c>
      <c r="D7063">
        <v>0</v>
      </c>
    </row>
    <row r="7064" spans="1:4" x14ac:dyDescent="0.25">
      <c r="A7064" t="s">
        <v>10596</v>
      </c>
      <c r="B7064" t="s">
        <v>10597</v>
      </c>
      <c r="C7064">
        <v>2</v>
      </c>
      <c r="D7064">
        <v>0</v>
      </c>
    </row>
    <row r="7065" spans="1:4" x14ac:dyDescent="0.25">
      <c r="A7065" t="s">
        <v>10598</v>
      </c>
      <c r="B7065" t="s">
        <v>2061</v>
      </c>
      <c r="C7065">
        <v>0</v>
      </c>
      <c r="D7065">
        <v>0</v>
      </c>
    </row>
    <row r="7066" spans="1:4" x14ac:dyDescent="0.25">
      <c r="A7066" t="s">
        <v>10598</v>
      </c>
      <c r="B7066" t="s">
        <v>10599</v>
      </c>
      <c r="C7066">
        <v>2</v>
      </c>
      <c r="D7066">
        <v>0</v>
      </c>
    </row>
    <row r="7067" spans="1:4" x14ac:dyDescent="0.25">
      <c r="A7067" t="s">
        <v>10600</v>
      </c>
      <c r="B7067" t="s">
        <v>10601</v>
      </c>
      <c r="C7067">
        <v>0</v>
      </c>
      <c r="D7067">
        <v>0</v>
      </c>
    </row>
    <row r="7068" spans="1:4" x14ac:dyDescent="0.25">
      <c r="A7068" t="s">
        <v>10600</v>
      </c>
      <c r="B7068" t="s">
        <v>10602</v>
      </c>
      <c r="C7068">
        <v>1</v>
      </c>
      <c r="D7068">
        <v>0</v>
      </c>
    </row>
    <row r="7069" spans="1:4" x14ac:dyDescent="0.25">
      <c r="A7069" t="s">
        <v>10600</v>
      </c>
      <c r="B7069" t="s">
        <v>10603</v>
      </c>
      <c r="C7069">
        <v>1</v>
      </c>
      <c r="D7069">
        <v>0</v>
      </c>
    </row>
    <row r="7070" spans="1:4" x14ac:dyDescent="0.25">
      <c r="A7070" t="s">
        <v>10604</v>
      </c>
      <c r="B7070" t="s">
        <v>10605</v>
      </c>
      <c r="C7070">
        <v>1</v>
      </c>
      <c r="D7070">
        <v>0</v>
      </c>
    </row>
    <row r="7071" spans="1:4" x14ac:dyDescent="0.25">
      <c r="A7071" t="s">
        <v>10604</v>
      </c>
      <c r="B7071" t="s">
        <v>10606</v>
      </c>
      <c r="C7071">
        <v>2</v>
      </c>
      <c r="D7071">
        <v>0</v>
      </c>
    </row>
    <row r="7072" spans="1:4" x14ac:dyDescent="0.25">
      <c r="A7072" t="s">
        <v>10604</v>
      </c>
      <c r="B7072" t="s">
        <v>10607</v>
      </c>
      <c r="C7072">
        <v>1</v>
      </c>
      <c r="D7072">
        <v>0</v>
      </c>
    </row>
    <row r="7073" spans="1:4" x14ac:dyDescent="0.25">
      <c r="A7073" t="s">
        <v>10608</v>
      </c>
      <c r="B7073" t="s">
        <v>10609</v>
      </c>
      <c r="C7073">
        <v>1</v>
      </c>
      <c r="D7073">
        <v>0</v>
      </c>
    </row>
    <row r="7074" spans="1:4" x14ac:dyDescent="0.25">
      <c r="A7074" t="s">
        <v>10610</v>
      </c>
      <c r="B7074" t="s">
        <v>1930</v>
      </c>
      <c r="C7074">
        <v>1</v>
      </c>
      <c r="D7074">
        <v>0</v>
      </c>
    </row>
    <row r="7075" spans="1:4" x14ac:dyDescent="0.25">
      <c r="A7075" t="s">
        <v>10611</v>
      </c>
      <c r="B7075" t="s">
        <v>10612</v>
      </c>
      <c r="C7075">
        <v>1</v>
      </c>
      <c r="D7075">
        <v>0</v>
      </c>
    </row>
    <row r="7076" spans="1:4" x14ac:dyDescent="0.25">
      <c r="A7076" t="s">
        <v>10611</v>
      </c>
      <c r="B7076" t="s">
        <v>10613</v>
      </c>
      <c r="C7076">
        <v>1</v>
      </c>
      <c r="D7076">
        <v>0</v>
      </c>
    </row>
    <row r="7077" spans="1:4" x14ac:dyDescent="0.25">
      <c r="A7077" t="s">
        <v>10611</v>
      </c>
      <c r="B7077" t="s">
        <v>10614</v>
      </c>
      <c r="C7077">
        <v>2</v>
      </c>
      <c r="D7077">
        <v>0</v>
      </c>
    </row>
    <row r="7078" spans="1:4" x14ac:dyDescent="0.25">
      <c r="A7078" t="s">
        <v>10615</v>
      </c>
      <c r="B7078" t="s">
        <v>996</v>
      </c>
      <c r="C7078">
        <v>1</v>
      </c>
      <c r="D7078">
        <v>0</v>
      </c>
    </row>
    <row r="7079" spans="1:4" x14ac:dyDescent="0.25">
      <c r="A7079" t="s">
        <v>10616</v>
      </c>
      <c r="B7079" t="s">
        <v>10617</v>
      </c>
      <c r="C7079">
        <v>1</v>
      </c>
      <c r="D7079">
        <v>0</v>
      </c>
    </row>
    <row r="7080" spans="1:4" x14ac:dyDescent="0.25">
      <c r="A7080" t="s">
        <v>10616</v>
      </c>
      <c r="B7080" t="s">
        <v>10618</v>
      </c>
      <c r="C7080">
        <v>0</v>
      </c>
      <c r="D7080">
        <v>0</v>
      </c>
    </row>
    <row r="7081" spans="1:4" x14ac:dyDescent="0.25">
      <c r="A7081" t="s">
        <v>10616</v>
      </c>
      <c r="B7081" t="s">
        <v>10619</v>
      </c>
      <c r="C7081">
        <v>0</v>
      </c>
      <c r="D7081">
        <v>0</v>
      </c>
    </row>
    <row r="7082" spans="1:4" x14ac:dyDescent="0.25">
      <c r="A7082" t="s">
        <v>10620</v>
      </c>
      <c r="B7082" t="s">
        <v>10621</v>
      </c>
      <c r="C7082">
        <v>1</v>
      </c>
      <c r="D7082">
        <v>0</v>
      </c>
    </row>
    <row r="7083" spans="1:4" x14ac:dyDescent="0.25">
      <c r="A7083" t="s">
        <v>10622</v>
      </c>
      <c r="B7083" t="s">
        <v>10623</v>
      </c>
      <c r="C7083">
        <v>0</v>
      </c>
      <c r="D7083">
        <v>0</v>
      </c>
    </row>
    <row r="7084" spans="1:4" x14ac:dyDescent="0.25">
      <c r="A7084" t="s">
        <v>10622</v>
      </c>
      <c r="B7084" t="s">
        <v>10624</v>
      </c>
      <c r="C7084">
        <v>1</v>
      </c>
      <c r="D7084">
        <v>0</v>
      </c>
    </row>
    <row r="7085" spans="1:4" x14ac:dyDescent="0.25">
      <c r="A7085" t="s">
        <v>10622</v>
      </c>
      <c r="B7085" t="s">
        <v>10625</v>
      </c>
      <c r="C7085">
        <v>0</v>
      </c>
      <c r="D7085">
        <v>0</v>
      </c>
    </row>
    <row r="7086" spans="1:4" x14ac:dyDescent="0.25">
      <c r="A7086" t="s">
        <v>10626</v>
      </c>
      <c r="B7086" t="s">
        <v>10627</v>
      </c>
      <c r="C7086">
        <v>0</v>
      </c>
      <c r="D7086">
        <v>0</v>
      </c>
    </row>
    <row r="7087" spans="1:4" x14ac:dyDescent="0.25">
      <c r="A7087" t="s">
        <v>10628</v>
      </c>
      <c r="B7087" t="s">
        <v>10629</v>
      </c>
      <c r="C7087">
        <v>1</v>
      </c>
      <c r="D7087">
        <v>0</v>
      </c>
    </row>
    <row r="7088" spans="1:4" x14ac:dyDescent="0.25">
      <c r="A7088" t="s">
        <v>10630</v>
      </c>
      <c r="B7088" t="s">
        <v>10631</v>
      </c>
      <c r="C7088">
        <v>1</v>
      </c>
      <c r="D7088">
        <v>0</v>
      </c>
    </row>
    <row r="7089" spans="1:4" x14ac:dyDescent="0.25">
      <c r="A7089" t="s">
        <v>10630</v>
      </c>
      <c r="B7089" t="s">
        <v>10632</v>
      </c>
      <c r="C7089">
        <v>0</v>
      </c>
      <c r="D7089">
        <v>0</v>
      </c>
    </row>
    <row r="7090" spans="1:4" x14ac:dyDescent="0.25">
      <c r="A7090" t="s">
        <v>10630</v>
      </c>
      <c r="B7090" t="s">
        <v>10633</v>
      </c>
      <c r="C7090">
        <v>0</v>
      </c>
      <c r="D7090">
        <v>0</v>
      </c>
    </row>
    <row r="7091" spans="1:4" x14ac:dyDescent="0.25">
      <c r="A7091" t="s">
        <v>10634</v>
      </c>
      <c r="B7091" t="s">
        <v>10635</v>
      </c>
      <c r="C7091">
        <v>0</v>
      </c>
      <c r="D7091">
        <v>0</v>
      </c>
    </row>
    <row r="7092" spans="1:4" x14ac:dyDescent="0.25">
      <c r="A7092" t="s">
        <v>10634</v>
      </c>
      <c r="B7092" t="s">
        <v>10636</v>
      </c>
      <c r="C7092">
        <v>1</v>
      </c>
      <c r="D7092">
        <v>0</v>
      </c>
    </row>
    <row r="7093" spans="1:4" x14ac:dyDescent="0.25">
      <c r="A7093" t="s">
        <v>10637</v>
      </c>
      <c r="B7093" t="s">
        <v>1294</v>
      </c>
      <c r="C7093">
        <v>1</v>
      </c>
      <c r="D7093">
        <v>0</v>
      </c>
    </row>
    <row r="7094" spans="1:4" x14ac:dyDescent="0.25">
      <c r="A7094" t="s">
        <v>10637</v>
      </c>
      <c r="B7094" t="s">
        <v>10638</v>
      </c>
      <c r="C7094">
        <v>1</v>
      </c>
      <c r="D7094">
        <v>0</v>
      </c>
    </row>
    <row r="7095" spans="1:4" x14ac:dyDescent="0.25">
      <c r="A7095" t="s">
        <v>10637</v>
      </c>
      <c r="B7095" t="s">
        <v>10639</v>
      </c>
      <c r="C7095">
        <v>0</v>
      </c>
      <c r="D7095">
        <v>0</v>
      </c>
    </row>
    <row r="7096" spans="1:4" x14ac:dyDescent="0.25">
      <c r="A7096" t="s">
        <v>10640</v>
      </c>
      <c r="B7096" t="s">
        <v>10641</v>
      </c>
      <c r="C7096">
        <v>2</v>
      </c>
      <c r="D7096">
        <v>0</v>
      </c>
    </row>
    <row r="7097" spans="1:4" x14ac:dyDescent="0.25">
      <c r="A7097" t="s">
        <v>10642</v>
      </c>
      <c r="B7097" t="s">
        <v>10643</v>
      </c>
      <c r="C7097">
        <v>1</v>
      </c>
      <c r="D7097">
        <v>0</v>
      </c>
    </row>
    <row r="7098" spans="1:4" x14ac:dyDescent="0.25">
      <c r="A7098" t="s">
        <v>10642</v>
      </c>
      <c r="B7098" t="s">
        <v>10644</v>
      </c>
      <c r="C7098">
        <v>1</v>
      </c>
      <c r="D7098">
        <v>0</v>
      </c>
    </row>
    <row r="7099" spans="1:4" x14ac:dyDescent="0.25">
      <c r="A7099" t="s">
        <v>10642</v>
      </c>
      <c r="B7099" t="s">
        <v>10645</v>
      </c>
      <c r="C7099">
        <v>1</v>
      </c>
      <c r="D7099">
        <v>0</v>
      </c>
    </row>
    <row r="7100" spans="1:4" x14ac:dyDescent="0.25">
      <c r="A7100" t="s">
        <v>10646</v>
      </c>
      <c r="B7100" t="s">
        <v>10647</v>
      </c>
      <c r="C7100">
        <v>0</v>
      </c>
      <c r="D7100">
        <v>0</v>
      </c>
    </row>
    <row r="7101" spans="1:4" x14ac:dyDescent="0.25">
      <c r="A7101" t="s">
        <v>10648</v>
      </c>
      <c r="B7101" t="s">
        <v>852</v>
      </c>
      <c r="C7101">
        <v>0</v>
      </c>
      <c r="D7101">
        <v>0</v>
      </c>
    </row>
    <row r="7102" spans="1:4" x14ac:dyDescent="0.25">
      <c r="A7102" t="s">
        <v>10649</v>
      </c>
      <c r="B7102" t="s">
        <v>10650</v>
      </c>
      <c r="C7102">
        <v>1</v>
      </c>
      <c r="D7102">
        <v>0</v>
      </c>
    </row>
    <row r="7103" spans="1:4" x14ac:dyDescent="0.25">
      <c r="A7103" t="s">
        <v>10651</v>
      </c>
      <c r="B7103" t="s">
        <v>10652</v>
      </c>
      <c r="C7103">
        <v>0</v>
      </c>
      <c r="D7103">
        <v>0</v>
      </c>
    </row>
    <row r="7104" spans="1:4" x14ac:dyDescent="0.25">
      <c r="A7104" t="s">
        <v>10651</v>
      </c>
      <c r="B7104" t="s">
        <v>10653</v>
      </c>
      <c r="C7104">
        <v>1</v>
      </c>
      <c r="D7104">
        <v>0</v>
      </c>
    </row>
    <row r="7105" spans="1:4" x14ac:dyDescent="0.25">
      <c r="A7105" t="s">
        <v>10654</v>
      </c>
      <c r="B7105" t="s">
        <v>888</v>
      </c>
      <c r="C7105">
        <v>1</v>
      </c>
      <c r="D7105">
        <v>0</v>
      </c>
    </row>
    <row r="7106" spans="1:4" x14ac:dyDescent="0.25">
      <c r="A7106" t="s">
        <v>10655</v>
      </c>
      <c r="B7106" t="s">
        <v>843</v>
      </c>
      <c r="C7106">
        <v>1</v>
      </c>
      <c r="D7106">
        <v>0</v>
      </c>
    </row>
    <row r="7107" spans="1:4" x14ac:dyDescent="0.25">
      <c r="A7107" t="s">
        <v>10656</v>
      </c>
      <c r="B7107" t="s">
        <v>1401</v>
      </c>
      <c r="C7107">
        <v>0</v>
      </c>
      <c r="D7107">
        <v>0</v>
      </c>
    </row>
    <row r="7108" spans="1:4" x14ac:dyDescent="0.25">
      <c r="A7108" t="s">
        <v>10656</v>
      </c>
      <c r="B7108" t="s">
        <v>10657</v>
      </c>
      <c r="C7108">
        <v>1</v>
      </c>
      <c r="D7108">
        <v>0</v>
      </c>
    </row>
    <row r="7109" spans="1:4" x14ac:dyDescent="0.25">
      <c r="A7109" t="s">
        <v>10658</v>
      </c>
      <c r="B7109" t="s">
        <v>10659</v>
      </c>
      <c r="C7109">
        <v>1</v>
      </c>
      <c r="D7109">
        <v>0</v>
      </c>
    </row>
    <row r="7110" spans="1:4" x14ac:dyDescent="0.25">
      <c r="A7110" t="s">
        <v>10660</v>
      </c>
      <c r="B7110" t="s">
        <v>10661</v>
      </c>
      <c r="C7110">
        <v>1</v>
      </c>
      <c r="D7110">
        <v>0</v>
      </c>
    </row>
    <row r="7111" spans="1:4" x14ac:dyDescent="0.25">
      <c r="A7111" t="s">
        <v>10660</v>
      </c>
      <c r="B7111" t="s">
        <v>10662</v>
      </c>
      <c r="C7111">
        <v>2</v>
      </c>
      <c r="D7111">
        <v>0</v>
      </c>
    </row>
    <row r="7112" spans="1:4" x14ac:dyDescent="0.25">
      <c r="A7112" t="s">
        <v>10660</v>
      </c>
      <c r="B7112" t="s">
        <v>10663</v>
      </c>
      <c r="C7112">
        <v>1</v>
      </c>
      <c r="D7112">
        <v>0</v>
      </c>
    </row>
    <row r="7113" spans="1:4" x14ac:dyDescent="0.25">
      <c r="A7113" t="s">
        <v>10664</v>
      </c>
      <c r="B7113" t="s">
        <v>10665</v>
      </c>
      <c r="C7113">
        <v>2</v>
      </c>
      <c r="D7113">
        <v>0</v>
      </c>
    </row>
    <row r="7114" spans="1:4" x14ac:dyDescent="0.25">
      <c r="A7114" t="s">
        <v>10666</v>
      </c>
      <c r="B7114" t="s">
        <v>10667</v>
      </c>
      <c r="C7114">
        <v>2</v>
      </c>
      <c r="D7114">
        <v>0</v>
      </c>
    </row>
    <row r="7115" spans="1:4" x14ac:dyDescent="0.25">
      <c r="A7115" t="s">
        <v>10666</v>
      </c>
      <c r="B7115" t="s">
        <v>10668</v>
      </c>
      <c r="C7115">
        <v>1</v>
      </c>
      <c r="D7115">
        <v>0</v>
      </c>
    </row>
    <row r="7116" spans="1:4" x14ac:dyDescent="0.25">
      <c r="A7116" t="s">
        <v>10666</v>
      </c>
      <c r="B7116" t="s">
        <v>10669</v>
      </c>
      <c r="C7116">
        <v>2</v>
      </c>
      <c r="D7116">
        <v>0</v>
      </c>
    </row>
    <row r="7117" spans="1:4" x14ac:dyDescent="0.25">
      <c r="A7117" t="s">
        <v>10670</v>
      </c>
      <c r="B7117" t="s">
        <v>10671</v>
      </c>
      <c r="C7117">
        <v>0</v>
      </c>
      <c r="D7117">
        <v>0</v>
      </c>
    </row>
    <row r="7118" spans="1:4" x14ac:dyDescent="0.25">
      <c r="A7118" t="s">
        <v>10672</v>
      </c>
      <c r="B7118" t="s">
        <v>843</v>
      </c>
      <c r="C7118">
        <v>1</v>
      </c>
      <c r="D7118">
        <v>0</v>
      </c>
    </row>
    <row r="7119" spans="1:4" x14ac:dyDescent="0.25">
      <c r="A7119" t="s">
        <v>10673</v>
      </c>
      <c r="B7119" t="s">
        <v>10674</v>
      </c>
      <c r="C7119">
        <v>1</v>
      </c>
      <c r="D7119">
        <v>0</v>
      </c>
    </row>
    <row r="7120" spans="1:4" x14ac:dyDescent="0.25">
      <c r="A7120" t="s">
        <v>10673</v>
      </c>
      <c r="B7120" t="s">
        <v>10675</v>
      </c>
      <c r="C7120">
        <v>0</v>
      </c>
      <c r="D7120">
        <v>0</v>
      </c>
    </row>
    <row r="7121" spans="1:4" x14ac:dyDescent="0.25">
      <c r="A7121" t="s">
        <v>10676</v>
      </c>
      <c r="B7121" t="s">
        <v>10677</v>
      </c>
      <c r="C7121">
        <v>2</v>
      </c>
      <c r="D7121">
        <v>0</v>
      </c>
    </row>
    <row r="7122" spans="1:4" x14ac:dyDescent="0.25">
      <c r="A7122" t="s">
        <v>10678</v>
      </c>
      <c r="B7122" t="s">
        <v>10679</v>
      </c>
      <c r="C7122">
        <v>2</v>
      </c>
      <c r="D7122">
        <v>0</v>
      </c>
    </row>
    <row r="7123" spans="1:4" x14ac:dyDescent="0.25">
      <c r="A7123" t="s">
        <v>10678</v>
      </c>
      <c r="B7123" t="s">
        <v>10680</v>
      </c>
      <c r="C7123">
        <v>0</v>
      </c>
      <c r="D7123">
        <v>0</v>
      </c>
    </row>
    <row r="7124" spans="1:4" x14ac:dyDescent="0.25">
      <c r="A7124" t="s">
        <v>10681</v>
      </c>
      <c r="B7124" t="s">
        <v>10682</v>
      </c>
      <c r="C7124">
        <v>2</v>
      </c>
      <c r="D7124">
        <v>0</v>
      </c>
    </row>
    <row r="7125" spans="1:4" x14ac:dyDescent="0.25">
      <c r="A7125" t="s">
        <v>10681</v>
      </c>
      <c r="B7125" t="s">
        <v>10683</v>
      </c>
      <c r="C7125">
        <v>1</v>
      </c>
      <c r="D7125">
        <v>0</v>
      </c>
    </row>
    <row r="7126" spans="1:4" x14ac:dyDescent="0.25">
      <c r="A7126" t="s">
        <v>10684</v>
      </c>
      <c r="B7126" t="s">
        <v>10685</v>
      </c>
      <c r="C7126">
        <v>1</v>
      </c>
      <c r="D7126">
        <v>0</v>
      </c>
    </row>
    <row r="7127" spans="1:4" x14ac:dyDescent="0.25">
      <c r="A7127" t="s">
        <v>10686</v>
      </c>
      <c r="B7127" t="s">
        <v>10687</v>
      </c>
      <c r="C7127">
        <v>1</v>
      </c>
      <c r="D7127">
        <v>0</v>
      </c>
    </row>
    <row r="7128" spans="1:4" x14ac:dyDescent="0.25">
      <c r="A7128" t="s">
        <v>10686</v>
      </c>
      <c r="B7128" t="s">
        <v>10688</v>
      </c>
      <c r="C7128">
        <v>1</v>
      </c>
      <c r="D7128">
        <v>0</v>
      </c>
    </row>
    <row r="7129" spans="1:4" x14ac:dyDescent="0.25">
      <c r="A7129" t="s">
        <v>10689</v>
      </c>
      <c r="B7129" t="s">
        <v>10690</v>
      </c>
      <c r="C7129">
        <v>1</v>
      </c>
      <c r="D7129">
        <v>0</v>
      </c>
    </row>
    <row r="7130" spans="1:4" x14ac:dyDescent="0.25">
      <c r="A7130" t="s">
        <v>10689</v>
      </c>
      <c r="B7130" t="s">
        <v>10691</v>
      </c>
      <c r="C7130">
        <v>1</v>
      </c>
      <c r="D7130">
        <v>0</v>
      </c>
    </row>
    <row r="7131" spans="1:4" x14ac:dyDescent="0.25">
      <c r="A7131" t="s">
        <v>10692</v>
      </c>
      <c r="B7131" t="s">
        <v>10693</v>
      </c>
      <c r="C7131">
        <v>1</v>
      </c>
      <c r="D7131">
        <v>0</v>
      </c>
    </row>
    <row r="7132" spans="1:4" x14ac:dyDescent="0.25">
      <c r="A7132" t="s">
        <v>10694</v>
      </c>
      <c r="B7132" t="s">
        <v>10695</v>
      </c>
      <c r="C7132">
        <v>1</v>
      </c>
      <c r="D7132">
        <v>0</v>
      </c>
    </row>
    <row r="7133" spans="1:4" x14ac:dyDescent="0.25">
      <c r="A7133" t="s">
        <v>10696</v>
      </c>
      <c r="B7133" t="s">
        <v>10697</v>
      </c>
      <c r="C7133">
        <v>1</v>
      </c>
      <c r="D7133">
        <v>0</v>
      </c>
    </row>
    <row r="7134" spans="1:4" x14ac:dyDescent="0.25">
      <c r="A7134" t="s">
        <v>10698</v>
      </c>
      <c r="B7134" t="s">
        <v>10699</v>
      </c>
      <c r="C7134">
        <v>1</v>
      </c>
      <c r="D7134">
        <v>0</v>
      </c>
    </row>
    <row r="7135" spans="1:4" x14ac:dyDescent="0.25">
      <c r="A7135" t="s">
        <v>10698</v>
      </c>
      <c r="B7135" t="s">
        <v>10700</v>
      </c>
      <c r="C7135">
        <v>1</v>
      </c>
      <c r="D7135">
        <v>0</v>
      </c>
    </row>
    <row r="7136" spans="1:4" x14ac:dyDescent="0.25">
      <c r="A7136" t="s">
        <v>10698</v>
      </c>
      <c r="B7136" t="s">
        <v>10701</v>
      </c>
      <c r="C7136">
        <v>2</v>
      </c>
      <c r="D7136">
        <v>0</v>
      </c>
    </row>
    <row r="7137" spans="1:4" x14ac:dyDescent="0.25">
      <c r="A7137" t="s">
        <v>10702</v>
      </c>
      <c r="B7137" t="s">
        <v>10703</v>
      </c>
      <c r="C7137">
        <v>0</v>
      </c>
      <c r="D7137">
        <v>0</v>
      </c>
    </row>
    <row r="7138" spans="1:4" x14ac:dyDescent="0.25">
      <c r="A7138" t="s">
        <v>10702</v>
      </c>
      <c r="B7138" t="s">
        <v>10704</v>
      </c>
      <c r="C7138">
        <v>1</v>
      </c>
      <c r="D7138">
        <v>0</v>
      </c>
    </row>
    <row r="7139" spans="1:4" x14ac:dyDescent="0.25">
      <c r="A7139" t="s">
        <v>10705</v>
      </c>
      <c r="B7139" t="s">
        <v>10706</v>
      </c>
      <c r="C7139">
        <v>2</v>
      </c>
      <c r="D7139">
        <v>0</v>
      </c>
    </row>
    <row r="7140" spans="1:4" x14ac:dyDescent="0.25">
      <c r="A7140" t="s">
        <v>10705</v>
      </c>
      <c r="B7140" t="s">
        <v>10707</v>
      </c>
      <c r="C7140">
        <v>1</v>
      </c>
      <c r="D7140">
        <v>0</v>
      </c>
    </row>
    <row r="7141" spans="1:4" x14ac:dyDescent="0.25">
      <c r="A7141" t="s">
        <v>10705</v>
      </c>
      <c r="B7141" t="s">
        <v>10708</v>
      </c>
      <c r="C7141">
        <v>2</v>
      </c>
      <c r="D7141">
        <v>0</v>
      </c>
    </row>
    <row r="7142" spans="1:4" x14ac:dyDescent="0.25">
      <c r="A7142" t="s">
        <v>10709</v>
      </c>
      <c r="B7142" t="s">
        <v>10710</v>
      </c>
      <c r="C7142">
        <v>1</v>
      </c>
      <c r="D7142">
        <v>0</v>
      </c>
    </row>
    <row r="7143" spans="1:4" x14ac:dyDescent="0.25">
      <c r="A7143" t="s">
        <v>10711</v>
      </c>
      <c r="B7143" t="s">
        <v>10712</v>
      </c>
      <c r="C7143">
        <v>0</v>
      </c>
      <c r="D7143">
        <v>0</v>
      </c>
    </row>
    <row r="7144" spans="1:4" x14ac:dyDescent="0.25">
      <c r="A7144" t="s">
        <v>10713</v>
      </c>
      <c r="B7144" t="s">
        <v>10714</v>
      </c>
      <c r="C7144">
        <v>2</v>
      </c>
      <c r="D7144">
        <v>0</v>
      </c>
    </row>
    <row r="7145" spans="1:4" x14ac:dyDescent="0.25">
      <c r="A7145" t="s">
        <v>10713</v>
      </c>
      <c r="B7145" t="s">
        <v>10715</v>
      </c>
      <c r="C7145">
        <v>1</v>
      </c>
      <c r="D7145">
        <v>0</v>
      </c>
    </row>
    <row r="7146" spans="1:4" x14ac:dyDescent="0.25">
      <c r="A7146" t="s">
        <v>10716</v>
      </c>
      <c r="B7146" t="s">
        <v>10717</v>
      </c>
      <c r="C7146">
        <v>2</v>
      </c>
      <c r="D7146">
        <v>0</v>
      </c>
    </row>
    <row r="7147" spans="1:4" x14ac:dyDescent="0.25">
      <c r="A7147" t="s">
        <v>10718</v>
      </c>
      <c r="B7147" t="s">
        <v>10719</v>
      </c>
      <c r="C7147">
        <v>1</v>
      </c>
      <c r="D7147">
        <v>0</v>
      </c>
    </row>
    <row r="7148" spans="1:4" x14ac:dyDescent="0.25">
      <c r="A7148" t="s">
        <v>10720</v>
      </c>
      <c r="B7148" t="s">
        <v>10721</v>
      </c>
      <c r="C7148">
        <v>0</v>
      </c>
      <c r="D7148">
        <v>0</v>
      </c>
    </row>
    <row r="7149" spans="1:4" x14ac:dyDescent="0.25">
      <c r="A7149" t="s">
        <v>10722</v>
      </c>
      <c r="B7149" t="s">
        <v>969</v>
      </c>
      <c r="C7149">
        <v>0</v>
      </c>
      <c r="D7149">
        <v>0</v>
      </c>
    </row>
    <row r="7150" spans="1:4" x14ac:dyDescent="0.25">
      <c r="A7150" t="s">
        <v>10722</v>
      </c>
      <c r="B7150" t="s">
        <v>10723</v>
      </c>
      <c r="C7150">
        <v>1</v>
      </c>
      <c r="D7150">
        <v>0</v>
      </c>
    </row>
    <row r="7151" spans="1:4" x14ac:dyDescent="0.25">
      <c r="A7151" t="s">
        <v>10724</v>
      </c>
      <c r="B7151" t="s">
        <v>10725</v>
      </c>
      <c r="C7151">
        <v>1</v>
      </c>
      <c r="D7151">
        <v>0</v>
      </c>
    </row>
    <row r="7152" spans="1:4" x14ac:dyDescent="0.25">
      <c r="A7152" t="s">
        <v>10724</v>
      </c>
      <c r="B7152" t="s">
        <v>1294</v>
      </c>
      <c r="C7152">
        <v>1</v>
      </c>
      <c r="D7152">
        <v>0</v>
      </c>
    </row>
    <row r="7153" spans="1:4" x14ac:dyDescent="0.25">
      <c r="A7153" t="s">
        <v>10724</v>
      </c>
      <c r="B7153" t="s">
        <v>10726</v>
      </c>
      <c r="C7153">
        <v>1</v>
      </c>
      <c r="D7153">
        <v>0</v>
      </c>
    </row>
    <row r="7154" spans="1:4" x14ac:dyDescent="0.25">
      <c r="A7154" t="s">
        <v>10727</v>
      </c>
      <c r="B7154" t="s">
        <v>10728</v>
      </c>
      <c r="C7154">
        <v>0</v>
      </c>
      <c r="D7154">
        <v>0</v>
      </c>
    </row>
    <row r="7155" spans="1:4" x14ac:dyDescent="0.25">
      <c r="A7155" t="s">
        <v>10727</v>
      </c>
      <c r="B7155" t="s">
        <v>10729</v>
      </c>
      <c r="C7155">
        <v>0</v>
      </c>
      <c r="D7155">
        <v>0</v>
      </c>
    </row>
    <row r="7156" spans="1:4" x14ac:dyDescent="0.25">
      <c r="A7156" t="s">
        <v>10730</v>
      </c>
      <c r="B7156" t="s">
        <v>10731</v>
      </c>
      <c r="C7156">
        <v>1</v>
      </c>
      <c r="D7156">
        <v>0</v>
      </c>
    </row>
    <row r="7157" spans="1:4" x14ac:dyDescent="0.25">
      <c r="A7157" t="s">
        <v>10732</v>
      </c>
      <c r="B7157" t="s">
        <v>10733</v>
      </c>
      <c r="C7157">
        <v>1</v>
      </c>
      <c r="D7157">
        <v>0</v>
      </c>
    </row>
    <row r="7158" spans="1:4" x14ac:dyDescent="0.25">
      <c r="A7158" t="s">
        <v>10734</v>
      </c>
      <c r="B7158" t="s">
        <v>10735</v>
      </c>
      <c r="C7158">
        <v>1</v>
      </c>
      <c r="D7158">
        <v>0</v>
      </c>
    </row>
    <row r="7159" spans="1:4" x14ac:dyDescent="0.25">
      <c r="A7159" t="s">
        <v>10734</v>
      </c>
      <c r="B7159" t="s">
        <v>10736</v>
      </c>
      <c r="C7159">
        <v>1</v>
      </c>
      <c r="D7159">
        <v>0</v>
      </c>
    </row>
    <row r="7160" spans="1:4" x14ac:dyDescent="0.25">
      <c r="A7160" t="s">
        <v>10734</v>
      </c>
      <c r="B7160" t="s">
        <v>10737</v>
      </c>
      <c r="C7160">
        <v>0</v>
      </c>
      <c r="D7160">
        <v>0</v>
      </c>
    </row>
    <row r="7161" spans="1:4" x14ac:dyDescent="0.25">
      <c r="A7161" t="s">
        <v>10738</v>
      </c>
      <c r="B7161" t="s">
        <v>1001</v>
      </c>
      <c r="C7161">
        <v>1</v>
      </c>
      <c r="D7161">
        <v>0</v>
      </c>
    </row>
    <row r="7162" spans="1:4" x14ac:dyDescent="0.25">
      <c r="A7162" t="s">
        <v>10739</v>
      </c>
      <c r="B7162" t="s">
        <v>10740</v>
      </c>
      <c r="C7162">
        <v>0</v>
      </c>
      <c r="D7162">
        <v>0</v>
      </c>
    </row>
    <row r="7163" spans="1:4" x14ac:dyDescent="0.25">
      <c r="A7163" t="s">
        <v>10741</v>
      </c>
      <c r="B7163" t="s">
        <v>10742</v>
      </c>
      <c r="C7163">
        <v>1</v>
      </c>
      <c r="D7163">
        <v>0</v>
      </c>
    </row>
    <row r="7164" spans="1:4" x14ac:dyDescent="0.25">
      <c r="A7164" t="s">
        <v>10741</v>
      </c>
      <c r="B7164" t="s">
        <v>10743</v>
      </c>
      <c r="C7164">
        <v>1</v>
      </c>
      <c r="D7164">
        <v>0</v>
      </c>
    </row>
    <row r="7165" spans="1:4" x14ac:dyDescent="0.25">
      <c r="A7165" t="s">
        <v>10744</v>
      </c>
      <c r="B7165" t="s">
        <v>4557</v>
      </c>
      <c r="C7165">
        <v>1</v>
      </c>
      <c r="D7165">
        <v>0</v>
      </c>
    </row>
    <row r="7166" spans="1:4" x14ac:dyDescent="0.25">
      <c r="A7166" t="s">
        <v>10744</v>
      </c>
      <c r="B7166" t="s">
        <v>10745</v>
      </c>
      <c r="C7166">
        <v>0</v>
      </c>
      <c r="D7166">
        <v>0</v>
      </c>
    </row>
    <row r="7167" spans="1:4" x14ac:dyDescent="0.25">
      <c r="A7167" t="s">
        <v>10746</v>
      </c>
      <c r="B7167" t="s">
        <v>1001</v>
      </c>
      <c r="C7167">
        <v>1</v>
      </c>
      <c r="D7167">
        <v>0</v>
      </c>
    </row>
    <row r="7168" spans="1:4" x14ac:dyDescent="0.25">
      <c r="A7168" t="s">
        <v>10747</v>
      </c>
      <c r="B7168" t="s">
        <v>10748</v>
      </c>
      <c r="C7168">
        <v>0</v>
      </c>
      <c r="D7168">
        <v>0</v>
      </c>
    </row>
    <row r="7169" spans="1:4" x14ac:dyDescent="0.25">
      <c r="A7169" t="s">
        <v>10747</v>
      </c>
      <c r="B7169" t="s">
        <v>10749</v>
      </c>
      <c r="C7169">
        <v>1</v>
      </c>
      <c r="D7169">
        <v>0</v>
      </c>
    </row>
    <row r="7170" spans="1:4" x14ac:dyDescent="0.25">
      <c r="A7170" t="s">
        <v>10750</v>
      </c>
      <c r="B7170" t="s">
        <v>10751</v>
      </c>
      <c r="C7170">
        <v>1</v>
      </c>
      <c r="D7170">
        <v>0</v>
      </c>
    </row>
    <row r="7171" spans="1:4" x14ac:dyDescent="0.25">
      <c r="A7171" t="s">
        <v>10750</v>
      </c>
      <c r="B7171" t="s">
        <v>10752</v>
      </c>
      <c r="C7171">
        <v>1</v>
      </c>
      <c r="D7171">
        <v>0</v>
      </c>
    </row>
    <row r="7172" spans="1:4" x14ac:dyDescent="0.25">
      <c r="A7172" t="s">
        <v>10753</v>
      </c>
      <c r="B7172" t="s">
        <v>10754</v>
      </c>
      <c r="C7172">
        <v>0</v>
      </c>
      <c r="D7172">
        <v>0</v>
      </c>
    </row>
    <row r="7173" spans="1:4" x14ac:dyDescent="0.25">
      <c r="A7173" t="s">
        <v>10753</v>
      </c>
      <c r="B7173" t="s">
        <v>10755</v>
      </c>
      <c r="C7173">
        <v>0</v>
      </c>
      <c r="D7173">
        <v>0</v>
      </c>
    </row>
    <row r="7174" spans="1:4" x14ac:dyDescent="0.25">
      <c r="A7174" t="s">
        <v>10756</v>
      </c>
      <c r="B7174" t="s">
        <v>10757</v>
      </c>
      <c r="C7174">
        <v>0</v>
      </c>
      <c r="D7174">
        <v>0</v>
      </c>
    </row>
    <row r="7175" spans="1:4" x14ac:dyDescent="0.25">
      <c r="A7175" t="s">
        <v>10756</v>
      </c>
      <c r="B7175" t="s">
        <v>10758</v>
      </c>
      <c r="C7175">
        <v>0</v>
      </c>
      <c r="D7175">
        <v>0</v>
      </c>
    </row>
    <row r="7176" spans="1:4" x14ac:dyDescent="0.25">
      <c r="A7176" t="s">
        <v>10756</v>
      </c>
      <c r="B7176" t="s">
        <v>10759</v>
      </c>
      <c r="C7176">
        <v>0</v>
      </c>
      <c r="D7176">
        <v>0</v>
      </c>
    </row>
    <row r="7177" spans="1:4" x14ac:dyDescent="0.25">
      <c r="A7177" t="s">
        <v>10760</v>
      </c>
      <c r="B7177" t="s">
        <v>10761</v>
      </c>
      <c r="C7177">
        <v>1</v>
      </c>
      <c r="D7177">
        <v>0</v>
      </c>
    </row>
    <row r="7178" spans="1:4" x14ac:dyDescent="0.25">
      <c r="A7178" t="s">
        <v>10760</v>
      </c>
      <c r="B7178" t="s">
        <v>1001</v>
      </c>
      <c r="C7178">
        <v>1</v>
      </c>
      <c r="D7178">
        <v>0</v>
      </c>
    </row>
    <row r="7179" spans="1:4" x14ac:dyDescent="0.25">
      <c r="A7179" t="s">
        <v>10762</v>
      </c>
      <c r="B7179" t="s">
        <v>10763</v>
      </c>
      <c r="C7179">
        <v>2</v>
      </c>
      <c r="D7179">
        <v>0</v>
      </c>
    </row>
    <row r="7180" spans="1:4" x14ac:dyDescent="0.25">
      <c r="A7180" t="s">
        <v>10764</v>
      </c>
      <c r="B7180" t="s">
        <v>10765</v>
      </c>
      <c r="C7180">
        <v>1</v>
      </c>
      <c r="D7180">
        <v>0</v>
      </c>
    </row>
    <row r="7181" spans="1:4" x14ac:dyDescent="0.25">
      <c r="A7181" t="s">
        <v>10766</v>
      </c>
      <c r="B7181" t="s">
        <v>10767</v>
      </c>
      <c r="C7181">
        <v>1</v>
      </c>
      <c r="D7181">
        <v>0</v>
      </c>
    </row>
    <row r="7182" spans="1:4" x14ac:dyDescent="0.25">
      <c r="A7182" t="s">
        <v>10768</v>
      </c>
      <c r="B7182" t="s">
        <v>10769</v>
      </c>
      <c r="C7182">
        <v>0</v>
      </c>
      <c r="D7182">
        <v>0</v>
      </c>
    </row>
    <row r="7183" spans="1:4" x14ac:dyDescent="0.25">
      <c r="A7183" t="s">
        <v>10770</v>
      </c>
      <c r="B7183" t="s">
        <v>10771</v>
      </c>
      <c r="C7183">
        <v>1</v>
      </c>
      <c r="D7183">
        <v>0</v>
      </c>
    </row>
    <row r="7184" spans="1:4" x14ac:dyDescent="0.25">
      <c r="A7184" t="s">
        <v>10770</v>
      </c>
      <c r="B7184" t="s">
        <v>10772</v>
      </c>
      <c r="C7184">
        <v>1</v>
      </c>
      <c r="D7184">
        <v>0</v>
      </c>
    </row>
    <row r="7185" spans="1:4" x14ac:dyDescent="0.25">
      <c r="A7185" t="s">
        <v>10773</v>
      </c>
      <c r="B7185" t="s">
        <v>10774</v>
      </c>
      <c r="C7185">
        <v>2</v>
      </c>
      <c r="D7185">
        <v>0</v>
      </c>
    </row>
    <row r="7186" spans="1:4" x14ac:dyDescent="0.25">
      <c r="A7186" t="s">
        <v>10775</v>
      </c>
      <c r="B7186" t="s">
        <v>10776</v>
      </c>
      <c r="C7186">
        <v>1</v>
      </c>
      <c r="D7186">
        <v>0</v>
      </c>
    </row>
    <row r="7187" spans="1:4" x14ac:dyDescent="0.25">
      <c r="A7187" t="s">
        <v>10775</v>
      </c>
      <c r="B7187" t="s">
        <v>10777</v>
      </c>
      <c r="C7187">
        <v>1</v>
      </c>
      <c r="D7187">
        <v>0</v>
      </c>
    </row>
    <row r="7188" spans="1:4" x14ac:dyDescent="0.25">
      <c r="A7188" t="s">
        <v>10778</v>
      </c>
      <c r="B7188" t="s">
        <v>816</v>
      </c>
      <c r="C7188">
        <v>1</v>
      </c>
      <c r="D7188">
        <v>0</v>
      </c>
    </row>
    <row r="7189" spans="1:4" x14ac:dyDescent="0.25">
      <c r="A7189" t="s">
        <v>10779</v>
      </c>
      <c r="B7189" t="s">
        <v>10780</v>
      </c>
      <c r="C7189">
        <v>1</v>
      </c>
      <c r="D7189">
        <v>0</v>
      </c>
    </row>
    <row r="7190" spans="1:4" x14ac:dyDescent="0.25">
      <c r="A7190" t="s">
        <v>10779</v>
      </c>
      <c r="B7190" t="s">
        <v>10781</v>
      </c>
      <c r="C7190">
        <v>1</v>
      </c>
      <c r="D7190">
        <v>0</v>
      </c>
    </row>
    <row r="7191" spans="1:4" x14ac:dyDescent="0.25">
      <c r="A7191" t="s">
        <v>10779</v>
      </c>
      <c r="B7191" t="s">
        <v>10782</v>
      </c>
      <c r="C7191">
        <v>0</v>
      </c>
      <c r="D7191">
        <v>0</v>
      </c>
    </row>
    <row r="7192" spans="1:4" x14ac:dyDescent="0.25">
      <c r="A7192" t="s">
        <v>10783</v>
      </c>
      <c r="B7192" t="s">
        <v>10784</v>
      </c>
      <c r="C7192">
        <v>2</v>
      </c>
      <c r="D7192">
        <v>0</v>
      </c>
    </row>
    <row r="7193" spans="1:4" x14ac:dyDescent="0.25">
      <c r="A7193" t="s">
        <v>10785</v>
      </c>
      <c r="B7193" t="s">
        <v>10786</v>
      </c>
      <c r="C7193">
        <v>1</v>
      </c>
      <c r="D7193">
        <v>0</v>
      </c>
    </row>
    <row r="7194" spans="1:4" x14ac:dyDescent="0.25">
      <c r="A7194" t="s">
        <v>10787</v>
      </c>
      <c r="B7194" t="s">
        <v>10788</v>
      </c>
      <c r="C7194">
        <v>0</v>
      </c>
      <c r="D7194">
        <v>0</v>
      </c>
    </row>
    <row r="7195" spans="1:4" x14ac:dyDescent="0.25">
      <c r="A7195" t="s">
        <v>10787</v>
      </c>
      <c r="B7195" t="s">
        <v>10789</v>
      </c>
      <c r="C7195">
        <v>1</v>
      </c>
      <c r="D7195">
        <v>0</v>
      </c>
    </row>
    <row r="7196" spans="1:4" x14ac:dyDescent="0.25">
      <c r="A7196" t="s">
        <v>10790</v>
      </c>
      <c r="B7196" t="s">
        <v>10791</v>
      </c>
      <c r="C7196">
        <v>2</v>
      </c>
      <c r="D7196">
        <v>0</v>
      </c>
    </row>
    <row r="7197" spans="1:4" x14ac:dyDescent="0.25">
      <c r="A7197" t="s">
        <v>10790</v>
      </c>
      <c r="B7197" t="s">
        <v>10792</v>
      </c>
      <c r="C7197">
        <v>1</v>
      </c>
      <c r="D7197">
        <v>0</v>
      </c>
    </row>
    <row r="7198" spans="1:4" x14ac:dyDescent="0.25">
      <c r="A7198" t="s">
        <v>10790</v>
      </c>
      <c r="B7198" t="s">
        <v>10793</v>
      </c>
      <c r="C7198">
        <v>2</v>
      </c>
      <c r="D7198">
        <v>0</v>
      </c>
    </row>
    <row r="7199" spans="1:4" x14ac:dyDescent="0.25">
      <c r="A7199" t="s">
        <v>10794</v>
      </c>
      <c r="B7199" t="s">
        <v>10795</v>
      </c>
      <c r="C7199">
        <v>1</v>
      </c>
      <c r="D7199">
        <v>0</v>
      </c>
    </row>
    <row r="7200" spans="1:4" x14ac:dyDescent="0.25">
      <c r="A7200" t="s">
        <v>10794</v>
      </c>
      <c r="B7200" t="s">
        <v>10796</v>
      </c>
      <c r="C7200">
        <v>2</v>
      </c>
      <c r="D7200">
        <v>0</v>
      </c>
    </row>
    <row r="7201" spans="1:4" x14ac:dyDescent="0.25">
      <c r="A7201" t="s">
        <v>10797</v>
      </c>
      <c r="B7201" t="s">
        <v>10798</v>
      </c>
      <c r="C7201">
        <v>1</v>
      </c>
      <c r="D7201">
        <v>0</v>
      </c>
    </row>
    <row r="7202" spans="1:4" x14ac:dyDescent="0.25">
      <c r="A7202" t="s">
        <v>10799</v>
      </c>
      <c r="B7202" t="s">
        <v>10800</v>
      </c>
      <c r="C7202">
        <v>0</v>
      </c>
      <c r="D7202">
        <v>0</v>
      </c>
    </row>
    <row r="7203" spans="1:4" x14ac:dyDescent="0.25">
      <c r="A7203" t="s">
        <v>10801</v>
      </c>
      <c r="B7203" t="s">
        <v>10802</v>
      </c>
      <c r="C7203">
        <v>0</v>
      </c>
      <c r="D7203">
        <v>0</v>
      </c>
    </row>
    <row r="7204" spans="1:4" x14ac:dyDescent="0.25">
      <c r="A7204" t="s">
        <v>10803</v>
      </c>
      <c r="B7204" t="s">
        <v>10804</v>
      </c>
      <c r="C7204">
        <v>2</v>
      </c>
      <c r="D7204">
        <v>0</v>
      </c>
    </row>
    <row r="7205" spans="1:4" x14ac:dyDescent="0.25">
      <c r="A7205" t="s">
        <v>10803</v>
      </c>
      <c r="B7205" t="s">
        <v>10805</v>
      </c>
      <c r="C7205">
        <v>1</v>
      </c>
      <c r="D7205">
        <v>0</v>
      </c>
    </row>
    <row r="7206" spans="1:4" x14ac:dyDescent="0.25">
      <c r="A7206" t="s">
        <v>10803</v>
      </c>
      <c r="B7206" t="s">
        <v>10806</v>
      </c>
      <c r="C7206">
        <v>0</v>
      </c>
      <c r="D7206">
        <v>0</v>
      </c>
    </row>
    <row r="7207" spans="1:4" x14ac:dyDescent="0.25">
      <c r="A7207" t="s">
        <v>10807</v>
      </c>
      <c r="B7207" t="s">
        <v>10808</v>
      </c>
      <c r="C7207">
        <v>1</v>
      </c>
      <c r="D7207">
        <v>0</v>
      </c>
    </row>
    <row r="7208" spans="1:4" x14ac:dyDescent="0.25">
      <c r="A7208" t="s">
        <v>10807</v>
      </c>
      <c r="B7208" t="s">
        <v>10809</v>
      </c>
      <c r="C7208">
        <v>0</v>
      </c>
      <c r="D7208">
        <v>0</v>
      </c>
    </row>
    <row r="7209" spans="1:4" x14ac:dyDescent="0.25">
      <c r="A7209" t="s">
        <v>10810</v>
      </c>
      <c r="B7209" t="s">
        <v>10811</v>
      </c>
      <c r="C7209">
        <v>1</v>
      </c>
      <c r="D7209">
        <v>0</v>
      </c>
    </row>
    <row r="7210" spans="1:4" x14ac:dyDescent="0.25">
      <c r="A7210" t="s">
        <v>10812</v>
      </c>
      <c r="B7210" t="s">
        <v>10813</v>
      </c>
      <c r="C7210">
        <v>1</v>
      </c>
      <c r="D7210">
        <v>0</v>
      </c>
    </row>
    <row r="7211" spans="1:4" x14ac:dyDescent="0.25">
      <c r="A7211" t="s">
        <v>10814</v>
      </c>
      <c r="B7211" t="s">
        <v>10815</v>
      </c>
      <c r="C7211">
        <v>2</v>
      </c>
      <c r="D7211">
        <v>0</v>
      </c>
    </row>
    <row r="7212" spans="1:4" x14ac:dyDescent="0.25">
      <c r="A7212" t="s">
        <v>10814</v>
      </c>
      <c r="B7212" t="s">
        <v>10816</v>
      </c>
      <c r="C7212">
        <v>0</v>
      </c>
      <c r="D7212">
        <v>0</v>
      </c>
    </row>
    <row r="7213" spans="1:4" x14ac:dyDescent="0.25">
      <c r="A7213" t="s">
        <v>10817</v>
      </c>
      <c r="B7213" t="s">
        <v>10818</v>
      </c>
      <c r="C7213">
        <v>1</v>
      </c>
      <c r="D7213">
        <v>0</v>
      </c>
    </row>
    <row r="7214" spans="1:4" x14ac:dyDescent="0.25">
      <c r="A7214" t="s">
        <v>10819</v>
      </c>
      <c r="B7214" t="s">
        <v>10820</v>
      </c>
      <c r="C7214">
        <v>0</v>
      </c>
      <c r="D7214">
        <v>0</v>
      </c>
    </row>
    <row r="7215" spans="1:4" x14ac:dyDescent="0.25">
      <c r="A7215" t="s">
        <v>10819</v>
      </c>
      <c r="B7215" t="s">
        <v>10821</v>
      </c>
      <c r="C7215">
        <v>1</v>
      </c>
      <c r="D7215">
        <v>0</v>
      </c>
    </row>
    <row r="7216" spans="1:4" x14ac:dyDescent="0.25">
      <c r="A7216" t="s">
        <v>10822</v>
      </c>
      <c r="B7216" t="s">
        <v>10823</v>
      </c>
      <c r="C7216">
        <v>2</v>
      </c>
      <c r="D7216">
        <v>0</v>
      </c>
    </row>
    <row r="7217" spans="1:4" x14ac:dyDescent="0.25">
      <c r="A7217" t="s">
        <v>10824</v>
      </c>
      <c r="B7217" t="s">
        <v>1499</v>
      </c>
      <c r="C7217">
        <v>1</v>
      </c>
      <c r="D7217">
        <v>0</v>
      </c>
    </row>
    <row r="7218" spans="1:4" x14ac:dyDescent="0.25">
      <c r="A7218" t="s">
        <v>10825</v>
      </c>
      <c r="B7218" t="s">
        <v>843</v>
      </c>
      <c r="C7218">
        <v>1</v>
      </c>
      <c r="D7218">
        <v>0</v>
      </c>
    </row>
    <row r="7219" spans="1:4" x14ac:dyDescent="0.25">
      <c r="A7219" t="s">
        <v>10826</v>
      </c>
      <c r="B7219" t="s">
        <v>843</v>
      </c>
      <c r="C7219">
        <v>1</v>
      </c>
      <c r="D7219">
        <v>0</v>
      </c>
    </row>
    <row r="7220" spans="1:4" x14ac:dyDescent="0.25">
      <c r="A7220" t="s">
        <v>10827</v>
      </c>
      <c r="B7220" t="s">
        <v>10828</v>
      </c>
      <c r="C7220">
        <v>0</v>
      </c>
      <c r="D7220">
        <v>0</v>
      </c>
    </row>
    <row r="7221" spans="1:4" x14ac:dyDescent="0.25">
      <c r="A7221" t="s">
        <v>10829</v>
      </c>
      <c r="B7221" t="s">
        <v>1008</v>
      </c>
      <c r="C7221">
        <v>1</v>
      </c>
      <c r="D7221">
        <v>0</v>
      </c>
    </row>
    <row r="7222" spans="1:4" x14ac:dyDescent="0.25">
      <c r="A7222" t="s">
        <v>10829</v>
      </c>
      <c r="B7222" t="s">
        <v>10830</v>
      </c>
      <c r="C7222">
        <v>0</v>
      </c>
      <c r="D7222">
        <v>0</v>
      </c>
    </row>
    <row r="7223" spans="1:4" x14ac:dyDescent="0.25">
      <c r="A7223" t="s">
        <v>10831</v>
      </c>
      <c r="B7223" t="s">
        <v>10832</v>
      </c>
      <c r="C7223">
        <v>1</v>
      </c>
      <c r="D7223">
        <v>0</v>
      </c>
    </row>
    <row r="7224" spans="1:4" x14ac:dyDescent="0.25">
      <c r="A7224" t="s">
        <v>10831</v>
      </c>
      <c r="B7224" t="s">
        <v>10833</v>
      </c>
      <c r="C7224">
        <v>0</v>
      </c>
      <c r="D7224">
        <v>0</v>
      </c>
    </row>
    <row r="7225" spans="1:4" x14ac:dyDescent="0.25">
      <c r="A7225" t="s">
        <v>10834</v>
      </c>
      <c r="B7225" t="s">
        <v>10835</v>
      </c>
      <c r="C7225">
        <v>0</v>
      </c>
      <c r="D7225">
        <v>0</v>
      </c>
    </row>
    <row r="7226" spans="1:4" x14ac:dyDescent="0.25">
      <c r="A7226" t="s">
        <v>10834</v>
      </c>
      <c r="B7226" t="s">
        <v>2825</v>
      </c>
      <c r="C7226">
        <v>1</v>
      </c>
      <c r="D7226">
        <v>0</v>
      </c>
    </row>
    <row r="7227" spans="1:4" x14ac:dyDescent="0.25">
      <c r="A7227" t="s">
        <v>10834</v>
      </c>
      <c r="B7227" t="s">
        <v>10836</v>
      </c>
      <c r="C7227">
        <v>1</v>
      </c>
      <c r="D7227">
        <v>0</v>
      </c>
    </row>
    <row r="7228" spans="1:4" x14ac:dyDescent="0.25">
      <c r="A7228" t="s">
        <v>10837</v>
      </c>
      <c r="B7228" t="s">
        <v>852</v>
      </c>
      <c r="C7228">
        <v>0</v>
      </c>
      <c r="D7228">
        <v>0</v>
      </c>
    </row>
    <row r="7229" spans="1:4" x14ac:dyDescent="0.25">
      <c r="A7229" t="s">
        <v>10837</v>
      </c>
      <c r="B7229" t="s">
        <v>10838</v>
      </c>
      <c r="C7229">
        <v>1</v>
      </c>
      <c r="D7229">
        <v>0</v>
      </c>
    </row>
    <row r="7230" spans="1:4" x14ac:dyDescent="0.25">
      <c r="A7230" t="s">
        <v>10839</v>
      </c>
      <c r="B7230" t="s">
        <v>10840</v>
      </c>
      <c r="C7230">
        <v>0</v>
      </c>
      <c r="D7230">
        <v>0</v>
      </c>
    </row>
    <row r="7231" spans="1:4" x14ac:dyDescent="0.25">
      <c r="A7231" t="s">
        <v>10839</v>
      </c>
      <c r="B7231" t="s">
        <v>10841</v>
      </c>
      <c r="C7231">
        <v>0</v>
      </c>
      <c r="D7231">
        <v>0</v>
      </c>
    </row>
    <row r="7232" spans="1:4" x14ac:dyDescent="0.25">
      <c r="A7232" t="s">
        <v>10842</v>
      </c>
      <c r="B7232" t="s">
        <v>10843</v>
      </c>
      <c r="C7232">
        <v>0</v>
      </c>
      <c r="D7232">
        <v>0</v>
      </c>
    </row>
    <row r="7233" spans="1:4" x14ac:dyDescent="0.25">
      <c r="A7233" t="s">
        <v>10842</v>
      </c>
      <c r="B7233" t="s">
        <v>10844</v>
      </c>
      <c r="C7233">
        <v>1</v>
      </c>
      <c r="D7233">
        <v>0</v>
      </c>
    </row>
    <row r="7234" spans="1:4" x14ac:dyDescent="0.25">
      <c r="A7234" t="s">
        <v>10842</v>
      </c>
      <c r="B7234" t="s">
        <v>10845</v>
      </c>
      <c r="C7234">
        <v>1</v>
      </c>
      <c r="D7234">
        <v>0</v>
      </c>
    </row>
    <row r="7235" spans="1:4" x14ac:dyDescent="0.25">
      <c r="A7235" t="s">
        <v>10846</v>
      </c>
      <c r="B7235" t="s">
        <v>843</v>
      </c>
      <c r="C7235">
        <v>1</v>
      </c>
      <c r="D7235">
        <v>0</v>
      </c>
    </row>
    <row r="7236" spans="1:4" x14ac:dyDescent="0.25">
      <c r="A7236" t="s">
        <v>10847</v>
      </c>
      <c r="B7236" t="s">
        <v>10848</v>
      </c>
      <c r="C7236">
        <v>1</v>
      </c>
      <c r="D7236">
        <v>0</v>
      </c>
    </row>
    <row r="7237" spans="1:4" x14ac:dyDescent="0.25">
      <c r="A7237" t="s">
        <v>10849</v>
      </c>
      <c r="B7237" t="s">
        <v>10850</v>
      </c>
      <c r="C7237">
        <v>1</v>
      </c>
      <c r="D7237">
        <v>0</v>
      </c>
    </row>
    <row r="7238" spans="1:4" x14ac:dyDescent="0.25">
      <c r="A7238" t="s">
        <v>10849</v>
      </c>
      <c r="B7238" t="s">
        <v>10851</v>
      </c>
      <c r="C7238">
        <v>1</v>
      </c>
      <c r="D7238">
        <v>0</v>
      </c>
    </row>
    <row r="7239" spans="1:4" x14ac:dyDescent="0.25">
      <c r="A7239" t="s">
        <v>10852</v>
      </c>
      <c r="B7239" t="s">
        <v>2061</v>
      </c>
      <c r="C7239">
        <v>0</v>
      </c>
      <c r="D7239">
        <v>0</v>
      </c>
    </row>
    <row r="7240" spans="1:4" x14ac:dyDescent="0.25">
      <c r="A7240" t="s">
        <v>10853</v>
      </c>
      <c r="B7240" t="s">
        <v>816</v>
      </c>
      <c r="C7240">
        <v>1</v>
      </c>
      <c r="D7240">
        <v>0</v>
      </c>
    </row>
    <row r="7241" spans="1:4" x14ac:dyDescent="0.25">
      <c r="A7241" t="s">
        <v>10854</v>
      </c>
      <c r="B7241" t="s">
        <v>2267</v>
      </c>
      <c r="C7241">
        <v>0</v>
      </c>
      <c r="D7241">
        <v>0</v>
      </c>
    </row>
    <row r="7242" spans="1:4" x14ac:dyDescent="0.25">
      <c r="A7242" t="s">
        <v>10854</v>
      </c>
      <c r="B7242" t="s">
        <v>1101</v>
      </c>
      <c r="C7242">
        <v>1</v>
      </c>
      <c r="D7242">
        <v>0</v>
      </c>
    </row>
    <row r="7243" spans="1:4" x14ac:dyDescent="0.25">
      <c r="A7243" t="s">
        <v>10855</v>
      </c>
      <c r="B7243" t="s">
        <v>10856</v>
      </c>
      <c r="C7243">
        <v>0</v>
      </c>
      <c r="D7243">
        <v>0</v>
      </c>
    </row>
    <row r="7244" spans="1:4" x14ac:dyDescent="0.25">
      <c r="A7244" t="s">
        <v>10855</v>
      </c>
      <c r="B7244" t="s">
        <v>10857</v>
      </c>
      <c r="C7244">
        <v>1</v>
      </c>
      <c r="D7244">
        <v>0</v>
      </c>
    </row>
    <row r="7245" spans="1:4" x14ac:dyDescent="0.25">
      <c r="A7245" t="s">
        <v>10855</v>
      </c>
      <c r="B7245" t="s">
        <v>10858</v>
      </c>
      <c r="C7245">
        <v>0</v>
      </c>
      <c r="D7245">
        <v>0</v>
      </c>
    </row>
    <row r="7246" spans="1:4" x14ac:dyDescent="0.25">
      <c r="A7246" t="s">
        <v>10859</v>
      </c>
      <c r="B7246" t="s">
        <v>10860</v>
      </c>
      <c r="C7246">
        <v>1</v>
      </c>
      <c r="D7246">
        <v>0</v>
      </c>
    </row>
    <row r="7247" spans="1:4" x14ac:dyDescent="0.25">
      <c r="A7247" t="s">
        <v>10861</v>
      </c>
      <c r="B7247" t="s">
        <v>10862</v>
      </c>
      <c r="C7247">
        <v>2</v>
      </c>
      <c r="D7247">
        <v>0</v>
      </c>
    </row>
    <row r="7248" spans="1:4" x14ac:dyDescent="0.25">
      <c r="A7248" t="s">
        <v>10863</v>
      </c>
      <c r="B7248" t="s">
        <v>10864</v>
      </c>
      <c r="C7248">
        <v>0</v>
      </c>
      <c r="D7248">
        <v>0</v>
      </c>
    </row>
    <row r="7249" spans="1:4" x14ac:dyDescent="0.25">
      <c r="A7249" t="s">
        <v>10863</v>
      </c>
      <c r="B7249" t="s">
        <v>10865</v>
      </c>
      <c r="C7249">
        <v>2</v>
      </c>
      <c r="D7249">
        <v>0</v>
      </c>
    </row>
    <row r="7250" spans="1:4" x14ac:dyDescent="0.25">
      <c r="A7250" t="s">
        <v>10866</v>
      </c>
      <c r="B7250" t="s">
        <v>843</v>
      </c>
      <c r="C7250">
        <v>1</v>
      </c>
      <c r="D7250">
        <v>0</v>
      </c>
    </row>
    <row r="7251" spans="1:4" x14ac:dyDescent="0.25">
      <c r="A7251" t="s">
        <v>10866</v>
      </c>
      <c r="B7251" t="s">
        <v>10867</v>
      </c>
      <c r="C7251">
        <v>0</v>
      </c>
      <c r="D7251">
        <v>0</v>
      </c>
    </row>
    <row r="7252" spans="1:4" x14ac:dyDescent="0.25">
      <c r="A7252" t="s">
        <v>10868</v>
      </c>
      <c r="B7252" t="s">
        <v>10869</v>
      </c>
      <c r="C7252">
        <v>2</v>
      </c>
      <c r="D7252">
        <v>0</v>
      </c>
    </row>
    <row r="7253" spans="1:4" x14ac:dyDescent="0.25">
      <c r="A7253" t="s">
        <v>10868</v>
      </c>
      <c r="B7253" t="s">
        <v>10870</v>
      </c>
      <c r="C7253">
        <v>1</v>
      </c>
      <c r="D7253">
        <v>0</v>
      </c>
    </row>
    <row r="7254" spans="1:4" x14ac:dyDescent="0.25">
      <c r="A7254" t="s">
        <v>10871</v>
      </c>
      <c r="B7254" t="s">
        <v>10872</v>
      </c>
      <c r="C7254">
        <v>2</v>
      </c>
      <c r="D7254">
        <v>0</v>
      </c>
    </row>
    <row r="7255" spans="1:4" x14ac:dyDescent="0.25">
      <c r="A7255" t="s">
        <v>10873</v>
      </c>
      <c r="B7255" t="s">
        <v>10874</v>
      </c>
      <c r="C7255">
        <v>1</v>
      </c>
      <c r="D7255">
        <v>0</v>
      </c>
    </row>
    <row r="7256" spans="1:4" x14ac:dyDescent="0.25">
      <c r="A7256" t="s">
        <v>10873</v>
      </c>
      <c r="B7256" t="s">
        <v>10875</v>
      </c>
      <c r="C7256">
        <v>2</v>
      </c>
      <c r="D7256">
        <v>0</v>
      </c>
    </row>
    <row r="7257" spans="1:4" x14ac:dyDescent="0.25">
      <c r="A7257" t="s">
        <v>10873</v>
      </c>
      <c r="B7257" t="s">
        <v>10876</v>
      </c>
      <c r="C7257">
        <v>1</v>
      </c>
      <c r="D7257">
        <v>0</v>
      </c>
    </row>
    <row r="7258" spans="1:4" x14ac:dyDescent="0.25">
      <c r="A7258" t="s">
        <v>10877</v>
      </c>
      <c r="B7258" t="s">
        <v>10878</v>
      </c>
      <c r="C7258">
        <v>2</v>
      </c>
      <c r="D7258">
        <v>0</v>
      </c>
    </row>
    <row r="7259" spans="1:4" x14ac:dyDescent="0.25">
      <c r="A7259" t="s">
        <v>10877</v>
      </c>
      <c r="B7259" t="s">
        <v>10879</v>
      </c>
      <c r="C7259">
        <v>0</v>
      </c>
      <c r="D7259">
        <v>0</v>
      </c>
    </row>
    <row r="7260" spans="1:4" x14ac:dyDescent="0.25">
      <c r="A7260" t="s">
        <v>10880</v>
      </c>
      <c r="B7260" t="s">
        <v>10881</v>
      </c>
      <c r="C7260">
        <v>1</v>
      </c>
      <c r="D7260">
        <v>0</v>
      </c>
    </row>
    <row r="7261" spans="1:4" x14ac:dyDescent="0.25">
      <c r="A7261" t="s">
        <v>10882</v>
      </c>
      <c r="B7261" t="s">
        <v>10883</v>
      </c>
      <c r="C7261">
        <v>1</v>
      </c>
      <c r="D7261">
        <v>0</v>
      </c>
    </row>
    <row r="7262" spans="1:4" x14ac:dyDescent="0.25">
      <c r="A7262" t="s">
        <v>10884</v>
      </c>
      <c r="B7262" t="s">
        <v>10885</v>
      </c>
      <c r="C7262">
        <v>1</v>
      </c>
      <c r="D7262">
        <v>0</v>
      </c>
    </row>
    <row r="7263" spans="1:4" x14ac:dyDescent="0.25">
      <c r="A7263" t="s">
        <v>10886</v>
      </c>
      <c r="B7263" t="s">
        <v>816</v>
      </c>
      <c r="C7263">
        <v>1</v>
      </c>
      <c r="D7263">
        <v>0</v>
      </c>
    </row>
    <row r="7264" spans="1:4" x14ac:dyDescent="0.25">
      <c r="A7264" t="s">
        <v>10886</v>
      </c>
      <c r="B7264" t="s">
        <v>10887</v>
      </c>
      <c r="C7264">
        <v>1</v>
      </c>
      <c r="D7264">
        <v>0</v>
      </c>
    </row>
    <row r="7265" spans="1:4" x14ac:dyDescent="0.25">
      <c r="A7265" t="s">
        <v>10888</v>
      </c>
      <c r="B7265" t="s">
        <v>10889</v>
      </c>
      <c r="C7265">
        <v>2</v>
      </c>
      <c r="D7265">
        <v>0</v>
      </c>
    </row>
    <row r="7266" spans="1:4" x14ac:dyDescent="0.25">
      <c r="A7266" t="s">
        <v>10888</v>
      </c>
      <c r="B7266" t="s">
        <v>10890</v>
      </c>
      <c r="C7266">
        <v>1</v>
      </c>
      <c r="D7266">
        <v>0</v>
      </c>
    </row>
    <row r="7267" spans="1:4" x14ac:dyDescent="0.25">
      <c r="A7267" t="s">
        <v>10888</v>
      </c>
      <c r="B7267" t="s">
        <v>10891</v>
      </c>
      <c r="C7267">
        <v>2</v>
      </c>
      <c r="D7267">
        <v>0</v>
      </c>
    </row>
    <row r="7268" spans="1:4" x14ac:dyDescent="0.25">
      <c r="A7268" t="s">
        <v>10892</v>
      </c>
      <c r="B7268" t="s">
        <v>968</v>
      </c>
      <c r="C7268">
        <v>1</v>
      </c>
      <c r="D7268">
        <v>0</v>
      </c>
    </row>
    <row r="7269" spans="1:4" x14ac:dyDescent="0.25">
      <c r="A7269" t="s">
        <v>10892</v>
      </c>
      <c r="B7269" t="s">
        <v>10893</v>
      </c>
      <c r="C7269">
        <v>1</v>
      </c>
      <c r="D7269">
        <v>0</v>
      </c>
    </row>
    <row r="7270" spans="1:4" x14ac:dyDescent="0.25">
      <c r="A7270" t="s">
        <v>10892</v>
      </c>
      <c r="B7270" t="s">
        <v>1001</v>
      </c>
      <c r="C7270">
        <v>1</v>
      </c>
      <c r="D7270">
        <v>0</v>
      </c>
    </row>
    <row r="7271" spans="1:4" x14ac:dyDescent="0.25">
      <c r="A7271" t="s">
        <v>10894</v>
      </c>
      <c r="B7271" t="s">
        <v>10895</v>
      </c>
      <c r="C7271">
        <v>0</v>
      </c>
      <c r="D7271">
        <v>0</v>
      </c>
    </row>
    <row r="7272" spans="1:4" x14ac:dyDescent="0.25">
      <c r="A7272" t="s">
        <v>10894</v>
      </c>
      <c r="B7272" t="s">
        <v>10896</v>
      </c>
      <c r="C7272">
        <v>1</v>
      </c>
      <c r="D7272">
        <v>0</v>
      </c>
    </row>
    <row r="7273" spans="1:4" x14ac:dyDescent="0.25">
      <c r="A7273" t="s">
        <v>10897</v>
      </c>
      <c r="B7273" t="s">
        <v>10898</v>
      </c>
      <c r="C7273">
        <v>1</v>
      </c>
      <c r="D7273">
        <v>0</v>
      </c>
    </row>
    <row r="7274" spans="1:4" x14ac:dyDescent="0.25">
      <c r="A7274" t="s">
        <v>10897</v>
      </c>
      <c r="B7274" t="s">
        <v>10899</v>
      </c>
      <c r="C7274">
        <v>1</v>
      </c>
      <c r="D7274">
        <v>0</v>
      </c>
    </row>
    <row r="7275" spans="1:4" x14ac:dyDescent="0.25">
      <c r="A7275" t="s">
        <v>10897</v>
      </c>
      <c r="B7275" t="s">
        <v>10900</v>
      </c>
      <c r="C7275">
        <v>2</v>
      </c>
      <c r="D7275">
        <v>0</v>
      </c>
    </row>
    <row r="7276" spans="1:4" x14ac:dyDescent="0.25">
      <c r="A7276" t="s">
        <v>10901</v>
      </c>
      <c r="B7276" t="s">
        <v>10902</v>
      </c>
      <c r="C7276">
        <v>1</v>
      </c>
      <c r="D7276">
        <v>0</v>
      </c>
    </row>
    <row r="7277" spans="1:4" x14ac:dyDescent="0.25">
      <c r="A7277" t="s">
        <v>10903</v>
      </c>
      <c r="B7277" t="s">
        <v>10904</v>
      </c>
      <c r="C7277">
        <v>1</v>
      </c>
      <c r="D7277">
        <v>0</v>
      </c>
    </row>
    <row r="7278" spans="1:4" x14ac:dyDescent="0.25">
      <c r="A7278" t="s">
        <v>10905</v>
      </c>
      <c r="B7278" t="s">
        <v>10906</v>
      </c>
      <c r="C7278">
        <v>1</v>
      </c>
      <c r="D7278">
        <v>0</v>
      </c>
    </row>
    <row r="7279" spans="1:4" x14ac:dyDescent="0.25">
      <c r="A7279" t="s">
        <v>10907</v>
      </c>
      <c r="B7279" t="s">
        <v>10908</v>
      </c>
      <c r="C7279">
        <v>1</v>
      </c>
      <c r="D7279">
        <v>0</v>
      </c>
    </row>
    <row r="7280" spans="1:4" x14ac:dyDescent="0.25">
      <c r="A7280" t="s">
        <v>10909</v>
      </c>
      <c r="B7280" t="s">
        <v>1570</v>
      </c>
      <c r="C7280">
        <v>1</v>
      </c>
      <c r="D7280">
        <v>0</v>
      </c>
    </row>
    <row r="7281" spans="1:4" x14ac:dyDescent="0.25">
      <c r="A7281" t="s">
        <v>10910</v>
      </c>
      <c r="B7281" t="s">
        <v>10911</v>
      </c>
      <c r="C7281">
        <v>1</v>
      </c>
      <c r="D7281">
        <v>0</v>
      </c>
    </row>
    <row r="7282" spans="1:4" x14ac:dyDescent="0.25">
      <c r="A7282" t="s">
        <v>10910</v>
      </c>
      <c r="B7282" t="s">
        <v>10912</v>
      </c>
      <c r="C7282">
        <v>1</v>
      </c>
      <c r="D7282">
        <v>0</v>
      </c>
    </row>
    <row r="7283" spans="1:4" x14ac:dyDescent="0.25">
      <c r="A7283" t="s">
        <v>10910</v>
      </c>
      <c r="B7283" t="s">
        <v>10913</v>
      </c>
      <c r="C7283">
        <v>0</v>
      </c>
      <c r="D7283">
        <v>0</v>
      </c>
    </row>
    <row r="7284" spans="1:4" x14ac:dyDescent="0.25">
      <c r="A7284" t="s">
        <v>10914</v>
      </c>
      <c r="B7284" t="s">
        <v>10915</v>
      </c>
      <c r="C7284">
        <v>1</v>
      </c>
      <c r="D7284">
        <v>0</v>
      </c>
    </row>
    <row r="7285" spans="1:4" x14ac:dyDescent="0.25">
      <c r="A7285" t="s">
        <v>10914</v>
      </c>
      <c r="B7285" t="s">
        <v>10916</v>
      </c>
      <c r="C7285">
        <v>2</v>
      </c>
      <c r="D7285">
        <v>0</v>
      </c>
    </row>
    <row r="7286" spans="1:4" x14ac:dyDescent="0.25">
      <c r="A7286" t="s">
        <v>10914</v>
      </c>
      <c r="B7286" t="s">
        <v>10917</v>
      </c>
      <c r="C7286">
        <v>2</v>
      </c>
      <c r="D7286">
        <v>0</v>
      </c>
    </row>
    <row r="7287" spans="1:4" x14ac:dyDescent="0.25">
      <c r="A7287" t="s">
        <v>10918</v>
      </c>
      <c r="B7287" t="s">
        <v>10919</v>
      </c>
      <c r="C7287">
        <v>1</v>
      </c>
      <c r="D7287">
        <v>0</v>
      </c>
    </row>
    <row r="7288" spans="1:4" x14ac:dyDescent="0.25">
      <c r="A7288" t="s">
        <v>10918</v>
      </c>
      <c r="B7288" t="s">
        <v>10920</v>
      </c>
      <c r="C7288">
        <v>2</v>
      </c>
      <c r="D7288">
        <v>0</v>
      </c>
    </row>
    <row r="7289" spans="1:4" x14ac:dyDescent="0.25">
      <c r="A7289" t="s">
        <v>10921</v>
      </c>
      <c r="B7289" t="s">
        <v>10922</v>
      </c>
      <c r="C7289">
        <v>0</v>
      </c>
      <c r="D7289">
        <v>0</v>
      </c>
    </row>
    <row r="7290" spans="1:4" x14ac:dyDescent="0.25">
      <c r="A7290" t="s">
        <v>10923</v>
      </c>
      <c r="B7290" t="s">
        <v>10924</v>
      </c>
      <c r="C7290">
        <v>1</v>
      </c>
      <c r="D7290">
        <v>0</v>
      </c>
    </row>
    <row r="7291" spans="1:4" x14ac:dyDescent="0.25">
      <c r="A7291" t="s">
        <v>10925</v>
      </c>
      <c r="B7291" t="s">
        <v>10926</v>
      </c>
      <c r="C7291">
        <v>0</v>
      </c>
      <c r="D7291">
        <v>0</v>
      </c>
    </row>
    <row r="7292" spans="1:4" x14ac:dyDescent="0.25">
      <c r="A7292" t="s">
        <v>10925</v>
      </c>
      <c r="B7292" t="s">
        <v>10927</v>
      </c>
      <c r="C7292">
        <v>0</v>
      </c>
      <c r="D7292">
        <v>0</v>
      </c>
    </row>
    <row r="7293" spans="1:4" x14ac:dyDescent="0.25">
      <c r="A7293" t="s">
        <v>10925</v>
      </c>
      <c r="B7293" t="s">
        <v>10928</v>
      </c>
      <c r="C7293">
        <v>0</v>
      </c>
      <c r="D7293">
        <v>0</v>
      </c>
    </row>
    <row r="7294" spans="1:4" x14ac:dyDescent="0.25">
      <c r="A7294" t="s">
        <v>10929</v>
      </c>
      <c r="B7294" t="s">
        <v>10930</v>
      </c>
      <c r="C7294">
        <v>1</v>
      </c>
      <c r="D7294">
        <v>0</v>
      </c>
    </row>
    <row r="7295" spans="1:4" x14ac:dyDescent="0.25">
      <c r="A7295" t="s">
        <v>10931</v>
      </c>
      <c r="B7295" t="s">
        <v>10932</v>
      </c>
      <c r="C7295">
        <v>2</v>
      </c>
      <c r="D7295">
        <v>0</v>
      </c>
    </row>
    <row r="7296" spans="1:4" x14ac:dyDescent="0.25">
      <c r="A7296" t="s">
        <v>10931</v>
      </c>
      <c r="B7296" t="s">
        <v>10933</v>
      </c>
      <c r="C7296">
        <v>1</v>
      </c>
      <c r="D7296">
        <v>0</v>
      </c>
    </row>
    <row r="7297" spans="1:4" x14ac:dyDescent="0.25">
      <c r="A7297" t="s">
        <v>10934</v>
      </c>
      <c r="B7297" t="s">
        <v>10935</v>
      </c>
      <c r="C7297">
        <v>2</v>
      </c>
      <c r="D7297">
        <v>0</v>
      </c>
    </row>
    <row r="7298" spans="1:4" x14ac:dyDescent="0.25">
      <c r="A7298" t="s">
        <v>10934</v>
      </c>
      <c r="B7298" t="s">
        <v>10936</v>
      </c>
      <c r="C7298">
        <v>1</v>
      </c>
      <c r="D7298">
        <v>0</v>
      </c>
    </row>
    <row r="7299" spans="1:4" x14ac:dyDescent="0.25">
      <c r="A7299" t="s">
        <v>10937</v>
      </c>
      <c r="B7299" t="s">
        <v>10938</v>
      </c>
      <c r="C7299">
        <v>1</v>
      </c>
      <c r="D7299">
        <v>0</v>
      </c>
    </row>
    <row r="7300" spans="1:4" x14ac:dyDescent="0.25">
      <c r="A7300" t="s">
        <v>10939</v>
      </c>
      <c r="B7300" t="s">
        <v>10940</v>
      </c>
      <c r="C7300">
        <v>0</v>
      </c>
      <c r="D7300">
        <v>0</v>
      </c>
    </row>
    <row r="7301" spans="1:4" x14ac:dyDescent="0.25">
      <c r="A7301" t="s">
        <v>10939</v>
      </c>
      <c r="B7301" t="s">
        <v>10941</v>
      </c>
      <c r="C7301">
        <v>2</v>
      </c>
      <c r="D7301">
        <v>0</v>
      </c>
    </row>
    <row r="7302" spans="1:4" x14ac:dyDescent="0.25">
      <c r="A7302" t="s">
        <v>10942</v>
      </c>
      <c r="B7302" t="s">
        <v>10943</v>
      </c>
      <c r="C7302">
        <v>0</v>
      </c>
      <c r="D7302">
        <v>0</v>
      </c>
    </row>
    <row r="7303" spans="1:4" x14ac:dyDescent="0.25">
      <c r="A7303" t="s">
        <v>10944</v>
      </c>
      <c r="B7303" t="s">
        <v>10945</v>
      </c>
      <c r="C7303">
        <v>1</v>
      </c>
      <c r="D7303">
        <v>0</v>
      </c>
    </row>
    <row r="7304" spans="1:4" x14ac:dyDescent="0.25">
      <c r="A7304" t="s">
        <v>10946</v>
      </c>
      <c r="B7304" t="s">
        <v>10947</v>
      </c>
      <c r="C7304">
        <v>0</v>
      </c>
      <c r="D7304">
        <v>0</v>
      </c>
    </row>
    <row r="7305" spans="1:4" x14ac:dyDescent="0.25">
      <c r="A7305" t="s">
        <v>10948</v>
      </c>
      <c r="B7305" t="s">
        <v>10949</v>
      </c>
      <c r="C7305">
        <v>1</v>
      </c>
      <c r="D7305">
        <v>0</v>
      </c>
    </row>
    <row r="7306" spans="1:4" x14ac:dyDescent="0.25">
      <c r="A7306" t="s">
        <v>10950</v>
      </c>
      <c r="B7306" t="s">
        <v>10951</v>
      </c>
      <c r="C7306">
        <v>2</v>
      </c>
      <c r="D7306">
        <v>0</v>
      </c>
    </row>
    <row r="7307" spans="1:4" x14ac:dyDescent="0.25">
      <c r="A7307" t="s">
        <v>10952</v>
      </c>
      <c r="B7307" t="s">
        <v>10953</v>
      </c>
      <c r="C7307">
        <v>1</v>
      </c>
      <c r="D7307">
        <v>0</v>
      </c>
    </row>
    <row r="7308" spans="1:4" x14ac:dyDescent="0.25">
      <c r="A7308" t="s">
        <v>10952</v>
      </c>
      <c r="B7308" t="s">
        <v>10954</v>
      </c>
      <c r="C7308">
        <v>2</v>
      </c>
      <c r="D7308">
        <v>0</v>
      </c>
    </row>
    <row r="7309" spans="1:4" x14ac:dyDescent="0.25">
      <c r="A7309" t="s">
        <v>10952</v>
      </c>
      <c r="B7309" t="s">
        <v>10955</v>
      </c>
      <c r="C7309">
        <v>2</v>
      </c>
      <c r="D7309">
        <v>0</v>
      </c>
    </row>
    <row r="7310" spans="1:4" x14ac:dyDescent="0.25">
      <c r="A7310" t="s">
        <v>10956</v>
      </c>
      <c r="B7310" t="s">
        <v>9112</v>
      </c>
      <c r="C7310">
        <v>0</v>
      </c>
      <c r="D7310">
        <v>0</v>
      </c>
    </row>
    <row r="7311" spans="1:4" x14ac:dyDescent="0.25">
      <c r="A7311" t="s">
        <v>10957</v>
      </c>
      <c r="B7311" t="s">
        <v>10958</v>
      </c>
      <c r="C7311">
        <v>1</v>
      </c>
      <c r="D7311">
        <v>0</v>
      </c>
    </row>
    <row r="7312" spans="1:4" x14ac:dyDescent="0.25">
      <c r="A7312" t="s">
        <v>10957</v>
      </c>
      <c r="B7312" t="s">
        <v>10959</v>
      </c>
      <c r="C7312">
        <v>1</v>
      </c>
      <c r="D7312">
        <v>0</v>
      </c>
    </row>
    <row r="7313" spans="1:4" x14ac:dyDescent="0.25">
      <c r="A7313" t="s">
        <v>10957</v>
      </c>
      <c r="B7313" t="s">
        <v>10960</v>
      </c>
      <c r="C7313">
        <v>1</v>
      </c>
      <c r="D7313">
        <v>0</v>
      </c>
    </row>
    <row r="7314" spans="1:4" x14ac:dyDescent="0.25">
      <c r="A7314" t="s">
        <v>10961</v>
      </c>
      <c r="B7314" t="s">
        <v>10962</v>
      </c>
      <c r="C7314">
        <v>1</v>
      </c>
      <c r="D7314">
        <v>0</v>
      </c>
    </row>
    <row r="7315" spans="1:4" x14ac:dyDescent="0.25">
      <c r="A7315" t="s">
        <v>10961</v>
      </c>
      <c r="B7315" t="s">
        <v>10963</v>
      </c>
      <c r="C7315">
        <v>0</v>
      </c>
      <c r="D7315">
        <v>0</v>
      </c>
    </row>
    <row r="7316" spans="1:4" x14ac:dyDescent="0.25">
      <c r="A7316" t="s">
        <v>10961</v>
      </c>
      <c r="B7316" t="s">
        <v>10964</v>
      </c>
      <c r="C7316">
        <v>1</v>
      </c>
      <c r="D7316">
        <v>0</v>
      </c>
    </row>
    <row r="7317" spans="1:4" x14ac:dyDescent="0.25">
      <c r="A7317" t="s">
        <v>10965</v>
      </c>
      <c r="B7317" t="s">
        <v>10966</v>
      </c>
      <c r="C7317">
        <v>0</v>
      </c>
      <c r="D7317">
        <v>0</v>
      </c>
    </row>
    <row r="7318" spans="1:4" x14ac:dyDescent="0.25">
      <c r="A7318" t="s">
        <v>10967</v>
      </c>
      <c r="B7318" t="s">
        <v>969</v>
      </c>
      <c r="C7318">
        <v>0</v>
      </c>
      <c r="D7318">
        <v>0</v>
      </c>
    </row>
    <row r="7319" spans="1:4" x14ac:dyDescent="0.25">
      <c r="A7319" t="s">
        <v>10968</v>
      </c>
      <c r="B7319" t="s">
        <v>10885</v>
      </c>
      <c r="C7319">
        <v>1</v>
      </c>
      <c r="D7319">
        <v>0</v>
      </c>
    </row>
    <row r="7320" spans="1:4" x14ac:dyDescent="0.25">
      <c r="A7320" t="s">
        <v>10969</v>
      </c>
      <c r="B7320" t="s">
        <v>10970</v>
      </c>
      <c r="C7320">
        <v>1</v>
      </c>
      <c r="D7320">
        <v>0</v>
      </c>
    </row>
    <row r="7321" spans="1:4" x14ac:dyDescent="0.25">
      <c r="A7321" t="s">
        <v>10969</v>
      </c>
      <c r="B7321" t="s">
        <v>10971</v>
      </c>
      <c r="C7321">
        <v>0</v>
      </c>
      <c r="D7321">
        <v>0</v>
      </c>
    </row>
    <row r="7322" spans="1:4" x14ac:dyDescent="0.25">
      <c r="A7322" t="s">
        <v>10972</v>
      </c>
      <c r="B7322" t="s">
        <v>10973</v>
      </c>
      <c r="C7322">
        <v>1</v>
      </c>
      <c r="D7322">
        <v>0</v>
      </c>
    </row>
    <row r="7323" spans="1:4" x14ac:dyDescent="0.25">
      <c r="A7323" t="s">
        <v>10972</v>
      </c>
      <c r="B7323" t="s">
        <v>10974</v>
      </c>
      <c r="C7323">
        <v>1</v>
      </c>
      <c r="D7323">
        <v>0</v>
      </c>
    </row>
    <row r="7324" spans="1:4" x14ac:dyDescent="0.25">
      <c r="A7324" t="s">
        <v>10975</v>
      </c>
      <c r="B7324" t="s">
        <v>945</v>
      </c>
      <c r="C7324">
        <v>1</v>
      </c>
      <c r="D7324">
        <v>0</v>
      </c>
    </row>
    <row r="7325" spans="1:4" x14ac:dyDescent="0.25">
      <c r="A7325" t="s">
        <v>10975</v>
      </c>
      <c r="B7325" t="s">
        <v>10976</v>
      </c>
      <c r="C7325">
        <v>1</v>
      </c>
      <c r="D7325">
        <v>0</v>
      </c>
    </row>
    <row r="7326" spans="1:4" x14ac:dyDescent="0.25">
      <c r="A7326" t="s">
        <v>10977</v>
      </c>
      <c r="B7326" t="s">
        <v>1294</v>
      </c>
      <c r="C7326">
        <v>1</v>
      </c>
      <c r="D7326">
        <v>0</v>
      </c>
    </row>
    <row r="7327" spans="1:4" x14ac:dyDescent="0.25">
      <c r="A7327" t="s">
        <v>10978</v>
      </c>
      <c r="B7327" t="s">
        <v>10979</v>
      </c>
      <c r="C7327">
        <v>1</v>
      </c>
      <c r="D7327">
        <v>0</v>
      </c>
    </row>
    <row r="7328" spans="1:4" x14ac:dyDescent="0.25">
      <c r="A7328" t="s">
        <v>10980</v>
      </c>
      <c r="B7328" t="s">
        <v>10981</v>
      </c>
      <c r="C7328">
        <v>2</v>
      </c>
      <c r="D7328">
        <v>0</v>
      </c>
    </row>
    <row r="7329" spans="1:4" x14ac:dyDescent="0.25">
      <c r="A7329" t="s">
        <v>10980</v>
      </c>
      <c r="B7329" t="s">
        <v>10982</v>
      </c>
      <c r="C7329">
        <v>1</v>
      </c>
      <c r="D7329">
        <v>0</v>
      </c>
    </row>
    <row r="7330" spans="1:4" x14ac:dyDescent="0.25">
      <c r="A7330" t="s">
        <v>10983</v>
      </c>
      <c r="B7330" t="s">
        <v>10984</v>
      </c>
      <c r="C7330">
        <v>1</v>
      </c>
      <c r="D7330">
        <v>0</v>
      </c>
    </row>
    <row r="7331" spans="1:4" x14ac:dyDescent="0.25">
      <c r="A7331" t="s">
        <v>10985</v>
      </c>
      <c r="B7331" t="s">
        <v>1001</v>
      </c>
      <c r="C7331">
        <v>1</v>
      </c>
      <c r="D7331">
        <v>0</v>
      </c>
    </row>
    <row r="7332" spans="1:4" x14ac:dyDescent="0.25">
      <c r="A7332" t="s">
        <v>10986</v>
      </c>
      <c r="B7332" t="s">
        <v>10987</v>
      </c>
      <c r="C7332">
        <v>0</v>
      </c>
      <c r="D7332">
        <v>0</v>
      </c>
    </row>
    <row r="7333" spans="1:4" x14ac:dyDescent="0.25">
      <c r="A7333" t="s">
        <v>10986</v>
      </c>
      <c r="B7333" t="s">
        <v>10988</v>
      </c>
      <c r="C7333">
        <v>0</v>
      </c>
      <c r="D7333">
        <v>0</v>
      </c>
    </row>
    <row r="7334" spans="1:4" x14ac:dyDescent="0.25">
      <c r="A7334" t="s">
        <v>10989</v>
      </c>
      <c r="B7334" t="s">
        <v>10990</v>
      </c>
      <c r="C7334">
        <v>1</v>
      </c>
      <c r="D7334">
        <v>0</v>
      </c>
    </row>
    <row r="7335" spans="1:4" x14ac:dyDescent="0.25">
      <c r="A7335" t="s">
        <v>10989</v>
      </c>
      <c r="B7335" t="s">
        <v>10991</v>
      </c>
      <c r="C7335">
        <v>1</v>
      </c>
      <c r="D7335">
        <v>0</v>
      </c>
    </row>
    <row r="7336" spans="1:4" x14ac:dyDescent="0.25">
      <c r="A7336" t="s">
        <v>10992</v>
      </c>
      <c r="B7336" t="s">
        <v>10993</v>
      </c>
      <c r="C7336">
        <v>0</v>
      </c>
      <c r="D7336">
        <v>0</v>
      </c>
    </row>
    <row r="7337" spans="1:4" x14ac:dyDescent="0.25">
      <c r="A7337" t="s">
        <v>10994</v>
      </c>
      <c r="B7337" t="s">
        <v>10995</v>
      </c>
      <c r="C7337">
        <v>0</v>
      </c>
      <c r="D7337">
        <v>0</v>
      </c>
    </row>
    <row r="7338" spans="1:4" x14ac:dyDescent="0.25">
      <c r="A7338" t="s">
        <v>10994</v>
      </c>
      <c r="B7338" t="s">
        <v>10996</v>
      </c>
      <c r="C7338">
        <v>1</v>
      </c>
      <c r="D7338">
        <v>0</v>
      </c>
    </row>
    <row r="7339" spans="1:4" x14ac:dyDescent="0.25">
      <c r="A7339" t="s">
        <v>10997</v>
      </c>
      <c r="B7339" t="s">
        <v>10998</v>
      </c>
      <c r="C7339">
        <v>0</v>
      </c>
      <c r="D7339">
        <v>0</v>
      </c>
    </row>
    <row r="7340" spans="1:4" x14ac:dyDescent="0.25">
      <c r="A7340" t="s">
        <v>10997</v>
      </c>
      <c r="B7340" t="s">
        <v>10999</v>
      </c>
      <c r="C7340">
        <v>0</v>
      </c>
      <c r="D7340">
        <v>0</v>
      </c>
    </row>
    <row r="7341" spans="1:4" x14ac:dyDescent="0.25">
      <c r="A7341" t="s">
        <v>11000</v>
      </c>
      <c r="B7341" t="s">
        <v>11001</v>
      </c>
      <c r="C7341">
        <v>1</v>
      </c>
      <c r="D7341">
        <v>0</v>
      </c>
    </row>
    <row r="7342" spans="1:4" x14ac:dyDescent="0.25">
      <c r="A7342" t="s">
        <v>11002</v>
      </c>
      <c r="B7342" t="s">
        <v>852</v>
      </c>
      <c r="C7342">
        <v>0</v>
      </c>
      <c r="D7342">
        <v>0</v>
      </c>
    </row>
    <row r="7343" spans="1:4" x14ac:dyDescent="0.25">
      <c r="A7343" t="s">
        <v>11003</v>
      </c>
      <c r="B7343" t="s">
        <v>11004</v>
      </c>
      <c r="C7343">
        <v>1</v>
      </c>
      <c r="D7343">
        <v>0</v>
      </c>
    </row>
    <row r="7344" spans="1:4" x14ac:dyDescent="0.25">
      <c r="A7344" t="s">
        <v>11003</v>
      </c>
      <c r="B7344" t="s">
        <v>11005</v>
      </c>
      <c r="C7344">
        <v>1</v>
      </c>
      <c r="D7344">
        <v>0</v>
      </c>
    </row>
    <row r="7345" spans="1:4" x14ac:dyDescent="0.25">
      <c r="A7345" t="s">
        <v>11006</v>
      </c>
      <c r="B7345" t="s">
        <v>11007</v>
      </c>
      <c r="C7345">
        <v>2</v>
      </c>
      <c r="D7345">
        <v>0</v>
      </c>
    </row>
    <row r="7346" spans="1:4" x14ac:dyDescent="0.25">
      <c r="A7346" t="s">
        <v>11006</v>
      </c>
      <c r="B7346" t="s">
        <v>11008</v>
      </c>
      <c r="C7346">
        <v>2</v>
      </c>
      <c r="D7346">
        <v>0</v>
      </c>
    </row>
    <row r="7347" spans="1:4" x14ac:dyDescent="0.25">
      <c r="A7347" t="s">
        <v>11009</v>
      </c>
      <c r="B7347" t="s">
        <v>11010</v>
      </c>
      <c r="C7347">
        <v>2</v>
      </c>
      <c r="D7347">
        <v>0</v>
      </c>
    </row>
    <row r="7348" spans="1:4" x14ac:dyDescent="0.25">
      <c r="A7348" t="s">
        <v>11011</v>
      </c>
      <c r="B7348" t="s">
        <v>11012</v>
      </c>
      <c r="C7348">
        <v>1</v>
      </c>
      <c r="D7348">
        <v>0</v>
      </c>
    </row>
    <row r="7349" spans="1:4" x14ac:dyDescent="0.25">
      <c r="A7349" t="s">
        <v>11013</v>
      </c>
      <c r="B7349" t="s">
        <v>11014</v>
      </c>
      <c r="C7349">
        <v>0</v>
      </c>
      <c r="D7349">
        <v>0</v>
      </c>
    </row>
    <row r="7350" spans="1:4" x14ac:dyDescent="0.25">
      <c r="A7350" t="s">
        <v>11015</v>
      </c>
      <c r="B7350" t="s">
        <v>11016</v>
      </c>
      <c r="C7350">
        <v>0</v>
      </c>
      <c r="D7350">
        <v>0</v>
      </c>
    </row>
    <row r="7351" spans="1:4" x14ac:dyDescent="0.25">
      <c r="A7351" t="s">
        <v>11017</v>
      </c>
      <c r="B7351" t="s">
        <v>11018</v>
      </c>
      <c r="C7351">
        <v>2</v>
      </c>
      <c r="D7351">
        <v>0</v>
      </c>
    </row>
    <row r="7352" spans="1:4" x14ac:dyDescent="0.25">
      <c r="A7352" t="s">
        <v>11017</v>
      </c>
      <c r="B7352" t="s">
        <v>11019</v>
      </c>
      <c r="C7352">
        <v>0</v>
      </c>
      <c r="D7352">
        <v>0</v>
      </c>
    </row>
    <row r="7353" spans="1:4" x14ac:dyDescent="0.25">
      <c r="A7353" t="s">
        <v>11020</v>
      </c>
      <c r="B7353" t="s">
        <v>11021</v>
      </c>
      <c r="C7353">
        <v>1</v>
      </c>
      <c r="D7353">
        <v>0</v>
      </c>
    </row>
    <row r="7354" spans="1:4" x14ac:dyDescent="0.25">
      <c r="A7354" t="s">
        <v>11020</v>
      </c>
      <c r="B7354" t="s">
        <v>11022</v>
      </c>
      <c r="C7354">
        <v>0</v>
      </c>
      <c r="D7354">
        <v>0</v>
      </c>
    </row>
    <row r="7355" spans="1:4" x14ac:dyDescent="0.25">
      <c r="A7355" t="s">
        <v>11023</v>
      </c>
      <c r="B7355" t="s">
        <v>11024</v>
      </c>
      <c r="C7355">
        <v>0</v>
      </c>
      <c r="D7355">
        <v>0</v>
      </c>
    </row>
    <row r="7356" spans="1:4" x14ac:dyDescent="0.25">
      <c r="A7356" t="s">
        <v>11023</v>
      </c>
      <c r="B7356" t="s">
        <v>11025</v>
      </c>
      <c r="C7356">
        <v>1</v>
      </c>
      <c r="D7356">
        <v>0</v>
      </c>
    </row>
    <row r="7357" spans="1:4" x14ac:dyDescent="0.25">
      <c r="A7357" t="s">
        <v>11026</v>
      </c>
      <c r="B7357" t="s">
        <v>11027</v>
      </c>
      <c r="C7357">
        <v>1</v>
      </c>
      <c r="D7357">
        <v>0</v>
      </c>
    </row>
    <row r="7358" spans="1:4" x14ac:dyDescent="0.25">
      <c r="A7358" t="s">
        <v>11028</v>
      </c>
      <c r="B7358" t="s">
        <v>11029</v>
      </c>
      <c r="C7358">
        <v>0</v>
      </c>
      <c r="D7358">
        <v>0</v>
      </c>
    </row>
    <row r="7359" spans="1:4" x14ac:dyDescent="0.25">
      <c r="A7359" t="s">
        <v>11030</v>
      </c>
      <c r="B7359" t="s">
        <v>11031</v>
      </c>
      <c r="C7359">
        <v>0</v>
      </c>
      <c r="D7359">
        <v>0</v>
      </c>
    </row>
    <row r="7360" spans="1:4" x14ac:dyDescent="0.25">
      <c r="A7360" t="s">
        <v>11030</v>
      </c>
      <c r="B7360" t="s">
        <v>11032</v>
      </c>
      <c r="C7360">
        <v>1</v>
      </c>
      <c r="D7360">
        <v>0</v>
      </c>
    </row>
    <row r="7361" spans="1:4" x14ac:dyDescent="0.25">
      <c r="A7361" t="s">
        <v>11030</v>
      </c>
      <c r="B7361" t="s">
        <v>11033</v>
      </c>
      <c r="C7361">
        <v>2</v>
      </c>
      <c r="D7361">
        <v>0</v>
      </c>
    </row>
    <row r="7362" spans="1:4" x14ac:dyDescent="0.25">
      <c r="A7362" t="s">
        <v>11034</v>
      </c>
      <c r="B7362" t="s">
        <v>11035</v>
      </c>
      <c r="C7362">
        <v>1</v>
      </c>
      <c r="D7362">
        <v>0</v>
      </c>
    </row>
    <row r="7363" spans="1:4" x14ac:dyDescent="0.25">
      <c r="A7363" t="s">
        <v>11034</v>
      </c>
      <c r="B7363" t="s">
        <v>11036</v>
      </c>
      <c r="C7363">
        <v>2</v>
      </c>
      <c r="D7363">
        <v>0</v>
      </c>
    </row>
    <row r="7364" spans="1:4" x14ac:dyDescent="0.25">
      <c r="A7364" t="s">
        <v>11037</v>
      </c>
      <c r="B7364" t="s">
        <v>11038</v>
      </c>
      <c r="C7364">
        <v>1</v>
      </c>
      <c r="D7364">
        <v>0</v>
      </c>
    </row>
    <row r="7365" spans="1:4" x14ac:dyDescent="0.25">
      <c r="A7365" t="s">
        <v>11037</v>
      </c>
      <c r="B7365" t="s">
        <v>11039</v>
      </c>
      <c r="C7365">
        <v>1</v>
      </c>
      <c r="D7365">
        <v>0</v>
      </c>
    </row>
    <row r="7366" spans="1:4" x14ac:dyDescent="0.25">
      <c r="A7366" t="s">
        <v>11037</v>
      </c>
      <c r="B7366" t="s">
        <v>11040</v>
      </c>
      <c r="C7366">
        <v>1</v>
      </c>
      <c r="D7366">
        <v>0</v>
      </c>
    </row>
    <row r="7367" spans="1:4" x14ac:dyDescent="0.25">
      <c r="A7367" t="s">
        <v>11041</v>
      </c>
      <c r="B7367" t="s">
        <v>11042</v>
      </c>
      <c r="C7367">
        <v>2</v>
      </c>
      <c r="D7367">
        <v>0</v>
      </c>
    </row>
    <row r="7368" spans="1:4" x14ac:dyDescent="0.25">
      <c r="A7368" t="s">
        <v>11043</v>
      </c>
      <c r="B7368" t="s">
        <v>11044</v>
      </c>
      <c r="C7368">
        <v>0</v>
      </c>
      <c r="D7368">
        <v>0</v>
      </c>
    </row>
    <row r="7369" spans="1:4" x14ac:dyDescent="0.25">
      <c r="A7369" t="s">
        <v>11045</v>
      </c>
      <c r="B7369" t="s">
        <v>11046</v>
      </c>
      <c r="C7369">
        <v>1</v>
      </c>
      <c r="D7369">
        <v>0</v>
      </c>
    </row>
    <row r="7370" spans="1:4" x14ac:dyDescent="0.25">
      <c r="A7370" t="s">
        <v>11047</v>
      </c>
      <c r="B7370" t="s">
        <v>1001</v>
      </c>
      <c r="C7370">
        <v>1</v>
      </c>
      <c r="D7370">
        <v>0</v>
      </c>
    </row>
    <row r="7371" spans="1:4" x14ac:dyDescent="0.25">
      <c r="A7371" t="s">
        <v>11048</v>
      </c>
      <c r="B7371" t="s">
        <v>3858</v>
      </c>
      <c r="C7371">
        <v>1</v>
      </c>
      <c r="D7371">
        <v>0</v>
      </c>
    </row>
    <row r="7372" spans="1:4" x14ac:dyDescent="0.25">
      <c r="A7372" t="s">
        <v>11049</v>
      </c>
      <c r="B7372" t="s">
        <v>11050</v>
      </c>
      <c r="C7372">
        <v>1</v>
      </c>
      <c r="D7372">
        <v>0</v>
      </c>
    </row>
    <row r="7373" spans="1:4" x14ac:dyDescent="0.25">
      <c r="A7373" t="s">
        <v>11051</v>
      </c>
      <c r="B7373" t="s">
        <v>11052</v>
      </c>
      <c r="C7373">
        <v>0</v>
      </c>
      <c r="D7373">
        <v>0</v>
      </c>
    </row>
    <row r="7374" spans="1:4" x14ac:dyDescent="0.25">
      <c r="A7374" t="s">
        <v>11053</v>
      </c>
      <c r="B7374" t="s">
        <v>4179</v>
      </c>
      <c r="C7374">
        <v>1</v>
      </c>
      <c r="D7374">
        <v>0</v>
      </c>
    </row>
    <row r="7375" spans="1:4" x14ac:dyDescent="0.25">
      <c r="A7375" t="s">
        <v>11054</v>
      </c>
      <c r="B7375" t="s">
        <v>11055</v>
      </c>
      <c r="C7375">
        <v>1</v>
      </c>
      <c r="D7375">
        <v>0</v>
      </c>
    </row>
    <row r="7376" spans="1:4" x14ac:dyDescent="0.25">
      <c r="A7376" t="s">
        <v>11056</v>
      </c>
      <c r="B7376" t="s">
        <v>11057</v>
      </c>
      <c r="C7376">
        <v>0</v>
      </c>
      <c r="D7376">
        <v>0</v>
      </c>
    </row>
    <row r="7377" spans="1:4" x14ac:dyDescent="0.25">
      <c r="A7377" t="s">
        <v>11056</v>
      </c>
      <c r="B7377" t="s">
        <v>11058</v>
      </c>
      <c r="C7377">
        <v>1</v>
      </c>
      <c r="D7377">
        <v>0</v>
      </c>
    </row>
    <row r="7378" spans="1:4" x14ac:dyDescent="0.25">
      <c r="A7378" t="s">
        <v>11056</v>
      </c>
      <c r="B7378" t="s">
        <v>11059</v>
      </c>
      <c r="C7378">
        <v>1</v>
      </c>
      <c r="D7378">
        <v>0</v>
      </c>
    </row>
    <row r="7379" spans="1:4" x14ac:dyDescent="0.25">
      <c r="A7379" t="s">
        <v>11060</v>
      </c>
      <c r="B7379" t="s">
        <v>11061</v>
      </c>
      <c r="C7379">
        <v>0</v>
      </c>
      <c r="D7379">
        <v>0</v>
      </c>
    </row>
    <row r="7380" spans="1:4" x14ac:dyDescent="0.25">
      <c r="A7380" t="s">
        <v>11062</v>
      </c>
      <c r="B7380" t="s">
        <v>11063</v>
      </c>
      <c r="C7380">
        <v>1</v>
      </c>
      <c r="D7380">
        <v>0</v>
      </c>
    </row>
    <row r="7381" spans="1:4" x14ac:dyDescent="0.25">
      <c r="A7381" t="s">
        <v>11064</v>
      </c>
      <c r="B7381" t="s">
        <v>11065</v>
      </c>
      <c r="C7381">
        <v>0</v>
      </c>
      <c r="D7381">
        <v>0</v>
      </c>
    </row>
    <row r="7382" spans="1:4" x14ac:dyDescent="0.25">
      <c r="A7382" t="s">
        <v>11066</v>
      </c>
      <c r="B7382" t="s">
        <v>11067</v>
      </c>
      <c r="C7382">
        <v>1</v>
      </c>
      <c r="D7382">
        <v>0</v>
      </c>
    </row>
    <row r="7383" spans="1:4" x14ac:dyDescent="0.25">
      <c r="A7383" t="s">
        <v>11066</v>
      </c>
      <c r="B7383" t="s">
        <v>11068</v>
      </c>
      <c r="C7383">
        <v>1</v>
      </c>
      <c r="D7383">
        <v>0</v>
      </c>
    </row>
    <row r="7384" spans="1:4" x14ac:dyDescent="0.25">
      <c r="A7384" t="s">
        <v>11069</v>
      </c>
      <c r="B7384" t="s">
        <v>11070</v>
      </c>
      <c r="C7384">
        <v>1</v>
      </c>
      <c r="D7384">
        <v>0</v>
      </c>
    </row>
    <row r="7385" spans="1:4" x14ac:dyDescent="0.25">
      <c r="A7385" t="s">
        <v>11071</v>
      </c>
      <c r="B7385" t="s">
        <v>11072</v>
      </c>
      <c r="C7385">
        <v>0</v>
      </c>
      <c r="D7385">
        <v>0</v>
      </c>
    </row>
    <row r="7386" spans="1:4" x14ac:dyDescent="0.25">
      <c r="A7386" t="s">
        <v>11071</v>
      </c>
      <c r="B7386" t="s">
        <v>11073</v>
      </c>
      <c r="C7386">
        <v>2</v>
      </c>
      <c r="D7386">
        <v>0</v>
      </c>
    </row>
    <row r="7387" spans="1:4" x14ac:dyDescent="0.25">
      <c r="A7387" t="s">
        <v>11074</v>
      </c>
      <c r="B7387" t="s">
        <v>11075</v>
      </c>
      <c r="C7387">
        <v>1</v>
      </c>
      <c r="D7387">
        <v>0</v>
      </c>
    </row>
    <row r="7388" spans="1:4" x14ac:dyDescent="0.25">
      <c r="A7388" t="s">
        <v>11076</v>
      </c>
      <c r="B7388" t="s">
        <v>1499</v>
      </c>
      <c r="C7388">
        <v>1</v>
      </c>
      <c r="D7388">
        <v>0</v>
      </c>
    </row>
    <row r="7389" spans="1:4" x14ac:dyDescent="0.25">
      <c r="A7389" t="s">
        <v>11077</v>
      </c>
      <c r="B7389" t="s">
        <v>11078</v>
      </c>
      <c r="C7389">
        <v>0</v>
      </c>
      <c r="D7389">
        <v>0</v>
      </c>
    </row>
    <row r="7390" spans="1:4" x14ac:dyDescent="0.25">
      <c r="A7390" t="s">
        <v>11077</v>
      </c>
      <c r="B7390" t="s">
        <v>11079</v>
      </c>
      <c r="C7390">
        <v>0</v>
      </c>
      <c r="D7390">
        <v>0</v>
      </c>
    </row>
    <row r="7391" spans="1:4" x14ac:dyDescent="0.25">
      <c r="A7391" t="s">
        <v>11080</v>
      </c>
      <c r="B7391" t="s">
        <v>11081</v>
      </c>
      <c r="C7391">
        <v>1</v>
      </c>
      <c r="D7391">
        <v>0</v>
      </c>
    </row>
    <row r="7392" spans="1:4" x14ac:dyDescent="0.25">
      <c r="A7392" t="s">
        <v>11082</v>
      </c>
      <c r="B7392" t="s">
        <v>11083</v>
      </c>
      <c r="C7392">
        <v>1</v>
      </c>
      <c r="D7392">
        <v>0</v>
      </c>
    </row>
    <row r="7393" spans="1:4" x14ac:dyDescent="0.25">
      <c r="A7393" t="s">
        <v>11084</v>
      </c>
      <c r="B7393" t="s">
        <v>11085</v>
      </c>
      <c r="C7393">
        <v>0</v>
      </c>
      <c r="D7393">
        <v>0</v>
      </c>
    </row>
    <row r="7394" spans="1:4" x14ac:dyDescent="0.25">
      <c r="A7394" t="s">
        <v>11084</v>
      </c>
      <c r="B7394" t="s">
        <v>11086</v>
      </c>
      <c r="C7394">
        <v>0</v>
      </c>
      <c r="D7394">
        <v>0</v>
      </c>
    </row>
    <row r="7395" spans="1:4" x14ac:dyDescent="0.25">
      <c r="A7395" t="s">
        <v>11087</v>
      </c>
      <c r="B7395" t="s">
        <v>11088</v>
      </c>
      <c r="C7395">
        <v>1</v>
      </c>
      <c r="D7395">
        <v>0</v>
      </c>
    </row>
    <row r="7396" spans="1:4" x14ac:dyDescent="0.25">
      <c r="A7396" t="s">
        <v>11087</v>
      </c>
      <c r="B7396" t="s">
        <v>11089</v>
      </c>
      <c r="C7396">
        <v>2</v>
      </c>
      <c r="D7396">
        <v>0</v>
      </c>
    </row>
    <row r="7397" spans="1:4" x14ac:dyDescent="0.25">
      <c r="A7397" t="s">
        <v>11090</v>
      </c>
      <c r="B7397" t="s">
        <v>969</v>
      </c>
      <c r="C7397">
        <v>0</v>
      </c>
      <c r="D7397">
        <v>0</v>
      </c>
    </row>
    <row r="7398" spans="1:4" x14ac:dyDescent="0.25">
      <c r="A7398" t="s">
        <v>11091</v>
      </c>
      <c r="B7398" t="s">
        <v>11092</v>
      </c>
      <c r="C7398">
        <v>0</v>
      </c>
      <c r="D7398">
        <v>0</v>
      </c>
    </row>
    <row r="7399" spans="1:4" x14ac:dyDescent="0.25">
      <c r="A7399" t="s">
        <v>11093</v>
      </c>
      <c r="B7399" t="s">
        <v>11094</v>
      </c>
      <c r="C7399">
        <v>0</v>
      </c>
      <c r="D7399">
        <v>0</v>
      </c>
    </row>
    <row r="7400" spans="1:4" x14ac:dyDescent="0.25">
      <c r="A7400" t="s">
        <v>11093</v>
      </c>
      <c r="B7400" t="s">
        <v>11095</v>
      </c>
      <c r="C7400">
        <v>1</v>
      </c>
      <c r="D7400">
        <v>0</v>
      </c>
    </row>
    <row r="7401" spans="1:4" x14ac:dyDescent="0.25">
      <c r="A7401" t="s">
        <v>11096</v>
      </c>
      <c r="B7401" t="s">
        <v>11097</v>
      </c>
      <c r="C7401">
        <v>0</v>
      </c>
      <c r="D7401">
        <v>0</v>
      </c>
    </row>
    <row r="7402" spans="1:4" x14ac:dyDescent="0.25">
      <c r="A7402" t="s">
        <v>11096</v>
      </c>
      <c r="B7402" t="s">
        <v>11098</v>
      </c>
      <c r="C7402">
        <v>2</v>
      </c>
      <c r="D7402">
        <v>0</v>
      </c>
    </row>
    <row r="7403" spans="1:4" x14ac:dyDescent="0.25">
      <c r="A7403" t="s">
        <v>11096</v>
      </c>
      <c r="B7403" t="s">
        <v>11099</v>
      </c>
      <c r="C7403">
        <v>1</v>
      </c>
      <c r="D7403">
        <v>0</v>
      </c>
    </row>
    <row r="7404" spans="1:4" x14ac:dyDescent="0.25">
      <c r="A7404" t="s">
        <v>11100</v>
      </c>
      <c r="B7404" t="s">
        <v>398</v>
      </c>
      <c r="C7404">
        <v>0</v>
      </c>
      <c r="D7404">
        <v>0</v>
      </c>
    </row>
    <row r="7405" spans="1:4" x14ac:dyDescent="0.25">
      <c r="A7405" t="s">
        <v>11101</v>
      </c>
      <c r="B7405" t="s">
        <v>11102</v>
      </c>
      <c r="C7405">
        <v>1</v>
      </c>
      <c r="D7405">
        <v>0</v>
      </c>
    </row>
    <row r="7406" spans="1:4" x14ac:dyDescent="0.25">
      <c r="A7406" t="s">
        <v>11101</v>
      </c>
      <c r="B7406" t="s">
        <v>11103</v>
      </c>
      <c r="C7406">
        <v>2</v>
      </c>
      <c r="D7406">
        <v>0</v>
      </c>
    </row>
    <row r="7407" spans="1:4" x14ac:dyDescent="0.25">
      <c r="A7407" t="s">
        <v>11101</v>
      </c>
      <c r="B7407" t="s">
        <v>11104</v>
      </c>
      <c r="C7407">
        <v>2</v>
      </c>
      <c r="D7407">
        <v>0</v>
      </c>
    </row>
    <row r="7408" spans="1:4" x14ac:dyDescent="0.25">
      <c r="A7408" t="s">
        <v>11105</v>
      </c>
      <c r="B7408" t="s">
        <v>11106</v>
      </c>
      <c r="C7408">
        <v>1</v>
      </c>
      <c r="D7408">
        <v>0</v>
      </c>
    </row>
    <row r="7409" spans="1:4" x14ac:dyDescent="0.25">
      <c r="A7409" t="s">
        <v>11107</v>
      </c>
      <c r="B7409" t="s">
        <v>11108</v>
      </c>
      <c r="C7409">
        <v>0</v>
      </c>
      <c r="D7409">
        <v>0</v>
      </c>
    </row>
    <row r="7410" spans="1:4" x14ac:dyDescent="0.25">
      <c r="A7410" t="s">
        <v>11107</v>
      </c>
      <c r="B7410" t="s">
        <v>11109</v>
      </c>
      <c r="C7410">
        <v>0</v>
      </c>
      <c r="D7410">
        <v>0</v>
      </c>
    </row>
    <row r="7411" spans="1:4" x14ac:dyDescent="0.25">
      <c r="A7411" t="s">
        <v>11107</v>
      </c>
      <c r="B7411" t="s">
        <v>11110</v>
      </c>
      <c r="C7411">
        <v>0</v>
      </c>
      <c r="D7411">
        <v>0</v>
      </c>
    </row>
    <row r="7412" spans="1:4" x14ac:dyDescent="0.25">
      <c r="A7412" t="s">
        <v>11111</v>
      </c>
      <c r="B7412" t="s">
        <v>11112</v>
      </c>
      <c r="C7412">
        <v>1</v>
      </c>
      <c r="D7412">
        <v>0</v>
      </c>
    </row>
    <row r="7413" spans="1:4" x14ac:dyDescent="0.25">
      <c r="A7413" t="s">
        <v>11111</v>
      </c>
      <c r="B7413" t="s">
        <v>11113</v>
      </c>
      <c r="C7413">
        <v>0</v>
      </c>
      <c r="D7413">
        <v>0</v>
      </c>
    </row>
    <row r="7414" spans="1:4" x14ac:dyDescent="0.25">
      <c r="A7414" t="s">
        <v>11114</v>
      </c>
      <c r="B7414" t="s">
        <v>11115</v>
      </c>
      <c r="C7414">
        <v>1</v>
      </c>
      <c r="D7414">
        <v>0</v>
      </c>
    </row>
    <row r="7415" spans="1:4" x14ac:dyDescent="0.25">
      <c r="A7415" t="s">
        <v>11116</v>
      </c>
      <c r="B7415" t="s">
        <v>11117</v>
      </c>
      <c r="C7415">
        <v>0</v>
      </c>
      <c r="D7415">
        <v>0</v>
      </c>
    </row>
    <row r="7416" spans="1:4" x14ac:dyDescent="0.25">
      <c r="A7416" t="s">
        <v>11116</v>
      </c>
      <c r="B7416" t="s">
        <v>11118</v>
      </c>
      <c r="C7416">
        <v>0</v>
      </c>
      <c r="D7416">
        <v>0</v>
      </c>
    </row>
    <row r="7417" spans="1:4" x14ac:dyDescent="0.25">
      <c r="A7417" t="s">
        <v>11116</v>
      </c>
      <c r="B7417" t="s">
        <v>11119</v>
      </c>
      <c r="C7417">
        <v>0</v>
      </c>
      <c r="D7417">
        <v>0</v>
      </c>
    </row>
    <row r="7418" spans="1:4" x14ac:dyDescent="0.25">
      <c r="A7418" t="s">
        <v>11120</v>
      </c>
      <c r="B7418" t="s">
        <v>11121</v>
      </c>
      <c r="C7418">
        <v>0</v>
      </c>
      <c r="D7418">
        <v>0</v>
      </c>
    </row>
    <row r="7419" spans="1:4" x14ac:dyDescent="0.25">
      <c r="A7419" t="s">
        <v>11122</v>
      </c>
      <c r="B7419" t="s">
        <v>11123</v>
      </c>
      <c r="C7419">
        <v>0</v>
      </c>
      <c r="D7419">
        <v>0</v>
      </c>
    </row>
    <row r="7420" spans="1:4" x14ac:dyDescent="0.25">
      <c r="A7420" t="s">
        <v>11122</v>
      </c>
      <c r="B7420" t="s">
        <v>11124</v>
      </c>
      <c r="C7420">
        <v>1</v>
      </c>
      <c r="D7420">
        <v>0</v>
      </c>
    </row>
    <row r="7421" spans="1:4" x14ac:dyDescent="0.25">
      <c r="A7421" t="s">
        <v>11122</v>
      </c>
      <c r="B7421" t="s">
        <v>11125</v>
      </c>
      <c r="C7421">
        <v>1</v>
      </c>
      <c r="D7421">
        <v>0</v>
      </c>
    </row>
    <row r="7422" spans="1:4" x14ac:dyDescent="0.25">
      <c r="A7422" t="s">
        <v>11126</v>
      </c>
      <c r="B7422" t="s">
        <v>888</v>
      </c>
      <c r="C7422">
        <v>1</v>
      </c>
      <c r="D7422">
        <v>0</v>
      </c>
    </row>
    <row r="7423" spans="1:4" x14ac:dyDescent="0.25">
      <c r="A7423" t="s">
        <v>11126</v>
      </c>
      <c r="B7423" t="s">
        <v>11127</v>
      </c>
      <c r="C7423">
        <v>1</v>
      </c>
      <c r="D7423">
        <v>0</v>
      </c>
    </row>
    <row r="7424" spans="1:4" x14ac:dyDescent="0.25">
      <c r="A7424" t="s">
        <v>11126</v>
      </c>
      <c r="B7424" t="s">
        <v>11128</v>
      </c>
      <c r="C7424">
        <v>1</v>
      </c>
      <c r="D7424">
        <v>0</v>
      </c>
    </row>
    <row r="7425" spans="1:4" x14ac:dyDescent="0.25">
      <c r="A7425" t="s">
        <v>11129</v>
      </c>
      <c r="B7425" t="s">
        <v>11130</v>
      </c>
      <c r="C7425">
        <v>2</v>
      </c>
      <c r="D7425">
        <v>0</v>
      </c>
    </row>
    <row r="7426" spans="1:4" x14ac:dyDescent="0.25">
      <c r="A7426" t="s">
        <v>11131</v>
      </c>
      <c r="B7426" t="s">
        <v>11132</v>
      </c>
      <c r="C7426">
        <v>1</v>
      </c>
      <c r="D7426">
        <v>0</v>
      </c>
    </row>
    <row r="7427" spans="1:4" x14ac:dyDescent="0.25">
      <c r="A7427" t="s">
        <v>11133</v>
      </c>
      <c r="B7427" t="s">
        <v>11134</v>
      </c>
      <c r="C7427">
        <v>0</v>
      </c>
      <c r="D7427">
        <v>0</v>
      </c>
    </row>
    <row r="7428" spans="1:4" x14ac:dyDescent="0.25">
      <c r="A7428" t="s">
        <v>11133</v>
      </c>
      <c r="B7428" t="s">
        <v>11135</v>
      </c>
      <c r="C7428">
        <v>0</v>
      </c>
      <c r="D7428">
        <v>0</v>
      </c>
    </row>
    <row r="7429" spans="1:4" x14ac:dyDescent="0.25">
      <c r="A7429" t="s">
        <v>11136</v>
      </c>
      <c r="B7429" t="s">
        <v>11137</v>
      </c>
      <c r="C7429">
        <v>1</v>
      </c>
      <c r="D7429">
        <v>0</v>
      </c>
    </row>
    <row r="7430" spans="1:4" x14ac:dyDescent="0.25">
      <c r="A7430" t="s">
        <v>11138</v>
      </c>
      <c r="B7430" t="s">
        <v>11139</v>
      </c>
      <c r="C7430">
        <v>0</v>
      </c>
      <c r="D7430">
        <v>0</v>
      </c>
    </row>
    <row r="7431" spans="1:4" x14ac:dyDescent="0.25">
      <c r="A7431" t="s">
        <v>11140</v>
      </c>
      <c r="B7431" t="s">
        <v>11141</v>
      </c>
      <c r="C7431">
        <v>1</v>
      </c>
      <c r="D7431">
        <v>0</v>
      </c>
    </row>
    <row r="7432" spans="1:4" x14ac:dyDescent="0.25">
      <c r="A7432" t="s">
        <v>11142</v>
      </c>
      <c r="B7432" t="s">
        <v>11143</v>
      </c>
      <c r="C7432">
        <v>0</v>
      </c>
      <c r="D7432">
        <v>0</v>
      </c>
    </row>
    <row r="7433" spans="1:4" x14ac:dyDescent="0.25">
      <c r="A7433" t="s">
        <v>11144</v>
      </c>
      <c r="B7433" t="s">
        <v>11145</v>
      </c>
      <c r="C7433">
        <v>0</v>
      </c>
      <c r="D7433">
        <v>0</v>
      </c>
    </row>
    <row r="7434" spans="1:4" x14ac:dyDescent="0.25">
      <c r="A7434" t="s">
        <v>11146</v>
      </c>
      <c r="B7434" t="s">
        <v>11147</v>
      </c>
      <c r="C7434">
        <v>1</v>
      </c>
      <c r="D7434">
        <v>0</v>
      </c>
    </row>
    <row r="7435" spans="1:4" x14ac:dyDescent="0.25">
      <c r="A7435" t="s">
        <v>11146</v>
      </c>
      <c r="B7435" t="s">
        <v>11148</v>
      </c>
      <c r="C7435">
        <v>0</v>
      </c>
      <c r="D7435">
        <v>0</v>
      </c>
    </row>
    <row r="7436" spans="1:4" x14ac:dyDescent="0.25">
      <c r="A7436" t="s">
        <v>11146</v>
      </c>
      <c r="B7436" t="s">
        <v>11149</v>
      </c>
      <c r="C7436">
        <v>1</v>
      </c>
      <c r="D7436">
        <v>0</v>
      </c>
    </row>
    <row r="7437" spans="1:4" x14ac:dyDescent="0.25">
      <c r="A7437" t="s">
        <v>11150</v>
      </c>
      <c r="B7437" t="s">
        <v>11151</v>
      </c>
      <c r="C7437">
        <v>1</v>
      </c>
      <c r="D7437">
        <v>0</v>
      </c>
    </row>
    <row r="7438" spans="1:4" x14ac:dyDescent="0.25">
      <c r="A7438" t="s">
        <v>11150</v>
      </c>
      <c r="B7438" t="s">
        <v>11152</v>
      </c>
      <c r="C7438">
        <v>1</v>
      </c>
      <c r="D7438">
        <v>0</v>
      </c>
    </row>
    <row r="7439" spans="1:4" x14ac:dyDescent="0.25">
      <c r="A7439" t="s">
        <v>11150</v>
      </c>
      <c r="B7439" t="s">
        <v>11153</v>
      </c>
      <c r="C7439">
        <v>1</v>
      </c>
      <c r="D7439">
        <v>0</v>
      </c>
    </row>
    <row r="7440" spans="1:4" x14ac:dyDescent="0.25">
      <c r="A7440" t="s">
        <v>11154</v>
      </c>
      <c r="B7440" t="s">
        <v>11155</v>
      </c>
      <c r="C7440">
        <v>1</v>
      </c>
      <c r="D7440">
        <v>0</v>
      </c>
    </row>
    <row r="7441" spans="1:4" x14ac:dyDescent="0.25">
      <c r="A7441" t="s">
        <v>11156</v>
      </c>
      <c r="B7441" t="s">
        <v>11157</v>
      </c>
      <c r="C7441">
        <v>1</v>
      </c>
      <c r="D7441">
        <v>0</v>
      </c>
    </row>
    <row r="7442" spans="1:4" x14ac:dyDescent="0.25">
      <c r="A7442" t="s">
        <v>11156</v>
      </c>
      <c r="B7442" t="s">
        <v>11158</v>
      </c>
      <c r="C7442">
        <v>0</v>
      </c>
      <c r="D7442">
        <v>0</v>
      </c>
    </row>
    <row r="7443" spans="1:4" x14ac:dyDescent="0.25">
      <c r="A7443" t="s">
        <v>11156</v>
      </c>
      <c r="B7443" t="s">
        <v>11159</v>
      </c>
      <c r="C7443">
        <v>2</v>
      </c>
      <c r="D7443">
        <v>0</v>
      </c>
    </row>
    <row r="7444" spans="1:4" x14ac:dyDescent="0.25">
      <c r="A7444" t="s">
        <v>11160</v>
      </c>
      <c r="B7444" t="s">
        <v>11161</v>
      </c>
      <c r="C7444">
        <v>0</v>
      </c>
      <c r="D7444">
        <v>0</v>
      </c>
    </row>
    <row r="7445" spans="1:4" x14ac:dyDescent="0.25">
      <c r="A7445" t="s">
        <v>11162</v>
      </c>
      <c r="B7445" t="s">
        <v>398</v>
      </c>
      <c r="C7445">
        <v>0</v>
      </c>
      <c r="D7445">
        <v>0</v>
      </c>
    </row>
    <row r="7446" spans="1:4" x14ac:dyDescent="0.25">
      <c r="A7446" t="s">
        <v>11163</v>
      </c>
      <c r="B7446" t="s">
        <v>11164</v>
      </c>
      <c r="C7446">
        <v>1</v>
      </c>
      <c r="D7446">
        <v>0</v>
      </c>
    </row>
    <row r="7447" spans="1:4" x14ac:dyDescent="0.25">
      <c r="A7447" t="s">
        <v>11163</v>
      </c>
      <c r="B7447" t="s">
        <v>11165</v>
      </c>
      <c r="C7447">
        <v>1</v>
      </c>
      <c r="D7447">
        <v>0</v>
      </c>
    </row>
    <row r="7448" spans="1:4" x14ac:dyDescent="0.25">
      <c r="A7448" t="s">
        <v>11163</v>
      </c>
      <c r="B7448" t="s">
        <v>11166</v>
      </c>
      <c r="C7448">
        <v>1</v>
      </c>
      <c r="D7448">
        <v>0</v>
      </c>
    </row>
    <row r="7449" spans="1:4" x14ac:dyDescent="0.25">
      <c r="A7449" t="s">
        <v>11167</v>
      </c>
      <c r="B7449" t="s">
        <v>11168</v>
      </c>
      <c r="C7449">
        <v>1</v>
      </c>
      <c r="D7449">
        <v>0</v>
      </c>
    </row>
    <row r="7450" spans="1:4" x14ac:dyDescent="0.25">
      <c r="A7450" t="s">
        <v>11167</v>
      </c>
      <c r="B7450" t="s">
        <v>1769</v>
      </c>
      <c r="C7450">
        <v>1</v>
      </c>
      <c r="D7450">
        <v>0</v>
      </c>
    </row>
    <row r="7451" spans="1:4" x14ac:dyDescent="0.25">
      <c r="A7451" t="s">
        <v>11169</v>
      </c>
      <c r="B7451" t="s">
        <v>11170</v>
      </c>
      <c r="C7451">
        <v>1</v>
      </c>
      <c r="D7451">
        <v>0</v>
      </c>
    </row>
    <row r="7452" spans="1:4" x14ac:dyDescent="0.25">
      <c r="A7452" t="s">
        <v>11169</v>
      </c>
      <c r="B7452" t="s">
        <v>11171</v>
      </c>
      <c r="C7452">
        <v>1</v>
      </c>
      <c r="D7452">
        <v>0</v>
      </c>
    </row>
    <row r="7453" spans="1:4" x14ac:dyDescent="0.25">
      <c r="A7453" t="s">
        <v>11169</v>
      </c>
      <c r="B7453" t="s">
        <v>11172</v>
      </c>
      <c r="C7453">
        <v>1</v>
      </c>
      <c r="D7453">
        <v>0</v>
      </c>
    </row>
    <row r="7454" spans="1:4" x14ac:dyDescent="0.25">
      <c r="A7454" t="s">
        <v>11173</v>
      </c>
      <c r="B7454" t="s">
        <v>11174</v>
      </c>
      <c r="C7454">
        <v>1</v>
      </c>
      <c r="D7454">
        <v>0</v>
      </c>
    </row>
    <row r="7455" spans="1:4" x14ac:dyDescent="0.25">
      <c r="A7455" t="s">
        <v>11175</v>
      </c>
      <c r="B7455" t="s">
        <v>11176</v>
      </c>
      <c r="C7455">
        <v>0</v>
      </c>
      <c r="D7455">
        <v>0</v>
      </c>
    </row>
    <row r="7456" spans="1:4" x14ac:dyDescent="0.25">
      <c r="A7456" t="s">
        <v>11177</v>
      </c>
      <c r="B7456" t="s">
        <v>11178</v>
      </c>
      <c r="C7456">
        <v>2</v>
      </c>
      <c r="D7456">
        <v>0</v>
      </c>
    </row>
    <row r="7457" spans="1:4" x14ac:dyDescent="0.25">
      <c r="A7457" t="s">
        <v>11177</v>
      </c>
      <c r="B7457" t="s">
        <v>11179</v>
      </c>
      <c r="C7457">
        <v>1</v>
      </c>
      <c r="D7457">
        <v>0</v>
      </c>
    </row>
    <row r="7458" spans="1:4" x14ac:dyDescent="0.25">
      <c r="A7458" t="s">
        <v>11177</v>
      </c>
      <c r="B7458" t="s">
        <v>1567</v>
      </c>
      <c r="C7458">
        <v>0</v>
      </c>
      <c r="D7458">
        <v>0</v>
      </c>
    </row>
    <row r="7459" spans="1:4" x14ac:dyDescent="0.25">
      <c r="A7459" t="s">
        <v>11180</v>
      </c>
      <c r="B7459" t="s">
        <v>11181</v>
      </c>
      <c r="C7459">
        <v>2</v>
      </c>
      <c r="D7459">
        <v>0</v>
      </c>
    </row>
    <row r="7460" spans="1:4" x14ac:dyDescent="0.25">
      <c r="A7460" t="s">
        <v>11180</v>
      </c>
      <c r="B7460" t="s">
        <v>11182</v>
      </c>
      <c r="C7460">
        <v>0</v>
      </c>
      <c r="D7460">
        <v>0</v>
      </c>
    </row>
    <row r="7461" spans="1:4" x14ac:dyDescent="0.25">
      <c r="A7461" t="s">
        <v>11183</v>
      </c>
      <c r="B7461" t="s">
        <v>6061</v>
      </c>
      <c r="C7461">
        <v>0</v>
      </c>
      <c r="D7461">
        <v>0</v>
      </c>
    </row>
    <row r="7462" spans="1:4" x14ac:dyDescent="0.25">
      <c r="A7462" t="s">
        <v>11184</v>
      </c>
      <c r="B7462" t="s">
        <v>852</v>
      </c>
      <c r="C7462">
        <v>0</v>
      </c>
      <c r="D7462">
        <v>0</v>
      </c>
    </row>
    <row r="7463" spans="1:4" x14ac:dyDescent="0.25">
      <c r="A7463" t="s">
        <v>11185</v>
      </c>
      <c r="B7463" t="s">
        <v>1526</v>
      </c>
      <c r="C7463">
        <v>1</v>
      </c>
      <c r="D7463">
        <v>0</v>
      </c>
    </row>
    <row r="7464" spans="1:4" x14ac:dyDescent="0.25">
      <c r="A7464" t="s">
        <v>11186</v>
      </c>
      <c r="B7464" t="s">
        <v>11187</v>
      </c>
      <c r="C7464">
        <v>1</v>
      </c>
      <c r="D7464">
        <v>0</v>
      </c>
    </row>
    <row r="7465" spans="1:4" x14ac:dyDescent="0.25">
      <c r="A7465" t="s">
        <v>11186</v>
      </c>
      <c r="B7465" t="s">
        <v>11188</v>
      </c>
      <c r="C7465">
        <v>1</v>
      </c>
      <c r="D7465">
        <v>0</v>
      </c>
    </row>
    <row r="7466" spans="1:4" x14ac:dyDescent="0.25">
      <c r="A7466" t="s">
        <v>11189</v>
      </c>
      <c r="B7466" t="s">
        <v>11190</v>
      </c>
      <c r="C7466">
        <v>2</v>
      </c>
      <c r="D7466">
        <v>0</v>
      </c>
    </row>
    <row r="7467" spans="1:4" x14ac:dyDescent="0.25">
      <c r="A7467" t="s">
        <v>11189</v>
      </c>
      <c r="B7467" t="s">
        <v>11191</v>
      </c>
      <c r="C7467">
        <v>1</v>
      </c>
      <c r="D7467">
        <v>0</v>
      </c>
    </row>
    <row r="7468" spans="1:4" x14ac:dyDescent="0.25">
      <c r="A7468" t="s">
        <v>11192</v>
      </c>
      <c r="B7468" t="s">
        <v>11193</v>
      </c>
      <c r="C7468">
        <v>0</v>
      </c>
      <c r="D7468">
        <v>0</v>
      </c>
    </row>
    <row r="7469" spans="1:4" x14ac:dyDescent="0.25">
      <c r="A7469" t="s">
        <v>11192</v>
      </c>
      <c r="B7469" t="s">
        <v>11194</v>
      </c>
      <c r="C7469">
        <v>0</v>
      </c>
      <c r="D7469">
        <v>0</v>
      </c>
    </row>
    <row r="7470" spans="1:4" x14ac:dyDescent="0.25">
      <c r="A7470" t="s">
        <v>11195</v>
      </c>
      <c r="B7470" t="s">
        <v>11196</v>
      </c>
      <c r="C7470">
        <v>0</v>
      </c>
      <c r="D7470">
        <v>0</v>
      </c>
    </row>
    <row r="7471" spans="1:4" x14ac:dyDescent="0.25">
      <c r="A7471" t="s">
        <v>11195</v>
      </c>
      <c r="B7471" t="s">
        <v>11197</v>
      </c>
      <c r="C7471">
        <v>0</v>
      </c>
      <c r="D7471">
        <v>0</v>
      </c>
    </row>
    <row r="7472" spans="1:4" x14ac:dyDescent="0.25">
      <c r="A7472" t="s">
        <v>11198</v>
      </c>
      <c r="B7472" t="s">
        <v>11199</v>
      </c>
      <c r="C7472">
        <v>1</v>
      </c>
      <c r="D7472">
        <v>0</v>
      </c>
    </row>
    <row r="7473" spans="1:4" x14ac:dyDescent="0.25">
      <c r="A7473" t="s">
        <v>11200</v>
      </c>
      <c r="B7473" t="s">
        <v>11201</v>
      </c>
      <c r="C7473">
        <v>1</v>
      </c>
      <c r="D7473">
        <v>0</v>
      </c>
    </row>
    <row r="7474" spans="1:4" x14ac:dyDescent="0.25">
      <c r="A7474" t="s">
        <v>11202</v>
      </c>
      <c r="B7474" t="s">
        <v>398</v>
      </c>
      <c r="C7474">
        <v>0</v>
      </c>
      <c r="D7474">
        <v>0</v>
      </c>
    </row>
    <row r="7475" spans="1:4" x14ac:dyDescent="0.25">
      <c r="A7475" t="s">
        <v>11203</v>
      </c>
      <c r="B7475" t="s">
        <v>11204</v>
      </c>
      <c r="C7475">
        <v>1</v>
      </c>
      <c r="D7475">
        <v>0</v>
      </c>
    </row>
    <row r="7476" spans="1:4" x14ac:dyDescent="0.25">
      <c r="A7476" t="s">
        <v>11205</v>
      </c>
      <c r="B7476" t="s">
        <v>11206</v>
      </c>
      <c r="C7476">
        <v>0</v>
      </c>
      <c r="D7476">
        <v>0</v>
      </c>
    </row>
    <row r="7477" spans="1:4" x14ac:dyDescent="0.25">
      <c r="A7477" t="s">
        <v>11207</v>
      </c>
      <c r="B7477" t="s">
        <v>11208</v>
      </c>
      <c r="C7477">
        <v>0</v>
      </c>
      <c r="D7477">
        <v>0</v>
      </c>
    </row>
    <row r="7478" spans="1:4" x14ac:dyDescent="0.25">
      <c r="A7478" t="s">
        <v>11209</v>
      </c>
      <c r="B7478" t="s">
        <v>11210</v>
      </c>
      <c r="C7478">
        <v>2</v>
      </c>
      <c r="D7478">
        <v>0</v>
      </c>
    </row>
    <row r="7479" spans="1:4" x14ac:dyDescent="0.25">
      <c r="A7479" t="s">
        <v>11211</v>
      </c>
      <c r="B7479" t="s">
        <v>11212</v>
      </c>
      <c r="C7479">
        <v>0</v>
      </c>
      <c r="D7479">
        <v>0</v>
      </c>
    </row>
    <row r="7480" spans="1:4" x14ac:dyDescent="0.25">
      <c r="A7480" t="s">
        <v>11211</v>
      </c>
      <c r="B7480" t="s">
        <v>11213</v>
      </c>
      <c r="C7480">
        <v>1</v>
      </c>
      <c r="D7480">
        <v>0</v>
      </c>
    </row>
    <row r="7481" spans="1:4" x14ac:dyDescent="0.25">
      <c r="A7481" t="s">
        <v>11214</v>
      </c>
      <c r="B7481" t="s">
        <v>11215</v>
      </c>
      <c r="C7481">
        <v>1</v>
      </c>
      <c r="D7481">
        <v>0</v>
      </c>
    </row>
    <row r="7482" spans="1:4" x14ac:dyDescent="0.25">
      <c r="A7482" t="s">
        <v>11216</v>
      </c>
      <c r="B7482" t="s">
        <v>11217</v>
      </c>
      <c r="C7482">
        <v>2</v>
      </c>
      <c r="D7482">
        <v>0</v>
      </c>
    </row>
    <row r="7483" spans="1:4" x14ac:dyDescent="0.25">
      <c r="A7483" t="s">
        <v>11216</v>
      </c>
      <c r="B7483" t="s">
        <v>11218</v>
      </c>
      <c r="C7483">
        <v>1</v>
      </c>
      <c r="D7483">
        <v>0</v>
      </c>
    </row>
    <row r="7484" spans="1:4" x14ac:dyDescent="0.25">
      <c r="A7484" t="s">
        <v>11219</v>
      </c>
      <c r="B7484" t="s">
        <v>11220</v>
      </c>
      <c r="C7484">
        <v>2</v>
      </c>
      <c r="D7484">
        <v>0</v>
      </c>
    </row>
    <row r="7485" spans="1:4" x14ac:dyDescent="0.25">
      <c r="A7485" t="s">
        <v>11221</v>
      </c>
      <c r="B7485" t="s">
        <v>11222</v>
      </c>
      <c r="C7485">
        <v>2</v>
      </c>
      <c r="D7485">
        <v>0</v>
      </c>
    </row>
    <row r="7486" spans="1:4" x14ac:dyDescent="0.25">
      <c r="A7486" t="s">
        <v>11223</v>
      </c>
      <c r="B7486" t="s">
        <v>11224</v>
      </c>
      <c r="C7486">
        <v>2</v>
      </c>
      <c r="D7486">
        <v>0</v>
      </c>
    </row>
    <row r="7487" spans="1:4" x14ac:dyDescent="0.25">
      <c r="A7487" t="s">
        <v>11223</v>
      </c>
      <c r="B7487" t="s">
        <v>11225</v>
      </c>
      <c r="C7487">
        <v>2</v>
      </c>
      <c r="D7487">
        <v>0</v>
      </c>
    </row>
    <row r="7488" spans="1:4" x14ac:dyDescent="0.25">
      <c r="A7488" t="s">
        <v>11223</v>
      </c>
      <c r="B7488" t="s">
        <v>11226</v>
      </c>
      <c r="C7488">
        <v>2</v>
      </c>
      <c r="D7488">
        <v>0</v>
      </c>
    </row>
    <row r="7489" spans="1:4" x14ac:dyDescent="0.25">
      <c r="A7489" t="s">
        <v>11227</v>
      </c>
      <c r="B7489" t="s">
        <v>11228</v>
      </c>
      <c r="C7489">
        <v>1</v>
      </c>
      <c r="D7489">
        <v>0</v>
      </c>
    </row>
    <row r="7490" spans="1:4" x14ac:dyDescent="0.25">
      <c r="A7490" t="s">
        <v>11229</v>
      </c>
      <c r="B7490" t="s">
        <v>11230</v>
      </c>
      <c r="C7490">
        <v>1</v>
      </c>
      <c r="D7490">
        <v>0</v>
      </c>
    </row>
    <row r="7491" spans="1:4" x14ac:dyDescent="0.25">
      <c r="A7491" t="s">
        <v>11229</v>
      </c>
      <c r="B7491" t="s">
        <v>11231</v>
      </c>
      <c r="C7491">
        <v>0</v>
      </c>
      <c r="D7491">
        <v>0</v>
      </c>
    </row>
    <row r="7492" spans="1:4" x14ac:dyDescent="0.25">
      <c r="A7492" t="s">
        <v>11229</v>
      </c>
      <c r="B7492" t="s">
        <v>11232</v>
      </c>
      <c r="C7492">
        <v>1</v>
      </c>
      <c r="D7492">
        <v>0</v>
      </c>
    </row>
    <row r="7493" spans="1:4" x14ac:dyDescent="0.25">
      <c r="A7493" t="s">
        <v>11233</v>
      </c>
      <c r="B7493" t="s">
        <v>11234</v>
      </c>
      <c r="C7493">
        <v>1</v>
      </c>
      <c r="D7493">
        <v>0</v>
      </c>
    </row>
    <row r="7494" spans="1:4" x14ac:dyDescent="0.25">
      <c r="A7494" t="s">
        <v>11235</v>
      </c>
      <c r="B7494" t="s">
        <v>11236</v>
      </c>
      <c r="C7494">
        <v>1</v>
      </c>
      <c r="D7494">
        <v>0</v>
      </c>
    </row>
    <row r="7495" spans="1:4" x14ac:dyDescent="0.25">
      <c r="A7495" t="s">
        <v>11237</v>
      </c>
      <c r="B7495" t="s">
        <v>11238</v>
      </c>
      <c r="C7495">
        <v>0</v>
      </c>
      <c r="D7495">
        <v>0</v>
      </c>
    </row>
    <row r="7496" spans="1:4" x14ac:dyDescent="0.25">
      <c r="A7496" t="s">
        <v>11237</v>
      </c>
      <c r="B7496" t="s">
        <v>11239</v>
      </c>
      <c r="C7496">
        <v>0</v>
      </c>
      <c r="D7496">
        <v>0</v>
      </c>
    </row>
    <row r="7497" spans="1:4" x14ac:dyDescent="0.25">
      <c r="A7497" t="s">
        <v>11237</v>
      </c>
      <c r="B7497" t="s">
        <v>11240</v>
      </c>
      <c r="C7497">
        <v>0</v>
      </c>
      <c r="D7497">
        <v>0</v>
      </c>
    </row>
    <row r="7498" spans="1:4" x14ac:dyDescent="0.25">
      <c r="A7498" t="s">
        <v>11241</v>
      </c>
      <c r="B7498" t="s">
        <v>11242</v>
      </c>
      <c r="C7498">
        <v>0</v>
      </c>
      <c r="D7498">
        <v>0</v>
      </c>
    </row>
    <row r="7499" spans="1:4" x14ac:dyDescent="0.25">
      <c r="A7499" t="s">
        <v>11243</v>
      </c>
      <c r="B7499" t="s">
        <v>11244</v>
      </c>
      <c r="C7499">
        <v>2</v>
      </c>
      <c r="D7499">
        <v>0</v>
      </c>
    </row>
    <row r="7500" spans="1:4" x14ac:dyDescent="0.25">
      <c r="A7500" t="s">
        <v>11245</v>
      </c>
      <c r="B7500" t="s">
        <v>11246</v>
      </c>
      <c r="C7500">
        <v>1</v>
      </c>
      <c r="D7500">
        <v>0</v>
      </c>
    </row>
    <row r="7501" spans="1:4" x14ac:dyDescent="0.25">
      <c r="A7501" t="s">
        <v>11245</v>
      </c>
      <c r="B7501" t="s">
        <v>11247</v>
      </c>
      <c r="C7501">
        <v>0</v>
      </c>
      <c r="D7501">
        <v>0</v>
      </c>
    </row>
    <row r="7502" spans="1:4" x14ac:dyDescent="0.25">
      <c r="A7502" t="s">
        <v>11248</v>
      </c>
      <c r="B7502" t="s">
        <v>11249</v>
      </c>
      <c r="C7502">
        <v>1</v>
      </c>
      <c r="D7502">
        <v>0</v>
      </c>
    </row>
    <row r="7503" spans="1:4" x14ac:dyDescent="0.25">
      <c r="A7503" t="s">
        <v>11248</v>
      </c>
      <c r="B7503" t="s">
        <v>11250</v>
      </c>
      <c r="C7503">
        <v>2</v>
      </c>
      <c r="D7503">
        <v>0</v>
      </c>
    </row>
    <row r="7504" spans="1:4" x14ac:dyDescent="0.25">
      <c r="A7504" t="s">
        <v>11248</v>
      </c>
      <c r="B7504" t="s">
        <v>11251</v>
      </c>
      <c r="C7504">
        <v>1</v>
      </c>
      <c r="D7504">
        <v>0</v>
      </c>
    </row>
    <row r="7505" spans="1:4" x14ac:dyDescent="0.25">
      <c r="A7505" t="s">
        <v>11252</v>
      </c>
      <c r="B7505" t="s">
        <v>11253</v>
      </c>
      <c r="C7505">
        <v>1</v>
      </c>
      <c r="D7505">
        <v>0</v>
      </c>
    </row>
    <row r="7506" spans="1:4" x14ac:dyDescent="0.25">
      <c r="A7506" t="s">
        <v>11252</v>
      </c>
      <c r="B7506" t="s">
        <v>11254</v>
      </c>
      <c r="C7506">
        <v>0</v>
      </c>
      <c r="D7506">
        <v>0</v>
      </c>
    </row>
    <row r="7507" spans="1:4" x14ac:dyDescent="0.25">
      <c r="A7507" t="s">
        <v>11255</v>
      </c>
      <c r="B7507" t="s">
        <v>11256</v>
      </c>
      <c r="C7507">
        <v>0</v>
      </c>
      <c r="D7507">
        <v>0</v>
      </c>
    </row>
    <row r="7508" spans="1:4" x14ac:dyDescent="0.25">
      <c r="A7508" t="s">
        <v>11257</v>
      </c>
      <c r="B7508" t="s">
        <v>969</v>
      </c>
      <c r="C7508">
        <v>0</v>
      </c>
      <c r="D7508">
        <v>0</v>
      </c>
    </row>
    <row r="7509" spans="1:4" x14ac:dyDescent="0.25">
      <c r="A7509" t="s">
        <v>11258</v>
      </c>
      <c r="B7509" t="s">
        <v>11259</v>
      </c>
      <c r="C7509">
        <v>0</v>
      </c>
      <c r="D7509">
        <v>0</v>
      </c>
    </row>
    <row r="7510" spans="1:4" x14ac:dyDescent="0.25">
      <c r="A7510" t="s">
        <v>11260</v>
      </c>
      <c r="B7510" t="s">
        <v>11261</v>
      </c>
      <c r="C7510">
        <v>1</v>
      </c>
      <c r="D7510">
        <v>0</v>
      </c>
    </row>
    <row r="7511" spans="1:4" x14ac:dyDescent="0.25">
      <c r="A7511" t="s">
        <v>11260</v>
      </c>
      <c r="B7511" t="s">
        <v>11262</v>
      </c>
      <c r="C7511">
        <v>2</v>
      </c>
      <c r="D7511">
        <v>0</v>
      </c>
    </row>
    <row r="7512" spans="1:4" x14ac:dyDescent="0.25">
      <c r="A7512" t="s">
        <v>11260</v>
      </c>
      <c r="B7512" t="s">
        <v>11263</v>
      </c>
      <c r="C7512">
        <v>1</v>
      </c>
      <c r="D7512">
        <v>0</v>
      </c>
    </row>
    <row r="7513" spans="1:4" x14ac:dyDescent="0.25">
      <c r="A7513" t="s">
        <v>11264</v>
      </c>
      <c r="B7513" t="s">
        <v>11265</v>
      </c>
      <c r="C7513">
        <v>0</v>
      </c>
      <c r="D7513">
        <v>0</v>
      </c>
    </row>
    <row r="7514" spans="1:4" x14ac:dyDescent="0.25">
      <c r="A7514" t="s">
        <v>11266</v>
      </c>
      <c r="B7514" t="s">
        <v>11267</v>
      </c>
      <c r="C7514">
        <v>1</v>
      </c>
      <c r="D7514">
        <v>0</v>
      </c>
    </row>
    <row r="7515" spans="1:4" x14ac:dyDescent="0.25">
      <c r="A7515" t="s">
        <v>11266</v>
      </c>
      <c r="B7515" t="s">
        <v>11268</v>
      </c>
      <c r="C7515">
        <v>1</v>
      </c>
      <c r="D7515">
        <v>0</v>
      </c>
    </row>
    <row r="7516" spans="1:4" x14ac:dyDescent="0.25">
      <c r="A7516" t="s">
        <v>11269</v>
      </c>
      <c r="B7516" t="s">
        <v>11270</v>
      </c>
      <c r="C7516">
        <v>1</v>
      </c>
      <c r="D7516">
        <v>0</v>
      </c>
    </row>
    <row r="7517" spans="1:4" x14ac:dyDescent="0.25">
      <c r="A7517" t="s">
        <v>11271</v>
      </c>
      <c r="B7517" t="s">
        <v>11272</v>
      </c>
      <c r="C7517">
        <v>2</v>
      </c>
      <c r="D7517">
        <v>0</v>
      </c>
    </row>
    <row r="7518" spans="1:4" x14ac:dyDescent="0.25">
      <c r="A7518" t="s">
        <v>11273</v>
      </c>
      <c r="B7518" t="s">
        <v>11274</v>
      </c>
      <c r="C7518">
        <v>1</v>
      </c>
      <c r="D7518">
        <v>0</v>
      </c>
    </row>
    <row r="7519" spans="1:4" x14ac:dyDescent="0.25">
      <c r="A7519" t="s">
        <v>11273</v>
      </c>
      <c r="B7519" t="s">
        <v>11275</v>
      </c>
      <c r="C7519">
        <v>1</v>
      </c>
      <c r="D7519">
        <v>0</v>
      </c>
    </row>
    <row r="7520" spans="1:4" x14ac:dyDescent="0.25">
      <c r="A7520" t="s">
        <v>11273</v>
      </c>
      <c r="B7520" t="s">
        <v>11276</v>
      </c>
      <c r="C7520">
        <v>1</v>
      </c>
      <c r="D7520">
        <v>0</v>
      </c>
    </row>
    <row r="7521" spans="1:4" x14ac:dyDescent="0.25">
      <c r="A7521" t="s">
        <v>11277</v>
      </c>
      <c r="B7521" t="s">
        <v>11278</v>
      </c>
      <c r="C7521">
        <v>0</v>
      </c>
      <c r="D7521">
        <v>0</v>
      </c>
    </row>
    <row r="7522" spans="1:4" x14ac:dyDescent="0.25">
      <c r="A7522" t="s">
        <v>11277</v>
      </c>
      <c r="B7522" t="s">
        <v>11279</v>
      </c>
      <c r="C7522">
        <v>1</v>
      </c>
      <c r="D7522">
        <v>0</v>
      </c>
    </row>
    <row r="7523" spans="1:4" x14ac:dyDescent="0.25">
      <c r="A7523" t="s">
        <v>11280</v>
      </c>
      <c r="B7523" t="s">
        <v>398</v>
      </c>
      <c r="C7523">
        <v>0</v>
      </c>
      <c r="D7523">
        <v>0</v>
      </c>
    </row>
    <row r="7524" spans="1:4" x14ac:dyDescent="0.25">
      <c r="A7524" t="s">
        <v>11281</v>
      </c>
      <c r="B7524" t="s">
        <v>1499</v>
      </c>
      <c r="C7524">
        <v>1</v>
      </c>
      <c r="D7524">
        <v>0</v>
      </c>
    </row>
    <row r="7525" spans="1:4" x14ac:dyDescent="0.25">
      <c r="A7525" t="s">
        <v>11282</v>
      </c>
      <c r="B7525" t="s">
        <v>11283</v>
      </c>
      <c r="C7525">
        <v>0</v>
      </c>
      <c r="D7525">
        <v>0</v>
      </c>
    </row>
    <row r="7526" spans="1:4" x14ac:dyDescent="0.25">
      <c r="A7526" t="s">
        <v>11284</v>
      </c>
      <c r="B7526" t="s">
        <v>795</v>
      </c>
      <c r="C7526">
        <v>0</v>
      </c>
      <c r="D7526">
        <v>0</v>
      </c>
    </row>
    <row r="7527" spans="1:4" x14ac:dyDescent="0.25">
      <c r="A7527" t="s">
        <v>11285</v>
      </c>
      <c r="B7527" t="s">
        <v>11286</v>
      </c>
      <c r="C7527">
        <v>1</v>
      </c>
      <c r="D7527">
        <v>0</v>
      </c>
    </row>
    <row r="7528" spans="1:4" x14ac:dyDescent="0.25">
      <c r="A7528" t="s">
        <v>11287</v>
      </c>
      <c r="B7528" t="s">
        <v>11288</v>
      </c>
      <c r="C7528">
        <v>0</v>
      </c>
      <c r="D7528">
        <v>0</v>
      </c>
    </row>
    <row r="7529" spans="1:4" x14ac:dyDescent="0.25">
      <c r="A7529" t="s">
        <v>11289</v>
      </c>
      <c r="B7529" t="s">
        <v>11290</v>
      </c>
      <c r="C7529">
        <v>1</v>
      </c>
      <c r="D7529">
        <v>0</v>
      </c>
    </row>
    <row r="7530" spans="1:4" x14ac:dyDescent="0.25">
      <c r="A7530" t="s">
        <v>11289</v>
      </c>
      <c r="B7530" t="s">
        <v>11291</v>
      </c>
      <c r="C7530">
        <v>1</v>
      </c>
      <c r="D7530">
        <v>0</v>
      </c>
    </row>
    <row r="7531" spans="1:4" x14ac:dyDescent="0.25">
      <c r="A7531" t="s">
        <v>11292</v>
      </c>
      <c r="B7531" t="s">
        <v>11293</v>
      </c>
      <c r="C7531">
        <v>2</v>
      </c>
      <c r="D7531">
        <v>0</v>
      </c>
    </row>
    <row r="7532" spans="1:4" x14ac:dyDescent="0.25">
      <c r="A7532" t="s">
        <v>11294</v>
      </c>
      <c r="B7532" t="s">
        <v>11295</v>
      </c>
      <c r="C7532">
        <v>1</v>
      </c>
      <c r="D7532">
        <v>0</v>
      </c>
    </row>
    <row r="7533" spans="1:4" x14ac:dyDescent="0.25">
      <c r="A7533" t="s">
        <v>11296</v>
      </c>
      <c r="B7533" t="s">
        <v>11297</v>
      </c>
      <c r="C7533">
        <v>1</v>
      </c>
      <c r="D7533">
        <v>0</v>
      </c>
    </row>
    <row r="7534" spans="1:4" x14ac:dyDescent="0.25">
      <c r="A7534" t="s">
        <v>11296</v>
      </c>
      <c r="B7534" t="s">
        <v>11298</v>
      </c>
      <c r="C7534">
        <v>1</v>
      </c>
      <c r="D7534">
        <v>0</v>
      </c>
    </row>
    <row r="7535" spans="1:4" x14ac:dyDescent="0.25">
      <c r="A7535" t="s">
        <v>11296</v>
      </c>
      <c r="B7535" t="s">
        <v>11299</v>
      </c>
      <c r="C7535">
        <v>0</v>
      </c>
      <c r="D7535">
        <v>0</v>
      </c>
    </row>
    <row r="7536" spans="1:4" x14ac:dyDescent="0.25">
      <c r="A7536" t="s">
        <v>11300</v>
      </c>
      <c r="B7536" t="s">
        <v>11301</v>
      </c>
      <c r="C7536">
        <v>0</v>
      </c>
      <c r="D7536">
        <v>0</v>
      </c>
    </row>
    <row r="7537" spans="1:4" x14ac:dyDescent="0.25">
      <c r="A7537" t="s">
        <v>11302</v>
      </c>
      <c r="B7537" t="s">
        <v>11303</v>
      </c>
      <c r="C7537">
        <v>1</v>
      </c>
      <c r="D7537">
        <v>0</v>
      </c>
    </row>
    <row r="7538" spans="1:4" x14ac:dyDescent="0.25">
      <c r="A7538" t="s">
        <v>11302</v>
      </c>
      <c r="B7538" t="s">
        <v>11304</v>
      </c>
      <c r="C7538">
        <v>1</v>
      </c>
      <c r="D7538">
        <v>0</v>
      </c>
    </row>
    <row r="7539" spans="1:4" x14ac:dyDescent="0.25">
      <c r="A7539" t="s">
        <v>11305</v>
      </c>
      <c r="B7539" t="s">
        <v>11306</v>
      </c>
      <c r="C7539">
        <v>0</v>
      </c>
      <c r="D7539">
        <v>0</v>
      </c>
    </row>
    <row r="7540" spans="1:4" x14ac:dyDescent="0.25">
      <c r="A7540" t="s">
        <v>11305</v>
      </c>
      <c r="B7540" t="s">
        <v>11307</v>
      </c>
      <c r="C7540">
        <v>0</v>
      </c>
      <c r="D7540">
        <v>0</v>
      </c>
    </row>
    <row r="7541" spans="1:4" x14ac:dyDescent="0.25">
      <c r="A7541" t="s">
        <v>11308</v>
      </c>
      <c r="B7541" t="s">
        <v>11309</v>
      </c>
      <c r="C7541">
        <v>1</v>
      </c>
      <c r="D7541">
        <v>0</v>
      </c>
    </row>
    <row r="7542" spans="1:4" x14ac:dyDescent="0.25">
      <c r="A7542" t="s">
        <v>11308</v>
      </c>
      <c r="B7542" t="s">
        <v>11310</v>
      </c>
      <c r="C7542">
        <v>1</v>
      </c>
      <c r="D7542">
        <v>0</v>
      </c>
    </row>
    <row r="7543" spans="1:4" x14ac:dyDescent="0.25">
      <c r="A7543" t="s">
        <v>11308</v>
      </c>
      <c r="B7543" t="s">
        <v>11311</v>
      </c>
      <c r="C7543">
        <v>1</v>
      </c>
      <c r="D7543">
        <v>0</v>
      </c>
    </row>
    <row r="7544" spans="1:4" x14ac:dyDescent="0.25">
      <c r="A7544" t="s">
        <v>11312</v>
      </c>
      <c r="B7544" t="s">
        <v>1499</v>
      </c>
      <c r="C7544">
        <v>1</v>
      </c>
      <c r="D7544">
        <v>0</v>
      </c>
    </row>
    <row r="7545" spans="1:4" x14ac:dyDescent="0.25">
      <c r="A7545" t="s">
        <v>11313</v>
      </c>
      <c r="B7545" t="s">
        <v>11314</v>
      </c>
      <c r="C7545">
        <v>1</v>
      </c>
      <c r="D7545">
        <v>0</v>
      </c>
    </row>
    <row r="7546" spans="1:4" x14ac:dyDescent="0.25">
      <c r="A7546" t="s">
        <v>11313</v>
      </c>
      <c r="B7546" t="s">
        <v>11315</v>
      </c>
      <c r="C7546">
        <v>1</v>
      </c>
      <c r="D7546">
        <v>0</v>
      </c>
    </row>
    <row r="7547" spans="1:4" x14ac:dyDescent="0.25">
      <c r="A7547" t="s">
        <v>11316</v>
      </c>
      <c r="B7547" t="s">
        <v>11317</v>
      </c>
      <c r="C7547">
        <v>1</v>
      </c>
      <c r="D7547">
        <v>0</v>
      </c>
    </row>
    <row r="7548" spans="1:4" x14ac:dyDescent="0.25">
      <c r="A7548" t="s">
        <v>11316</v>
      </c>
      <c r="B7548" t="s">
        <v>11318</v>
      </c>
      <c r="C7548">
        <v>1</v>
      </c>
      <c r="D7548">
        <v>0</v>
      </c>
    </row>
    <row r="7549" spans="1:4" x14ac:dyDescent="0.25">
      <c r="A7549" t="s">
        <v>11316</v>
      </c>
      <c r="B7549" t="s">
        <v>11319</v>
      </c>
      <c r="C7549">
        <v>2</v>
      </c>
      <c r="D7549">
        <v>0</v>
      </c>
    </row>
    <row r="7550" spans="1:4" x14ac:dyDescent="0.25">
      <c r="A7550" t="s">
        <v>11320</v>
      </c>
      <c r="B7550" t="s">
        <v>11321</v>
      </c>
      <c r="C7550">
        <v>2</v>
      </c>
      <c r="D7550">
        <v>0</v>
      </c>
    </row>
    <row r="7551" spans="1:4" x14ac:dyDescent="0.25">
      <c r="A7551" t="s">
        <v>11322</v>
      </c>
      <c r="B7551" t="s">
        <v>11323</v>
      </c>
      <c r="C7551">
        <v>2</v>
      </c>
      <c r="D7551">
        <v>0</v>
      </c>
    </row>
    <row r="7552" spans="1:4" x14ac:dyDescent="0.25">
      <c r="A7552" t="s">
        <v>11322</v>
      </c>
      <c r="B7552" t="s">
        <v>11324</v>
      </c>
      <c r="C7552">
        <v>2</v>
      </c>
      <c r="D7552">
        <v>0</v>
      </c>
    </row>
    <row r="7553" spans="1:4" x14ac:dyDescent="0.25">
      <c r="A7553" t="s">
        <v>11325</v>
      </c>
      <c r="B7553" t="s">
        <v>11326</v>
      </c>
      <c r="C7553">
        <v>1</v>
      </c>
      <c r="D7553">
        <v>0</v>
      </c>
    </row>
    <row r="7554" spans="1:4" x14ac:dyDescent="0.25">
      <c r="A7554" t="s">
        <v>11327</v>
      </c>
      <c r="B7554" t="s">
        <v>398</v>
      </c>
      <c r="C7554">
        <v>0</v>
      </c>
      <c r="D7554">
        <v>0</v>
      </c>
    </row>
    <row r="7555" spans="1:4" x14ac:dyDescent="0.25">
      <c r="A7555" t="s">
        <v>11328</v>
      </c>
      <c r="B7555" t="s">
        <v>11329</v>
      </c>
      <c r="C7555">
        <v>1</v>
      </c>
      <c r="D7555">
        <v>0</v>
      </c>
    </row>
    <row r="7556" spans="1:4" x14ac:dyDescent="0.25">
      <c r="A7556" t="s">
        <v>11328</v>
      </c>
      <c r="B7556" t="s">
        <v>11330</v>
      </c>
      <c r="C7556">
        <v>2</v>
      </c>
      <c r="D7556">
        <v>0</v>
      </c>
    </row>
    <row r="7557" spans="1:4" x14ac:dyDescent="0.25">
      <c r="A7557" t="s">
        <v>11328</v>
      </c>
      <c r="B7557" t="s">
        <v>11331</v>
      </c>
      <c r="C7557">
        <v>1</v>
      </c>
      <c r="D7557">
        <v>0</v>
      </c>
    </row>
    <row r="7558" spans="1:4" x14ac:dyDescent="0.25">
      <c r="A7558" t="s">
        <v>11332</v>
      </c>
      <c r="B7558" t="s">
        <v>11333</v>
      </c>
      <c r="C7558">
        <v>1</v>
      </c>
      <c r="D7558">
        <v>0</v>
      </c>
    </row>
    <row r="7559" spans="1:4" x14ac:dyDescent="0.25">
      <c r="A7559" t="s">
        <v>11332</v>
      </c>
      <c r="B7559" t="s">
        <v>11334</v>
      </c>
      <c r="C7559">
        <v>1</v>
      </c>
      <c r="D7559">
        <v>0</v>
      </c>
    </row>
    <row r="7560" spans="1:4" x14ac:dyDescent="0.25">
      <c r="A7560" t="s">
        <v>11332</v>
      </c>
      <c r="B7560" t="s">
        <v>11335</v>
      </c>
      <c r="C7560">
        <v>2</v>
      </c>
      <c r="D7560">
        <v>0</v>
      </c>
    </row>
    <row r="7561" spans="1:4" x14ac:dyDescent="0.25">
      <c r="A7561" t="s">
        <v>11336</v>
      </c>
      <c r="B7561" t="s">
        <v>11337</v>
      </c>
      <c r="C7561">
        <v>2</v>
      </c>
      <c r="D7561">
        <v>0</v>
      </c>
    </row>
    <row r="7562" spans="1:4" x14ac:dyDescent="0.25">
      <c r="A7562" t="s">
        <v>11336</v>
      </c>
      <c r="B7562" t="s">
        <v>11338</v>
      </c>
      <c r="C7562">
        <v>2</v>
      </c>
      <c r="D7562">
        <v>0</v>
      </c>
    </row>
    <row r="7563" spans="1:4" x14ac:dyDescent="0.25">
      <c r="A7563" t="s">
        <v>11339</v>
      </c>
      <c r="B7563" t="s">
        <v>11340</v>
      </c>
      <c r="C7563">
        <v>1</v>
      </c>
      <c r="D7563">
        <v>0</v>
      </c>
    </row>
    <row r="7564" spans="1:4" x14ac:dyDescent="0.25">
      <c r="A7564" t="s">
        <v>11339</v>
      </c>
      <c r="B7564" t="s">
        <v>11341</v>
      </c>
      <c r="C7564">
        <v>2</v>
      </c>
      <c r="D7564">
        <v>0</v>
      </c>
    </row>
    <row r="7565" spans="1:4" x14ac:dyDescent="0.25">
      <c r="A7565" t="s">
        <v>11339</v>
      </c>
      <c r="B7565" t="s">
        <v>11342</v>
      </c>
      <c r="C7565">
        <v>0</v>
      </c>
      <c r="D7565">
        <v>0</v>
      </c>
    </row>
    <row r="7566" spans="1:4" x14ac:dyDescent="0.25">
      <c r="A7566" t="s">
        <v>11343</v>
      </c>
      <c r="B7566" t="s">
        <v>11344</v>
      </c>
      <c r="C7566">
        <v>0</v>
      </c>
      <c r="D7566">
        <v>0</v>
      </c>
    </row>
    <row r="7567" spans="1:4" x14ac:dyDescent="0.25">
      <c r="A7567" t="s">
        <v>11345</v>
      </c>
      <c r="B7567" t="s">
        <v>11346</v>
      </c>
      <c r="C7567">
        <v>0</v>
      </c>
      <c r="D7567">
        <v>0</v>
      </c>
    </row>
    <row r="7568" spans="1:4" x14ac:dyDescent="0.25">
      <c r="A7568" t="s">
        <v>11345</v>
      </c>
      <c r="B7568" t="s">
        <v>11347</v>
      </c>
      <c r="C7568">
        <v>2</v>
      </c>
      <c r="D7568">
        <v>0</v>
      </c>
    </row>
    <row r="7569" spans="1:4" x14ac:dyDescent="0.25">
      <c r="A7569" t="s">
        <v>11345</v>
      </c>
      <c r="B7569" t="s">
        <v>11348</v>
      </c>
      <c r="C7569">
        <v>2</v>
      </c>
      <c r="D7569">
        <v>0</v>
      </c>
    </row>
    <row r="7570" spans="1:4" x14ac:dyDescent="0.25">
      <c r="A7570" t="s">
        <v>11349</v>
      </c>
      <c r="B7570" t="s">
        <v>11350</v>
      </c>
      <c r="C7570">
        <v>1</v>
      </c>
      <c r="D7570">
        <v>0</v>
      </c>
    </row>
    <row r="7571" spans="1:4" x14ac:dyDescent="0.25">
      <c r="A7571" t="s">
        <v>11351</v>
      </c>
      <c r="B7571" t="s">
        <v>11352</v>
      </c>
      <c r="C7571">
        <v>2</v>
      </c>
      <c r="D7571">
        <v>0</v>
      </c>
    </row>
    <row r="7572" spans="1:4" x14ac:dyDescent="0.25">
      <c r="A7572" t="s">
        <v>11353</v>
      </c>
      <c r="B7572" t="s">
        <v>11354</v>
      </c>
      <c r="C7572">
        <v>1</v>
      </c>
      <c r="D7572">
        <v>0</v>
      </c>
    </row>
    <row r="7573" spans="1:4" x14ac:dyDescent="0.25">
      <c r="A7573" t="s">
        <v>11353</v>
      </c>
      <c r="B7573" t="s">
        <v>11355</v>
      </c>
      <c r="C7573">
        <v>1</v>
      </c>
      <c r="D7573">
        <v>0</v>
      </c>
    </row>
    <row r="7574" spans="1:4" x14ac:dyDescent="0.25">
      <c r="A7574" t="s">
        <v>11353</v>
      </c>
      <c r="B7574" t="s">
        <v>11356</v>
      </c>
      <c r="C7574">
        <v>1</v>
      </c>
      <c r="D7574">
        <v>0</v>
      </c>
    </row>
    <row r="7575" spans="1:4" x14ac:dyDescent="0.25">
      <c r="A7575" t="s">
        <v>11357</v>
      </c>
      <c r="B7575" t="s">
        <v>11358</v>
      </c>
      <c r="C7575">
        <v>0</v>
      </c>
      <c r="D7575">
        <v>0</v>
      </c>
    </row>
    <row r="7576" spans="1:4" x14ac:dyDescent="0.25">
      <c r="A7576" t="s">
        <v>11359</v>
      </c>
      <c r="B7576" t="s">
        <v>11360</v>
      </c>
      <c r="C7576">
        <v>0</v>
      </c>
      <c r="D7576">
        <v>0</v>
      </c>
    </row>
    <row r="7577" spans="1:4" x14ac:dyDescent="0.25">
      <c r="A7577" t="s">
        <v>11361</v>
      </c>
      <c r="B7577" t="s">
        <v>11362</v>
      </c>
      <c r="C7577">
        <v>1</v>
      </c>
      <c r="D7577">
        <v>0</v>
      </c>
    </row>
    <row r="7578" spans="1:4" x14ac:dyDescent="0.25">
      <c r="A7578" t="s">
        <v>11363</v>
      </c>
      <c r="B7578" t="s">
        <v>11364</v>
      </c>
      <c r="C7578">
        <v>0</v>
      </c>
      <c r="D7578">
        <v>0</v>
      </c>
    </row>
    <row r="7579" spans="1:4" x14ac:dyDescent="0.25">
      <c r="A7579" t="s">
        <v>11365</v>
      </c>
      <c r="B7579" t="s">
        <v>1101</v>
      </c>
      <c r="C7579">
        <v>1</v>
      </c>
      <c r="D7579">
        <v>0</v>
      </c>
    </row>
    <row r="7580" spans="1:4" x14ac:dyDescent="0.25">
      <c r="A7580" t="s">
        <v>11366</v>
      </c>
      <c r="B7580" t="s">
        <v>11367</v>
      </c>
      <c r="C7580">
        <v>1</v>
      </c>
      <c r="D7580">
        <v>0</v>
      </c>
    </row>
    <row r="7581" spans="1:4" x14ac:dyDescent="0.25">
      <c r="A7581" t="s">
        <v>11368</v>
      </c>
      <c r="B7581" t="s">
        <v>11369</v>
      </c>
      <c r="C7581">
        <v>1</v>
      </c>
      <c r="D7581">
        <v>0</v>
      </c>
    </row>
    <row r="7582" spans="1:4" x14ac:dyDescent="0.25">
      <c r="A7582" t="s">
        <v>11370</v>
      </c>
      <c r="B7582" t="s">
        <v>11371</v>
      </c>
      <c r="C7582">
        <v>0</v>
      </c>
      <c r="D7582">
        <v>0</v>
      </c>
    </row>
    <row r="7583" spans="1:4" x14ac:dyDescent="0.25">
      <c r="A7583" t="s">
        <v>11370</v>
      </c>
      <c r="B7583" t="s">
        <v>11372</v>
      </c>
      <c r="C7583">
        <v>1</v>
      </c>
      <c r="D7583">
        <v>0</v>
      </c>
    </row>
    <row r="7584" spans="1:4" x14ac:dyDescent="0.25">
      <c r="A7584" t="s">
        <v>11373</v>
      </c>
      <c r="B7584" t="s">
        <v>11374</v>
      </c>
      <c r="C7584">
        <v>1</v>
      </c>
      <c r="D7584">
        <v>0</v>
      </c>
    </row>
    <row r="7585" spans="1:4" x14ac:dyDescent="0.25">
      <c r="A7585" t="s">
        <v>11373</v>
      </c>
      <c r="B7585" t="s">
        <v>11375</v>
      </c>
      <c r="C7585">
        <v>1</v>
      </c>
      <c r="D7585">
        <v>0</v>
      </c>
    </row>
    <row r="7586" spans="1:4" x14ac:dyDescent="0.25">
      <c r="A7586" t="s">
        <v>11373</v>
      </c>
      <c r="B7586" t="s">
        <v>11376</v>
      </c>
      <c r="C7586">
        <v>1</v>
      </c>
      <c r="D7586">
        <v>0</v>
      </c>
    </row>
    <row r="7587" spans="1:4" x14ac:dyDescent="0.25">
      <c r="A7587" t="s">
        <v>11377</v>
      </c>
      <c r="B7587" t="s">
        <v>11378</v>
      </c>
      <c r="C7587">
        <v>1</v>
      </c>
      <c r="D7587">
        <v>0</v>
      </c>
    </row>
    <row r="7588" spans="1:4" x14ac:dyDescent="0.25">
      <c r="A7588" t="s">
        <v>11377</v>
      </c>
      <c r="B7588" t="s">
        <v>5994</v>
      </c>
      <c r="C7588">
        <v>0</v>
      </c>
      <c r="D7588">
        <v>0</v>
      </c>
    </row>
    <row r="7589" spans="1:4" x14ac:dyDescent="0.25">
      <c r="A7589" t="s">
        <v>11379</v>
      </c>
      <c r="B7589" t="s">
        <v>11380</v>
      </c>
      <c r="C7589">
        <v>0</v>
      </c>
      <c r="D7589">
        <v>0</v>
      </c>
    </row>
    <row r="7590" spans="1:4" x14ac:dyDescent="0.25">
      <c r="A7590" t="s">
        <v>11379</v>
      </c>
      <c r="B7590" t="s">
        <v>11381</v>
      </c>
      <c r="C7590">
        <v>1</v>
      </c>
      <c r="D7590">
        <v>0</v>
      </c>
    </row>
    <row r="7591" spans="1:4" x14ac:dyDescent="0.25">
      <c r="A7591" t="s">
        <v>11379</v>
      </c>
      <c r="B7591" t="s">
        <v>11382</v>
      </c>
      <c r="C7591">
        <v>0</v>
      </c>
      <c r="D7591">
        <v>0</v>
      </c>
    </row>
    <row r="7592" spans="1:4" x14ac:dyDescent="0.25">
      <c r="A7592" t="s">
        <v>11383</v>
      </c>
      <c r="B7592" t="s">
        <v>11384</v>
      </c>
      <c r="C7592">
        <v>0</v>
      </c>
      <c r="D7592">
        <v>0</v>
      </c>
    </row>
    <row r="7593" spans="1:4" x14ac:dyDescent="0.25">
      <c r="A7593" t="s">
        <v>11385</v>
      </c>
      <c r="B7593" t="s">
        <v>11386</v>
      </c>
      <c r="C7593">
        <v>1</v>
      </c>
      <c r="D7593">
        <v>0</v>
      </c>
    </row>
    <row r="7594" spans="1:4" x14ac:dyDescent="0.25">
      <c r="A7594" t="s">
        <v>11387</v>
      </c>
      <c r="B7594" t="s">
        <v>11388</v>
      </c>
      <c r="C7594">
        <v>0</v>
      </c>
      <c r="D7594">
        <v>0</v>
      </c>
    </row>
    <row r="7595" spans="1:4" x14ac:dyDescent="0.25">
      <c r="A7595" t="s">
        <v>11389</v>
      </c>
      <c r="B7595" t="s">
        <v>11390</v>
      </c>
      <c r="C7595">
        <v>1</v>
      </c>
      <c r="D7595">
        <v>0</v>
      </c>
    </row>
    <row r="7596" spans="1:4" x14ac:dyDescent="0.25">
      <c r="A7596" t="s">
        <v>11391</v>
      </c>
      <c r="B7596" t="s">
        <v>852</v>
      </c>
      <c r="C7596">
        <v>0</v>
      </c>
      <c r="D7596">
        <v>0</v>
      </c>
    </row>
    <row r="7597" spans="1:4" x14ac:dyDescent="0.25">
      <c r="A7597" t="s">
        <v>11392</v>
      </c>
      <c r="B7597" t="s">
        <v>11393</v>
      </c>
      <c r="C7597">
        <v>2</v>
      </c>
      <c r="D7597">
        <v>0</v>
      </c>
    </row>
    <row r="7598" spans="1:4" x14ac:dyDescent="0.25">
      <c r="A7598" t="s">
        <v>11394</v>
      </c>
      <c r="B7598" t="s">
        <v>11395</v>
      </c>
      <c r="C7598">
        <v>1</v>
      </c>
      <c r="D7598">
        <v>0</v>
      </c>
    </row>
    <row r="7599" spans="1:4" x14ac:dyDescent="0.25">
      <c r="A7599" t="s">
        <v>11394</v>
      </c>
      <c r="B7599" t="s">
        <v>11396</v>
      </c>
      <c r="C7599">
        <v>0</v>
      </c>
      <c r="D7599">
        <v>0</v>
      </c>
    </row>
    <row r="7600" spans="1:4" x14ac:dyDescent="0.25">
      <c r="A7600" t="s">
        <v>11397</v>
      </c>
      <c r="B7600" t="s">
        <v>11398</v>
      </c>
      <c r="C7600">
        <v>1</v>
      </c>
      <c r="D7600">
        <v>0</v>
      </c>
    </row>
    <row r="7601" spans="1:4" x14ac:dyDescent="0.25">
      <c r="A7601" t="s">
        <v>11399</v>
      </c>
      <c r="B7601" t="s">
        <v>1294</v>
      </c>
      <c r="C7601">
        <v>1</v>
      </c>
      <c r="D7601">
        <v>0</v>
      </c>
    </row>
    <row r="7602" spans="1:4" x14ac:dyDescent="0.25">
      <c r="A7602" t="s">
        <v>11400</v>
      </c>
      <c r="B7602" t="s">
        <v>11401</v>
      </c>
      <c r="C7602">
        <v>1</v>
      </c>
      <c r="D7602">
        <v>0</v>
      </c>
    </row>
    <row r="7603" spans="1:4" x14ac:dyDescent="0.25">
      <c r="A7603" t="s">
        <v>11402</v>
      </c>
      <c r="B7603" t="s">
        <v>11403</v>
      </c>
      <c r="C7603">
        <v>2</v>
      </c>
      <c r="D7603">
        <v>0</v>
      </c>
    </row>
    <row r="7604" spans="1:4" x14ac:dyDescent="0.25">
      <c r="A7604" t="s">
        <v>11402</v>
      </c>
      <c r="B7604" t="s">
        <v>11404</v>
      </c>
      <c r="C7604">
        <v>2</v>
      </c>
      <c r="D7604">
        <v>0</v>
      </c>
    </row>
    <row r="7605" spans="1:4" x14ac:dyDescent="0.25">
      <c r="A7605" t="s">
        <v>11405</v>
      </c>
      <c r="B7605" t="s">
        <v>11406</v>
      </c>
      <c r="C7605">
        <v>0</v>
      </c>
      <c r="D7605">
        <v>0</v>
      </c>
    </row>
    <row r="7606" spans="1:4" x14ac:dyDescent="0.25">
      <c r="A7606" t="s">
        <v>11407</v>
      </c>
      <c r="B7606" t="s">
        <v>11408</v>
      </c>
      <c r="C7606">
        <v>0</v>
      </c>
      <c r="D7606">
        <v>0</v>
      </c>
    </row>
    <row r="7607" spans="1:4" x14ac:dyDescent="0.25">
      <c r="A7607" t="s">
        <v>11409</v>
      </c>
      <c r="B7607" t="s">
        <v>11410</v>
      </c>
      <c r="C7607">
        <v>0</v>
      </c>
      <c r="D7607">
        <v>0</v>
      </c>
    </row>
    <row r="7608" spans="1:4" x14ac:dyDescent="0.25">
      <c r="A7608" t="s">
        <v>11409</v>
      </c>
      <c r="B7608" t="s">
        <v>11411</v>
      </c>
      <c r="C7608">
        <v>2</v>
      </c>
      <c r="D7608">
        <v>0</v>
      </c>
    </row>
    <row r="7609" spans="1:4" x14ac:dyDescent="0.25">
      <c r="A7609" t="s">
        <v>11412</v>
      </c>
      <c r="B7609" t="s">
        <v>11413</v>
      </c>
      <c r="C7609">
        <v>1</v>
      </c>
      <c r="D7609">
        <v>0</v>
      </c>
    </row>
    <row r="7610" spans="1:4" x14ac:dyDescent="0.25">
      <c r="A7610" t="s">
        <v>11414</v>
      </c>
      <c r="B7610" t="s">
        <v>11415</v>
      </c>
      <c r="C7610">
        <v>0</v>
      </c>
      <c r="D7610">
        <v>0</v>
      </c>
    </row>
    <row r="7611" spans="1:4" x14ac:dyDescent="0.25">
      <c r="A7611" t="s">
        <v>11414</v>
      </c>
      <c r="B7611" t="s">
        <v>11416</v>
      </c>
      <c r="C7611">
        <v>1</v>
      </c>
      <c r="D7611">
        <v>0</v>
      </c>
    </row>
    <row r="7612" spans="1:4" x14ac:dyDescent="0.25">
      <c r="A7612" t="s">
        <v>11417</v>
      </c>
      <c r="B7612" t="s">
        <v>11418</v>
      </c>
      <c r="C7612">
        <v>0</v>
      </c>
      <c r="D7612">
        <v>0</v>
      </c>
    </row>
    <row r="7613" spans="1:4" x14ac:dyDescent="0.25">
      <c r="A7613" t="s">
        <v>11417</v>
      </c>
      <c r="B7613" t="s">
        <v>11419</v>
      </c>
      <c r="C7613">
        <v>1</v>
      </c>
      <c r="D7613">
        <v>0</v>
      </c>
    </row>
    <row r="7614" spans="1:4" x14ac:dyDescent="0.25">
      <c r="A7614" t="s">
        <v>11420</v>
      </c>
      <c r="B7614" t="s">
        <v>11421</v>
      </c>
      <c r="C7614">
        <v>2</v>
      </c>
      <c r="D7614">
        <v>0</v>
      </c>
    </row>
    <row r="7615" spans="1:4" x14ac:dyDescent="0.25">
      <c r="A7615" t="s">
        <v>11420</v>
      </c>
      <c r="B7615" t="s">
        <v>11422</v>
      </c>
      <c r="C7615">
        <v>2</v>
      </c>
      <c r="D7615">
        <v>0</v>
      </c>
    </row>
    <row r="7616" spans="1:4" x14ac:dyDescent="0.25">
      <c r="A7616" t="s">
        <v>11423</v>
      </c>
      <c r="B7616" t="s">
        <v>11424</v>
      </c>
      <c r="C7616">
        <v>2</v>
      </c>
      <c r="D7616">
        <v>0</v>
      </c>
    </row>
    <row r="7617" spans="1:4" x14ac:dyDescent="0.25">
      <c r="A7617" t="s">
        <v>11423</v>
      </c>
      <c r="B7617" t="s">
        <v>11425</v>
      </c>
      <c r="C7617">
        <v>0</v>
      </c>
      <c r="D7617">
        <v>0</v>
      </c>
    </row>
    <row r="7618" spans="1:4" x14ac:dyDescent="0.25">
      <c r="A7618" t="s">
        <v>11423</v>
      </c>
      <c r="B7618" t="s">
        <v>11426</v>
      </c>
      <c r="C7618">
        <v>0</v>
      </c>
      <c r="D7618">
        <v>0</v>
      </c>
    </row>
    <row r="7619" spans="1:4" x14ac:dyDescent="0.25">
      <c r="A7619" t="s">
        <v>11427</v>
      </c>
      <c r="B7619" t="s">
        <v>11428</v>
      </c>
      <c r="C7619">
        <v>1</v>
      </c>
      <c r="D7619">
        <v>0</v>
      </c>
    </row>
    <row r="7620" spans="1:4" x14ac:dyDescent="0.25">
      <c r="A7620" t="s">
        <v>11429</v>
      </c>
      <c r="B7620" t="s">
        <v>11430</v>
      </c>
      <c r="C7620">
        <v>1</v>
      </c>
      <c r="D7620">
        <v>0</v>
      </c>
    </row>
    <row r="7621" spans="1:4" x14ac:dyDescent="0.25">
      <c r="A7621" t="s">
        <v>11429</v>
      </c>
      <c r="B7621" t="s">
        <v>11431</v>
      </c>
      <c r="C7621">
        <v>0</v>
      </c>
      <c r="D7621">
        <v>0</v>
      </c>
    </row>
    <row r="7622" spans="1:4" x14ac:dyDescent="0.25">
      <c r="A7622" t="s">
        <v>11429</v>
      </c>
      <c r="B7622" t="s">
        <v>11432</v>
      </c>
      <c r="C7622">
        <v>1</v>
      </c>
      <c r="D7622">
        <v>0</v>
      </c>
    </row>
    <row r="7623" spans="1:4" x14ac:dyDescent="0.25">
      <c r="A7623" t="s">
        <v>11433</v>
      </c>
      <c r="B7623" t="s">
        <v>11434</v>
      </c>
      <c r="C7623">
        <v>2</v>
      </c>
      <c r="D7623">
        <v>0</v>
      </c>
    </row>
    <row r="7624" spans="1:4" x14ac:dyDescent="0.25">
      <c r="A7624" t="s">
        <v>11433</v>
      </c>
      <c r="B7624" t="s">
        <v>11435</v>
      </c>
      <c r="C7624">
        <v>2</v>
      </c>
      <c r="D7624">
        <v>0</v>
      </c>
    </row>
    <row r="7625" spans="1:4" x14ac:dyDescent="0.25">
      <c r="A7625" t="s">
        <v>11433</v>
      </c>
      <c r="B7625" t="s">
        <v>11436</v>
      </c>
      <c r="C7625">
        <v>2</v>
      </c>
      <c r="D7625">
        <v>0</v>
      </c>
    </row>
    <row r="7626" spans="1:4" x14ac:dyDescent="0.25">
      <c r="A7626" t="s">
        <v>11437</v>
      </c>
      <c r="B7626" t="s">
        <v>11438</v>
      </c>
      <c r="C7626">
        <v>2</v>
      </c>
      <c r="D7626">
        <v>0</v>
      </c>
    </row>
    <row r="7627" spans="1:4" x14ac:dyDescent="0.25">
      <c r="A7627" t="s">
        <v>11439</v>
      </c>
      <c r="B7627" t="s">
        <v>11440</v>
      </c>
      <c r="C7627">
        <v>0</v>
      </c>
      <c r="D7627">
        <v>0</v>
      </c>
    </row>
    <row r="7628" spans="1:4" x14ac:dyDescent="0.25">
      <c r="A7628" t="s">
        <v>11441</v>
      </c>
      <c r="B7628" t="s">
        <v>11442</v>
      </c>
      <c r="C7628">
        <v>0</v>
      </c>
      <c r="D7628">
        <v>0</v>
      </c>
    </row>
    <row r="7629" spans="1:4" x14ac:dyDescent="0.25">
      <c r="A7629" t="s">
        <v>11443</v>
      </c>
      <c r="B7629" t="s">
        <v>11444</v>
      </c>
      <c r="C7629">
        <v>1</v>
      </c>
      <c r="D7629">
        <v>0</v>
      </c>
    </row>
    <row r="7630" spans="1:4" x14ac:dyDescent="0.25">
      <c r="A7630" t="s">
        <v>11443</v>
      </c>
      <c r="B7630" t="s">
        <v>11445</v>
      </c>
      <c r="C7630">
        <v>1</v>
      </c>
      <c r="D7630">
        <v>0</v>
      </c>
    </row>
    <row r="7631" spans="1:4" x14ac:dyDescent="0.25">
      <c r="A7631" t="s">
        <v>11446</v>
      </c>
      <c r="B7631" t="s">
        <v>968</v>
      </c>
      <c r="C7631">
        <v>1</v>
      </c>
      <c r="D7631">
        <v>0</v>
      </c>
    </row>
    <row r="7632" spans="1:4" x14ac:dyDescent="0.25">
      <c r="A7632" t="s">
        <v>11447</v>
      </c>
      <c r="B7632" t="s">
        <v>11448</v>
      </c>
      <c r="C7632">
        <v>2</v>
      </c>
      <c r="D7632">
        <v>0</v>
      </c>
    </row>
    <row r="7633" spans="1:4" x14ac:dyDescent="0.25">
      <c r="A7633" t="s">
        <v>11447</v>
      </c>
      <c r="B7633" t="s">
        <v>11449</v>
      </c>
      <c r="C7633">
        <v>2</v>
      </c>
      <c r="D7633">
        <v>0</v>
      </c>
    </row>
    <row r="7634" spans="1:4" x14ac:dyDescent="0.25">
      <c r="A7634" t="s">
        <v>11447</v>
      </c>
      <c r="B7634" t="s">
        <v>11450</v>
      </c>
      <c r="C7634">
        <v>1</v>
      </c>
      <c r="D7634">
        <v>0</v>
      </c>
    </row>
    <row r="7635" spans="1:4" x14ac:dyDescent="0.25">
      <c r="A7635" t="s">
        <v>11451</v>
      </c>
      <c r="B7635" t="s">
        <v>11452</v>
      </c>
      <c r="C7635">
        <v>2</v>
      </c>
      <c r="D7635">
        <v>0</v>
      </c>
    </row>
    <row r="7636" spans="1:4" x14ac:dyDescent="0.25">
      <c r="A7636" t="s">
        <v>11451</v>
      </c>
      <c r="B7636" t="s">
        <v>11453</v>
      </c>
      <c r="C7636">
        <v>1</v>
      </c>
      <c r="D7636">
        <v>0</v>
      </c>
    </row>
    <row r="7637" spans="1:4" x14ac:dyDescent="0.25">
      <c r="A7637" t="s">
        <v>11451</v>
      </c>
      <c r="B7637" t="s">
        <v>11454</v>
      </c>
      <c r="C7637">
        <v>2</v>
      </c>
      <c r="D7637">
        <v>0</v>
      </c>
    </row>
    <row r="7638" spans="1:4" x14ac:dyDescent="0.25">
      <c r="A7638" t="s">
        <v>11455</v>
      </c>
      <c r="B7638" t="s">
        <v>11456</v>
      </c>
      <c r="C7638">
        <v>1</v>
      </c>
      <c r="D7638">
        <v>0</v>
      </c>
    </row>
    <row r="7639" spans="1:4" x14ac:dyDescent="0.25">
      <c r="A7639" t="s">
        <v>11457</v>
      </c>
      <c r="B7639" t="s">
        <v>1387</v>
      </c>
      <c r="C7639">
        <v>1</v>
      </c>
      <c r="D7639">
        <v>0</v>
      </c>
    </row>
    <row r="7640" spans="1:4" x14ac:dyDescent="0.25">
      <c r="A7640" t="s">
        <v>11457</v>
      </c>
      <c r="B7640" t="s">
        <v>11458</v>
      </c>
      <c r="C7640">
        <v>0</v>
      </c>
      <c r="D7640">
        <v>0</v>
      </c>
    </row>
    <row r="7641" spans="1:4" x14ac:dyDescent="0.25">
      <c r="A7641" t="s">
        <v>11459</v>
      </c>
      <c r="B7641" t="s">
        <v>11460</v>
      </c>
      <c r="C7641">
        <v>0</v>
      </c>
      <c r="D7641">
        <v>0</v>
      </c>
    </row>
    <row r="7642" spans="1:4" x14ac:dyDescent="0.25">
      <c r="A7642" t="s">
        <v>11461</v>
      </c>
      <c r="B7642" t="s">
        <v>11462</v>
      </c>
      <c r="C7642">
        <v>2</v>
      </c>
      <c r="D7642">
        <v>0</v>
      </c>
    </row>
    <row r="7643" spans="1:4" x14ac:dyDescent="0.25">
      <c r="A7643" t="s">
        <v>11463</v>
      </c>
      <c r="B7643" t="s">
        <v>11464</v>
      </c>
      <c r="C7643">
        <v>1</v>
      </c>
      <c r="D7643">
        <v>0</v>
      </c>
    </row>
    <row r="7644" spans="1:4" x14ac:dyDescent="0.25">
      <c r="A7644" t="s">
        <v>11465</v>
      </c>
      <c r="B7644" t="s">
        <v>11466</v>
      </c>
      <c r="C7644">
        <v>0</v>
      </c>
      <c r="D7644">
        <v>0</v>
      </c>
    </row>
    <row r="7645" spans="1:4" x14ac:dyDescent="0.25">
      <c r="A7645" t="s">
        <v>11467</v>
      </c>
      <c r="B7645" t="s">
        <v>11468</v>
      </c>
      <c r="C7645">
        <v>2</v>
      </c>
      <c r="D7645">
        <v>0</v>
      </c>
    </row>
    <row r="7646" spans="1:4" x14ac:dyDescent="0.25">
      <c r="A7646" t="s">
        <v>11469</v>
      </c>
      <c r="B7646" t="s">
        <v>1526</v>
      </c>
      <c r="C7646">
        <v>1</v>
      </c>
      <c r="D7646">
        <v>0</v>
      </c>
    </row>
    <row r="7647" spans="1:4" x14ac:dyDescent="0.25">
      <c r="A7647" t="s">
        <v>11470</v>
      </c>
      <c r="B7647" t="s">
        <v>1001</v>
      </c>
      <c r="C7647">
        <v>1</v>
      </c>
      <c r="D7647">
        <v>0</v>
      </c>
    </row>
    <row r="7648" spans="1:4" x14ac:dyDescent="0.25">
      <c r="A7648" t="s">
        <v>11471</v>
      </c>
      <c r="B7648" t="s">
        <v>11472</v>
      </c>
      <c r="C7648">
        <v>0</v>
      </c>
      <c r="D7648">
        <v>0</v>
      </c>
    </row>
    <row r="7649" spans="1:4" x14ac:dyDescent="0.25">
      <c r="A7649" t="s">
        <v>11471</v>
      </c>
      <c r="B7649" t="s">
        <v>11473</v>
      </c>
      <c r="C7649">
        <v>1</v>
      </c>
      <c r="D7649">
        <v>0</v>
      </c>
    </row>
    <row r="7650" spans="1:4" x14ac:dyDescent="0.25">
      <c r="A7650" t="s">
        <v>11471</v>
      </c>
      <c r="B7650" t="s">
        <v>11474</v>
      </c>
      <c r="C7650">
        <v>0</v>
      </c>
      <c r="D7650">
        <v>0</v>
      </c>
    </row>
    <row r="7651" spans="1:4" x14ac:dyDescent="0.25">
      <c r="A7651" t="s">
        <v>11475</v>
      </c>
      <c r="B7651" t="s">
        <v>11476</v>
      </c>
      <c r="C7651">
        <v>0</v>
      </c>
      <c r="D7651">
        <v>0</v>
      </c>
    </row>
    <row r="7652" spans="1:4" x14ac:dyDescent="0.25">
      <c r="A7652" t="s">
        <v>11475</v>
      </c>
      <c r="B7652" t="s">
        <v>11477</v>
      </c>
      <c r="C7652">
        <v>0</v>
      </c>
      <c r="D7652">
        <v>0</v>
      </c>
    </row>
    <row r="7653" spans="1:4" x14ac:dyDescent="0.25">
      <c r="A7653" t="s">
        <v>11478</v>
      </c>
      <c r="B7653" t="s">
        <v>11479</v>
      </c>
      <c r="C7653">
        <v>1</v>
      </c>
      <c r="D7653">
        <v>0</v>
      </c>
    </row>
    <row r="7654" spans="1:4" x14ac:dyDescent="0.25">
      <c r="A7654" t="s">
        <v>11478</v>
      </c>
      <c r="B7654" t="s">
        <v>11480</v>
      </c>
      <c r="C7654">
        <v>0</v>
      </c>
      <c r="D7654">
        <v>0</v>
      </c>
    </row>
    <row r="7655" spans="1:4" x14ac:dyDescent="0.25">
      <c r="A7655" t="s">
        <v>11478</v>
      </c>
      <c r="B7655" t="s">
        <v>11481</v>
      </c>
      <c r="C7655">
        <v>1</v>
      </c>
      <c r="D7655">
        <v>0</v>
      </c>
    </row>
    <row r="7656" spans="1:4" x14ac:dyDescent="0.25">
      <c r="A7656" t="s">
        <v>11482</v>
      </c>
      <c r="B7656" t="s">
        <v>11483</v>
      </c>
      <c r="C7656">
        <v>0</v>
      </c>
      <c r="D7656">
        <v>0</v>
      </c>
    </row>
    <row r="7657" spans="1:4" x14ac:dyDescent="0.25">
      <c r="A7657" t="s">
        <v>11482</v>
      </c>
      <c r="B7657" t="s">
        <v>11484</v>
      </c>
      <c r="C7657">
        <v>0</v>
      </c>
      <c r="D7657">
        <v>0</v>
      </c>
    </row>
    <row r="7658" spans="1:4" x14ac:dyDescent="0.25">
      <c r="A7658" t="s">
        <v>11485</v>
      </c>
      <c r="B7658" t="s">
        <v>11486</v>
      </c>
      <c r="C7658">
        <v>1</v>
      </c>
      <c r="D7658">
        <v>0</v>
      </c>
    </row>
    <row r="7659" spans="1:4" x14ac:dyDescent="0.25">
      <c r="A7659" t="s">
        <v>11487</v>
      </c>
      <c r="B7659" t="s">
        <v>11488</v>
      </c>
      <c r="C7659">
        <v>1</v>
      </c>
      <c r="D7659">
        <v>0</v>
      </c>
    </row>
    <row r="7660" spans="1:4" x14ac:dyDescent="0.25">
      <c r="A7660" t="s">
        <v>11489</v>
      </c>
      <c r="B7660" t="s">
        <v>11490</v>
      </c>
      <c r="C7660">
        <v>0</v>
      </c>
      <c r="D7660">
        <v>0</v>
      </c>
    </row>
    <row r="7661" spans="1:4" x14ac:dyDescent="0.25">
      <c r="A7661" t="s">
        <v>11491</v>
      </c>
      <c r="B7661" t="s">
        <v>11492</v>
      </c>
      <c r="C7661">
        <v>0</v>
      </c>
      <c r="D7661">
        <v>0</v>
      </c>
    </row>
    <row r="7662" spans="1:4" x14ac:dyDescent="0.25">
      <c r="A7662" t="s">
        <v>11491</v>
      </c>
      <c r="B7662" t="s">
        <v>11493</v>
      </c>
      <c r="C7662">
        <v>1</v>
      </c>
      <c r="D7662">
        <v>0</v>
      </c>
    </row>
    <row r="7663" spans="1:4" x14ac:dyDescent="0.25">
      <c r="A7663" t="s">
        <v>11494</v>
      </c>
      <c r="B7663" t="s">
        <v>11495</v>
      </c>
      <c r="C7663">
        <v>0</v>
      </c>
      <c r="D7663">
        <v>0</v>
      </c>
    </row>
    <row r="7664" spans="1:4" x14ac:dyDescent="0.25">
      <c r="A7664" t="s">
        <v>11496</v>
      </c>
      <c r="B7664" t="s">
        <v>11497</v>
      </c>
      <c r="C7664">
        <v>2</v>
      </c>
      <c r="D7664">
        <v>0</v>
      </c>
    </row>
    <row r="7665" spans="1:4" x14ac:dyDescent="0.25">
      <c r="A7665" t="s">
        <v>11496</v>
      </c>
      <c r="B7665" t="s">
        <v>11498</v>
      </c>
      <c r="C7665">
        <v>0</v>
      </c>
      <c r="D7665">
        <v>0</v>
      </c>
    </row>
    <row r="7666" spans="1:4" x14ac:dyDescent="0.25">
      <c r="A7666" t="s">
        <v>11496</v>
      </c>
      <c r="B7666" t="s">
        <v>11499</v>
      </c>
      <c r="C7666">
        <v>2</v>
      </c>
      <c r="D7666">
        <v>0</v>
      </c>
    </row>
    <row r="7667" spans="1:4" x14ac:dyDescent="0.25">
      <c r="A7667" t="s">
        <v>11500</v>
      </c>
      <c r="B7667" t="s">
        <v>11501</v>
      </c>
      <c r="C7667">
        <v>0</v>
      </c>
      <c r="D7667">
        <v>0</v>
      </c>
    </row>
    <row r="7668" spans="1:4" x14ac:dyDescent="0.25">
      <c r="A7668" t="s">
        <v>11502</v>
      </c>
      <c r="B7668" t="s">
        <v>1001</v>
      </c>
      <c r="C7668">
        <v>1</v>
      </c>
      <c r="D7668">
        <v>0</v>
      </c>
    </row>
    <row r="7669" spans="1:4" x14ac:dyDescent="0.25">
      <c r="A7669" t="s">
        <v>11502</v>
      </c>
      <c r="B7669" t="s">
        <v>11503</v>
      </c>
      <c r="C7669">
        <v>0</v>
      </c>
      <c r="D7669">
        <v>0</v>
      </c>
    </row>
    <row r="7670" spans="1:4" x14ac:dyDescent="0.25">
      <c r="A7670" t="s">
        <v>11504</v>
      </c>
      <c r="B7670" t="s">
        <v>11505</v>
      </c>
      <c r="C7670">
        <v>0</v>
      </c>
      <c r="D7670">
        <v>0</v>
      </c>
    </row>
    <row r="7671" spans="1:4" x14ac:dyDescent="0.25">
      <c r="A7671" t="s">
        <v>11504</v>
      </c>
      <c r="B7671" t="s">
        <v>11506</v>
      </c>
      <c r="C7671">
        <v>1</v>
      </c>
      <c r="D7671">
        <v>0</v>
      </c>
    </row>
    <row r="7672" spans="1:4" x14ac:dyDescent="0.25">
      <c r="A7672" t="s">
        <v>11507</v>
      </c>
      <c r="B7672" t="s">
        <v>11508</v>
      </c>
      <c r="C7672">
        <v>2</v>
      </c>
      <c r="D7672">
        <v>0</v>
      </c>
    </row>
    <row r="7673" spans="1:4" x14ac:dyDescent="0.25">
      <c r="A7673" t="s">
        <v>11507</v>
      </c>
      <c r="B7673" t="s">
        <v>11509</v>
      </c>
      <c r="C7673">
        <v>1</v>
      </c>
      <c r="D7673">
        <v>0</v>
      </c>
    </row>
    <row r="7674" spans="1:4" x14ac:dyDescent="0.25">
      <c r="A7674" t="s">
        <v>11510</v>
      </c>
      <c r="B7674" t="s">
        <v>1001</v>
      </c>
      <c r="C7674">
        <v>1</v>
      </c>
      <c r="D7674">
        <v>0</v>
      </c>
    </row>
    <row r="7675" spans="1:4" x14ac:dyDescent="0.25">
      <c r="A7675" t="s">
        <v>11511</v>
      </c>
      <c r="B7675" t="s">
        <v>11512</v>
      </c>
      <c r="C7675">
        <v>1</v>
      </c>
      <c r="D7675">
        <v>0</v>
      </c>
    </row>
    <row r="7676" spans="1:4" x14ac:dyDescent="0.25">
      <c r="A7676" t="s">
        <v>11511</v>
      </c>
      <c r="B7676" t="s">
        <v>11513</v>
      </c>
      <c r="C7676">
        <v>1</v>
      </c>
      <c r="D7676">
        <v>0</v>
      </c>
    </row>
    <row r="7677" spans="1:4" x14ac:dyDescent="0.25">
      <c r="A7677" t="s">
        <v>11514</v>
      </c>
      <c r="B7677" t="s">
        <v>11515</v>
      </c>
      <c r="C7677">
        <v>2</v>
      </c>
      <c r="D7677">
        <v>0</v>
      </c>
    </row>
    <row r="7678" spans="1:4" x14ac:dyDescent="0.25">
      <c r="A7678" t="s">
        <v>11514</v>
      </c>
      <c r="B7678" t="s">
        <v>11516</v>
      </c>
      <c r="C7678">
        <v>2</v>
      </c>
      <c r="D7678">
        <v>0</v>
      </c>
    </row>
    <row r="7679" spans="1:4" x14ac:dyDescent="0.25">
      <c r="A7679" t="s">
        <v>11517</v>
      </c>
      <c r="B7679" t="s">
        <v>11518</v>
      </c>
      <c r="C7679">
        <v>1</v>
      </c>
      <c r="D7679">
        <v>0</v>
      </c>
    </row>
    <row r="7680" spans="1:4" x14ac:dyDescent="0.25">
      <c r="A7680" t="s">
        <v>11519</v>
      </c>
      <c r="B7680" t="s">
        <v>11520</v>
      </c>
      <c r="C7680">
        <v>1</v>
      </c>
      <c r="D7680">
        <v>0</v>
      </c>
    </row>
    <row r="7681" spans="1:4" x14ac:dyDescent="0.25">
      <c r="A7681" t="s">
        <v>11521</v>
      </c>
      <c r="B7681" t="s">
        <v>11522</v>
      </c>
      <c r="C7681">
        <v>1</v>
      </c>
      <c r="D7681">
        <v>0</v>
      </c>
    </row>
    <row r="7682" spans="1:4" x14ac:dyDescent="0.25">
      <c r="A7682" t="s">
        <v>11523</v>
      </c>
      <c r="B7682" t="s">
        <v>11524</v>
      </c>
      <c r="C7682">
        <v>1</v>
      </c>
      <c r="D7682">
        <v>0</v>
      </c>
    </row>
    <row r="7683" spans="1:4" x14ac:dyDescent="0.25">
      <c r="A7683" t="s">
        <v>11523</v>
      </c>
      <c r="B7683" t="s">
        <v>11525</v>
      </c>
      <c r="C7683">
        <v>0</v>
      </c>
      <c r="D7683">
        <v>0</v>
      </c>
    </row>
    <row r="7684" spans="1:4" x14ac:dyDescent="0.25">
      <c r="A7684" t="s">
        <v>11526</v>
      </c>
      <c r="B7684" t="s">
        <v>843</v>
      </c>
      <c r="C7684">
        <v>1</v>
      </c>
      <c r="D7684">
        <v>0</v>
      </c>
    </row>
    <row r="7685" spans="1:4" x14ac:dyDescent="0.25">
      <c r="A7685" t="s">
        <v>11527</v>
      </c>
      <c r="B7685" t="s">
        <v>11528</v>
      </c>
      <c r="C7685">
        <v>0</v>
      </c>
      <c r="D7685">
        <v>0</v>
      </c>
    </row>
    <row r="7686" spans="1:4" x14ac:dyDescent="0.25">
      <c r="A7686" t="s">
        <v>11527</v>
      </c>
      <c r="B7686" t="s">
        <v>11529</v>
      </c>
      <c r="C7686">
        <v>0</v>
      </c>
      <c r="D7686">
        <v>0</v>
      </c>
    </row>
    <row r="7687" spans="1:4" x14ac:dyDescent="0.25">
      <c r="A7687" t="s">
        <v>11527</v>
      </c>
      <c r="B7687" t="s">
        <v>11530</v>
      </c>
      <c r="C7687">
        <v>2</v>
      </c>
      <c r="D7687">
        <v>0</v>
      </c>
    </row>
    <row r="7688" spans="1:4" x14ac:dyDescent="0.25">
      <c r="A7688" t="s">
        <v>11531</v>
      </c>
      <c r="B7688" t="s">
        <v>9112</v>
      </c>
      <c r="C7688">
        <v>1</v>
      </c>
      <c r="D7688">
        <v>0</v>
      </c>
    </row>
    <row r="7689" spans="1:4" x14ac:dyDescent="0.25">
      <c r="A7689" t="s">
        <v>11531</v>
      </c>
      <c r="B7689" t="s">
        <v>11532</v>
      </c>
      <c r="C7689">
        <v>0</v>
      </c>
      <c r="D7689">
        <v>0</v>
      </c>
    </row>
    <row r="7690" spans="1:4" x14ac:dyDescent="0.25">
      <c r="A7690" t="s">
        <v>11533</v>
      </c>
      <c r="B7690" t="s">
        <v>11534</v>
      </c>
      <c r="C7690">
        <v>1</v>
      </c>
      <c r="D7690">
        <v>0</v>
      </c>
    </row>
    <row r="7691" spans="1:4" x14ac:dyDescent="0.25">
      <c r="A7691" t="s">
        <v>11533</v>
      </c>
      <c r="B7691" t="s">
        <v>11535</v>
      </c>
      <c r="C7691">
        <v>1</v>
      </c>
      <c r="D7691">
        <v>0</v>
      </c>
    </row>
    <row r="7692" spans="1:4" x14ac:dyDescent="0.25">
      <c r="A7692" t="s">
        <v>11536</v>
      </c>
      <c r="B7692" t="s">
        <v>11537</v>
      </c>
      <c r="C7692">
        <v>0</v>
      </c>
      <c r="D7692">
        <v>0</v>
      </c>
    </row>
    <row r="7693" spans="1:4" x14ac:dyDescent="0.25">
      <c r="A7693" t="s">
        <v>11536</v>
      </c>
      <c r="B7693" t="s">
        <v>11538</v>
      </c>
      <c r="C7693">
        <v>1</v>
      </c>
      <c r="D7693">
        <v>0</v>
      </c>
    </row>
    <row r="7694" spans="1:4" x14ac:dyDescent="0.25">
      <c r="A7694" t="s">
        <v>11536</v>
      </c>
      <c r="B7694" t="s">
        <v>11539</v>
      </c>
      <c r="C7694">
        <v>1</v>
      </c>
      <c r="D7694">
        <v>0</v>
      </c>
    </row>
    <row r="7695" spans="1:4" x14ac:dyDescent="0.25">
      <c r="A7695" t="s">
        <v>11540</v>
      </c>
      <c r="B7695" t="s">
        <v>11541</v>
      </c>
      <c r="C7695">
        <v>2</v>
      </c>
      <c r="D7695">
        <v>0</v>
      </c>
    </row>
    <row r="7696" spans="1:4" x14ac:dyDescent="0.25">
      <c r="A7696" t="s">
        <v>11542</v>
      </c>
      <c r="B7696" t="s">
        <v>11543</v>
      </c>
      <c r="C7696">
        <v>1</v>
      </c>
      <c r="D7696">
        <v>0</v>
      </c>
    </row>
    <row r="7697" spans="1:4" x14ac:dyDescent="0.25">
      <c r="A7697" t="s">
        <v>11544</v>
      </c>
      <c r="B7697" t="s">
        <v>11545</v>
      </c>
      <c r="C7697">
        <v>1</v>
      </c>
      <c r="D7697">
        <v>0</v>
      </c>
    </row>
    <row r="7698" spans="1:4" x14ac:dyDescent="0.25">
      <c r="A7698" t="s">
        <v>11546</v>
      </c>
      <c r="B7698" t="s">
        <v>11547</v>
      </c>
      <c r="C7698">
        <v>1</v>
      </c>
      <c r="D7698">
        <v>0</v>
      </c>
    </row>
    <row r="7699" spans="1:4" x14ac:dyDescent="0.25">
      <c r="A7699" t="s">
        <v>11546</v>
      </c>
      <c r="B7699" t="s">
        <v>11548</v>
      </c>
      <c r="C7699">
        <v>0</v>
      </c>
      <c r="D7699">
        <v>0</v>
      </c>
    </row>
    <row r="7700" spans="1:4" x14ac:dyDescent="0.25">
      <c r="A7700" t="s">
        <v>11549</v>
      </c>
      <c r="B7700" t="s">
        <v>11550</v>
      </c>
      <c r="C7700">
        <v>1</v>
      </c>
      <c r="D7700">
        <v>0</v>
      </c>
    </row>
    <row r="7701" spans="1:4" x14ac:dyDescent="0.25">
      <c r="A7701" t="s">
        <v>11551</v>
      </c>
      <c r="B7701" t="s">
        <v>11552</v>
      </c>
      <c r="C7701">
        <v>0</v>
      </c>
      <c r="D7701">
        <v>0</v>
      </c>
    </row>
    <row r="7702" spans="1:4" x14ac:dyDescent="0.25">
      <c r="A7702" t="s">
        <v>11551</v>
      </c>
      <c r="B7702" t="s">
        <v>11553</v>
      </c>
      <c r="C7702">
        <v>0</v>
      </c>
      <c r="D7702">
        <v>0</v>
      </c>
    </row>
    <row r="7703" spans="1:4" x14ac:dyDescent="0.25">
      <c r="A7703" t="s">
        <v>11551</v>
      </c>
      <c r="B7703" t="s">
        <v>5047</v>
      </c>
      <c r="C7703">
        <v>0</v>
      </c>
      <c r="D7703">
        <v>0</v>
      </c>
    </row>
    <row r="7704" spans="1:4" x14ac:dyDescent="0.25">
      <c r="A7704" t="s">
        <v>11554</v>
      </c>
      <c r="B7704" t="s">
        <v>11555</v>
      </c>
      <c r="C7704">
        <v>1</v>
      </c>
      <c r="D7704">
        <v>0</v>
      </c>
    </row>
    <row r="7705" spans="1:4" x14ac:dyDescent="0.25">
      <c r="A7705" t="s">
        <v>11556</v>
      </c>
      <c r="B7705" t="s">
        <v>11557</v>
      </c>
      <c r="C7705">
        <v>1</v>
      </c>
      <c r="D7705">
        <v>0</v>
      </c>
    </row>
    <row r="7706" spans="1:4" x14ac:dyDescent="0.25">
      <c r="A7706" t="s">
        <v>11556</v>
      </c>
      <c r="B7706" t="s">
        <v>11558</v>
      </c>
      <c r="C7706">
        <v>0</v>
      </c>
      <c r="D7706">
        <v>0</v>
      </c>
    </row>
    <row r="7707" spans="1:4" x14ac:dyDescent="0.25">
      <c r="A7707" t="s">
        <v>11556</v>
      </c>
      <c r="B7707" t="s">
        <v>11559</v>
      </c>
      <c r="C7707">
        <v>0</v>
      </c>
      <c r="D7707">
        <v>0</v>
      </c>
    </row>
    <row r="7708" spans="1:4" x14ac:dyDescent="0.25">
      <c r="A7708" t="s">
        <v>11560</v>
      </c>
      <c r="B7708" t="s">
        <v>11561</v>
      </c>
      <c r="C7708">
        <v>2</v>
      </c>
      <c r="D7708">
        <v>0</v>
      </c>
    </row>
    <row r="7709" spans="1:4" x14ac:dyDescent="0.25">
      <c r="A7709" t="s">
        <v>11562</v>
      </c>
      <c r="B7709" t="s">
        <v>11563</v>
      </c>
      <c r="C7709">
        <v>1</v>
      </c>
      <c r="D7709">
        <v>0</v>
      </c>
    </row>
    <row r="7710" spans="1:4" x14ac:dyDescent="0.25">
      <c r="A7710" t="s">
        <v>11562</v>
      </c>
      <c r="B7710" t="s">
        <v>11564</v>
      </c>
      <c r="C7710">
        <v>1</v>
      </c>
      <c r="D7710">
        <v>0</v>
      </c>
    </row>
    <row r="7711" spans="1:4" x14ac:dyDescent="0.25">
      <c r="A7711" t="s">
        <v>11565</v>
      </c>
      <c r="B7711" t="s">
        <v>5713</v>
      </c>
      <c r="C7711">
        <v>1</v>
      </c>
      <c r="D7711">
        <v>0</v>
      </c>
    </row>
    <row r="7712" spans="1:4" x14ac:dyDescent="0.25">
      <c r="A7712" t="s">
        <v>11565</v>
      </c>
      <c r="B7712" t="s">
        <v>11566</v>
      </c>
      <c r="C7712">
        <v>2</v>
      </c>
      <c r="D7712">
        <v>0</v>
      </c>
    </row>
    <row r="7713" spans="1:4" x14ac:dyDescent="0.25">
      <c r="A7713" t="s">
        <v>11567</v>
      </c>
      <c r="B7713" t="s">
        <v>11568</v>
      </c>
      <c r="C7713">
        <v>2</v>
      </c>
      <c r="D7713">
        <v>0</v>
      </c>
    </row>
    <row r="7714" spans="1:4" x14ac:dyDescent="0.25">
      <c r="A7714" t="s">
        <v>11567</v>
      </c>
      <c r="B7714" t="s">
        <v>11569</v>
      </c>
      <c r="C7714">
        <v>0</v>
      </c>
      <c r="D7714">
        <v>0</v>
      </c>
    </row>
    <row r="7715" spans="1:4" x14ac:dyDescent="0.25">
      <c r="A7715" t="s">
        <v>11567</v>
      </c>
      <c r="B7715" t="s">
        <v>11570</v>
      </c>
      <c r="C7715">
        <v>0</v>
      </c>
      <c r="D7715">
        <v>0</v>
      </c>
    </row>
    <row r="7716" spans="1:4" x14ac:dyDescent="0.25">
      <c r="A7716" t="s">
        <v>11571</v>
      </c>
      <c r="B7716" t="s">
        <v>11572</v>
      </c>
      <c r="C7716">
        <v>1</v>
      </c>
      <c r="D7716">
        <v>0</v>
      </c>
    </row>
    <row r="7717" spans="1:4" x14ac:dyDescent="0.25">
      <c r="A7717" t="s">
        <v>11571</v>
      </c>
      <c r="B7717" t="s">
        <v>11573</v>
      </c>
      <c r="C7717">
        <v>1</v>
      </c>
      <c r="D7717">
        <v>0</v>
      </c>
    </row>
    <row r="7718" spans="1:4" x14ac:dyDescent="0.25">
      <c r="A7718" t="s">
        <v>11571</v>
      </c>
      <c r="B7718" t="s">
        <v>11574</v>
      </c>
      <c r="C7718">
        <v>0</v>
      </c>
      <c r="D7718">
        <v>0</v>
      </c>
    </row>
    <row r="7719" spans="1:4" x14ac:dyDescent="0.25">
      <c r="A7719" t="s">
        <v>11575</v>
      </c>
      <c r="B7719" t="s">
        <v>11576</v>
      </c>
      <c r="C7719">
        <v>0</v>
      </c>
      <c r="D7719">
        <v>0</v>
      </c>
    </row>
    <row r="7720" spans="1:4" x14ac:dyDescent="0.25">
      <c r="A7720" t="s">
        <v>11575</v>
      </c>
      <c r="B7720" t="s">
        <v>11577</v>
      </c>
      <c r="C7720">
        <v>0</v>
      </c>
      <c r="D7720">
        <v>0</v>
      </c>
    </row>
    <row r="7721" spans="1:4" x14ac:dyDescent="0.25">
      <c r="A7721" t="s">
        <v>11578</v>
      </c>
      <c r="B7721" t="s">
        <v>11579</v>
      </c>
      <c r="C7721">
        <v>1</v>
      </c>
      <c r="D7721">
        <v>0</v>
      </c>
    </row>
    <row r="7722" spans="1:4" x14ac:dyDescent="0.25">
      <c r="A7722" t="s">
        <v>11578</v>
      </c>
      <c r="B7722" t="s">
        <v>11580</v>
      </c>
      <c r="C7722">
        <v>1</v>
      </c>
      <c r="D7722">
        <v>0</v>
      </c>
    </row>
    <row r="7723" spans="1:4" x14ac:dyDescent="0.25">
      <c r="A7723" t="s">
        <v>11578</v>
      </c>
      <c r="B7723" t="s">
        <v>11581</v>
      </c>
      <c r="C7723">
        <v>1</v>
      </c>
      <c r="D7723">
        <v>0</v>
      </c>
    </row>
    <row r="7724" spans="1:4" x14ac:dyDescent="0.25">
      <c r="A7724" t="s">
        <v>11582</v>
      </c>
      <c r="B7724" t="s">
        <v>1401</v>
      </c>
      <c r="C7724">
        <v>0</v>
      </c>
      <c r="D7724">
        <v>0</v>
      </c>
    </row>
    <row r="7725" spans="1:4" x14ac:dyDescent="0.25">
      <c r="A7725" t="s">
        <v>11583</v>
      </c>
      <c r="B7725" t="s">
        <v>11584</v>
      </c>
      <c r="C7725">
        <v>1</v>
      </c>
      <c r="D7725">
        <v>0</v>
      </c>
    </row>
    <row r="7726" spans="1:4" x14ac:dyDescent="0.25">
      <c r="A7726" t="s">
        <v>11585</v>
      </c>
      <c r="B7726" t="s">
        <v>11586</v>
      </c>
      <c r="C7726">
        <v>1</v>
      </c>
      <c r="D7726">
        <v>0</v>
      </c>
    </row>
    <row r="7727" spans="1:4" x14ac:dyDescent="0.25">
      <c r="A7727" t="s">
        <v>11587</v>
      </c>
      <c r="B7727" t="s">
        <v>11588</v>
      </c>
      <c r="C7727">
        <v>0</v>
      </c>
      <c r="D7727">
        <v>0</v>
      </c>
    </row>
    <row r="7728" spans="1:4" x14ac:dyDescent="0.25">
      <c r="A7728" t="s">
        <v>11587</v>
      </c>
      <c r="B7728" t="s">
        <v>11589</v>
      </c>
      <c r="C7728">
        <v>0</v>
      </c>
      <c r="D7728">
        <v>0</v>
      </c>
    </row>
    <row r="7729" spans="1:4" x14ac:dyDescent="0.25">
      <c r="A7729" t="s">
        <v>11587</v>
      </c>
      <c r="B7729" t="s">
        <v>11590</v>
      </c>
      <c r="C7729">
        <v>0</v>
      </c>
      <c r="D7729">
        <v>0</v>
      </c>
    </row>
    <row r="7730" spans="1:4" x14ac:dyDescent="0.25">
      <c r="A7730" t="s">
        <v>11591</v>
      </c>
      <c r="B7730" t="s">
        <v>11592</v>
      </c>
      <c r="C7730">
        <v>0</v>
      </c>
      <c r="D7730">
        <v>0</v>
      </c>
    </row>
    <row r="7731" spans="1:4" x14ac:dyDescent="0.25">
      <c r="A7731" t="s">
        <v>11593</v>
      </c>
      <c r="B7731" t="s">
        <v>11594</v>
      </c>
      <c r="C7731">
        <v>1</v>
      </c>
      <c r="D7731">
        <v>0</v>
      </c>
    </row>
    <row r="7732" spans="1:4" x14ac:dyDescent="0.25">
      <c r="A7732" t="s">
        <v>11595</v>
      </c>
      <c r="B7732" t="s">
        <v>398</v>
      </c>
      <c r="C7732">
        <v>0</v>
      </c>
      <c r="D7732">
        <v>0</v>
      </c>
    </row>
    <row r="7733" spans="1:4" x14ac:dyDescent="0.25">
      <c r="A7733" t="s">
        <v>11596</v>
      </c>
      <c r="B7733" t="s">
        <v>11597</v>
      </c>
      <c r="C7733">
        <v>1</v>
      </c>
      <c r="D7733">
        <v>0</v>
      </c>
    </row>
    <row r="7734" spans="1:4" x14ac:dyDescent="0.25">
      <c r="A7734" t="s">
        <v>11596</v>
      </c>
      <c r="B7734" t="s">
        <v>11598</v>
      </c>
      <c r="C7734">
        <v>1</v>
      </c>
      <c r="D7734">
        <v>0</v>
      </c>
    </row>
    <row r="7735" spans="1:4" x14ac:dyDescent="0.25">
      <c r="A7735" t="s">
        <v>11599</v>
      </c>
      <c r="B7735" t="s">
        <v>852</v>
      </c>
      <c r="C7735">
        <v>0</v>
      </c>
      <c r="D7735">
        <v>0</v>
      </c>
    </row>
    <row r="7736" spans="1:4" x14ac:dyDescent="0.25">
      <c r="A7736" t="s">
        <v>11600</v>
      </c>
      <c r="B7736" t="s">
        <v>11601</v>
      </c>
      <c r="C7736">
        <v>1</v>
      </c>
      <c r="D7736">
        <v>0</v>
      </c>
    </row>
    <row r="7737" spans="1:4" x14ac:dyDescent="0.25">
      <c r="A7737" t="s">
        <v>11602</v>
      </c>
      <c r="B7737" t="s">
        <v>11603</v>
      </c>
      <c r="C7737">
        <v>0</v>
      </c>
      <c r="D7737">
        <v>0</v>
      </c>
    </row>
    <row r="7738" spans="1:4" x14ac:dyDescent="0.25">
      <c r="A7738" t="s">
        <v>11602</v>
      </c>
      <c r="B7738" t="s">
        <v>11604</v>
      </c>
      <c r="C7738">
        <v>0</v>
      </c>
      <c r="D7738">
        <v>0</v>
      </c>
    </row>
    <row r="7739" spans="1:4" x14ac:dyDescent="0.25">
      <c r="A7739" t="s">
        <v>11605</v>
      </c>
      <c r="B7739" t="s">
        <v>11606</v>
      </c>
      <c r="C7739">
        <v>0</v>
      </c>
      <c r="D7739">
        <v>0</v>
      </c>
    </row>
    <row r="7740" spans="1:4" x14ac:dyDescent="0.25">
      <c r="A7740" t="s">
        <v>11605</v>
      </c>
      <c r="B7740" t="s">
        <v>11607</v>
      </c>
      <c r="C7740">
        <v>2</v>
      </c>
      <c r="D7740">
        <v>0</v>
      </c>
    </row>
    <row r="7741" spans="1:4" x14ac:dyDescent="0.25">
      <c r="A7741" t="s">
        <v>11605</v>
      </c>
      <c r="B7741" t="s">
        <v>11608</v>
      </c>
      <c r="C7741">
        <v>2</v>
      </c>
      <c r="D7741">
        <v>0</v>
      </c>
    </row>
    <row r="7742" spans="1:4" x14ac:dyDescent="0.25">
      <c r="A7742" t="s">
        <v>11609</v>
      </c>
      <c r="B7742" t="s">
        <v>11610</v>
      </c>
      <c r="C7742">
        <v>1</v>
      </c>
      <c r="D7742">
        <v>0</v>
      </c>
    </row>
    <row r="7743" spans="1:4" x14ac:dyDescent="0.25">
      <c r="A7743" t="s">
        <v>11609</v>
      </c>
      <c r="B7743" t="s">
        <v>11611</v>
      </c>
      <c r="C7743">
        <v>1</v>
      </c>
      <c r="D7743">
        <v>0</v>
      </c>
    </row>
    <row r="7744" spans="1:4" x14ac:dyDescent="0.25">
      <c r="A7744" t="s">
        <v>11612</v>
      </c>
      <c r="B7744" t="s">
        <v>11613</v>
      </c>
      <c r="C7744">
        <v>0</v>
      </c>
      <c r="D7744">
        <v>0</v>
      </c>
    </row>
    <row r="7745" spans="1:4" x14ac:dyDescent="0.25">
      <c r="A7745" t="s">
        <v>11612</v>
      </c>
      <c r="B7745" t="s">
        <v>11614</v>
      </c>
      <c r="C7745">
        <v>1</v>
      </c>
      <c r="D7745">
        <v>0</v>
      </c>
    </row>
    <row r="7746" spans="1:4" x14ac:dyDescent="0.25">
      <c r="A7746" t="s">
        <v>11615</v>
      </c>
      <c r="B7746" t="s">
        <v>11616</v>
      </c>
      <c r="C7746">
        <v>1</v>
      </c>
      <c r="D7746">
        <v>0</v>
      </c>
    </row>
    <row r="7747" spans="1:4" x14ac:dyDescent="0.25">
      <c r="A7747" t="s">
        <v>11615</v>
      </c>
      <c r="B7747" t="s">
        <v>11617</v>
      </c>
      <c r="C7747">
        <v>1</v>
      </c>
      <c r="D7747">
        <v>0</v>
      </c>
    </row>
    <row r="7748" spans="1:4" x14ac:dyDescent="0.25">
      <c r="A7748" t="s">
        <v>11615</v>
      </c>
      <c r="B7748" t="s">
        <v>11618</v>
      </c>
      <c r="C7748">
        <v>1</v>
      </c>
      <c r="D7748">
        <v>0</v>
      </c>
    </row>
    <row r="7749" spans="1:4" x14ac:dyDescent="0.25">
      <c r="A7749" t="s">
        <v>11619</v>
      </c>
      <c r="B7749" t="s">
        <v>11620</v>
      </c>
      <c r="C7749">
        <v>1</v>
      </c>
      <c r="D7749">
        <v>0</v>
      </c>
    </row>
    <row r="7750" spans="1:4" x14ac:dyDescent="0.25">
      <c r="A7750" t="s">
        <v>11619</v>
      </c>
      <c r="B7750" t="s">
        <v>11621</v>
      </c>
      <c r="C7750">
        <v>1</v>
      </c>
      <c r="D7750">
        <v>0</v>
      </c>
    </row>
    <row r="7751" spans="1:4" x14ac:dyDescent="0.25">
      <c r="A7751" t="s">
        <v>11622</v>
      </c>
      <c r="B7751" t="s">
        <v>11623</v>
      </c>
      <c r="C7751">
        <v>1</v>
      </c>
      <c r="D7751">
        <v>0</v>
      </c>
    </row>
    <row r="7752" spans="1:4" x14ac:dyDescent="0.25">
      <c r="A7752" t="s">
        <v>11622</v>
      </c>
      <c r="B7752" t="s">
        <v>11624</v>
      </c>
      <c r="C7752">
        <v>2</v>
      </c>
      <c r="D7752">
        <v>0</v>
      </c>
    </row>
    <row r="7753" spans="1:4" x14ac:dyDescent="0.25">
      <c r="A7753" t="s">
        <v>11622</v>
      </c>
      <c r="B7753" t="s">
        <v>11625</v>
      </c>
      <c r="C7753">
        <v>0</v>
      </c>
      <c r="D7753">
        <v>0</v>
      </c>
    </row>
    <row r="7754" spans="1:4" x14ac:dyDescent="0.25">
      <c r="A7754" t="s">
        <v>11626</v>
      </c>
      <c r="B7754" t="s">
        <v>11627</v>
      </c>
      <c r="C7754">
        <v>0</v>
      </c>
      <c r="D7754">
        <v>0</v>
      </c>
    </row>
    <row r="7755" spans="1:4" x14ac:dyDescent="0.25">
      <c r="A7755" t="s">
        <v>11626</v>
      </c>
      <c r="B7755" t="s">
        <v>11628</v>
      </c>
      <c r="C7755">
        <v>0</v>
      </c>
      <c r="D7755">
        <v>0</v>
      </c>
    </row>
    <row r="7756" spans="1:4" x14ac:dyDescent="0.25">
      <c r="A7756" t="s">
        <v>11626</v>
      </c>
      <c r="B7756" t="s">
        <v>11629</v>
      </c>
      <c r="C7756">
        <v>1</v>
      </c>
      <c r="D7756">
        <v>0</v>
      </c>
    </row>
    <row r="7757" spans="1:4" x14ac:dyDescent="0.25">
      <c r="A7757" t="s">
        <v>11630</v>
      </c>
      <c r="B7757" t="s">
        <v>11631</v>
      </c>
      <c r="C7757">
        <v>0</v>
      </c>
      <c r="D7757">
        <v>0</v>
      </c>
    </row>
    <row r="7758" spans="1:4" x14ac:dyDescent="0.25">
      <c r="A7758" t="s">
        <v>11632</v>
      </c>
      <c r="B7758" t="s">
        <v>11633</v>
      </c>
      <c r="C7758">
        <v>1</v>
      </c>
      <c r="D7758">
        <v>0</v>
      </c>
    </row>
    <row r="7759" spans="1:4" x14ac:dyDescent="0.25">
      <c r="A7759" t="s">
        <v>11634</v>
      </c>
      <c r="B7759" t="s">
        <v>11635</v>
      </c>
      <c r="C7759">
        <v>2</v>
      </c>
      <c r="D7759">
        <v>0</v>
      </c>
    </row>
    <row r="7760" spans="1:4" x14ac:dyDescent="0.25">
      <c r="A7760" t="s">
        <v>11634</v>
      </c>
      <c r="B7760" t="s">
        <v>11636</v>
      </c>
      <c r="C7760">
        <v>2</v>
      </c>
      <c r="D7760">
        <v>0</v>
      </c>
    </row>
    <row r="7761" spans="1:4" x14ac:dyDescent="0.25">
      <c r="A7761" t="s">
        <v>11637</v>
      </c>
      <c r="B7761" t="s">
        <v>11638</v>
      </c>
      <c r="C7761">
        <v>0</v>
      </c>
      <c r="D7761">
        <v>0</v>
      </c>
    </row>
    <row r="7762" spans="1:4" x14ac:dyDescent="0.25">
      <c r="A7762" t="s">
        <v>11639</v>
      </c>
      <c r="B7762" t="s">
        <v>11640</v>
      </c>
      <c r="C7762">
        <v>0</v>
      </c>
      <c r="D7762">
        <v>0</v>
      </c>
    </row>
    <row r="7763" spans="1:4" x14ac:dyDescent="0.25">
      <c r="A7763" t="s">
        <v>11639</v>
      </c>
      <c r="B7763" t="s">
        <v>11641</v>
      </c>
      <c r="C7763">
        <v>1</v>
      </c>
      <c r="D7763">
        <v>0</v>
      </c>
    </row>
    <row r="7764" spans="1:4" x14ac:dyDescent="0.25">
      <c r="A7764" t="s">
        <v>11642</v>
      </c>
      <c r="B7764" t="s">
        <v>11643</v>
      </c>
      <c r="C7764">
        <v>0</v>
      </c>
      <c r="D7764">
        <v>0</v>
      </c>
    </row>
    <row r="7765" spans="1:4" x14ac:dyDescent="0.25">
      <c r="A7765" t="s">
        <v>11642</v>
      </c>
      <c r="B7765" t="s">
        <v>11644</v>
      </c>
      <c r="C7765">
        <v>0</v>
      </c>
      <c r="D7765">
        <v>0</v>
      </c>
    </row>
    <row r="7766" spans="1:4" x14ac:dyDescent="0.25">
      <c r="A7766" t="s">
        <v>11645</v>
      </c>
      <c r="B7766" t="s">
        <v>11646</v>
      </c>
      <c r="C7766">
        <v>0</v>
      </c>
      <c r="D7766">
        <v>0</v>
      </c>
    </row>
    <row r="7767" spans="1:4" x14ac:dyDescent="0.25">
      <c r="A7767" t="s">
        <v>11647</v>
      </c>
      <c r="B7767" t="s">
        <v>11648</v>
      </c>
      <c r="C7767">
        <v>0</v>
      </c>
      <c r="D7767">
        <v>0</v>
      </c>
    </row>
    <row r="7768" spans="1:4" x14ac:dyDescent="0.25">
      <c r="A7768" t="s">
        <v>11647</v>
      </c>
      <c r="B7768" t="s">
        <v>11649</v>
      </c>
      <c r="C7768">
        <v>1</v>
      </c>
      <c r="D7768">
        <v>0</v>
      </c>
    </row>
    <row r="7769" spans="1:4" x14ac:dyDescent="0.25">
      <c r="A7769" t="s">
        <v>11647</v>
      </c>
      <c r="B7769" t="s">
        <v>11650</v>
      </c>
      <c r="C7769">
        <v>2</v>
      </c>
      <c r="D7769">
        <v>0</v>
      </c>
    </row>
    <row r="7770" spans="1:4" x14ac:dyDescent="0.25">
      <c r="A7770" t="s">
        <v>11651</v>
      </c>
      <c r="B7770" t="s">
        <v>11652</v>
      </c>
      <c r="C7770">
        <v>1</v>
      </c>
      <c r="D7770">
        <v>0</v>
      </c>
    </row>
    <row r="7771" spans="1:4" x14ac:dyDescent="0.25">
      <c r="A7771" t="s">
        <v>11651</v>
      </c>
      <c r="B7771" t="s">
        <v>11653</v>
      </c>
      <c r="C7771">
        <v>1</v>
      </c>
      <c r="D7771">
        <v>0</v>
      </c>
    </row>
    <row r="7772" spans="1:4" x14ac:dyDescent="0.25">
      <c r="A7772" t="s">
        <v>11654</v>
      </c>
      <c r="B7772" t="s">
        <v>11655</v>
      </c>
      <c r="C7772">
        <v>0</v>
      </c>
      <c r="D7772">
        <v>0</v>
      </c>
    </row>
    <row r="7773" spans="1:4" x14ac:dyDescent="0.25">
      <c r="A7773" t="s">
        <v>11656</v>
      </c>
      <c r="B7773" t="s">
        <v>11657</v>
      </c>
      <c r="C7773">
        <v>1</v>
      </c>
      <c r="D7773">
        <v>0</v>
      </c>
    </row>
    <row r="7774" spans="1:4" x14ac:dyDescent="0.25">
      <c r="A7774" t="s">
        <v>11656</v>
      </c>
      <c r="B7774" t="s">
        <v>11658</v>
      </c>
      <c r="C7774">
        <v>1</v>
      </c>
      <c r="D7774">
        <v>0</v>
      </c>
    </row>
    <row r="7775" spans="1:4" x14ac:dyDescent="0.25">
      <c r="A7775" t="s">
        <v>11656</v>
      </c>
      <c r="B7775" t="s">
        <v>11659</v>
      </c>
      <c r="C7775">
        <v>1</v>
      </c>
      <c r="D7775">
        <v>0</v>
      </c>
    </row>
    <row r="7776" spans="1:4" x14ac:dyDescent="0.25">
      <c r="A7776" t="s">
        <v>11660</v>
      </c>
      <c r="B7776" t="s">
        <v>11661</v>
      </c>
      <c r="C7776">
        <v>1</v>
      </c>
      <c r="D7776">
        <v>0</v>
      </c>
    </row>
    <row r="7777" spans="1:4" x14ac:dyDescent="0.25">
      <c r="A7777" t="s">
        <v>11660</v>
      </c>
      <c r="B7777" t="s">
        <v>11662</v>
      </c>
      <c r="C7777">
        <v>0</v>
      </c>
      <c r="D7777">
        <v>0</v>
      </c>
    </row>
    <row r="7778" spans="1:4" x14ac:dyDescent="0.25">
      <c r="A7778" t="s">
        <v>11660</v>
      </c>
      <c r="B7778" t="s">
        <v>11663</v>
      </c>
      <c r="C7778">
        <v>2</v>
      </c>
      <c r="D7778">
        <v>0</v>
      </c>
    </row>
    <row r="7779" spans="1:4" x14ac:dyDescent="0.25">
      <c r="A7779" t="s">
        <v>11664</v>
      </c>
      <c r="B7779" t="s">
        <v>11665</v>
      </c>
      <c r="C7779">
        <v>0</v>
      </c>
      <c r="D7779">
        <v>0</v>
      </c>
    </row>
    <row r="7780" spans="1:4" x14ac:dyDescent="0.25">
      <c r="A7780" t="s">
        <v>11666</v>
      </c>
      <c r="B7780" t="s">
        <v>11667</v>
      </c>
      <c r="C7780">
        <v>0</v>
      </c>
      <c r="D7780">
        <v>0</v>
      </c>
    </row>
    <row r="7781" spans="1:4" x14ac:dyDescent="0.25">
      <c r="A7781" t="s">
        <v>11668</v>
      </c>
      <c r="B7781" t="s">
        <v>4216</v>
      </c>
      <c r="C7781">
        <v>0</v>
      </c>
      <c r="D7781">
        <v>0</v>
      </c>
    </row>
    <row r="7782" spans="1:4" x14ac:dyDescent="0.25">
      <c r="A7782" t="s">
        <v>11669</v>
      </c>
      <c r="B7782" t="s">
        <v>11670</v>
      </c>
      <c r="C7782">
        <v>0</v>
      </c>
      <c r="D7782">
        <v>0</v>
      </c>
    </row>
    <row r="7783" spans="1:4" x14ac:dyDescent="0.25">
      <c r="A7783" t="s">
        <v>11671</v>
      </c>
      <c r="B7783" t="s">
        <v>11672</v>
      </c>
      <c r="C7783">
        <v>2</v>
      </c>
      <c r="D7783">
        <v>0</v>
      </c>
    </row>
    <row r="7784" spans="1:4" x14ac:dyDescent="0.25">
      <c r="A7784" t="s">
        <v>11671</v>
      </c>
      <c r="B7784" t="s">
        <v>11673</v>
      </c>
      <c r="C7784">
        <v>0</v>
      </c>
      <c r="D7784">
        <v>0</v>
      </c>
    </row>
    <row r="7785" spans="1:4" x14ac:dyDescent="0.25">
      <c r="A7785" t="s">
        <v>11674</v>
      </c>
      <c r="B7785" t="s">
        <v>969</v>
      </c>
      <c r="C7785">
        <v>0</v>
      </c>
      <c r="D7785">
        <v>0</v>
      </c>
    </row>
    <row r="7786" spans="1:4" x14ac:dyDescent="0.25">
      <c r="A7786" t="s">
        <v>11675</v>
      </c>
      <c r="B7786" t="s">
        <v>11676</v>
      </c>
      <c r="C7786">
        <v>0</v>
      </c>
      <c r="D7786">
        <v>0</v>
      </c>
    </row>
    <row r="7787" spans="1:4" x14ac:dyDescent="0.25">
      <c r="A7787" t="s">
        <v>11675</v>
      </c>
      <c r="B7787" t="s">
        <v>11677</v>
      </c>
      <c r="C7787">
        <v>1</v>
      </c>
      <c r="D7787">
        <v>0</v>
      </c>
    </row>
    <row r="7788" spans="1:4" x14ac:dyDescent="0.25">
      <c r="A7788" t="s">
        <v>11678</v>
      </c>
      <c r="B7788" t="s">
        <v>11679</v>
      </c>
      <c r="C7788">
        <v>0</v>
      </c>
      <c r="D7788">
        <v>0</v>
      </c>
    </row>
    <row r="7789" spans="1:4" x14ac:dyDescent="0.25">
      <c r="A7789" t="s">
        <v>11680</v>
      </c>
      <c r="B7789" t="s">
        <v>11681</v>
      </c>
      <c r="C7789">
        <v>0</v>
      </c>
      <c r="D7789">
        <v>0</v>
      </c>
    </row>
    <row r="7790" spans="1:4" x14ac:dyDescent="0.25">
      <c r="A7790" t="s">
        <v>11680</v>
      </c>
      <c r="B7790" t="s">
        <v>11682</v>
      </c>
      <c r="C7790">
        <v>0</v>
      </c>
      <c r="D7790">
        <v>0</v>
      </c>
    </row>
    <row r="7791" spans="1:4" x14ac:dyDescent="0.25">
      <c r="A7791" t="s">
        <v>11683</v>
      </c>
      <c r="B7791" t="s">
        <v>11684</v>
      </c>
      <c r="C7791">
        <v>0</v>
      </c>
      <c r="D7791">
        <v>0</v>
      </c>
    </row>
    <row r="7792" spans="1:4" x14ac:dyDescent="0.25">
      <c r="A7792" t="s">
        <v>11683</v>
      </c>
      <c r="B7792" t="s">
        <v>11685</v>
      </c>
      <c r="C7792">
        <v>1</v>
      </c>
      <c r="D7792">
        <v>0</v>
      </c>
    </row>
    <row r="7793" spans="1:4" x14ac:dyDescent="0.25">
      <c r="A7793" t="s">
        <v>11686</v>
      </c>
      <c r="B7793" t="s">
        <v>11687</v>
      </c>
      <c r="C7793">
        <v>0</v>
      </c>
      <c r="D7793">
        <v>0</v>
      </c>
    </row>
    <row r="7794" spans="1:4" x14ac:dyDescent="0.25">
      <c r="A7794" t="s">
        <v>11686</v>
      </c>
      <c r="B7794" t="s">
        <v>11688</v>
      </c>
      <c r="C7794">
        <v>0</v>
      </c>
      <c r="D7794">
        <v>0</v>
      </c>
    </row>
    <row r="7795" spans="1:4" x14ac:dyDescent="0.25">
      <c r="A7795" t="s">
        <v>11686</v>
      </c>
      <c r="B7795" t="s">
        <v>11689</v>
      </c>
      <c r="C7795">
        <v>0</v>
      </c>
      <c r="D7795">
        <v>0</v>
      </c>
    </row>
    <row r="7796" spans="1:4" x14ac:dyDescent="0.25">
      <c r="A7796" t="s">
        <v>11690</v>
      </c>
      <c r="B7796" t="s">
        <v>11691</v>
      </c>
      <c r="C7796">
        <v>2</v>
      </c>
      <c r="D7796">
        <v>0</v>
      </c>
    </row>
    <row r="7797" spans="1:4" x14ac:dyDescent="0.25">
      <c r="A7797" t="s">
        <v>11692</v>
      </c>
      <c r="B7797" t="s">
        <v>2061</v>
      </c>
      <c r="C7797">
        <v>0</v>
      </c>
      <c r="D7797">
        <v>0</v>
      </c>
    </row>
    <row r="7798" spans="1:4" x14ac:dyDescent="0.25">
      <c r="A7798" t="s">
        <v>11692</v>
      </c>
      <c r="B7798" t="s">
        <v>11693</v>
      </c>
      <c r="C7798">
        <v>2</v>
      </c>
      <c r="D7798">
        <v>0</v>
      </c>
    </row>
    <row r="7799" spans="1:4" x14ac:dyDescent="0.25">
      <c r="A7799" t="s">
        <v>11692</v>
      </c>
      <c r="B7799" t="s">
        <v>11694</v>
      </c>
      <c r="C7799">
        <v>0</v>
      </c>
      <c r="D7799">
        <v>0</v>
      </c>
    </row>
    <row r="7800" spans="1:4" x14ac:dyDescent="0.25">
      <c r="A7800" t="s">
        <v>11695</v>
      </c>
      <c r="B7800" t="s">
        <v>11696</v>
      </c>
      <c r="C7800">
        <v>1</v>
      </c>
      <c r="D7800">
        <v>0</v>
      </c>
    </row>
    <row r="7801" spans="1:4" x14ac:dyDescent="0.25">
      <c r="A7801" t="s">
        <v>11697</v>
      </c>
      <c r="B7801" t="s">
        <v>11698</v>
      </c>
      <c r="C7801">
        <v>0</v>
      </c>
      <c r="D7801">
        <v>0</v>
      </c>
    </row>
    <row r="7802" spans="1:4" x14ac:dyDescent="0.25">
      <c r="A7802" t="s">
        <v>11697</v>
      </c>
      <c r="B7802" t="s">
        <v>11699</v>
      </c>
      <c r="C7802">
        <v>0</v>
      </c>
      <c r="D7802">
        <v>0</v>
      </c>
    </row>
    <row r="7803" spans="1:4" x14ac:dyDescent="0.25">
      <c r="A7803" t="s">
        <v>11697</v>
      </c>
      <c r="B7803" t="s">
        <v>11700</v>
      </c>
      <c r="C7803">
        <v>2</v>
      </c>
      <c r="D7803">
        <v>0</v>
      </c>
    </row>
    <row r="7804" spans="1:4" x14ac:dyDescent="0.25">
      <c r="A7804" t="s">
        <v>11701</v>
      </c>
      <c r="B7804" t="s">
        <v>11702</v>
      </c>
      <c r="C7804">
        <v>2</v>
      </c>
      <c r="D7804">
        <v>0</v>
      </c>
    </row>
    <row r="7805" spans="1:4" x14ac:dyDescent="0.25">
      <c r="A7805" t="s">
        <v>11703</v>
      </c>
      <c r="B7805" t="s">
        <v>11704</v>
      </c>
      <c r="C7805">
        <v>0</v>
      </c>
      <c r="D7805">
        <v>0</v>
      </c>
    </row>
    <row r="7806" spans="1:4" x14ac:dyDescent="0.25">
      <c r="A7806" t="s">
        <v>11705</v>
      </c>
      <c r="B7806" t="s">
        <v>11706</v>
      </c>
      <c r="C7806">
        <v>1</v>
      </c>
      <c r="D7806">
        <v>0</v>
      </c>
    </row>
    <row r="7807" spans="1:4" x14ac:dyDescent="0.25">
      <c r="A7807" t="s">
        <v>11705</v>
      </c>
      <c r="B7807" t="s">
        <v>11707</v>
      </c>
      <c r="C7807">
        <v>0</v>
      </c>
      <c r="D7807">
        <v>0</v>
      </c>
    </row>
    <row r="7808" spans="1:4" x14ac:dyDescent="0.25">
      <c r="A7808" t="s">
        <v>11705</v>
      </c>
      <c r="B7808" t="s">
        <v>11708</v>
      </c>
      <c r="C7808">
        <v>1</v>
      </c>
      <c r="D7808">
        <v>0</v>
      </c>
    </row>
    <row r="7809" spans="1:4" x14ac:dyDescent="0.25">
      <c r="A7809" t="s">
        <v>11709</v>
      </c>
      <c r="B7809" t="s">
        <v>1763</v>
      </c>
      <c r="C7809">
        <v>1</v>
      </c>
      <c r="D7809">
        <v>0</v>
      </c>
    </row>
    <row r="7810" spans="1:4" x14ac:dyDescent="0.25">
      <c r="A7810" t="s">
        <v>11710</v>
      </c>
      <c r="B7810" t="s">
        <v>11711</v>
      </c>
      <c r="C7810">
        <v>1</v>
      </c>
      <c r="D7810">
        <v>0</v>
      </c>
    </row>
    <row r="7811" spans="1:4" x14ac:dyDescent="0.25">
      <c r="A7811" t="s">
        <v>11712</v>
      </c>
      <c r="B7811" t="s">
        <v>11713</v>
      </c>
      <c r="C7811">
        <v>1</v>
      </c>
      <c r="D7811">
        <v>0</v>
      </c>
    </row>
    <row r="7812" spans="1:4" x14ac:dyDescent="0.25">
      <c r="A7812" t="s">
        <v>11712</v>
      </c>
      <c r="B7812" t="s">
        <v>11714</v>
      </c>
      <c r="C7812">
        <v>1</v>
      </c>
      <c r="D7812">
        <v>0</v>
      </c>
    </row>
    <row r="7813" spans="1:4" x14ac:dyDescent="0.25">
      <c r="A7813" t="s">
        <v>11715</v>
      </c>
      <c r="B7813" t="s">
        <v>11716</v>
      </c>
      <c r="C7813">
        <v>0</v>
      </c>
      <c r="D7813">
        <v>0</v>
      </c>
    </row>
    <row r="7814" spans="1:4" x14ac:dyDescent="0.25">
      <c r="A7814" t="s">
        <v>11715</v>
      </c>
      <c r="B7814" t="s">
        <v>11717</v>
      </c>
      <c r="C7814">
        <v>2</v>
      </c>
      <c r="D7814">
        <v>0</v>
      </c>
    </row>
    <row r="7815" spans="1:4" x14ac:dyDescent="0.25">
      <c r="A7815" t="s">
        <v>11718</v>
      </c>
      <c r="B7815" t="s">
        <v>11719</v>
      </c>
      <c r="C7815">
        <v>1</v>
      </c>
      <c r="D7815">
        <v>0</v>
      </c>
    </row>
    <row r="7816" spans="1:4" x14ac:dyDescent="0.25">
      <c r="A7816" t="s">
        <v>11718</v>
      </c>
      <c r="B7816" t="s">
        <v>11720</v>
      </c>
      <c r="C7816">
        <v>1</v>
      </c>
      <c r="D7816">
        <v>0</v>
      </c>
    </row>
    <row r="7817" spans="1:4" x14ac:dyDescent="0.25">
      <c r="A7817" t="s">
        <v>11721</v>
      </c>
      <c r="B7817" t="s">
        <v>11722</v>
      </c>
      <c r="C7817">
        <v>0</v>
      </c>
      <c r="D7817">
        <v>0</v>
      </c>
    </row>
    <row r="7818" spans="1:4" x14ac:dyDescent="0.25">
      <c r="A7818" t="s">
        <v>11721</v>
      </c>
      <c r="B7818" t="s">
        <v>969</v>
      </c>
      <c r="C7818">
        <v>0</v>
      </c>
      <c r="D7818">
        <v>0</v>
      </c>
    </row>
    <row r="7819" spans="1:4" x14ac:dyDescent="0.25">
      <c r="A7819" t="s">
        <v>11723</v>
      </c>
      <c r="B7819" t="s">
        <v>1499</v>
      </c>
      <c r="C7819">
        <v>1</v>
      </c>
      <c r="D7819">
        <v>0</v>
      </c>
    </row>
    <row r="7820" spans="1:4" x14ac:dyDescent="0.25">
      <c r="A7820" t="s">
        <v>11724</v>
      </c>
      <c r="B7820" t="s">
        <v>11725</v>
      </c>
      <c r="C7820">
        <v>1</v>
      </c>
      <c r="D7820">
        <v>0</v>
      </c>
    </row>
    <row r="7821" spans="1:4" x14ac:dyDescent="0.25">
      <c r="A7821" t="s">
        <v>11724</v>
      </c>
      <c r="B7821" t="s">
        <v>11726</v>
      </c>
      <c r="C7821">
        <v>1</v>
      </c>
      <c r="D7821">
        <v>0</v>
      </c>
    </row>
    <row r="7822" spans="1:4" x14ac:dyDescent="0.25">
      <c r="A7822" t="s">
        <v>11727</v>
      </c>
      <c r="B7822" t="s">
        <v>11728</v>
      </c>
      <c r="C7822">
        <v>1</v>
      </c>
      <c r="D7822">
        <v>0</v>
      </c>
    </row>
    <row r="7823" spans="1:4" x14ac:dyDescent="0.25">
      <c r="A7823" t="s">
        <v>11729</v>
      </c>
      <c r="B7823" t="s">
        <v>398</v>
      </c>
      <c r="C7823">
        <v>0</v>
      </c>
      <c r="D7823">
        <v>0</v>
      </c>
    </row>
    <row r="7824" spans="1:4" x14ac:dyDescent="0.25">
      <c r="A7824" t="s">
        <v>11729</v>
      </c>
      <c r="B7824" t="s">
        <v>843</v>
      </c>
      <c r="C7824">
        <v>1</v>
      </c>
      <c r="D7824">
        <v>0</v>
      </c>
    </row>
    <row r="7825" spans="1:4" x14ac:dyDescent="0.25">
      <c r="A7825" t="s">
        <v>11729</v>
      </c>
      <c r="B7825" t="s">
        <v>11730</v>
      </c>
      <c r="C7825">
        <v>1</v>
      </c>
      <c r="D7825">
        <v>0</v>
      </c>
    </row>
    <row r="7826" spans="1:4" x14ac:dyDescent="0.25">
      <c r="A7826" t="s">
        <v>11731</v>
      </c>
      <c r="B7826" t="s">
        <v>11732</v>
      </c>
      <c r="C7826">
        <v>0</v>
      </c>
      <c r="D7826">
        <v>0</v>
      </c>
    </row>
    <row r="7827" spans="1:4" x14ac:dyDescent="0.25">
      <c r="A7827" t="s">
        <v>11733</v>
      </c>
      <c r="B7827" t="s">
        <v>11734</v>
      </c>
      <c r="C7827">
        <v>2</v>
      </c>
      <c r="D7827">
        <v>0</v>
      </c>
    </row>
    <row r="7828" spans="1:4" x14ac:dyDescent="0.25">
      <c r="A7828" t="s">
        <v>11733</v>
      </c>
      <c r="B7828" t="s">
        <v>11735</v>
      </c>
      <c r="C7828">
        <v>1</v>
      </c>
      <c r="D7828">
        <v>0</v>
      </c>
    </row>
    <row r="7829" spans="1:4" x14ac:dyDescent="0.25">
      <c r="A7829" t="s">
        <v>11736</v>
      </c>
      <c r="B7829" t="s">
        <v>11737</v>
      </c>
      <c r="C7829">
        <v>0</v>
      </c>
      <c r="D7829">
        <v>0</v>
      </c>
    </row>
    <row r="7830" spans="1:4" x14ac:dyDescent="0.25">
      <c r="A7830" t="s">
        <v>11738</v>
      </c>
      <c r="B7830" t="s">
        <v>1151</v>
      </c>
      <c r="C7830">
        <v>1</v>
      </c>
      <c r="D7830">
        <v>0</v>
      </c>
    </row>
    <row r="7831" spans="1:4" x14ac:dyDescent="0.25">
      <c r="A7831" t="s">
        <v>11739</v>
      </c>
      <c r="B7831" t="s">
        <v>3858</v>
      </c>
      <c r="C7831">
        <v>1</v>
      </c>
      <c r="D7831">
        <v>0</v>
      </c>
    </row>
    <row r="7832" spans="1:4" x14ac:dyDescent="0.25">
      <c r="A7832" t="s">
        <v>11740</v>
      </c>
      <c r="B7832" t="s">
        <v>11741</v>
      </c>
      <c r="C7832">
        <v>1</v>
      </c>
      <c r="D7832">
        <v>0</v>
      </c>
    </row>
    <row r="7833" spans="1:4" x14ac:dyDescent="0.25">
      <c r="A7833" t="s">
        <v>11740</v>
      </c>
      <c r="B7833" t="s">
        <v>11742</v>
      </c>
      <c r="C7833">
        <v>1</v>
      </c>
      <c r="D7833">
        <v>0</v>
      </c>
    </row>
    <row r="7834" spans="1:4" x14ac:dyDescent="0.25">
      <c r="A7834" t="s">
        <v>11740</v>
      </c>
      <c r="B7834" t="s">
        <v>11743</v>
      </c>
      <c r="C7834">
        <v>1</v>
      </c>
      <c r="D7834">
        <v>0</v>
      </c>
    </row>
    <row r="7835" spans="1:4" x14ac:dyDescent="0.25">
      <c r="A7835" t="s">
        <v>11744</v>
      </c>
      <c r="B7835" t="s">
        <v>1294</v>
      </c>
      <c r="C7835">
        <v>1</v>
      </c>
      <c r="D7835">
        <v>0</v>
      </c>
    </row>
    <row r="7836" spans="1:4" x14ac:dyDescent="0.25">
      <c r="A7836" t="s">
        <v>11744</v>
      </c>
      <c r="B7836" t="s">
        <v>11745</v>
      </c>
      <c r="C7836">
        <v>0</v>
      </c>
      <c r="D7836">
        <v>0</v>
      </c>
    </row>
    <row r="7837" spans="1:4" x14ac:dyDescent="0.25">
      <c r="A7837" t="s">
        <v>11746</v>
      </c>
      <c r="B7837" t="s">
        <v>11747</v>
      </c>
      <c r="C7837">
        <v>1</v>
      </c>
      <c r="D7837">
        <v>0</v>
      </c>
    </row>
    <row r="7838" spans="1:4" x14ac:dyDescent="0.25">
      <c r="A7838" t="s">
        <v>11748</v>
      </c>
      <c r="B7838" t="s">
        <v>11749</v>
      </c>
      <c r="C7838">
        <v>2</v>
      </c>
      <c r="D7838">
        <v>0</v>
      </c>
    </row>
    <row r="7839" spans="1:4" x14ac:dyDescent="0.25">
      <c r="A7839" t="s">
        <v>11748</v>
      </c>
      <c r="B7839" t="s">
        <v>11750</v>
      </c>
      <c r="C7839">
        <v>2</v>
      </c>
      <c r="D7839">
        <v>0</v>
      </c>
    </row>
    <row r="7840" spans="1:4" x14ac:dyDescent="0.25">
      <c r="A7840" t="s">
        <v>11748</v>
      </c>
      <c r="B7840" t="s">
        <v>11751</v>
      </c>
      <c r="C7840">
        <v>1</v>
      </c>
      <c r="D7840">
        <v>0</v>
      </c>
    </row>
    <row r="7841" spans="1:4" x14ac:dyDescent="0.25">
      <c r="A7841" t="s">
        <v>11752</v>
      </c>
      <c r="B7841" t="s">
        <v>968</v>
      </c>
      <c r="C7841">
        <v>1</v>
      </c>
      <c r="D7841">
        <v>0</v>
      </c>
    </row>
    <row r="7842" spans="1:4" x14ac:dyDescent="0.25">
      <c r="A7842" t="s">
        <v>11753</v>
      </c>
      <c r="B7842" t="s">
        <v>11754</v>
      </c>
      <c r="C7842">
        <v>0</v>
      </c>
      <c r="D7842">
        <v>0</v>
      </c>
    </row>
    <row r="7843" spans="1:4" x14ac:dyDescent="0.25">
      <c r="A7843" t="s">
        <v>11753</v>
      </c>
      <c r="B7843" t="s">
        <v>11755</v>
      </c>
      <c r="C7843">
        <v>0</v>
      </c>
      <c r="D7843">
        <v>0</v>
      </c>
    </row>
    <row r="7844" spans="1:4" x14ac:dyDescent="0.25">
      <c r="A7844" t="s">
        <v>11753</v>
      </c>
      <c r="B7844" t="s">
        <v>11756</v>
      </c>
      <c r="C7844">
        <v>1</v>
      </c>
      <c r="D7844">
        <v>0</v>
      </c>
    </row>
    <row r="7845" spans="1:4" x14ac:dyDescent="0.25">
      <c r="A7845" t="s">
        <v>11757</v>
      </c>
      <c r="B7845" t="s">
        <v>11758</v>
      </c>
      <c r="C7845">
        <v>2</v>
      </c>
      <c r="D7845">
        <v>0</v>
      </c>
    </row>
    <row r="7846" spans="1:4" x14ac:dyDescent="0.25">
      <c r="A7846" t="s">
        <v>11759</v>
      </c>
      <c r="B7846" t="s">
        <v>11760</v>
      </c>
      <c r="C7846">
        <v>2</v>
      </c>
      <c r="D7846">
        <v>0</v>
      </c>
    </row>
    <row r="7847" spans="1:4" x14ac:dyDescent="0.25">
      <c r="A7847" t="s">
        <v>11759</v>
      </c>
      <c r="B7847" t="s">
        <v>11761</v>
      </c>
      <c r="C7847">
        <v>1</v>
      </c>
      <c r="D7847">
        <v>0</v>
      </c>
    </row>
    <row r="7848" spans="1:4" x14ac:dyDescent="0.25">
      <c r="A7848" t="s">
        <v>11762</v>
      </c>
      <c r="B7848" t="s">
        <v>969</v>
      </c>
      <c r="C7848">
        <v>0</v>
      </c>
      <c r="D7848">
        <v>0</v>
      </c>
    </row>
    <row r="7849" spans="1:4" x14ac:dyDescent="0.25">
      <c r="A7849" t="s">
        <v>11762</v>
      </c>
      <c r="B7849" t="s">
        <v>11763</v>
      </c>
      <c r="C7849">
        <v>1</v>
      </c>
      <c r="D7849">
        <v>0</v>
      </c>
    </row>
    <row r="7850" spans="1:4" x14ac:dyDescent="0.25">
      <c r="A7850" t="s">
        <v>11764</v>
      </c>
      <c r="B7850" t="s">
        <v>843</v>
      </c>
      <c r="C7850">
        <v>1</v>
      </c>
      <c r="D7850">
        <v>0</v>
      </c>
    </row>
    <row r="7851" spans="1:4" x14ac:dyDescent="0.25">
      <c r="A7851" t="s">
        <v>11765</v>
      </c>
      <c r="B7851" t="s">
        <v>11766</v>
      </c>
      <c r="C7851">
        <v>1</v>
      </c>
      <c r="D7851">
        <v>0</v>
      </c>
    </row>
    <row r="7852" spans="1:4" x14ac:dyDescent="0.25">
      <c r="A7852" t="s">
        <v>11767</v>
      </c>
      <c r="B7852" t="s">
        <v>11768</v>
      </c>
      <c r="C7852">
        <v>2</v>
      </c>
      <c r="D7852">
        <v>0</v>
      </c>
    </row>
    <row r="7853" spans="1:4" x14ac:dyDescent="0.25">
      <c r="A7853" t="s">
        <v>11767</v>
      </c>
      <c r="B7853" t="s">
        <v>11769</v>
      </c>
      <c r="C7853">
        <v>2</v>
      </c>
      <c r="D7853">
        <v>0</v>
      </c>
    </row>
    <row r="7854" spans="1:4" x14ac:dyDescent="0.25">
      <c r="A7854" t="s">
        <v>11770</v>
      </c>
      <c r="B7854" t="s">
        <v>398</v>
      </c>
      <c r="C7854">
        <v>0</v>
      </c>
      <c r="D7854">
        <v>0</v>
      </c>
    </row>
    <row r="7855" spans="1:4" x14ac:dyDescent="0.25">
      <c r="A7855" t="s">
        <v>11771</v>
      </c>
      <c r="B7855" t="s">
        <v>11772</v>
      </c>
      <c r="C7855">
        <v>1</v>
      </c>
      <c r="D7855">
        <v>0</v>
      </c>
    </row>
    <row r="7856" spans="1:4" x14ac:dyDescent="0.25">
      <c r="A7856" t="s">
        <v>11773</v>
      </c>
      <c r="B7856" t="s">
        <v>11774</v>
      </c>
      <c r="C7856">
        <v>1</v>
      </c>
      <c r="D7856">
        <v>0</v>
      </c>
    </row>
    <row r="7857" spans="1:4" x14ac:dyDescent="0.25">
      <c r="A7857" t="s">
        <v>11775</v>
      </c>
      <c r="B7857" t="s">
        <v>11776</v>
      </c>
      <c r="C7857">
        <v>2</v>
      </c>
      <c r="D7857">
        <v>0</v>
      </c>
    </row>
    <row r="7858" spans="1:4" x14ac:dyDescent="0.25">
      <c r="A7858" t="s">
        <v>11777</v>
      </c>
      <c r="B7858" t="s">
        <v>852</v>
      </c>
      <c r="C7858">
        <v>0</v>
      </c>
      <c r="D7858">
        <v>0</v>
      </c>
    </row>
    <row r="7859" spans="1:4" x14ac:dyDescent="0.25">
      <c r="A7859" t="s">
        <v>11778</v>
      </c>
      <c r="B7859" t="s">
        <v>11779</v>
      </c>
      <c r="C7859">
        <v>1</v>
      </c>
      <c r="D7859">
        <v>0</v>
      </c>
    </row>
    <row r="7860" spans="1:4" x14ac:dyDescent="0.25">
      <c r="A7860" t="s">
        <v>11778</v>
      </c>
      <c r="B7860" t="s">
        <v>11780</v>
      </c>
      <c r="C7860">
        <v>2</v>
      </c>
      <c r="D7860">
        <v>0</v>
      </c>
    </row>
    <row r="7861" spans="1:4" x14ac:dyDescent="0.25">
      <c r="A7861" t="s">
        <v>11781</v>
      </c>
      <c r="B7861" t="s">
        <v>11782</v>
      </c>
      <c r="C7861">
        <v>1</v>
      </c>
      <c r="D7861">
        <v>0</v>
      </c>
    </row>
    <row r="7862" spans="1:4" x14ac:dyDescent="0.25">
      <c r="A7862" t="s">
        <v>11781</v>
      </c>
      <c r="B7862" t="s">
        <v>11783</v>
      </c>
      <c r="C7862">
        <v>1</v>
      </c>
      <c r="D7862">
        <v>0</v>
      </c>
    </row>
    <row r="7863" spans="1:4" x14ac:dyDescent="0.25">
      <c r="A7863" t="s">
        <v>11781</v>
      </c>
      <c r="B7863" t="s">
        <v>11784</v>
      </c>
      <c r="C7863">
        <v>2</v>
      </c>
      <c r="D7863">
        <v>0</v>
      </c>
    </row>
    <row r="7864" spans="1:4" x14ac:dyDescent="0.25">
      <c r="A7864" t="s">
        <v>11785</v>
      </c>
      <c r="B7864" t="s">
        <v>11786</v>
      </c>
      <c r="C7864">
        <v>1</v>
      </c>
      <c r="D7864">
        <v>0</v>
      </c>
    </row>
    <row r="7865" spans="1:4" x14ac:dyDescent="0.25">
      <c r="A7865" t="s">
        <v>11785</v>
      </c>
      <c r="B7865" t="s">
        <v>11787</v>
      </c>
      <c r="C7865">
        <v>1</v>
      </c>
      <c r="D7865">
        <v>0</v>
      </c>
    </row>
    <row r="7866" spans="1:4" x14ac:dyDescent="0.25">
      <c r="A7866" t="s">
        <v>11788</v>
      </c>
      <c r="B7866" t="s">
        <v>11789</v>
      </c>
      <c r="C7866">
        <v>1</v>
      </c>
      <c r="D7866">
        <v>0</v>
      </c>
    </row>
    <row r="7867" spans="1:4" x14ac:dyDescent="0.25">
      <c r="A7867" t="s">
        <v>11788</v>
      </c>
      <c r="B7867" t="s">
        <v>11790</v>
      </c>
      <c r="C7867">
        <v>1</v>
      </c>
      <c r="D7867">
        <v>0</v>
      </c>
    </row>
    <row r="7868" spans="1:4" x14ac:dyDescent="0.25">
      <c r="A7868" t="s">
        <v>11788</v>
      </c>
      <c r="B7868" t="s">
        <v>11791</v>
      </c>
      <c r="C7868">
        <v>1</v>
      </c>
      <c r="D7868">
        <v>0</v>
      </c>
    </row>
    <row r="7869" spans="1:4" x14ac:dyDescent="0.25">
      <c r="A7869" t="s">
        <v>11792</v>
      </c>
      <c r="B7869" t="s">
        <v>11793</v>
      </c>
      <c r="C7869">
        <v>1</v>
      </c>
      <c r="D7869">
        <v>0</v>
      </c>
    </row>
    <row r="7870" spans="1:4" x14ac:dyDescent="0.25">
      <c r="A7870" t="s">
        <v>11792</v>
      </c>
      <c r="B7870" t="s">
        <v>11794</v>
      </c>
      <c r="C7870">
        <v>1</v>
      </c>
      <c r="D7870">
        <v>0</v>
      </c>
    </row>
    <row r="7871" spans="1:4" x14ac:dyDescent="0.25">
      <c r="A7871" t="s">
        <v>11795</v>
      </c>
      <c r="B7871" t="s">
        <v>11796</v>
      </c>
      <c r="C7871">
        <v>0</v>
      </c>
      <c r="D7871">
        <v>0</v>
      </c>
    </row>
    <row r="7872" spans="1:4" x14ac:dyDescent="0.25">
      <c r="A7872" t="s">
        <v>11797</v>
      </c>
      <c r="B7872" t="s">
        <v>11798</v>
      </c>
      <c r="C7872">
        <v>0</v>
      </c>
      <c r="D7872">
        <v>0</v>
      </c>
    </row>
    <row r="7873" spans="1:4" x14ac:dyDescent="0.25">
      <c r="A7873" t="s">
        <v>11799</v>
      </c>
      <c r="B7873" t="s">
        <v>11800</v>
      </c>
      <c r="C7873">
        <v>1</v>
      </c>
      <c r="D7873">
        <v>0</v>
      </c>
    </row>
    <row r="7874" spans="1:4" x14ac:dyDescent="0.25">
      <c r="A7874" t="s">
        <v>11801</v>
      </c>
      <c r="B7874" t="s">
        <v>11802</v>
      </c>
      <c r="C7874">
        <v>2</v>
      </c>
      <c r="D7874">
        <v>0</v>
      </c>
    </row>
    <row r="7875" spans="1:4" x14ac:dyDescent="0.25">
      <c r="A7875" t="s">
        <v>11801</v>
      </c>
      <c r="B7875" t="s">
        <v>11803</v>
      </c>
      <c r="C7875">
        <v>0</v>
      </c>
      <c r="D7875">
        <v>0</v>
      </c>
    </row>
    <row r="7876" spans="1:4" x14ac:dyDescent="0.25">
      <c r="A7876" t="s">
        <v>11804</v>
      </c>
      <c r="B7876" t="s">
        <v>11805</v>
      </c>
      <c r="C7876">
        <v>2</v>
      </c>
      <c r="D7876">
        <v>0</v>
      </c>
    </row>
    <row r="7877" spans="1:4" x14ac:dyDescent="0.25">
      <c r="A7877" t="s">
        <v>11806</v>
      </c>
      <c r="B7877" t="s">
        <v>11807</v>
      </c>
      <c r="C7877">
        <v>0</v>
      </c>
      <c r="D7877">
        <v>0</v>
      </c>
    </row>
    <row r="7878" spans="1:4" x14ac:dyDescent="0.25">
      <c r="A7878" t="s">
        <v>11806</v>
      </c>
      <c r="B7878" t="s">
        <v>11808</v>
      </c>
      <c r="C7878">
        <v>0</v>
      </c>
      <c r="D7878">
        <v>0</v>
      </c>
    </row>
    <row r="7879" spans="1:4" x14ac:dyDescent="0.25">
      <c r="A7879" t="s">
        <v>11809</v>
      </c>
      <c r="B7879" t="s">
        <v>11810</v>
      </c>
      <c r="C7879">
        <v>2</v>
      </c>
      <c r="D7879">
        <v>0</v>
      </c>
    </row>
    <row r="7880" spans="1:4" x14ac:dyDescent="0.25">
      <c r="A7880" t="s">
        <v>11811</v>
      </c>
      <c r="B7880" t="s">
        <v>4958</v>
      </c>
      <c r="C7880">
        <v>1</v>
      </c>
      <c r="D7880">
        <v>0</v>
      </c>
    </row>
    <row r="7881" spans="1:4" x14ac:dyDescent="0.25">
      <c r="A7881" t="s">
        <v>11812</v>
      </c>
      <c r="B7881" t="s">
        <v>11813</v>
      </c>
      <c r="C7881">
        <v>1</v>
      </c>
      <c r="D7881">
        <v>0</v>
      </c>
    </row>
    <row r="7882" spans="1:4" x14ac:dyDescent="0.25">
      <c r="A7882" t="s">
        <v>11812</v>
      </c>
      <c r="B7882" t="s">
        <v>11814</v>
      </c>
      <c r="C7882">
        <v>0</v>
      </c>
      <c r="D7882">
        <v>0</v>
      </c>
    </row>
    <row r="7883" spans="1:4" x14ac:dyDescent="0.25">
      <c r="A7883" t="s">
        <v>11812</v>
      </c>
      <c r="B7883" t="s">
        <v>11815</v>
      </c>
      <c r="C7883">
        <v>1</v>
      </c>
      <c r="D7883">
        <v>0</v>
      </c>
    </row>
    <row r="7884" spans="1:4" x14ac:dyDescent="0.25">
      <c r="A7884" t="s">
        <v>11816</v>
      </c>
      <c r="B7884" t="s">
        <v>11817</v>
      </c>
      <c r="C7884">
        <v>1</v>
      </c>
      <c r="D7884">
        <v>0</v>
      </c>
    </row>
    <row r="7885" spans="1:4" x14ac:dyDescent="0.25">
      <c r="A7885" t="s">
        <v>11816</v>
      </c>
      <c r="B7885" t="s">
        <v>11818</v>
      </c>
      <c r="C7885">
        <v>0</v>
      </c>
      <c r="D7885">
        <v>0</v>
      </c>
    </row>
    <row r="7886" spans="1:4" x14ac:dyDescent="0.25">
      <c r="A7886" t="s">
        <v>11819</v>
      </c>
      <c r="B7886" t="s">
        <v>11820</v>
      </c>
      <c r="C7886">
        <v>1</v>
      </c>
      <c r="D7886">
        <v>0</v>
      </c>
    </row>
    <row r="7887" spans="1:4" x14ac:dyDescent="0.25">
      <c r="A7887" t="s">
        <v>11821</v>
      </c>
      <c r="B7887" t="s">
        <v>11822</v>
      </c>
      <c r="C7887">
        <v>1</v>
      </c>
      <c r="D7887">
        <v>0</v>
      </c>
    </row>
    <row r="7888" spans="1:4" x14ac:dyDescent="0.25">
      <c r="A7888" t="s">
        <v>11821</v>
      </c>
      <c r="B7888" t="s">
        <v>11823</v>
      </c>
      <c r="C7888">
        <v>0</v>
      </c>
      <c r="D7888">
        <v>0</v>
      </c>
    </row>
    <row r="7889" spans="1:4" x14ac:dyDescent="0.25">
      <c r="A7889" t="s">
        <v>11824</v>
      </c>
      <c r="B7889" t="s">
        <v>11825</v>
      </c>
      <c r="C7889">
        <v>1</v>
      </c>
      <c r="D7889">
        <v>0</v>
      </c>
    </row>
    <row r="7890" spans="1:4" x14ac:dyDescent="0.25">
      <c r="A7890" t="s">
        <v>11826</v>
      </c>
      <c r="B7890" t="s">
        <v>11827</v>
      </c>
      <c r="C7890">
        <v>0</v>
      </c>
      <c r="D7890">
        <v>0</v>
      </c>
    </row>
    <row r="7891" spans="1:4" x14ac:dyDescent="0.25">
      <c r="A7891" t="s">
        <v>11826</v>
      </c>
      <c r="B7891" t="s">
        <v>11828</v>
      </c>
      <c r="C7891">
        <v>0</v>
      </c>
      <c r="D7891">
        <v>0</v>
      </c>
    </row>
    <row r="7892" spans="1:4" x14ac:dyDescent="0.25">
      <c r="A7892" t="s">
        <v>11829</v>
      </c>
      <c r="B7892" t="s">
        <v>11830</v>
      </c>
      <c r="C7892">
        <v>2</v>
      </c>
      <c r="D7892">
        <v>0</v>
      </c>
    </row>
    <row r="7893" spans="1:4" x14ac:dyDescent="0.25">
      <c r="A7893" t="s">
        <v>11829</v>
      </c>
      <c r="B7893" t="s">
        <v>11831</v>
      </c>
      <c r="C7893">
        <v>0</v>
      </c>
      <c r="D7893">
        <v>0</v>
      </c>
    </row>
    <row r="7894" spans="1:4" x14ac:dyDescent="0.25">
      <c r="A7894" t="s">
        <v>11832</v>
      </c>
      <c r="B7894" t="s">
        <v>11833</v>
      </c>
      <c r="C7894">
        <v>1</v>
      </c>
      <c r="D7894">
        <v>0</v>
      </c>
    </row>
    <row r="7895" spans="1:4" x14ac:dyDescent="0.25">
      <c r="A7895" t="s">
        <v>11834</v>
      </c>
      <c r="B7895" t="s">
        <v>11835</v>
      </c>
      <c r="C7895">
        <v>1</v>
      </c>
      <c r="D7895">
        <v>0</v>
      </c>
    </row>
    <row r="7896" spans="1:4" x14ac:dyDescent="0.25">
      <c r="A7896" t="s">
        <v>11836</v>
      </c>
      <c r="B7896" t="s">
        <v>11837</v>
      </c>
      <c r="C7896">
        <v>0</v>
      </c>
      <c r="D7896">
        <v>0</v>
      </c>
    </row>
    <row r="7897" spans="1:4" x14ac:dyDescent="0.25">
      <c r="A7897" t="s">
        <v>11836</v>
      </c>
      <c r="B7897" t="s">
        <v>11838</v>
      </c>
      <c r="C7897">
        <v>1</v>
      </c>
      <c r="D7897">
        <v>0</v>
      </c>
    </row>
    <row r="7898" spans="1:4" x14ac:dyDescent="0.25">
      <c r="A7898" t="s">
        <v>11839</v>
      </c>
      <c r="B7898" t="s">
        <v>852</v>
      </c>
      <c r="C7898">
        <v>0</v>
      </c>
      <c r="D7898">
        <v>0</v>
      </c>
    </row>
    <row r="7899" spans="1:4" x14ac:dyDescent="0.25">
      <c r="A7899" t="s">
        <v>11840</v>
      </c>
      <c r="B7899" t="s">
        <v>5047</v>
      </c>
      <c r="C7899">
        <v>0</v>
      </c>
      <c r="D7899">
        <v>0</v>
      </c>
    </row>
    <row r="7900" spans="1:4" x14ac:dyDescent="0.25">
      <c r="A7900" t="s">
        <v>11841</v>
      </c>
      <c r="B7900" t="s">
        <v>11842</v>
      </c>
      <c r="C7900">
        <v>0</v>
      </c>
      <c r="D7900">
        <v>0</v>
      </c>
    </row>
    <row r="7901" spans="1:4" x14ac:dyDescent="0.25">
      <c r="A7901" t="s">
        <v>11841</v>
      </c>
      <c r="B7901" t="s">
        <v>11843</v>
      </c>
      <c r="C7901">
        <v>0</v>
      </c>
      <c r="D7901">
        <v>0</v>
      </c>
    </row>
    <row r="7902" spans="1:4" x14ac:dyDescent="0.25">
      <c r="A7902" t="s">
        <v>11844</v>
      </c>
      <c r="B7902" t="s">
        <v>11845</v>
      </c>
      <c r="C7902">
        <v>1</v>
      </c>
      <c r="D7902">
        <v>0</v>
      </c>
    </row>
    <row r="7903" spans="1:4" x14ac:dyDescent="0.25">
      <c r="A7903" t="s">
        <v>11846</v>
      </c>
      <c r="B7903" t="s">
        <v>11847</v>
      </c>
      <c r="C7903">
        <v>1</v>
      </c>
      <c r="D7903">
        <v>0</v>
      </c>
    </row>
    <row r="7904" spans="1:4" x14ac:dyDescent="0.25">
      <c r="A7904" t="s">
        <v>11846</v>
      </c>
      <c r="B7904" t="s">
        <v>11848</v>
      </c>
      <c r="C7904">
        <v>1</v>
      </c>
      <c r="D7904">
        <v>0</v>
      </c>
    </row>
    <row r="7905" spans="1:4" x14ac:dyDescent="0.25">
      <c r="A7905" t="s">
        <v>11846</v>
      </c>
      <c r="B7905" t="s">
        <v>11849</v>
      </c>
      <c r="C7905">
        <v>1</v>
      </c>
      <c r="D7905">
        <v>0</v>
      </c>
    </row>
    <row r="7906" spans="1:4" x14ac:dyDescent="0.25">
      <c r="A7906" t="s">
        <v>11850</v>
      </c>
      <c r="B7906" t="s">
        <v>11851</v>
      </c>
      <c r="C7906">
        <v>1</v>
      </c>
      <c r="D7906">
        <v>0</v>
      </c>
    </row>
    <row r="7907" spans="1:4" x14ac:dyDescent="0.25">
      <c r="A7907" t="s">
        <v>11852</v>
      </c>
      <c r="B7907" t="s">
        <v>11853</v>
      </c>
      <c r="C7907">
        <v>1</v>
      </c>
      <c r="D7907">
        <v>0</v>
      </c>
    </row>
    <row r="7908" spans="1:4" x14ac:dyDescent="0.25">
      <c r="A7908" t="s">
        <v>11852</v>
      </c>
      <c r="B7908" t="s">
        <v>11854</v>
      </c>
      <c r="C7908">
        <v>1</v>
      </c>
      <c r="D7908">
        <v>0</v>
      </c>
    </row>
    <row r="7909" spans="1:4" x14ac:dyDescent="0.25">
      <c r="A7909" t="s">
        <v>11852</v>
      </c>
      <c r="B7909" t="s">
        <v>11855</v>
      </c>
      <c r="C7909">
        <v>0</v>
      </c>
      <c r="D7909">
        <v>0</v>
      </c>
    </row>
    <row r="7910" spans="1:4" x14ac:dyDescent="0.25">
      <c r="A7910" t="s">
        <v>11856</v>
      </c>
      <c r="B7910" t="s">
        <v>11857</v>
      </c>
      <c r="C7910">
        <v>1</v>
      </c>
      <c r="D7910">
        <v>0</v>
      </c>
    </row>
    <row r="7911" spans="1:4" x14ac:dyDescent="0.25">
      <c r="A7911" t="s">
        <v>11856</v>
      </c>
      <c r="B7911" t="s">
        <v>11858</v>
      </c>
      <c r="C7911">
        <v>0</v>
      </c>
      <c r="D7911">
        <v>0</v>
      </c>
    </row>
    <row r="7912" spans="1:4" x14ac:dyDescent="0.25">
      <c r="A7912" t="s">
        <v>11856</v>
      </c>
      <c r="B7912" t="s">
        <v>11859</v>
      </c>
      <c r="C7912">
        <v>2</v>
      </c>
      <c r="D7912">
        <v>0</v>
      </c>
    </row>
    <row r="7913" spans="1:4" x14ac:dyDescent="0.25">
      <c r="A7913" t="s">
        <v>11860</v>
      </c>
      <c r="B7913" t="s">
        <v>11861</v>
      </c>
      <c r="C7913">
        <v>1</v>
      </c>
      <c r="D7913">
        <v>0</v>
      </c>
    </row>
    <row r="7914" spans="1:4" x14ac:dyDescent="0.25">
      <c r="A7914" t="s">
        <v>11862</v>
      </c>
      <c r="B7914" t="s">
        <v>11863</v>
      </c>
      <c r="C7914">
        <v>0</v>
      </c>
      <c r="D7914">
        <v>0</v>
      </c>
    </row>
    <row r="7915" spans="1:4" x14ac:dyDescent="0.25">
      <c r="A7915" t="s">
        <v>11862</v>
      </c>
      <c r="B7915" t="s">
        <v>11864</v>
      </c>
      <c r="C7915">
        <v>2</v>
      </c>
      <c r="D7915">
        <v>0</v>
      </c>
    </row>
    <row r="7916" spans="1:4" x14ac:dyDescent="0.25">
      <c r="A7916" t="s">
        <v>11865</v>
      </c>
      <c r="B7916" t="s">
        <v>11866</v>
      </c>
      <c r="C7916">
        <v>2</v>
      </c>
      <c r="D7916">
        <v>0</v>
      </c>
    </row>
    <row r="7917" spans="1:4" x14ac:dyDescent="0.25">
      <c r="A7917" t="s">
        <v>11865</v>
      </c>
      <c r="B7917" t="s">
        <v>11867</v>
      </c>
      <c r="C7917">
        <v>1</v>
      </c>
      <c r="D7917">
        <v>0</v>
      </c>
    </row>
    <row r="7918" spans="1:4" x14ac:dyDescent="0.25">
      <c r="A7918" t="s">
        <v>11865</v>
      </c>
      <c r="B7918" t="s">
        <v>11868</v>
      </c>
      <c r="C7918">
        <v>2</v>
      </c>
      <c r="D7918">
        <v>0</v>
      </c>
    </row>
    <row r="7919" spans="1:4" x14ac:dyDescent="0.25">
      <c r="A7919" t="s">
        <v>11869</v>
      </c>
      <c r="B7919" t="s">
        <v>11870</v>
      </c>
      <c r="C7919">
        <v>2</v>
      </c>
      <c r="D7919">
        <v>0</v>
      </c>
    </row>
    <row r="7920" spans="1:4" x14ac:dyDescent="0.25">
      <c r="A7920" t="s">
        <v>11869</v>
      </c>
      <c r="B7920" t="s">
        <v>11871</v>
      </c>
      <c r="C7920">
        <v>1</v>
      </c>
      <c r="D7920">
        <v>0</v>
      </c>
    </row>
    <row r="7921" spans="1:4" x14ac:dyDescent="0.25">
      <c r="A7921" t="s">
        <v>11869</v>
      </c>
      <c r="B7921" t="s">
        <v>11872</v>
      </c>
      <c r="C7921">
        <v>2</v>
      </c>
      <c r="D7921">
        <v>0</v>
      </c>
    </row>
    <row r="7922" spans="1:4" x14ac:dyDescent="0.25">
      <c r="A7922" t="s">
        <v>11873</v>
      </c>
      <c r="B7922" t="s">
        <v>11874</v>
      </c>
      <c r="C7922">
        <v>2</v>
      </c>
      <c r="D7922">
        <v>0</v>
      </c>
    </row>
    <row r="7923" spans="1:4" x14ac:dyDescent="0.25">
      <c r="A7923" t="s">
        <v>11873</v>
      </c>
      <c r="B7923" t="s">
        <v>11875</v>
      </c>
      <c r="C7923">
        <v>1</v>
      </c>
      <c r="D7923">
        <v>0</v>
      </c>
    </row>
    <row r="7924" spans="1:4" x14ac:dyDescent="0.25">
      <c r="A7924" t="s">
        <v>11876</v>
      </c>
      <c r="B7924" t="s">
        <v>11877</v>
      </c>
      <c r="C7924">
        <v>0</v>
      </c>
      <c r="D7924">
        <v>0</v>
      </c>
    </row>
    <row r="7925" spans="1:4" x14ac:dyDescent="0.25">
      <c r="A7925" t="s">
        <v>11876</v>
      </c>
      <c r="B7925" t="s">
        <v>11878</v>
      </c>
      <c r="C7925">
        <v>1</v>
      </c>
      <c r="D7925">
        <v>0</v>
      </c>
    </row>
    <row r="7926" spans="1:4" x14ac:dyDescent="0.25">
      <c r="A7926" t="s">
        <v>11879</v>
      </c>
      <c r="B7926" t="s">
        <v>11880</v>
      </c>
      <c r="C7926">
        <v>1</v>
      </c>
      <c r="D7926">
        <v>0</v>
      </c>
    </row>
    <row r="7927" spans="1:4" x14ac:dyDescent="0.25">
      <c r="A7927" t="s">
        <v>11881</v>
      </c>
      <c r="B7927" t="s">
        <v>11882</v>
      </c>
      <c r="C7927">
        <v>1</v>
      </c>
      <c r="D7927">
        <v>0</v>
      </c>
    </row>
    <row r="7928" spans="1:4" x14ac:dyDescent="0.25">
      <c r="A7928" t="s">
        <v>11883</v>
      </c>
      <c r="B7928" t="s">
        <v>11884</v>
      </c>
      <c r="C7928">
        <v>1</v>
      </c>
      <c r="D7928">
        <v>0</v>
      </c>
    </row>
    <row r="7929" spans="1:4" x14ac:dyDescent="0.25">
      <c r="A7929" t="s">
        <v>11883</v>
      </c>
      <c r="B7929" t="s">
        <v>969</v>
      </c>
      <c r="C7929">
        <v>0</v>
      </c>
      <c r="D7929">
        <v>0</v>
      </c>
    </row>
    <row r="7930" spans="1:4" x14ac:dyDescent="0.25">
      <c r="A7930" t="s">
        <v>11885</v>
      </c>
      <c r="B7930" t="s">
        <v>11886</v>
      </c>
      <c r="C7930">
        <v>1</v>
      </c>
      <c r="D7930">
        <v>0</v>
      </c>
    </row>
    <row r="7931" spans="1:4" x14ac:dyDescent="0.25">
      <c r="A7931" t="s">
        <v>11885</v>
      </c>
      <c r="B7931" t="s">
        <v>11887</v>
      </c>
      <c r="C7931">
        <v>1</v>
      </c>
      <c r="D7931">
        <v>0</v>
      </c>
    </row>
    <row r="7932" spans="1:4" x14ac:dyDescent="0.25">
      <c r="A7932" t="s">
        <v>11888</v>
      </c>
      <c r="B7932" t="s">
        <v>11889</v>
      </c>
      <c r="C7932">
        <v>0</v>
      </c>
      <c r="D7932">
        <v>0</v>
      </c>
    </row>
    <row r="7933" spans="1:4" x14ac:dyDescent="0.25">
      <c r="A7933" t="s">
        <v>11890</v>
      </c>
      <c r="B7933" t="s">
        <v>11891</v>
      </c>
      <c r="C7933">
        <v>1</v>
      </c>
      <c r="D7933">
        <v>0</v>
      </c>
    </row>
    <row r="7934" spans="1:4" x14ac:dyDescent="0.25">
      <c r="A7934" t="s">
        <v>11890</v>
      </c>
      <c r="B7934" t="s">
        <v>11892</v>
      </c>
      <c r="C7934">
        <v>1</v>
      </c>
      <c r="D7934">
        <v>0</v>
      </c>
    </row>
    <row r="7935" spans="1:4" x14ac:dyDescent="0.25">
      <c r="A7935" t="s">
        <v>11890</v>
      </c>
      <c r="B7935" t="s">
        <v>11893</v>
      </c>
      <c r="C7935">
        <v>2</v>
      </c>
      <c r="D7935">
        <v>0</v>
      </c>
    </row>
    <row r="7936" spans="1:4" x14ac:dyDescent="0.25">
      <c r="A7936" t="s">
        <v>11894</v>
      </c>
      <c r="B7936" t="s">
        <v>968</v>
      </c>
      <c r="C7936">
        <v>1</v>
      </c>
      <c r="D7936">
        <v>0</v>
      </c>
    </row>
    <row r="7937" spans="1:4" x14ac:dyDescent="0.25">
      <c r="A7937" t="s">
        <v>11895</v>
      </c>
      <c r="B7937" t="s">
        <v>11896</v>
      </c>
      <c r="C7937">
        <v>1</v>
      </c>
      <c r="D7937">
        <v>0</v>
      </c>
    </row>
    <row r="7938" spans="1:4" x14ac:dyDescent="0.25">
      <c r="A7938" t="s">
        <v>11897</v>
      </c>
      <c r="B7938" t="s">
        <v>11898</v>
      </c>
      <c r="C7938">
        <v>1</v>
      </c>
      <c r="D7938">
        <v>0</v>
      </c>
    </row>
    <row r="7939" spans="1:4" x14ac:dyDescent="0.25">
      <c r="A7939" t="s">
        <v>11897</v>
      </c>
      <c r="B7939" t="s">
        <v>11899</v>
      </c>
      <c r="C7939">
        <v>1</v>
      </c>
      <c r="D7939">
        <v>0</v>
      </c>
    </row>
    <row r="7940" spans="1:4" x14ac:dyDescent="0.25">
      <c r="A7940" t="s">
        <v>11900</v>
      </c>
      <c r="B7940" t="s">
        <v>11901</v>
      </c>
      <c r="C7940">
        <v>0</v>
      </c>
      <c r="D7940">
        <v>0</v>
      </c>
    </row>
    <row r="7941" spans="1:4" x14ac:dyDescent="0.25">
      <c r="A7941" t="s">
        <v>11902</v>
      </c>
      <c r="B7941" t="s">
        <v>11903</v>
      </c>
      <c r="C7941">
        <v>2</v>
      </c>
      <c r="D7941">
        <v>0</v>
      </c>
    </row>
    <row r="7942" spans="1:4" x14ac:dyDescent="0.25">
      <c r="A7942" t="s">
        <v>11902</v>
      </c>
      <c r="B7942" t="s">
        <v>1555</v>
      </c>
      <c r="C7942">
        <v>2</v>
      </c>
      <c r="D7942">
        <v>0</v>
      </c>
    </row>
    <row r="7943" spans="1:4" x14ac:dyDescent="0.25">
      <c r="A7943" t="s">
        <v>11902</v>
      </c>
      <c r="B7943" t="s">
        <v>11904</v>
      </c>
      <c r="C7943">
        <v>0</v>
      </c>
      <c r="D7943">
        <v>0</v>
      </c>
    </row>
    <row r="7944" spans="1:4" x14ac:dyDescent="0.25">
      <c r="A7944" t="s">
        <v>11905</v>
      </c>
      <c r="B7944" t="s">
        <v>11906</v>
      </c>
      <c r="C7944">
        <v>0</v>
      </c>
      <c r="D7944">
        <v>0</v>
      </c>
    </row>
    <row r="7945" spans="1:4" x14ac:dyDescent="0.25">
      <c r="A7945" t="s">
        <v>11905</v>
      </c>
      <c r="B7945" t="s">
        <v>11907</v>
      </c>
      <c r="C7945">
        <v>0</v>
      </c>
      <c r="D7945">
        <v>0</v>
      </c>
    </row>
    <row r="7946" spans="1:4" x14ac:dyDescent="0.25">
      <c r="A7946" t="s">
        <v>11908</v>
      </c>
      <c r="B7946" t="s">
        <v>11909</v>
      </c>
      <c r="C7946">
        <v>0</v>
      </c>
      <c r="D7946">
        <v>0</v>
      </c>
    </row>
    <row r="7947" spans="1:4" x14ac:dyDescent="0.25">
      <c r="A7947" t="s">
        <v>11908</v>
      </c>
      <c r="B7947" t="s">
        <v>11910</v>
      </c>
      <c r="C7947">
        <v>1</v>
      </c>
      <c r="D7947">
        <v>0</v>
      </c>
    </row>
    <row r="7948" spans="1:4" x14ac:dyDescent="0.25">
      <c r="A7948" t="s">
        <v>11911</v>
      </c>
      <c r="B7948" t="s">
        <v>1526</v>
      </c>
      <c r="C7948">
        <v>1</v>
      </c>
      <c r="D7948">
        <v>0</v>
      </c>
    </row>
    <row r="7949" spans="1:4" x14ac:dyDescent="0.25">
      <c r="A7949" t="s">
        <v>11912</v>
      </c>
      <c r="B7949" t="s">
        <v>11913</v>
      </c>
      <c r="C7949">
        <v>1</v>
      </c>
      <c r="D7949">
        <v>0</v>
      </c>
    </row>
    <row r="7950" spans="1:4" x14ac:dyDescent="0.25">
      <c r="A7950" t="s">
        <v>11912</v>
      </c>
      <c r="B7950" t="s">
        <v>11914</v>
      </c>
      <c r="C7950">
        <v>1</v>
      </c>
      <c r="D7950">
        <v>0</v>
      </c>
    </row>
    <row r="7951" spans="1:4" x14ac:dyDescent="0.25">
      <c r="A7951" t="s">
        <v>11912</v>
      </c>
      <c r="B7951" t="s">
        <v>11915</v>
      </c>
      <c r="C7951">
        <v>1</v>
      </c>
      <c r="D7951">
        <v>0</v>
      </c>
    </row>
    <row r="7952" spans="1:4" x14ac:dyDescent="0.25">
      <c r="A7952" t="s">
        <v>11916</v>
      </c>
      <c r="B7952" t="s">
        <v>11917</v>
      </c>
      <c r="C7952">
        <v>1</v>
      </c>
      <c r="D7952">
        <v>0</v>
      </c>
    </row>
    <row r="7953" spans="1:4" x14ac:dyDescent="0.25">
      <c r="A7953" t="s">
        <v>11918</v>
      </c>
      <c r="B7953" t="s">
        <v>11919</v>
      </c>
      <c r="C7953">
        <v>1</v>
      </c>
      <c r="D7953">
        <v>0</v>
      </c>
    </row>
    <row r="7954" spans="1:4" x14ac:dyDescent="0.25">
      <c r="A7954" t="s">
        <v>11918</v>
      </c>
      <c r="B7954" t="s">
        <v>398</v>
      </c>
      <c r="C7954">
        <v>0</v>
      </c>
      <c r="D7954">
        <v>0</v>
      </c>
    </row>
    <row r="7955" spans="1:4" x14ac:dyDescent="0.25">
      <c r="A7955" t="s">
        <v>11920</v>
      </c>
      <c r="B7955" t="s">
        <v>11921</v>
      </c>
      <c r="C7955">
        <v>1</v>
      </c>
      <c r="D7955">
        <v>0</v>
      </c>
    </row>
    <row r="7956" spans="1:4" x14ac:dyDescent="0.25">
      <c r="A7956" t="s">
        <v>11920</v>
      </c>
      <c r="B7956" t="s">
        <v>11922</v>
      </c>
      <c r="C7956">
        <v>1</v>
      </c>
      <c r="D7956">
        <v>0</v>
      </c>
    </row>
    <row r="7957" spans="1:4" x14ac:dyDescent="0.25">
      <c r="A7957" t="s">
        <v>11920</v>
      </c>
      <c r="B7957" t="s">
        <v>11923</v>
      </c>
      <c r="C7957">
        <v>2</v>
      </c>
      <c r="D7957">
        <v>0</v>
      </c>
    </row>
    <row r="7958" spans="1:4" x14ac:dyDescent="0.25">
      <c r="A7958" t="s">
        <v>11924</v>
      </c>
      <c r="B7958" t="s">
        <v>11925</v>
      </c>
      <c r="C7958">
        <v>0</v>
      </c>
      <c r="D7958">
        <v>0</v>
      </c>
    </row>
    <row r="7959" spans="1:4" x14ac:dyDescent="0.25">
      <c r="A7959" t="s">
        <v>11924</v>
      </c>
      <c r="B7959" t="s">
        <v>11926</v>
      </c>
      <c r="C7959">
        <v>1</v>
      </c>
      <c r="D7959">
        <v>0</v>
      </c>
    </row>
    <row r="7960" spans="1:4" x14ac:dyDescent="0.25">
      <c r="A7960" t="s">
        <v>11924</v>
      </c>
      <c r="B7960" t="s">
        <v>11927</v>
      </c>
      <c r="C7960">
        <v>1</v>
      </c>
      <c r="D7960">
        <v>0</v>
      </c>
    </row>
    <row r="7961" spans="1:4" x14ac:dyDescent="0.25">
      <c r="A7961" t="s">
        <v>11928</v>
      </c>
      <c r="B7961" t="s">
        <v>11929</v>
      </c>
      <c r="C7961">
        <v>1</v>
      </c>
      <c r="D7961">
        <v>0</v>
      </c>
    </row>
    <row r="7962" spans="1:4" x14ac:dyDescent="0.25">
      <c r="A7962" t="s">
        <v>11930</v>
      </c>
      <c r="B7962" t="s">
        <v>11931</v>
      </c>
      <c r="C7962">
        <v>0</v>
      </c>
      <c r="D7962">
        <v>0</v>
      </c>
    </row>
    <row r="7963" spans="1:4" x14ac:dyDescent="0.25">
      <c r="A7963" t="s">
        <v>11932</v>
      </c>
      <c r="B7963" t="s">
        <v>11933</v>
      </c>
      <c r="C7963">
        <v>2</v>
      </c>
      <c r="D7963">
        <v>0</v>
      </c>
    </row>
    <row r="7964" spans="1:4" x14ac:dyDescent="0.25">
      <c r="A7964" t="s">
        <v>11932</v>
      </c>
      <c r="B7964" t="s">
        <v>11934</v>
      </c>
      <c r="C7964">
        <v>2</v>
      </c>
      <c r="D7964">
        <v>0</v>
      </c>
    </row>
    <row r="7965" spans="1:4" x14ac:dyDescent="0.25">
      <c r="A7965" t="s">
        <v>11932</v>
      </c>
      <c r="B7965" t="s">
        <v>11935</v>
      </c>
      <c r="C7965">
        <v>2</v>
      </c>
      <c r="D7965">
        <v>0</v>
      </c>
    </row>
    <row r="7966" spans="1:4" x14ac:dyDescent="0.25">
      <c r="A7966" t="s">
        <v>11936</v>
      </c>
      <c r="B7966" t="s">
        <v>11937</v>
      </c>
      <c r="C7966">
        <v>0</v>
      </c>
      <c r="D7966">
        <v>0</v>
      </c>
    </row>
    <row r="7967" spans="1:4" x14ac:dyDescent="0.25">
      <c r="A7967" t="s">
        <v>11936</v>
      </c>
      <c r="B7967" t="s">
        <v>1499</v>
      </c>
      <c r="C7967">
        <v>1</v>
      </c>
      <c r="D7967">
        <v>0</v>
      </c>
    </row>
    <row r="7968" spans="1:4" x14ac:dyDescent="0.25">
      <c r="A7968" t="s">
        <v>11938</v>
      </c>
      <c r="B7968" t="s">
        <v>11939</v>
      </c>
      <c r="C7968">
        <v>0</v>
      </c>
      <c r="D7968">
        <v>0</v>
      </c>
    </row>
    <row r="7969" spans="1:4" x14ac:dyDescent="0.25">
      <c r="A7969" t="s">
        <v>11938</v>
      </c>
      <c r="B7969" t="s">
        <v>11940</v>
      </c>
      <c r="C7969">
        <v>0</v>
      </c>
      <c r="D7969">
        <v>0</v>
      </c>
    </row>
    <row r="7970" spans="1:4" x14ac:dyDescent="0.25">
      <c r="A7970" t="s">
        <v>11941</v>
      </c>
      <c r="B7970" t="s">
        <v>11942</v>
      </c>
      <c r="C7970">
        <v>1</v>
      </c>
      <c r="D7970">
        <v>0</v>
      </c>
    </row>
    <row r="7971" spans="1:4" x14ac:dyDescent="0.25">
      <c r="A7971" t="s">
        <v>11943</v>
      </c>
      <c r="B7971" t="s">
        <v>11944</v>
      </c>
      <c r="C7971">
        <v>0</v>
      </c>
      <c r="D7971">
        <v>0</v>
      </c>
    </row>
    <row r="7972" spans="1:4" x14ac:dyDescent="0.25">
      <c r="A7972" t="s">
        <v>11945</v>
      </c>
      <c r="B7972" t="s">
        <v>11946</v>
      </c>
      <c r="C7972">
        <v>1</v>
      </c>
      <c r="D7972">
        <v>0</v>
      </c>
    </row>
    <row r="7973" spans="1:4" x14ac:dyDescent="0.25">
      <c r="A7973" t="s">
        <v>11945</v>
      </c>
      <c r="B7973" t="s">
        <v>5322</v>
      </c>
      <c r="C7973">
        <v>0</v>
      </c>
      <c r="D7973">
        <v>0</v>
      </c>
    </row>
    <row r="7974" spans="1:4" x14ac:dyDescent="0.25">
      <c r="A7974" t="s">
        <v>11947</v>
      </c>
      <c r="B7974" t="s">
        <v>11948</v>
      </c>
      <c r="C7974">
        <v>0</v>
      </c>
      <c r="D7974">
        <v>0</v>
      </c>
    </row>
    <row r="7975" spans="1:4" x14ac:dyDescent="0.25">
      <c r="A7975" t="s">
        <v>11949</v>
      </c>
      <c r="B7975" t="s">
        <v>11950</v>
      </c>
      <c r="C7975">
        <v>2</v>
      </c>
      <c r="D7975">
        <v>0</v>
      </c>
    </row>
    <row r="7976" spans="1:4" x14ac:dyDescent="0.25">
      <c r="A7976" t="s">
        <v>11949</v>
      </c>
      <c r="B7976" t="s">
        <v>11951</v>
      </c>
      <c r="C7976">
        <v>0</v>
      </c>
      <c r="D7976">
        <v>0</v>
      </c>
    </row>
    <row r="7977" spans="1:4" x14ac:dyDescent="0.25">
      <c r="A7977" t="s">
        <v>11952</v>
      </c>
      <c r="B7977" t="s">
        <v>11953</v>
      </c>
      <c r="C7977">
        <v>2</v>
      </c>
      <c r="D7977">
        <v>0</v>
      </c>
    </row>
    <row r="7978" spans="1:4" x14ac:dyDescent="0.25">
      <c r="A7978" t="s">
        <v>11952</v>
      </c>
      <c r="B7978" t="s">
        <v>11954</v>
      </c>
      <c r="C7978">
        <v>0</v>
      </c>
      <c r="D7978">
        <v>0</v>
      </c>
    </row>
    <row r="7979" spans="1:4" x14ac:dyDescent="0.25">
      <c r="A7979" t="s">
        <v>11955</v>
      </c>
      <c r="B7979" t="s">
        <v>398</v>
      </c>
      <c r="C7979">
        <v>0</v>
      </c>
      <c r="D7979">
        <v>0</v>
      </c>
    </row>
    <row r="7980" spans="1:4" x14ac:dyDescent="0.25">
      <c r="A7980" t="s">
        <v>11956</v>
      </c>
      <c r="B7980" t="s">
        <v>11957</v>
      </c>
      <c r="C7980">
        <v>2</v>
      </c>
      <c r="D7980">
        <v>0</v>
      </c>
    </row>
    <row r="7981" spans="1:4" x14ac:dyDescent="0.25">
      <c r="A7981" t="s">
        <v>11956</v>
      </c>
      <c r="B7981" t="s">
        <v>11958</v>
      </c>
      <c r="C7981">
        <v>2</v>
      </c>
      <c r="D7981">
        <v>0</v>
      </c>
    </row>
    <row r="7982" spans="1:4" x14ac:dyDescent="0.25">
      <c r="A7982" t="s">
        <v>11959</v>
      </c>
      <c r="B7982" t="s">
        <v>11960</v>
      </c>
      <c r="C7982">
        <v>0</v>
      </c>
      <c r="D7982">
        <v>0</v>
      </c>
    </row>
    <row r="7983" spans="1:4" x14ac:dyDescent="0.25">
      <c r="A7983" t="s">
        <v>11961</v>
      </c>
      <c r="B7983" t="s">
        <v>852</v>
      </c>
      <c r="C7983">
        <v>0</v>
      </c>
      <c r="D7983">
        <v>0</v>
      </c>
    </row>
    <row r="7984" spans="1:4" x14ac:dyDescent="0.25">
      <c r="A7984" t="s">
        <v>11961</v>
      </c>
      <c r="B7984" t="s">
        <v>11962</v>
      </c>
      <c r="C7984">
        <v>1</v>
      </c>
      <c r="D7984">
        <v>0</v>
      </c>
    </row>
    <row r="7985" spans="1:4" x14ac:dyDescent="0.25">
      <c r="A7985" t="s">
        <v>11963</v>
      </c>
      <c r="B7985" t="s">
        <v>11964</v>
      </c>
      <c r="C7985">
        <v>0</v>
      </c>
      <c r="D7985">
        <v>0</v>
      </c>
    </row>
    <row r="7986" spans="1:4" x14ac:dyDescent="0.25">
      <c r="A7986" t="s">
        <v>11965</v>
      </c>
      <c r="B7986" t="s">
        <v>4139</v>
      </c>
      <c r="C7986">
        <v>1</v>
      </c>
      <c r="D7986">
        <v>0</v>
      </c>
    </row>
    <row r="7987" spans="1:4" x14ac:dyDescent="0.25">
      <c r="A7987" t="s">
        <v>11966</v>
      </c>
      <c r="B7987" t="s">
        <v>11967</v>
      </c>
      <c r="C7987">
        <v>1</v>
      </c>
      <c r="D7987">
        <v>0</v>
      </c>
    </row>
    <row r="7988" spans="1:4" x14ac:dyDescent="0.25">
      <c r="A7988" t="s">
        <v>11966</v>
      </c>
      <c r="B7988" t="s">
        <v>11968</v>
      </c>
      <c r="C7988">
        <v>2</v>
      </c>
      <c r="D7988">
        <v>0</v>
      </c>
    </row>
    <row r="7989" spans="1:4" x14ac:dyDescent="0.25">
      <c r="A7989" t="s">
        <v>11969</v>
      </c>
      <c r="B7989" t="s">
        <v>11970</v>
      </c>
      <c r="C7989">
        <v>1</v>
      </c>
      <c r="D7989">
        <v>0</v>
      </c>
    </row>
    <row r="7990" spans="1:4" x14ac:dyDescent="0.25">
      <c r="A7990" t="s">
        <v>11971</v>
      </c>
      <c r="B7990" t="s">
        <v>11972</v>
      </c>
      <c r="C7990">
        <v>1</v>
      </c>
      <c r="D7990">
        <v>0</v>
      </c>
    </row>
    <row r="7991" spans="1:4" x14ac:dyDescent="0.25">
      <c r="A7991" t="s">
        <v>11971</v>
      </c>
      <c r="B7991" t="s">
        <v>11973</v>
      </c>
      <c r="C7991">
        <v>1</v>
      </c>
      <c r="D7991">
        <v>0</v>
      </c>
    </row>
    <row r="7992" spans="1:4" x14ac:dyDescent="0.25">
      <c r="A7992" t="s">
        <v>11971</v>
      </c>
      <c r="B7992" t="s">
        <v>11974</v>
      </c>
      <c r="C7992">
        <v>1</v>
      </c>
      <c r="D7992">
        <v>0</v>
      </c>
    </row>
    <row r="7993" spans="1:4" x14ac:dyDescent="0.25">
      <c r="A7993" t="s">
        <v>11975</v>
      </c>
      <c r="B7993" t="s">
        <v>11976</v>
      </c>
      <c r="C7993">
        <v>1</v>
      </c>
      <c r="D7993">
        <v>0</v>
      </c>
    </row>
    <row r="7994" spans="1:4" x14ac:dyDescent="0.25">
      <c r="A7994" t="s">
        <v>11977</v>
      </c>
      <c r="B7994" t="s">
        <v>11978</v>
      </c>
      <c r="C7994">
        <v>0</v>
      </c>
      <c r="D7994">
        <v>0</v>
      </c>
    </row>
    <row r="7995" spans="1:4" x14ac:dyDescent="0.25">
      <c r="A7995" t="s">
        <v>11977</v>
      </c>
      <c r="B7995" t="s">
        <v>11979</v>
      </c>
      <c r="C7995">
        <v>1</v>
      </c>
      <c r="D7995">
        <v>0</v>
      </c>
    </row>
    <row r="7996" spans="1:4" x14ac:dyDescent="0.25">
      <c r="A7996" t="s">
        <v>11980</v>
      </c>
      <c r="B7996" t="s">
        <v>11981</v>
      </c>
      <c r="C7996">
        <v>2</v>
      </c>
      <c r="D7996">
        <v>0</v>
      </c>
    </row>
    <row r="7997" spans="1:4" x14ac:dyDescent="0.25">
      <c r="A7997" t="s">
        <v>11980</v>
      </c>
      <c r="B7997" t="s">
        <v>11982</v>
      </c>
      <c r="C7997">
        <v>1</v>
      </c>
      <c r="D7997">
        <v>0</v>
      </c>
    </row>
    <row r="7998" spans="1:4" x14ac:dyDescent="0.25">
      <c r="A7998" t="s">
        <v>11983</v>
      </c>
      <c r="B7998" t="s">
        <v>11984</v>
      </c>
      <c r="C7998">
        <v>2</v>
      </c>
      <c r="D7998">
        <v>0</v>
      </c>
    </row>
    <row r="7999" spans="1:4" x14ac:dyDescent="0.25">
      <c r="A7999" t="s">
        <v>11985</v>
      </c>
      <c r="B7999" t="s">
        <v>1769</v>
      </c>
      <c r="C7999">
        <v>1</v>
      </c>
      <c r="D7999">
        <v>0</v>
      </c>
    </row>
    <row r="8000" spans="1:4" x14ac:dyDescent="0.25">
      <c r="A8000" t="s">
        <v>11986</v>
      </c>
      <c r="B8000" t="s">
        <v>11987</v>
      </c>
      <c r="C8000">
        <v>0</v>
      </c>
      <c r="D8000">
        <v>0</v>
      </c>
    </row>
    <row r="8001" spans="1:4" x14ac:dyDescent="0.25">
      <c r="A8001" t="s">
        <v>11988</v>
      </c>
      <c r="B8001" t="s">
        <v>852</v>
      </c>
      <c r="C8001">
        <v>0</v>
      </c>
      <c r="D8001">
        <v>0</v>
      </c>
    </row>
    <row r="8002" spans="1:4" x14ac:dyDescent="0.25">
      <c r="A8002" t="s">
        <v>11989</v>
      </c>
      <c r="B8002" t="s">
        <v>3173</v>
      </c>
      <c r="C8002">
        <v>1</v>
      </c>
      <c r="D8002">
        <v>0</v>
      </c>
    </row>
    <row r="8003" spans="1:4" x14ac:dyDescent="0.25">
      <c r="A8003" t="s">
        <v>11990</v>
      </c>
      <c r="B8003" t="s">
        <v>11991</v>
      </c>
      <c r="C8003">
        <v>2</v>
      </c>
      <c r="D8003">
        <v>0</v>
      </c>
    </row>
    <row r="8004" spans="1:4" x14ac:dyDescent="0.25">
      <c r="A8004" t="s">
        <v>11992</v>
      </c>
      <c r="B8004" t="s">
        <v>11993</v>
      </c>
      <c r="C8004">
        <v>1</v>
      </c>
      <c r="D8004">
        <v>0</v>
      </c>
    </row>
    <row r="8005" spans="1:4" x14ac:dyDescent="0.25">
      <c r="A8005" t="s">
        <v>11992</v>
      </c>
      <c r="B8005" t="s">
        <v>11994</v>
      </c>
      <c r="C8005">
        <v>1</v>
      </c>
      <c r="D8005">
        <v>0</v>
      </c>
    </row>
    <row r="8006" spans="1:4" x14ac:dyDescent="0.25">
      <c r="A8006" t="s">
        <v>11995</v>
      </c>
      <c r="B8006" t="s">
        <v>11996</v>
      </c>
      <c r="C8006">
        <v>0</v>
      </c>
      <c r="D8006">
        <v>0</v>
      </c>
    </row>
    <row r="8007" spans="1:4" x14ac:dyDescent="0.25">
      <c r="A8007" t="s">
        <v>11997</v>
      </c>
      <c r="B8007" t="s">
        <v>11998</v>
      </c>
      <c r="C8007">
        <v>1</v>
      </c>
      <c r="D8007">
        <v>0</v>
      </c>
    </row>
    <row r="8008" spans="1:4" x14ac:dyDescent="0.25">
      <c r="A8008" t="s">
        <v>11999</v>
      </c>
      <c r="B8008" t="s">
        <v>12000</v>
      </c>
      <c r="C8008">
        <v>0</v>
      </c>
      <c r="D8008">
        <v>0</v>
      </c>
    </row>
    <row r="8009" spans="1:4" x14ac:dyDescent="0.25">
      <c r="A8009" t="s">
        <v>12001</v>
      </c>
      <c r="B8009" t="s">
        <v>12002</v>
      </c>
      <c r="C8009">
        <v>1</v>
      </c>
      <c r="D8009">
        <v>0</v>
      </c>
    </row>
    <row r="8010" spans="1:4" x14ac:dyDescent="0.25">
      <c r="A8010" t="s">
        <v>12003</v>
      </c>
      <c r="B8010" t="s">
        <v>12004</v>
      </c>
      <c r="C8010">
        <v>1</v>
      </c>
      <c r="D8010">
        <v>0</v>
      </c>
    </row>
    <row r="8011" spans="1:4" x14ac:dyDescent="0.25">
      <c r="A8011" t="s">
        <v>12003</v>
      </c>
      <c r="B8011" t="s">
        <v>12005</v>
      </c>
      <c r="C8011">
        <v>1</v>
      </c>
      <c r="D8011">
        <v>0</v>
      </c>
    </row>
    <row r="8012" spans="1:4" x14ac:dyDescent="0.25">
      <c r="A8012" t="s">
        <v>12003</v>
      </c>
      <c r="B8012" t="s">
        <v>12006</v>
      </c>
      <c r="C8012">
        <v>1</v>
      </c>
      <c r="D8012">
        <v>0</v>
      </c>
    </row>
    <row r="8013" spans="1:4" x14ac:dyDescent="0.25">
      <c r="A8013" t="s">
        <v>12007</v>
      </c>
      <c r="B8013" t="s">
        <v>12008</v>
      </c>
      <c r="C8013">
        <v>2</v>
      </c>
      <c r="D8013">
        <v>0</v>
      </c>
    </row>
    <row r="8014" spans="1:4" x14ac:dyDescent="0.25">
      <c r="A8014" t="s">
        <v>12007</v>
      </c>
      <c r="B8014" t="s">
        <v>12009</v>
      </c>
      <c r="C8014">
        <v>1</v>
      </c>
      <c r="D8014">
        <v>0</v>
      </c>
    </row>
    <row r="8015" spans="1:4" x14ac:dyDescent="0.25">
      <c r="A8015" t="s">
        <v>12007</v>
      </c>
      <c r="B8015" t="s">
        <v>1580</v>
      </c>
      <c r="C8015">
        <v>2</v>
      </c>
      <c r="D8015">
        <v>0</v>
      </c>
    </row>
    <row r="8016" spans="1:4" x14ac:dyDescent="0.25">
      <c r="A8016" t="s">
        <v>12010</v>
      </c>
      <c r="B8016" t="s">
        <v>12011</v>
      </c>
      <c r="C8016">
        <v>1</v>
      </c>
      <c r="D8016">
        <v>0</v>
      </c>
    </row>
    <row r="8017" spans="1:4" x14ac:dyDescent="0.25">
      <c r="A8017" t="s">
        <v>12010</v>
      </c>
      <c r="B8017" t="s">
        <v>12012</v>
      </c>
      <c r="C8017">
        <v>0</v>
      </c>
      <c r="D8017">
        <v>0</v>
      </c>
    </row>
    <row r="8018" spans="1:4" x14ac:dyDescent="0.25">
      <c r="A8018" t="s">
        <v>12010</v>
      </c>
      <c r="B8018" t="s">
        <v>12013</v>
      </c>
      <c r="C8018">
        <v>2</v>
      </c>
      <c r="D8018">
        <v>0</v>
      </c>
    </row>
    <row r="8019" spans="1:4" x14ac:dyDescent="0.25">
      <c r="A8019" t="s">
        <v>12014</v>
      </c>
      <c r="B8019" t="s">
        <v>12015</v>
      </c>
      <c r="C8019">
        <v>2</v>
      </c>
      <c r="D8019">
        <v>0</v>
      </c>
    </row>
    <row r="8020" spans="1:4" x14ac:dyDescent="0.25">
      <c r="A8020" t="s">
        <v>12016</v>
      </c>
      <c r="B8020" t="s">
        <v>12017</v>
      </c>
      <c r="C8020">
        <v>0</v>
      </c>
      <c r="D8020">
        <v>0</v>
      </c>
    </row>
    <row r="8021" spans="1:4" x14ac:dyDescent="0.25">
      <c r="A8021" t="s">
        <v>12016</v>
      </c>
      <c r="B8021" t="s">
        <v>12018</v>
      </c>
      <c r="C8021">
        <v>0</v>
      </c>
      <c r="D8021">
        <v>0</v>
      </c>
    </row>
    <row r="8022" spans="1:4" x14ac:dyDescent="0.25">
      <c r="A8022" t="s">
        <v>12019</v>
      </c>
      <c r="B8022" t="s">
        <v>12020</v>
      </c>
      <c r="C8022">
        <v>1</v>
      </c>
      <c r="D8022">
        <v>0</v>
      </c>
    </row>
    <row r="8023" spans="1:4" x14ac:dyDescent="0.25">
      <c r="A8023" t="s">
        <v>12021</v>
      </c>
      <c r="B8023" t="s">
        <v>12022</v>
      </c>
      <c r="C8023">
        <v>2</v>
      </c>
      <c r="D8023">
        <v>0</v>
      </c>
    </row>
    <row r="8024" spans="1:4" x14ac:dyDescent="0.25">
      <c r="A8024" t="s">
        <v>12021</v>
      </c>
      <c r="B8024" t="s">
        <v>12023</v>
      </c>
      <c r="C8024">
        <v>2</v>
      </c>
      <c r="D8024">
        <v>0</v>
      </c>
    </row>
    <row r="8025" spans="1:4" x14ac:dyDescent="0.25">
      <c r="A8025" t="s">
        <v>12024</v>
      </c>
      <c r="B8025" t="s">
        <v>12025</v>
      </c>
      <c r="C8025">
        <v>1</v>
      </c>
      <c r="D8025">
        <v>0</v>
      </c>
    </row>
    <row r="8026" spans="1:4" x14ac:dyDescent="0.25">
      <c r="A8026" t="s">
        <v>12024</v>
      </c>
      <c r="B8026" t="s">
        <v>12026</v>
      </c>
      <c r="C8026">
        <v>1</v>
      </c>
      <c r="D8026">
        <v>0</v>
      </c>
    </row>
    <row r="8027" spans="1:4" x14ac:dyDescent="0.25">
      <c r="A8027" t="s">
        <v>12024</v>
      </c>
      <c r="B8027" t="s">
        <v>12027</v>
      </c>
      <c r="C8027">
        <v>1</v>
      </c>
      <c r="D8027">
        <v>0</v>
      </c>
    </row>
    <row r="8028" spans="1:4" x14ac:dyDescent="0.25">
      <c r="A8028" t="s">
        <v>12028</v>
      </c>
      <c r="B8028" t="s">
        <v>12029</v>
      </c>
      <c r="C8028">
        <v>1</v>
      </c>
      <c r="D8028">
        <v>0</v>
      </c>
    </row>
    <row r="8029" spans="1:4" x14ac:dyDescent="0.25">
      <c r="A8029" t="s">
        <v>12028</v>
      </c>
      <c r="B8029" t="s">
        <v>12030</v>
      </c>
      <c r="C8029">
        <v>1</v>
      </c>
      <c r="D8029">
        <v>0</v>
      </c>
    </row>
    <row r="8030" spans="1:4" x14ac:dyDescent="0.25">
      <c r="A8030" t="s">
        <v>12031</v>
      </c>
      <c r="B8030" t="s">
        <v>12032</v>
      </c>
      <c r="C8030">
        <v>1</v>
      </c>
      <c r="D8030">
        <v>0</v>
      </c>
    </row>
    <row r="8031" spans="1:4" x14ac:dyDescent="0.25">
      <c r="A8031" t="s">
        <v>12033</v>
      </c>
      <c r="B8031" t="s">
        <v>12034</v>
      </c>
      <c r="C8031">
        <v>1</v>
      </c>
      <c r="D8031">
        <v>0</v>
      </c>
    </row>
    <row r="8032" spans="1:4" x14ac:dyDescent="0.25">
      <c r="A8032" t="s">
        <v>12035</v>
      </c>
      <c r="B8032" t="s">
        <v>2704</v>
      </c>
      <c r="C8032">
        <v>1</v>
      </c>
      <c r="D8032">
        <v>0</v>
      </c>
    </row>
    <row r="8033" spans="1:4" x14ac:dyDescent="0.25">
      <c r="A8033" t="s">
        <v>12036</v>
      </c>
      <c r="B8033" t="s">
        <v>4139</v>
      </c>
      <c r="C8033">
        <v>1</v>
      </c>
      <c r="D8033">
        <v>0</v>
      </c>
    </row>
    <row r="8034" spans="1:4" x14ac:dyDescent="0.25">
      <c r="A8034" t="s">
        <v>12037</v>
      </c>
      <c r="B8034" t="s">
        <v>12038</v>
      </c>
      <c r="C8034">
        <v>1</v>
      </c>
      <c r="D8034">
        <v>0</v>
      </c>
    </row>
    <row r="8035" spans="1:4" x14ac:dyDescent="0.25">
      <c r="A8035" t="s">
        <v>12039</v>
      </c>
      <c r="B8035" t="s">
        <v>843</v>
      </c>
      <c r="C8035">
        <v>1</v>
      </c>
      <c r="D8035">
        <v>0</v>
      </c>
    </row>
    <row r="8036" spans="1:4" x14ac:dyDescent="0.25">
      <c r="A8036" t="s">
        <v>12040</v>
      </c>
      <c r="B8036" t="s">
        <v>12041</v>
      </c>
      <c r="C8036">
        <v>1</v>
      </c>
      <c r="D8036">
        <v>0</v>
      </c>
    </row>
    <row r="8037" spans="1:4" x14ac:dyDescent="0.25">
      <c r="A8037" t="s">
        <v>12040</v>
      </c>
      <c r="B8037" t="s">
        <v>12042</v>
      </c>
      <c r="C8037">
        <v>0</v>
      </c>
      <c r="D8037">
        <v>0</v>
      </c>
    </row>
    <row r="8038" spans="1:4" x14ac:dyDescent="0.25">
      <c r="A8038" t="s">
        <v>12040</v>
      </c>
      <c r="B8038" t="s">
        <v>12043</v>
      </c>
      <c r="C8038">
        <v>1</v>
      </c>
      <c r="D8038">
        <v>0</v>
      </c>
    </row>
    <row r="8039" spans="1:4" x14ac:dyDescent="0.25">
      <c r="A8039" t="s">
        <v>12044</v>
      </c>
      <c r="B8039" t="s">
        <v>12045</v>
      </c>
      <c r="C8039">
        <v>0</v>
      </c>
      <c r="D8039">
        <v>0</v>
      </c>
    </row>
    <row r="8040" spans="1:4" x14ac:dyDescent="0.25">
      <c r="A8040" t="s">
        <v>12044</v>
      </c>
      <c r="B8040" t="s">
        <v>12046</v>
      </c>
      <c r="C8040">
        <v>2</v>
      </c>
      <c r="D8040">
        <v>0</v>
      </c>
    </row>
    <row r="8041" spans="1:4" x14ac:dyDescent="0.25">
      <c r="A8041" t="s">
        <v>12047</v>
      </c>
      <c r="B8041" t="s">
        <v>12048</v>
      </c>
      <c r="C8041">
        <v>1</v>
      </c>
      <c r="D8041">
        <v>0</v>
      </c>
    </row>
    <row r="8042" spans="1:4" x14ac:dyDescent="0.25">
      <c r="A8042" t="s">
        <v>12047</v>
      </c>
      <c r="B8042" t="s">
        <v>12049</v>
      </c>
      <c r="C8042">
        <v>2</v>
      </c>
      <c r="D8042">
        <v>0</v>
      </c>
    </row>
    <row r="8043" spans="1:4" x14ac:dyDescent="0.25">
      <c r="A8043" t="s">
        <v>12050</v>
      </c>
      <c r="B8043" t="s">
        <v>12051</v>
      </c>
      <c r="C8043">
        <v>1</v>
      </c>
      <c r="D8043">
        <v>0</v>
      </c>
    </row>
    <row r="8044" spans="1:4" x14ac:dyDescent="0.25">
      <c r="A8044" t="s">
        <v>12050</v>
      </c>
      <c r="B8044" t="s">
        <v>12052</v>
      </c>
      <c r="C8044">
        <v>1</v>
      </c>
      <c r="D8044">
        <v>0</v>
      </c>
    </row>
    <row r="8045" spans="1:4" x14ac:dyDescent="0.25">
      <c r="A8045" t="s">
        <v>12053</v>
      </c>
      <c r="B8045" t="s">
        <v>12054</v>
      </c>
      <c r="C8045">
        <v>0</v>
      </c>
      <c r="D8045">
        <v>0</v>
      </c>
    </row>
    <row r="8046" spans="1:4" x14ac:dyDescent="0.25">
      <c r="A8046" t="s">
        <v>12055</v>
      </c>
      <c r="B8046" t="s">
        <v>12056</v>
      </c>
      <c r="C8046">
        <v>2</v>
      </c>
      <c r="D8046">
        <v>0</v>
      </c>
    </row>
    <row r="8047" spans="1:4" x14ac:dyDescent="0.25">
      <c r="A8047" t="s">
        <v>12055</v>
      </c>
      <c r="B8047" t="s">
        <v>12057</v>
      </c>
      <c r="C8047">
        <v>0</v>
      </c>
      <c r="D8047">
        <v>0</v>
      </c>
    </row>
    <row r="8048" spans="1:4" x14ac:dyDescent="0.25">
      <c r="A8048" t="s">
        <v>12058</v>
      </c>
      <c r="B8048" t="s">
        <v>12059</v>
      </c>
      <c r="C8048">
        <v>2</v>
      </c>
      <c r="D8048">
        <v>0</v>
      </c>
    </row>
    <row r="8049" spans="1:4" x14ac:dyDescent="0.25">
      <c r="A8049" t="s">
        <v>12060</v>
      </c>
      <c r="B8049" t="s">
        <v>12061</v>
      </c>
      <c r="C8049">
        <v>2</v>
      </c>
      <c r="D8049">
        <v>0</v>
      </c>
    </row>
    <row r="8050" spans="1:4" x14ac:dyDescent="0.25">
      <c r="A8050" t="s">
        <v>12060</v>
      </c>
      <c r="B8050" t="s">
        <v>12062</v>
      </c>
      <c r="C8050">
        <v>0</v>
      </c>
      <c r="D8050">
        <v>0</v>
      </c>
    </row>
    <row r="8051" spans="1:4" x14ac:dyDescent="0.25">
      <c r="A8051" t="s">
        <v>12063</v>
      </c>
      <c r="B8051" t="s">
        <v>398</v>
      </c>
      <c r="C8051">
        <v>0</v>
      </c>
      <c r="D8051">
        <v>0</v>
      </c>
    </row>
    <row r="8052" spans="1:4" x14ac:dyDescent="0.25">
      <c r="A8052" t="s">
        <v>12064</v>
      </c>
      <c r="B8052" t="s">
        <v>5994</v>
      </c>
      <c r="C8052">
        <v>0</v>
      </c>
      <c r="D8052">
        <v>0</v>
      </c>
    </row>
    <row r="8053" spans="1:4" x14ac:dyDescent="0.25">
      <c r="A8053" t="s">
        <v>12065</v>
      </c>
      <c r="B8053" t="s">
        <v>12066</v>
      </c>
      <c r="C8053">
        <v>1</v>
      </c>
      <c r="D8053">
        <v>0</v>
      </c>
    </row>
    <row r="8054" spans="1:4" x14ac:dyDescent="0.25">
      <c r="A8054" t="s">
        <v>12067</v>
      </c>
      <c r="B8054" t="s">
        <v>12068</v>
      </c>
      <c r="C8054">
        <v>0</v>
      </c>
      <c r="D8054">
        <v>0</v>
      </c>
    </row>
    <row r="8055" spans="1:4" x14ac:dyDescent="0.25">
      <c r="A8055" t="s">
        <v>12069</v>
      </c>
      <c r="B8055" t="s">
        <v>12070</v>
      </c>
      <c r="C8055">
        <v>0</v>
      </c>
      <c r="D8055">
        <v>0</v>
      </c>
    </row>
    <row r="8056" spans="1:4" x14ac:dyDescent="0.25">
      <c r="A8056" t="s">
        <v>12071</v>
      </c>
      <c r="B8056" t="s">
        <v>12072</v>
      </c>
      <c r="C8056">
        <v>1</v>
      </c>
      <c r="D8056">
        <v>0</v>
      </c>
    </row>
    <row r="8057" spans="1:4" x14ac:dyDescent="0.25">
      <c r="A8057" t="s">
        <v>12071</v>
      </c>
      <c r="B8057" t="s">
        <v>12073</v>
      </c>
      <c r="C8057">
        <v>0</v>
      </c>
      <c r="D8057">
        <v>0</v>
      </c>
    </row>
    <row r="8058" spans="1:4" x14ac:dyDescent="0.25">
      <c r="A8058" t="s">
        <v>12071</v>
      </c>
      <c r="B8058" t="s">
        <v>12074</v>
      </c>
      <c r="C8058">
        <v>2</v>
      </c>
      <c r="D8058">
        <v>0</v>
      </c>
    </row>
    <row r="8059" spans="1:4" x14ac:dyDescent="0.25">
      <c r="A8059" t="s">
        <v>12075</v>
      </c>
      <c r="B8059" t="s">
        <v>11044</v>
      </c>
      <c r="C8059">
        <v>0</v>
      </c>
      <c r="D8059">
        <v>0</v>
      </c>
    </row>
    <row r="8060" spans="1:4" x14ac:dyDescent="0.25">
      <c r="A8060" t="s">
        <v>12075</v>
      </c>
      <c r="B8060" t="s">
        <v>12076</v>
      </c>
      <c r="C8060">
        <v>1</v>
      </c>
      <c r="D8060">
        <v>0</v>
      </c>
    </row>
    <row r="8061" spans="1:4" x14ac:dyDescent="0.25">
      <c r="A8061" t="s">
        <v>12077</v>
      </c>
      <c r="B8061" t="s">
        <v>12078</v>
      </c>
      <c r="C8061">
        <v>2</v>
      </c>
      <c r="D8061">
        <v>0</v>
      </c>
    </row>
    <row r="8062" spans="1:4" x14ac:dyDescent="0.25">
      <c r="A8062" t="s">
        <v>12077</v>
      </c>
      <c r="B8062" t="s">
        <v>12079</v>
      </c>
      <c r="C8062">
        <v>1</v>
      </c>
      <c r="D8062">
        <v>0</v>
      </c>
    </row>
    <row r="8063" spans="1:4" x14ac:dyDescent="0.25">
      <c r="A8063" t="s">
        <v>12080</v>
      </c>
      <c r="B8063" t="s">
        <v>12081</v>
      </c>
      <c r="C8063">
        <v>0</v>
      </c>
      <c r="D8063">
        <v>0</v>
      </c>
    </row>
    <row r="8064" spans="1:4" x14ac:dyDescent="0.25">
      <c r="A8064" t="s">
        <v>12080</v>
      </c>
      <c r="B8064" t="s">
        <v>12082</v>
      </c>
      <c r="C8064">
        <v>1</v>
      </c>
      <c r="D8064">
        <v>0</v>
      </c>
    </row>
    <row r="8065" spans="1:4" x14ac:dyDescent="0.25">
      <c r="A8065" t="s">
        <v>12080</v>
      </c>
      <c r="B8065" t="s">
        <v>12083</v>
      </c>
      <c r="C8065">
        <v>1</v>
      </c>
      <c r="D8065">
        <v>0</v>
      </c>
    </row>
    <row r="8066" spans="1:4" x14ac:dyDescent="0.25">
      <c r="A8066" t="s">
        <v>12084</v>
      </c>
      <c r="B8066" t="s">
        <v>12085</v>
      </c>
      <c r="C8066">
        <v>2</v>
      </c>
      <c r="D8066">
        <v>0</v>
      </c>
    </row>
    <row r="8067" spans="1:4" x14ac:dyDescent="0.25">
      <c r="A8067" t="s">
        <v>12086</v>
      </c>
      <c r="B8067" t="s">
        <v>12087</v>
      </c>
      <c r="C8067">
        <v>1</v>
      </c>
      <c r="D8067">
        <v>0</v>
      </c>
    </row>
    <row r="8068" spans="1:4" x14ac:dyDescent="0.25">
      <c r="A8068" t="s">
        <v>12086</v>
      </c>
      <c r="B8068" t="s">
        <v>12088</v>
      </c>
      <c r="C8068">
        <v>1</v>
      </c>
      <c r="D8068">
        <v>0</v>
      </c>
    </row>
    <row r="8069" spans="1:4" x14ac:dyDescent="0.25">
      <c r="A8069" t="s">
        <v>12089</v>
      </c>
      <c r="B8069" t="s">
        <v>12090</v>
      </c>
      <c r="C8069">
        <v>0</v>
      </c>
      <c r="D8069">
        <v>0</v>
      </c>
    </row>
    <row r="8070" spans="1:4" x14ac:dyDescent="0.25">
      <c r="A8070" t="s">
        <v>12091</v>
      </c>
      <c r="B8070" t="s">
        <v>12092</v>
      </c>
      <c r="C8070">
        <v>1</v>
      </c>
      <c r="D8070">
        <v>0</v>
      </c>
    </row>
    <row r="8071" spans="1:4" x14ac:dyDescent="0.25">
      <c r="A8071" t="s">
        <v>12091</v>
      </c>
      <c r="B8071" t="s">
        <v>12093</v>
      </c>
      <c r="C8071">
        <v>0</v>
      </c>
      <c r="D8071">
        <v>0</v>
      </c>
    </row>
    <row r="8072" spans="1:4" x14ac:dyDescent="0.25">
      <c r="A8072" t="s">
        <v>12094</v>
      </c>
      <c r="B8072" t="s">
        <v>1938</v>
      </c>
      <c r="C8072">
        <v>0</v>
      </c>
      <c r="D8072">
        <v>0</v>
      </c>
    </row>
    <row r="8073" spans="1:4" x14ac:dyDescent="0.25">
      <c r="A8073" t="s">
        <v>12094</v>
      </c>
      <c r="B8073" t="s">
        <v>3410</v>
      </c>
      <c r="C8073">
        <v>1</v>
      </c>
      <c r="D8073">
        <v>0</v>
      </c>
    </row>
    <row r="8074" spans="1:4" x14ac:dyDescent="0.25">
      <c r="A8074" t="s">
        <v>12095</v>
      </c>
      <c r="B8074" t="s">
        <v>12096</v>
      </c>
      <c r="C8074">
        <v>2</v>
      </c>
      <c r="D8074">
        <v>0</v>
      </c>
    </row>
    <row r="8075" spans="1:4" x14ac:dyDescent="0.25">
      <c r="A8075" t="s">
        <v>12097</v>
      </c>
      <c r="B8075" t="s">
        <v>12098</v>
      </c>
      <c r="C8075">
        <v>1</v>
      </c>
      <c r="D8075">
        <v>0</v>
      </c>
    </row>
    <row r="8076" spans="1:4" x14ac:dyDescent="0.25">
      <c r="A8076" t="s">
        <v>12097</v>
      </c>
      <c r="B8076" t="s">
        <v>1401</v>
      </c>
      <c r="C8076">
        <v>0</v>
      </c>
      <c r="D8076">
        <v>0</v>
      </c>
    </row>
    <row r="8077" spans="1:4" x14ac:dyDescent="0.25">
      <c r="A8077" t="s">
        <v>12097</v>
      </c>
      <c r="B8077" t="s">
        <v>888</v>
      </c>
      <c r="C8077">
        <v>1</v>
      </c>
      <c r="D8077">
        <v>0</v>
      </c>
    </row>
    <row r="8078" spans="1:4" x14ac:dyDescent="0.25">
      <c r="A8078" t="s">
        <v>12099</v>
      </c>
      <c r="B8078" t="s">
        <v>12100</v>
      </c>
      <c r="C8078">
        <v>1</v>
      </c>
      <c r="D8078">
        <v>0</v>
      </c>
    </row>
    <row r="8079" spans="1:4" x14ac:dyDescent="0.25">
      <c r="A8079" t="s">
        <v>12101</v>
      </c>
      <c r="B8079" t="s">
        <v>12102</v>
      </c>
      <c r="C8079">
        <v>1</v>
      </c>
      <c r="D8079">
        <v>0</v>
      </c>
    </row>
    <row r="8080" spans="1:4" x14ac:dyDescent="0.25">
      <c r="A8080" t="s">
        <v>12103</v>
      </c>
      <c r="B8080" t="s">
        <v>12104</v>
      </c>
      <c r="C8080">
        <v>1</v>
      </c>
      <c r="D8080">
        <v>0</v>
      </c>
    </row>
    <row r="8081" spans="1:4" x14ac:dyDescent="0.25">
      <c r="A8081" t="s">
        <v>12105</v>
      </c>
      <c r="B8081" t="s">
        <v>12106</v>
      </c>
      <c r="C8081">
        <v>1</v>
      </c>
      <c r="D8081">
        <v>0</v>
      </c>
    </row>
    <row r="8082" spans="1:4" x14ac:dyDescent="0.25">
      <c r="A8082" t="s">
        <v>12105</v>
      </c>
      <c r="B8082" t="s">
        <v>12107</v>
      </c>
      <c r="C8082">
        <v>2</v>
      </c>
      <c r="D8082">
        <v>0</v>
      </c>
    </row>
    <row r="8083" spans="1:4" x14ac:dyDescent="0.25">
      <c r="A8083" t="s">
        <v>12108</v>
      </c>
      <c r="B8083" t="s">
        <v>12109</v>
      </c>
      <c r="C8083">
        <v>2</v>
      </c>
      <c r="D8083">
        <v>0</v>
      </c>
    </row>
    <row r="8084" spans="1:4" x14ac:dyDescent="0.25">
      <c r="A8084" t="s">
        <v>12110</v>
      </c>
      <c r="B8084" t="s">
        <v>12111</v>
      </c>
      <c r="C8084">
        <v>0</v>
      </c>
      <c r="D8084">
        <v>0</v>
      </c>
    </row>
    <row r="8085" spans="1:4" x14ac:dyDescent="0.25">
      <c r="A8085" t="s">
        <v>12110</v>
      </c>
      <c r="B8085" t="s">
        <v>12112</v>
      </c>
      <c r="C8085">
        <v>2</v>
      </c>
      <c r="D8085">
        <v>0</v>
      </c>
    </row>
    <row r="8086" spans="1:4" x14ac:dyDescent="0.25">
      <c r="A8086" t="s">
        <v>12110</v>
      </c>
      <c r="B8086" t="s">
        <v>12113</v>
      </c>
      <c r="C8086">
        <v>2</v>
      </c>
      <c r="D8086">
        <v>0</v>
      </c>
    </row>
    <row r="8087" spans="1:4" x14ac:dyDescent="0.25">
      <c r="A8087" t="s">
        <v>12114</v>
      </c>
      <c r="B8087" t="s">
        <v>12115</v>
      </c>
      <c r="C8087">
        <v>1</v>
      </c>
      <c r="D8087">
        <v>0</v>
      </c>
    </row>
    <row r="8088" spans="1:4" x14ac:dyDescent="0.25">
      <c r="A8088" t="s">
        <v>12114</v>
      </c>
      <c r="B8088" t="s">
        <v>12116</v>
      </c>
      <c r="C8088">
        <v>1</v>
      </c>
      <c r="D8088">
        <v>0</v>
      </c>
    </row>
    <row r="8089" spans="1:4" x14ac:dyDescent="0.25">
      <c r="A8089" t="s">
        <v>12117</v>
      </c>
      <c r="B8089" t="s">
        <v>12118</v>
      </c>
      <c r="C8089">
        <v>0</v>
      </c>
      <c r="D8089">
        <v>0</v>
      </c>
    </row>
    <row r="8090" spans="1:4" x14ac:dyDescent="0.25">
      <c r="A8090" t="s">
        <v>12119</v>
      </c>
      <c r="B8090" t="s">
        <v>852</v>
      </c>
      <c r="C8090">
        <v>0</v>
      </c>
      <c r="D8090">
        <v>0</v>
      </c>
    </row>
    <row r="8091" spans="1:4" x14ac:dyDescent="0.25">
      <c r="A8091" t="s">
        <v>12120</v>
      </c>
      <c r="B8091" t="s">
        <v>12121</v>
      </c>
      <c r="C8091">
        <v>1</v>
      </c>
      <c r="D8091">
        <v>0</v>
      </c>
    </row>
    <row r="8092" spans="1:4" x14ac:dyDescent="0.25">
      <c r="A8092" t="s">
        <v>12120</v>
      </c>
      <c r="B8092" t="s">
        <v>12122</v>
      </c>
      <c r="C8092">
        <v>2</v>
      </c>
      <c r="D8092">
        <v>0</v>
      </c>
    </row>
    <row r="8093" spans="1:4" x14ac:dyDescent="0.25">
      <c r="A8093" t="s">
        <v>12120</v>
      </c>
      <c r="B8093" t="s">
        <v>12123</v>
      </c>
      <c r="C8093">
        <v>0</v>
      </c>
      <c r="D8093">
        <v>0</v>
      </c>
    </row>
    <row r="8094" spans="1:4" x14ac:dyDescent="0.25">
      <c r="A8094" t="s">
        <v>12124</v>
      </c>
      <c r="B8094" t="s">
        <v>2267</v>
      </c>
      <c r="C8094">
        <v>0</v>
      </c>
      <c r="D8094">
        <v>0</v>
      </c>
    </row>
    <row r="8095" spans="1:4" x14ac:dyDescent="0.25">
      <c r="A8095" t="s">
        <v>12125</v>
      </c>
      <c r="B8095" t="s">
        <v>12126</v>
      </c>
      <c r="C8095">
        <v>2</v>
      </c>
      <c r="D8095">
        <v>0</v>
      </c>
    </row>
    <row r="8096" spans="1:4" x14ac:dyDescent="0.25">
      <c r="A8096" t="s">
        <v>12125</v>
      </c>
      <c r="B8096" t="s">
        <v>12127</v>
      </c>
      <c r="C8096">
        <v>0</v>
      </c>
      <c r="D8096">
        <v>0</v>
      </c>
    </row>
    <row r="8097" spans="1:4" x14ac:dyDescent="0.25">
      <c r="A8097" t="s">
        <v>12128</v>
      </c>
      <c r="B8097" t="s">
        <v>1387</v>
      </c>
      <c r="C8097">
        <v>1</v>
      </c>
      <c r="D8097">
        <v>0</v>
      </c>
    </row>
    <row r="8098" spans="1:4" x14ac:dyDescent="0.25">
      <c r="A8098" t="s">
        <v>12129</v>
      </c>
      <c r="B8098" t="s">
        <v>2061</v>
      </c>
      <c r="C8098">
        <v>0</v>
      </c>
      <c r="D8098">
        <v>0</v>
      </c>
    </row>
    <row r="8099" spans="1:4" x14ac:dyDescent="0.25">
      <c r="A8099" t="s">
        <v>12130</v>
      </c>
      <c r="B8099" t="s">
        <v>12131</v>
      </c>
      <c r="C8099">
        <v>0</v>
      </c>
      <c r="D8099">
        <v>0</v>
      </c>
    </row>
    <row r="8100" spans="1:4" x14ac:dyDescent="0.25">
      <c r="A8100" t="s">
        <v>12132</v>
      </c>
      <c r="B8100" t="s">
        <v>12133</v>
      </c>
      <c r="C8100">
        <v>1</v>
      </c>
      <c r="D8100">
        <v>0</v>
      </c>
    </row>
    <row r="8101" spans="1:4" x14ac:dyDescent="0.25">
      <c r="A8101" t="s">
        <v>12132</v>
      </c>
      <c r="B8101" t="s">
        <v>12134</v>
      </c>
      <c r="C8101">
        <v>1</v>
      </c>
      <c r="D8101">
        <v>0</v>
      </c>
    </row>
    <row r="8102" spans="1:4" x14ac:dyDescent="0.25">
      <c r="A8102" t="s">
        <v>12132</v>
      </c>
      <c r="B8102" t="s">
        <v>12135</v>
      </c>
      <c r="C8102">
        <v>1</v>
      </c>
      <c r="D8102">
        <v>0</v>
      </c>
    </row>
    <row r="8103" spans="1:4" x14ac:dyDescent="0.25">
      <c r="A8103" t="s">
        <v>12136</v>
      </c>
      <c r="B8103" t="s">
        <v>12137</v>
      </c>
      <c r="C8103">
        <v>1</v>
      </c>
      <c r="D8103">
        <v>0</v>
      </c>
    </row>
    <row r="8104" spans="1:4" x14ac:dyDescent="0.25">
      <c r="A8104" t="s">
        <v>12138</v>
      </c>
      <c r="B8104" t="s">
        <v>12139</v>
      </c>
      <c r="C8104">
        <v>0</v>
      </c>
      <c r="D8104">
        <v>0</v>
      </c>
    </row>
    <row r="8105" spans="1:4" x14ac:dyDescent="0.25">
      <c r="A8105" t="s">
        <v>12140</v>
      </c>
      <c r="B8105" t="s">
        <v>12141</v>
      </c>
      <c r="C8105">
        <v>0</v>
      </c>
      <c r="D8105">
        <v>0</v>
      </c>
    </row>
    <row r="8106" spans="1:4" x14ac:dyDescent="0.25">
      <c r="A8106" t="s">
        <v>12140</v>
      </c>
      <c r="B8106" t="s">
        <v>12142</v>
      </c>
      <c r="C8106">
        <v>2</v>
      </c>
      <c r="D8106">
        <v>0</v>
      </c>
    </row>
    <row r="8107" spans="1:4" x14ac:dyDescent="0.25">
      <c r="A8107" t="s">
        <v>12143</v>
      </c>
      <c r="B8107" t="s">
        <v>12144</v>
      </c>
      <c r="C8107">
        <v>2</v>
      </c>
      <c r="D8107">
        <v>0</v>
      </c>
    </row>
    <row r="8108" spans="1:4" x14ac:dyDescent="0.25">
      <c r="A8108" t="s">
        <v>12145</v>
      </c>
      <c r="B8108" t="s">
        <v>12146</v>
      </c>
      <c r="C8108">
        <v>1</v>
      </c>
      <c r="D8108">
        <v>0</v>
      </c>
    </row>
    <row r="8109" spans="1:4" x14ac:dyDescent="0.25">
      <c r="A8109" t="s">
        <v>12147</v>
      </c>
      <c r="B8109" t="s">
        <v>12148</v>
      </c>
      <c r="C8109">
        <v>0</v>
      </c>
      <c r="D8109">
        <v>0</v>
      </c>
    </row>
    <row r="8110" spans="1:4" x14ac:dyDescent="0.25">
      <c r="A8110" t="s">
        <v>12149</v>
      </c>
      <c r="B8110" t="s">
        <v>12150</v>
      </c>
      <c r="C8110">
        <v>1</v>
      </c>
      <c r="D8110">
        <v>0</v>
      </c>
    </row>
    <row r="8111" spans="1:4" x14ac:dyDescent="0.25">
      <c r="A8111" t="s">
        <v>12151</v>
      </c>
      <c r="B8111" t="s">
        <v>12152</v>
      </c>
      <c r="C8111">
        <v>2</v>
      </c>
      <c r="D8111">
        <v>0</v>
      </c>
    </row>
    <row r="8112" spans="1:4" x14ac:dyDescent="0.25">
      <c r="A8112" t="s">
        <v>12151</v>
      </c>
      <c r="B8112" t="s">
        <v>12153</v>
      </c>
      <c r="C8112">
        <v>0</v>
      </c>
      <c r="D8112">
        <v>0</v>
      </c>
    </row>
    <row r="8113" spans="1:4" x14ac:dyDescent="0.25">
      <c r="A8113" t="s">
        <v>12154</v>
      </c>
      <c r="B8113" t="s">
        <v>12155</v>
      </c>
      <c r="C8113">
        <v>2</v>
      </c>
      <c r="D8113">
        <v>0</v>
      </c>
    </row>
    <row r="8114" spans="1:4" x14ac:dyDescent="0.25">
      <c r="A8114" t="s">
        <v>12156</v>
      </c>
      <c r="B8114" t="s">
        <v>12157</v>
      </c>
      <c r="C8114">
        <v>0</v>
      </c>
      <c r="D8114">
        <v>0</v>
      </c>
    </row>
    <row r="8115" spans="1:4" x14ac:dyDescent="0.25">
      <c r="A8115" t="s">
        <v>12158</v>
      </c>
      <c r="B8115" t="s">
        <v>12159</v>
      </c>
      <c r="C8115">
        <v>0</v>
      </c>
      <c r="D8115">
        <v>0</v>
      </c>
    </row>
    <row r="8116" spans="1:4" x14ac:dyDescent="0.25">
      <c r="A8116" t="s">
        <v>12158</v>
      </c>
      <c r="B8116" t="s">
        <v>12160</v>
      </c>
      <c r="C8116">
        <v>1</v>
      </c>
      <c r="D8116">
        <v>0</v>
      </c>
    </row>
    <row r="8117" spans="1:4" x14ac:dyDescent="0.25">
      <c r="A8117" t="s">
        <v>12161</v>
      </c>
      <c r="B8117" t="s">
        <v>12162</v>
      </c>
      <c r="C8117">
        <v>1</v>
      </c>
      <c r="D8117">
        <v>0</v>
      </c>
    </row>
    <row r="8118" spans="1:4" x14ac:dyDescent="0.25">
      <c r="A8118" t="s">
        <v>12161</v>
      </c>
      <c r="B8118" t="s">
        <v>12163</v>
      </c>
      <c r="C8118">
        <v>1</v>
      </c>
      <c r="D8118">
        <v>0</v>
      </c>
    </row>
    <row r="8119" spans="1:4" x14ac:dyDescent="0.25">
      <c r="A8119" t="s">
        <v>12164</v>
      </c>
      <c r="B8119" t="s">
        <v>12165</v>
      </c>
      <c r="C8119">
        <v>2</v>
      </c>
      <c r="D8119">
        <v>0</v>
      </c>
    </row>
    <row r="8120" spans="1:4" x14ac:dyDescent="0.25">
      <c r="A8120" t="s">
        <v>12166</v>
      </c>
      <c r="B8120" t="s">
        <v>12167</v>
      </c>
      <c r="C8120">
        <v>0</v>
      </c>
      <c r="D8120">
        <v>0</v>
      </c>
    </row>
    <row r="8121" spans="1:4" x14ac:dyDescent="0.25">
      <c r="A8121" t="s">
        <v>12168</v>
      </c>
      <c r="B8121" t="s">
        <v>4179</v>
      </c>
      <c r="C8121">
        <v>1</v>
      </c>
      <c r="D8121">
        <v>0</v>
      </c>
    </row>
    <row r="8122" spans="1:4" x14ac:dyDescent="0.25">
      <c r="A8122" t="s">
        <v>12169</v>
      </c>
      <c r="B8122" t="s">
        <v>1001</v>
      </c>
      <c r="C8122">
        <v>1</v>
      </c>
      <c r="D8122">
        <v>0</v>
      </c>
    </row>
    <row r="8123" spans="1:4" x14ac:dyDescent="0.25">
      <c r="A8123" t="s">
        <v>12170</v>
      </c>
      <c r="B8123" t="s">
        <v>12171</v>
      </c>
      <c r="C8123">
        <v>1</v>
      </c>
      <c r="D8123">
        <v>0</v>
      </c>
    </row>
    <row r="8124" spans="1:4" x14ac:dyDescent="0.25">
      <c r="A8124" t="s">
        <v>12170</v>
      </c>
      <c r="B8124" t="s">
        <v>12172</v>
      </c>
      <c r="C8124">
        <v>1</v>
      </c>
      <c r="D8124">
        <v>0</v>
      </c>
    </row>
    <row r="8125" spans="1:4" x14ac:dyDescent="0.25">
      <c r="A8125" t="s">
        <v>12170</v>
      </c>
      <c r="B8125" t="s">
        <v>12173</v>
      </c>
      <c r="C8125">
        <v>1</v>
      </c>
      <c r="D8125">
        <v>0</v>
      </c>
    </row>
    <row r="8126" spans="1:4" x14ac:dyDescent="0.25">
      <c r="A8126" t="s">
        <v>12174</v>
      </c>
      <c r="B8126" t="s">
        <v>12175</v>
      </c>
      <c r="C8126">
        <v>2</v>
      </c>
      <c r="D8126">
        <v>0</v>
      </c>
    </row>
    <row r="8127" spans="1:4" x14ac:dyDescent="0.25">
      <c r="A8127" t="s">
        <v>12174</v>
      </c>
      <c r="B8127" t="s">
        <v>12176</v>
      </c>
      <c r="C8127">
        <v>0</v>
      </c>
      <c r="D8127">
        <v>0</v>
      </c>
    </row>
    <row r="8128" spans="1:4" x14ac:dyDescent="0.25">
      <c r="A8128" t="s">
        <v>12177</v>
      </c>
      <c r="B8128" t="s">
        <v>12178</v>
      </c>
      <c r="C8128">
        <v>0</v>
      </c>
      <c r="D8128">
        <v>0</v>
      </c>
    </row>
    <row r="8129" spans="1:4" x14ac:dyDescent="0.25">
      <c r="A8129" t="s">
        <v>12177</v>
      </c>
      <c r="B8129" t="s">
        <v>12179</v>
      </c>
      <c r="C8129">
        <v>1</v>
      </c>
      <c r="D8129">
        <v>0</v>
      </c>
    </row>
    <row r="8130" spans="1:4" x14ac:dyDescent="0.25">
      <c r="A8130" t="s">
        <v>12177</v>
      </c>
      <c r="B8130" t="s">
        <v>12180</v>
      </c>
      <c r="C8130">
        <v>1</v>
      </c>
      <c r="D8130">
        <v>0</v>
      </c>
    </row>
    <row r="8131" spans="1:4" x14ac:dyDescent="0.25">
      <c r="A8131" t="s">
        <v>12181</v>
      </c>
      <c r="B8131" t="s">
        <v>12182</v>
      </c>
      <c r="C8131">
        <v>1</v>
      </c>
      <c r="D8131">
        <v>0</v>
      </c>
    </row>
    <row r="8132" spans="1:4" x14ac:dyDescent="0.25">
      <c r="A8132" t="s">
        <v>12181</v>
      </c>
      <c r="B8132" t="s">
        <v>12183</v>
      </c>
      <c r="C8132">
        <v>2</v>
      </c>
      <c r="D8132">
        <v>0</v>
      </c>
    </row>
    <row r="8133" spans="1:4" x14ac:dyDescent="0.25">
      <c r="A8133" t="s">
        <v>12184</v>
      </c>
      <c r="B8133" t="s">
        <v>12185</v>
      </c>
      <c r="C8133">
        <v>0</v>
      </c>
      <c r="D8133">
        <v>0</v>
      </c>
    </row>
    <row r="8134" spans="1:4" x14ac:dyDescent="0.25">
      <c r="A8134" t="s">
        <v>12184</v>
      </c>
      <c r="B8134" t="s">
        <v>12186</v>
      </c>
      <c r="C8134">
        <v>0</v>
      </c>
      <c r="D8134">
        <v>0</v>
      </c>
    </row>
    <row r="8135" spans="1:4" x14ac:dyDescent="0.25">
      <c r="A8135" t="s">
        <v>12184</v>
      </c>
      <c r="B8135" t="s">
        <v>12187</v>
      </c>
      <c r="C8135">
        <v>0</v>
      </c>
      <c r="D8135">
        <v>0</v>
      </c>
    </row>
    <row r="8136" spans="1:4" x14ac:dyDescent="0.25">
      <c r="A8136" t="s">
        <v>12188</v>
      </c>
      <c r="B8136" t="s">
        <v>12189</v>
      </c>
      <c r="C8136">
        <v>1</v>
      </c>
      <c r="D8136">
        <v>0</v>
      </c>
    </row>
    <row r="8137" spans="1:4" x14ac:dyDescent="0.25">
      <c r="A8137" t="s">
        <v>12190</v>
      </c>
      <c r="B8137" t="s">
        <v>12191</v>
      </c>
      <c r="C8137">
        <v>1</v>
      </c>
      <c r="D8137">
        <v>0</v>
      </c>
    </row>
    <row r="8138" spans="1:4" x14ac:dyDescent="0.25">
      <c r="A8138" t="s">
        <v>12192</v>
      </c>
      <c r="B8138" t="s">
        <v>12193</v>
      </c>
      <c r="C8138">
        <v>1</v>
      </c>
      <c r="D8138">
        <v>0</v>
      </c>
    </row>
    <row r="8139" spans="1:4" x14ac:dyDescent="0.25">
      <c r="A8139" t="s">
        <v>12192</v>
      </c>
      <c r="B8139" t="s">
        <v>12194</v>
      </c>
      <c r="C8139">
        <v>1</v>
      </c>
      <c r="D8139">
        <v>0</v>
      </c>
    </row>
    <row r="8140" spans="1:4" x14ac:dyDescent="0.25">
      <c r="A8140" t="s">
        <v>12195</v>
      </c>
      <c r="B8140" t="s">
        <v>12196</v>
      </c>
      <c r="C8140">
        <v>1</v>
      </c>
      <c r="D8140">
        <v>0</v>
      </c>
    </row>
    <row r="8141" spans="1:4" x14ac:dyDescent="0.25">
      <c r="A8141" t="s">
        <v>12197</v>
      </c>
      <c r="B8141" t="s">
        <v>12198</v>
      </c>
      <c r="C8141">
        <v>0</v>
      </c>
      <c r="D8141">
        <v>0</v>
      </c>
    </row>
    <row r="8142" spans="1:4" x14ac:dyDescent="0.25">
      <c r="A8142" t="s">
        <v>12197</v>
      </c>
      <c r="B8142" t="s">
        <v>12199</v>
      </c>
      <c r="C8142">
        <v>1</v>
      </c>
      <c r="D8142">
        <v>0</v>
      </c>
    </row>
    <row r="8143" spans="1:4" x14ac:dyDescent="0.25">
      <c r="A8143" t="s">
        <v>12197</v>
      </c>
      <c r="B8143" t="s">
        <v>12200</v>
      </c>
      <c r="C8143">
        <v>2</v>
      </c>
      <c r="D8143">
        <v>0</v>
      </c>
    </row>
    <row r="8144" spans="1:4" x14ac:dyDescent="0.25">
      <c r="A8144" t="s">
        <v>12201</v>
      </c>
      <c r="B8144" t="s">
        <v>968</v>
      </c>
      <c r="C8144">
        <v>1</v>
      </c>
      <c r="D8144">
        <v>0</v>
      </c>
    </row>
    <row r="8145" spans="1:4" x14ac:dyDescent="0.25">
      <c r="A8145" t="s">
        <v>12202</v>
      </c>
      <c r="B8145" t="s">
        <v>12203</v>
      </c>
      <c r="C8145">
        <v>1</v>
      </c>
      <c r="D8145">
        <v>0</v>
      </c>
    </row>
    <row r="8146" spans="1:4" x14ac:dyDescent="0.25">
      <c r="A8146" t="s">
        <v>12204</v>
      </c>
      <c r="B8146" t="s">
        <v>12205</v>
      </c>
      <c r="C8146">
        <v>0</v>
      </c>
      <c r="D8146">
        <v>0</v>
      </c>
    </row>
    <row r="8147" spans="1:4" x14ac:dyDescent="0.25">
      <c r="A8147" t="s">
        <v>12206</v>
      </c>
      <c r="B8147" t="s">
        <v>12207</v>
      </c>
      <c r="C8147">
        <v>0</v>
      </c>
      <c r="D8147">
        <v>0</v>
      </c>
    </row>
    <row r="8148" spans="1:4" x14ac:dyDescent="0.25">
      <c r="A8148" t="s">
        <v>12206</v>
      </c>
      <c r="B8148" t="s">
        <v>12208</v>
      </c>
      <c r="C8148">
        <v>0</v>
      </c>
      <c r="D8148">
        <v>0</v>
      </c>
    </row>
    <row r="8149" spans="1:4" x14ac:dyDescent="0.25">
      <c r="A8149" t="s">
        <v>12206</v>
      </c>
      <c r="B8149" t="s">
        <v>12209</v>
      </c>
      <c r="C8149">
        <v>1</v>
      </c>
      <c r="D8149">
        <v>0</v>
      </c>
    </row>
    <row r="8150" spans="1:4" x14ac:dyDescent="0.25">
      <c r="A8150" t="s">
        <v>12210</v>
      </c>
      <c r="B8150" t="s">
        <v>12211</v>
      </c>
      <c r="C8150">
        <v>0</v>
      </c>
      <c r="D8150">
        <v>0</v>
      </c>
    </row>
    <row r="8151" spans="1:4" x14ac:dyDescent="0.25">
      <c r="A8151" t="s">
        <v>12210</v>
      </c>
      <c r="B8151" t="s">
        <v>12212</v>
      </c>
      <c r="C8151">
        <v>2</v>
      </c>
      <c r="D8151">
        <v>0</v>
      </c>
    </row>
    <row r="8152" spans="1:4" x14ac:dyDescent="0.25">
      <c r="A8152" t="s">
        <v>12210</v>
      </c>
      <c r="B8152" t="s">
        <v>12213</v>
      </c>
      <c r="C8152">
        <v>0</v>
      </c>
      <c r="D8152">
        <v>0</v>
      </c>
    </row>
    <row r="8153" spans="1:4" x14ac:dyDescent="0.25">
      <c r="A8153" t="s">
        <v>12214</v>
      </c>
      <c r="B8153" t="s">
        <v>12215</v>
      </c>
      <c r="C8153">
        <v>0</v>
      </c>
      <c r="D8153">
        <v>0</v>
      </c>
    </row>
    <row r="8154" spans="1:4" x14ac:dyDescent="0.25">
      <c r="A8154" t="s">
        <v>12216</v>
      </c>
      <c r="B8154" t="s">
        <v>12217</v>
      </c>
      <c r="C8154">
        <v>1</v>
      </c>
      <c r="D8154">
        <v>0</v>
      </c>
    </row>
    <row r="8155" spans="1:4" x14ac:dyDescent="0.25">
      <c r="A8155" t="s">
        <v>12218</v>
      </c>
      <c r="B8155" t="s">
        <v>12219</v>
      </c>
      <c r="C8155">
        <v>1</v>
      </c>
      <c r="D8155">
        <v>0</v>
      </c>
    </row>
    <row r="8156" spans="1:4" x14ac:dyDescent="0.25">
      <c r="A8156" t="s">
        <v>12220</v>
      </c>
      <c r="B8156" t="s">
        <v>12221</v>
      </c>
      <c r="C8156">
        <v>1</v>
      </c>
      <c r="D8156">
        <v>0</v>
      </c>
    </row>
    <row r="8157" spans="1:4" x14ac:dyDescent="0.25">
      <c r="A8157" t="s">
        <v>12222</v>
      </c>
      <c r="B8157" t="s">
        <v>12223</v>
      </c>
      <c r="C8157">
        <v>1</v>
      </c>
      <c r="D8157">
        <v>0</v>
      </c>
    </row>
    <row r="8158" spans="1:4" x14ac:dyDescent="0.25">
      <c r="A8158" t="s">
        <v>12222</v>
      </c>
      <c r="B8158" t="s">
        <v>9425</v>
      </c>
      <c r="C8158">
        <v>0</v>
      </c>
      <c r="D8158">
        <v>0</v>
      </c>
    </row>
    <row r="8159" spans="1:4" x14ac:dyDescent="0.25">
      <c r="A8159" t="s">
        <v>12222</v>
      </c>
      <c r="B8159" t="s">
        <v>12224</v>
      </c>
      <c r="C8159">
        <v>1</v>
      </c>
      <c r="D8159">
        <v>0</v>
      </c>
    </row>
    <row r="8160" spans="1:4" x14ac:dyDescent="0.25">
      <c r="A8160" t="s">
        <v>12225</v>
      </c>
      <c r="B8160" t="s">
        <v>12226</v>
      </c>
      <c r="C8160">
        <v>1</v>
      </c>
      <c r="D8160">
        <v>0</v>
      </c>
    </row>
    <row r="8161" spans="1:4" x14ac:dyDescent="0.25">
      <c r="A8161" t="s">
        <v>12225</v>
      </c>
      <c r="B8161" t="s">
        <v>12227</v>
      </c>
      <c r="C8161">
        <v>1</v>
      </c>
      <c r="D8161">
        <v>0</v>
      </c>
    </row>
    <row r="8162" spans="1:4" x14ac:dyDescent="0.25">
      <c r="A8162" t="s">
        <v>12228</v>
      </c>
      <c r="B8162" t="s">
        <v>5434</v>
      </c>
      <c r="C8162">
        <v>1</v>
      </c>
      <c r="D8162">
        <v>0</v>
      </c>
    </row>
    <row r="8163" spans="1:4" x14ac:dyDescent="0.25">
      <c r="A8163" t="s">
        <v>12228</v>
      </c>
      <c r="B8163" t="s">
        <v>12229</v>
      </c>
      <c r="C8163">
        <v>0</v>
      </c>
      <c r="D8163">
        <v>0</v>
      </c>
    </row>
    <row r="8164" spans="1:4" x14ac:dyDescent="0.25">
      <c r="A8164" t="s">
        <v>12230</v>
      </c>
      <c r="B8164" t="s">
        <v>12231</v>
      </c>
      <c r="C8164">
        <v>1</v>
      </c>
      <c r="D8164">
        <v>0</v>
      </c>
    </row>
    <row r="8165" spans="1:4" x14ac:dyDescent="0.25">
      <c r="A8165" t="s">
        <v>12232</v>
      </c>
      <c r="B8165" t="s">
        <v>12233</v>
      </c>
      <c r="C8165">
        <v>1</v>
      </c>
      <c r="D8165">
        <v>0</v>
      </c>
    </row>
    <row r="8166" spans="1:4" x14ac:dyDescent="0.25">
      <c r="A8166" t="s">
        <v>12232</v>
      </c>
      <c r="B8166" t="s">
        <v>12234</v>
      </c>
      <c r="C8166">
        <v>0</v>
      </c>
      <c r="D8166">
        <v>0</v>
      </c>
    </row>
    <row r="8167" spans="1:4" x14ac:dyDescent="0.25">
      <c r="A8167" t="s">
        <v>12235</v>
      </c>
      <c r="B8167" t="s">
        <v>12236</v>
      </c>
      <c r="C8167">
        <v>0</v>
      </c>
      <c r="D8167">
        <v>0</v>
      </c>
    </row>
    <row r="8168" spans="1:4" x14ac:dyDescent="0.25">
      <c r="A8168" t="s">
        <v>12235</v>
      </c>
      <c r="B8168" t="s">
        <v>12237</v>
      </c>
      <c r="C8168">
        <v>1</v>
      </c>
      <c r="D8168">
        <v>0</v>
      </c>
    </row>
    <row r="8169" spans="1:4" x14ac:dyDescent="0.25">
      <c r="A8169" t="s">
        <v>12235</v>
      </c>
      <c r="B8169" t="s">
        <v>12238</v>
      </c>
      <c r="C8169">
        <v>1</v>
      </c>
      <c r="D8169">
        <v>0</v>
      </c>
    </row>
    <row r="8170" spans="1:4" x14ac:dyDescent="0.25">
      <c r="A8170" t="s">
        <v>12239</v>
      </c>
      <c r="B8170" t="s">
        <v>12240</v>
      </c>
      <c r="C8170">
        <v>2</v>
      </c>
      <c r="D8170">
        <v>0</v>
      </c>
    </row>
    <row r="8171" spans="1:4" x14ac:dyDescent="0.25">
      <c r="A8171" t="s">
        <v>12239</v>
      </c>
      <c r="B8171" t="s">
        <v>12241</v>
      </c>
      <c r="C8171">
        <v>1</v>
      </c>
      <c r="D8171">
        <v>0</v>
      </c>
    </row>
    <row r="8172" spans="1:4" x14ac:dyDescent="0.25">
      <c r="A8172" t="s">
        <v>12242</v>
      </c>
      <c r="B8172" t="s">
        <v>2532</v>
      </c>
      <c r="C8172">
        <v>1</v>
      </c>
      <c r="D8172">
        <v>0</v>
      </c>
    </row>
    <row r="8173" spans="1:4" x14ac:dyDescent="0.25">
      <c r="A8173" t="s">
        <v>12243</v>
      </c>
      <c r="B8173" t="s">
        <v>398</v>
      </c>
      <c r="C8173">
        <v>0</v>
      </c>
      <c r="D8173">
        <v>0</v>
      </c>
    </row>
    <row r="8174" spans="1:4" x14ac:dyDescent="0.25">
      <c r="A8174" t="s">
        <v>12244</v>
      </c>
      <c r="B8174" t="s">
        <v>12245</v>
      </c>
      <c r="C8174">
        <v>0</v>
      </c>
      <c r="D8174">
        <v>0</v>
      </c>
    </row>
    <row r="8175" spans="1:4" x14ac:dyDescent="0.25">
      <c r="A8175" t="s">
        <v>12246</v>
      </c>
      <c r="B8175" t="s">
        <v>12247</v>
      </c>
      <c r="C8175">
        <v>1</v>
      </c>
      <c r="D8175">
        <v>0</v>
      </c>
    </row>
    <row r="8176" spans="1:4" x14ac:dyDescent="0.25">
      <c r="A8176" t="s">
        <v>12246</v>
      </c>
      <c r="B8176" t="s">
        <v>12248</v>
      </c>
      <c r="C8176">
        <v>2</v>
      </c>
      <c r="D8176">
        <v>0</v>
      </c>
    </row>
    <row r="8177" spans="1:4" x14ac:dyDescent="0.25">
      <c r="A8177" t="s">
        <v>12249</v>
      </c>
      <c r="B8177" t="s">
        <v>12250</v>
      </c>
      <c r="C8177">
        <v>1</v>
      </c>
      <c r="D8177">
        <v>0</v>
      </c>
    </row>
    <row r="8178" spans="1:4" x14ac:dyDescent="0.25">
      <c r="A8178" t="s">
        <v>12249</v>
      </c>
      <c r="B8178" t="s">
        <v>12251</v>
      </c>
      <c r="C8178">
        <v>1</v>
      </c>
      <c r="D8178">
        <v>0</v>
      </c>
    </row>
    <row r="8179" spans="1:4" x14ac:dyDescent="0.25">
      <c r="A8179" t="s">
        <v>12249</v>
      </c>
      <c r="B8179" t="s">
        <v>12252</v>
      </c>
      <c r="C8179">
        <v>1</v>
      </c>
      <c r="D8179">
        <v>0</v>
      </c>
    </row>
    <row r="8180" spans="1:4" x14ac:dyDescent="0.25">
      <c r="A8180" t="s">
        <v>12253</v>
      </c>
      <c r="B8180" t="s">
        <v>1387</v>
      </c>
      <c r="C8180">
        <v>1</v>
      </c>
      <c r="D8180">
        <v>0</v>
      </c>
    </row>
    <row r="8181" spans="1:4" x14ac:dyDescent="0.25">
      <c r="A8181" t="s">
        <v>12254</v>
      </c>
      <c r="B8181" t="s">
        <v>1001</v>
      </c>
      <c r="C8181">
        <v>1</v>
      </c>
      <c r="D8181">
        <v>0</v>
      </c>
    </row>
    <row r="8182" spans="1:4" x14ac:dyDescent="0.25">
      <c r="A8182" t="s">
        <v>12255</v>
      </c>
      <c r="B8182" t="s">
        <v>12256</v>
      </c>
      <c r="C8182">
        <v>1</v>
      </c>
      <c r="D8182">
        <v>0</v>
      </c>
    </row>
    <row r="8183" spans="1:4" x14ac:dyDescent="0.25">
      <c r="A8183" t="s">
        <v>12255</v>
      </c>
      <c r="B8183" t="s">
        <v>1580</v>
      </c>
      <c r="C8183">
        <v>1</v>
      </c>
      <c r="D8183">
        <v>0</v>
      </c>
    </row>
    <row r="8184" spans="1:4" x14ac:dyDescent="0.25">
      <c r="A8184" t="s">
        <v>12257</v>
      </c>
      <c r="B8184" t="s">
        <v>12258</v>
      </c>
      <c r="C8184">
        <v>1</v>
      </c>
      <c r="D8184">
        <v>0</v>
      </c>
    </row>
    <row r="8185" spans="1:4" x14ac:dyDescent="0.25">
      <c r="A8185" t="s">
        <v>12257</v>
      </c>
      <c r="B8185" t="s">
        <v>12259</v>
      </c>
      <c r="C8185">
        <v>0</v>
      </c>
      <c r="D8185">
        <v>0</v>
      </c>
    </row>
    <row r="8186" spans="1:4" x14ac:dyDescent="0.25">
      <c r="A8186" t="s">
        <v>12260</v>
      </c>
      <c r="B8186" t="s">
        <v>12261</v>
      </c>
      <c r="C8186">
        <v>1</v>
      </c>
      <c r="D8186">
        <v>0</v>
      </c>
    </row>
    <row r="8187" spans="1:4" x14ac:dyDescent="0.25">
      <c r="A8187" t="s">
        <v>12260</v>
      </c>
      <c r="B8187" t="s">
        <v>12262</v>
      </c>
      <c r="C8187">
        <v>0</v>
      </c>
      <c r="D8187">
        <v>0</v>
      </c>
    </row>
    <row r="8188" spans="1:4" x14ac:dyDescent="0.25">
      <c r="A8188" t="s">
        <v>12263</v>
      </c>
      <c r="B8188" t="s">
        <v>1001</v>
      </c>
      <c r="C8188">
        <v>1</v>
      </c>
      <c r="D8188">
        <v>0</v>
      </c>
    </row>
    <row r="8189" spans="1:4" x14ac:dyDescent="0.25">
      <c r="A8189" t="s">
        <v>12264</v>
      </c>
      <c r="B8189" t="s">
        <v>843</v>
      </c>
      <c r="C8189">
        <v>1</v>
      </c>
      <c r="D8189">
        <v>0</v>
      </c>
    </row>
    <row r="8190" spans="1:4" x14ac:dyDescent="0.25">
      <c r="A8190" t="s">
        <v>12265</v>
      </c>
      <c r="B8190" t="s">
        <v>12266</v>
      </c>
      <c r="C8190">
        <v>2</v>
      </c>
      <c r="D8190">
        <v>0</v>
      </c>
    </row>
    <row r="8191" spans="1:4" x14ac:dyDescent="0.25">
      <c r="A8191" t="s">
        <v>12265</v>
      </c>
      <c r="B8191" t="s">
        <v>12267</v>
      </c>
      <c r="C8191">
        <v>2</v>
      </c>
      <c r="D8191">
        <v>0</v>
      </c>
    </row>
    <row r="8192" spans="1:4" x14ac:dyDescent="0.25">
      <c r="A8192" t="s">
        <v>12265</v>
      </c>
      <c r="B8192" t="s">
        <v>12268</v>
      </c>
      <c r="C8192">
        <v>2</v>
      </c>
      <c r="D8192">
        <v>0</v>
      </c>
    </row>
    <row r="8193" spans="1:4" x14ac:dyDescent="0.25">
      <c r="A8193" t="s">
        <v>12269</v>
      </c>
      <c r="B8193" t="s">
        <v>12270</v>
      </c>
      <c r="C8193">
        <v>1</v>
      </c>
      <c r="D8193">
        <v>0</v>
      </c>
    </row>
    <row r="8194" spans="1:4" x14ac:dyDescent="0.25">
      <c r="A8194" t="s">
        <v>12271</v>
      </c>
      <c r="B8194" t="s">
        <v>12272</v>
      </c>
      <c r="C8194">
        <v>1</v>
      </c>
      <c r="D8194">
        <v>0</v>
      </c>
    </row>
    <row r="8195" spans="1:4" x14ac:dyDescent="0.25">
      <c r="A8195" t="s">
        <v>12271</v>
      </c>
      <c r="B8195" t="s">
        <v>12273</v>
      </c>
      <c r="C8195">
        <v>1</v>
      </c>
      <c r="D8195">
        <v>0</v>
      </c>
    </row>
    <row r="8196" spans="1:4" x14ac:dyDescent="0.25">
      <c r="A8196" t="s">
        <v>12274</v>
      </c>
      <c r="B8196" t="s">
        <v>12275</v>
      </c>
      <c r="C8196">
        <v>1</v>
      </c>
      <c r="D8196">
        <v>0</v>
      </c>
    </row>
    <row r="8197" spans="1:4" x14ac:dyDescent="0.25">
      <c r="A8197" t="s">
        <v>12276</v>
      </c>
      <c r="B8197" t="s">
        <v>12277</v>
      </c>
      <c r="C8197">
        <v>2</v>
      </c>
      <c r="D8197">
        <v>0</v>
      </c>
    </row>
    <row r="8198" spans="1:4" x14ac:dyDescent="0.25">
      <c r="A8198" t="s">
        <v>12276</v>
      </c>
      <c r="B8198" t="s">
        <v>1401</v>
      </c>
      <c r="C8198">
        <v>0</v>
      </c>
      <c r="D8198">
        <v>0</v>
      </c>
    </row>
    <row r="8199" spans="1:4" x14ac:dyDescent="0.25">
      <c r="A8199" t="s">
        <v>12276</v>
      </c>
      <c r="B8199" t="s">
        <v>12278</v>
      </c>
      <c r="C8199">
        <v>1</v>
      </c>
      <c r="D8199">
        <v>0</v>
      </c>
    </row>
    <row r="8200" spans="1:4" x14ac:dyDescent="0.25">
      <c r="A8200" t="s">
        <v>12279</v>
      </c>
      <c r="B8200" t="s">
        <v>12280</v>
      </c>
      <c r="C8200">
        <v>1</v>
      </c>
      <c r="D8200">
        <v>0</v>
      </c>
    </row>
    <row r="8201" spans="1:4" x14ac:dyDescent="0.25">
      <c r="A8201" t="s">
        <v>12279</v>
      </c>
      <c r="B8201" t="s">
        <v>3617</v>
      </c>
      <c r="C8201">
        <v>1</v>
      </c>
      <c r="D8201">
        <v>0</v>
      </c>
    </row>
    <row r="8202" spans="1:4" x14ac:dyDescent="0.25">
      <c r="A8202" t="s">
        <v>12281</v>
      </c>
      <c r="B8202" t="s">
        <v>12282</v>
      </c>
      <c r="C8202">
        <v>1</v>
      </c>
      <c r="D8202">
        <v>0</v>
      </c>
    </row>
    <row r="8203" spans="1:4" x14ac:dyDescent="0.25">
      <c r="A8203" t="s">
        <v>12281</v>
      </c>
      <c r="B8203" t="s">
        <v>12283</v>
      </c>
      <c r="C8203">
        <v>2</v>
      </c>
      <c r="D8203">
        <v>0</v>
      </c>
    </row>
    <row r="8204" spans="1:4" x14ac:dyDescent="0.25">
      <c r="A8204" t="s">
        <v>12281</v>
      </c>
      <c r="B8204" t="s">
        <v>12284</v>
      </c>
      <c r="C8204">
        <v>2</v>
      </c>
      <c r="D8204">
        <v>0</v>
      </c>
    </row>
    <row r="8205" spans="1:4" x14ac:dyDescent="0.25">
      <c r="A8205" t="s">
        <v>12285</v>
      </c>
      <c r="B8205" t="s">
        <v>12286</v>
      </c>
      <c r="C8205">
        <v>2</v>
      </c>
      <c r="D8205">
        <v>0</v>
      </c>
    </row>
    <row r="8206" spans="1:4" x14ac:dyDescent="0.25">
      <c r="A8206" t="s">
        <v>12287</v>
      </c>
      <c r="B8206" t="s">
        <v>1895</v>
      </c>
      <c r="C8206">
        <v>1</v>
      </c>
      <c r="D8206">
        <v>0</v>
      </c>
    </row>
    <row r="8207" spans="1:4" x14ac:dyDescent="0.25">
      <c r="A8207" t="s">
        <v>12288</v>
      </c>
      <c r="B8207" t="s">
        <v>12289</v>
      </c>
      <c r="C8207">
        <v>0</v>
      </c>
      <c r="D8207">
        <v>0</v>
      </c>
    </row>
    <row r="8208" spans="1:4" x14ac:dyDescent="0.25">
      <c r="A8208" t="s">
        <v>12290</v>
      </c>
      <c r="B8208" t="s">
        <v>12291</v>
      </c>
      <c r="C8208">
        <v>2</v>
      </c>
      <c r="D8208">
        <v>0</v>
      </c>
    </row>
    <row r="8209" spans="1:4" x14ac:dyDescent="0.25">
      <c r="A8209" t="s">
        <v>12292</v>
      </c>
      <c r="B8209" t="s">
        <v>12293</v>
      </c>
      <c r="C8209">
        <v>1</v>
      </c>
      <c r="D8209">
        <v>0</v>
      </c>
    </row>
    <row r="8210" spans="1:4" x14ac:dyDescent="0.25">
      <c r="A8210" t="s">
        <v>12294</v>
      </c>
      <c r="B8210" t="s">
        <v>12295</v>
      </c>
      <c r="C8210">
        <v>1</v>
      </c>
      <c r="D8210">
        <v>0</v>
      </c>
    </row>
    <row r="8211" spans="1:4" x14ac:dyDescent="0.25">
      <c r="A8211" t="s">
        <v>12294</v>
      </c>
      <c r="B8211" t="s">
        <v>12296</v>
      </c>
      <c r="C8211">
        <v>2</v>
      </c>
      <c r="D8211">
        <v>0</v>
      </c>
    </row>
    <row r="8212" spans="1:4" x14ac:dyDescent="0.25">
      <c r="A8212" t="s">
        <v>12297</v>
      </c>
      <c r="B8212" t="s">
        <v>969</v>
      </c>
      <c r="C8212">
        <v>0</v>
      </c>
      <c r="D8212">
        <v>0</v>
      </c>
    </row>
    <row r="8213" spans="1:4" x14ac:dyDescent="0.25">
      <c r="A8213" t="s">
        <v>12298</v>
      </c>
      <c r="B8213" t="s">
        <v>12299</v>
      </c>
      <c r="C8213">
        <v>1</v>
      </c>
      <c r="D8213">
        <v>0</v>
      </c>
    </row>
    <row r="8214" spans="1:4" x14ac:dyDescent="0.25">
      <c r="A8214" t="s">
        <v>12298</v>
      </c>
      <c r="B8214" t="s">
        <v>12300</v>
      </c>
      <c r="C8214">
        <v>2</v>
      </c>
      <c r="D8214">
        <v>0</v>
      </c>
    </row>
    <row r="8215" spans="1:4" x14ac:dyDescent="0.25">
      <c r="A8215" t="s">
        <v>12301</v>
      </c>
      <c r="B8215" t="s">
        <v>12302</v>
      </c>
      <c r="C8215">
        <v>1</v>
      </c>
      <c r="D8215">
        <v>0</v>
      </c>
    </row>
    <row r="8216" spans="1:4" x14ac:dyDescent="0.25">
      <c r="A8216" t="s">
        <v>12303</v>
      </c>
      <c r="B8216" t="s">
        <v>12304</v>
      </c>
      <c r="C8216">
        <v>1</v>
      </c>
      <c r="D8216">
        <v>0</v>
      </c>
    </row>
    <row r="8217" spans="1:4" x14ac:dyDescent="0.25">
      <c r="A8217" t="s">
        <v>12303</v>
      </c>
      <c r="B8217" t="s">
        <v>12305</v>
      </c>
      <c r="C8217">
        <v>1</v>
      </c>
      <c r="D8217">
        <v>0</v>
      </c>
    </row>
    <row r="8218" spans="1:4" x14ac:dyDescent="0.25">
      <c r="A8218" t="s">
        <v>12306</v>
      </c>
      <c r="B8218" t="s">
        <v>12307</v>
      </c>
      <c r="C8218">
        <v>0</v>
      </c>
      <c r="D8218">
        <v>0</v>
      </c>
    </row>
    <row r="8219" spans="1:4" x14ac:dyDescent="0.25">
      <c r="A8219" t="s">
        <v>12308</v>
      </c>
      <c r="B8219" t="s">
        <v>12309</v>
      </c>
      <c r="C8219">
        <v>1</v>
      </c>
      <c r="D8219">
        <v>0</v>
      </c>
    </row>
    <row r="8220" spans="1:4" x14ac:dyDescent="0.25">
      <c r="A8220" t="s">
        <v>12310</v>
      </c>
      <c r="B8220" t="s">
        <v>12311</v>
      </c>
      <c r="C8220">
        <v>0</v>
      </c>
      <c r="D8220">
        <v>0</v>
      </c>
    </row>
    <row r="8221" spans="1:4" x14ac:dyDescent="0.25">
      <c r="A8221" t="s">
        <v>12310</v>
      </c>
      <c r="B8221" t="s">
        <v>12312</v>
      </c>
      <c r="C8221">
        <v>2</v>
      </c>
      <c r="D8221">
        <v>0</v>
      </c>
    </row>
    <row r="8222" spans="1:4" x14ac:dyDescent="0.25">
      <c r="A8222" t="s">
        <v>12313</v>
      </c>
      <c r="B8222" t="s">
        <v>398</v>
      </c>
      <c r="C8222">
        <v>0</v>
      </c>
      <c r="D8222">
        <v>0</v>
      </c>
    </row>
    <row r="8223" spans="1:4" x14ac:dyDescent="0.25">
      <c r="A8223" t="s">
        <v>12314</v>
      </c>
      <c r="B8223" t="s">
        <v>12315</v>
      </c>
      <c r="C8223">
        <v>1</v>
      </c>
      <c r="D8223">
        <v>0</v>
      </c>
    </row>
    <row r="8224" spans="1:4" x14ac:dyDescent="0.25">
      <c r="A8224" t="s">
        <v>12316</v>
      </c>
      <c r="B8224" t="s">
        <v>12317</v>
      </c>
      <c r="C8224">
        <v>1</v>
      </c>
      <c r="D8224">
        <v>0</v>
      </c>
    </row>
    <row r="8225" spans="1:4" x14ac:dyDescent="0.25">
      <c r="A8225" t="s">
        <v>12316</v>
      </c>
      <c r="B8225" t="s">
        <v>12318</v>
      </c>
      <c r="C8225">
        <v>1</v>
      </c>
      <c r="D8225">
        <v>0</v>
      </c>
    </row>
    <row r="8226" spans="1:4" x14ac:dyDescent="0.25">
      <c r="A8226" t="s">
        <v>12316</v>
      </c>
      <c r="B8226" t="s">
        <v>12319</v>
      </c>
      <c r="C8226">
        <v>1</v>
      </c>
      <c r="D8226">
        <v>0</v>
      </c>
    </row>
    <row r="8227" spans="1:4" x14ac:dyDescent="0.25">
      <c r="A8227" t="s">
        <v>12320</v>
      </c>
      <c r="B8227" t="s">
        <v>12321</v>
      </c>
      <c r="C8227">
        <v>1</v>
      </c>
      <c r="D8227">
        <v>0</v>
      </c>
    </row>
    <row r="8228" spans="1:4" x14ac:dyDescent="0.25">
      <c r="A8228" t="s">
        <v>12320</v>
      </c>
      <c r="B8228" t="s">
        <v>12322</v>
      </c>
      <c r="C8228">
        <v>1</v>
      </c>
      <c r="D8228">
        <v>0</v>
      </c>
    </row>
    <row r="8229" spans="1:4" x14ac:dyDescent="0.25">
      <c r="A8229" t="s">
        <v>12323</v>
      </c>
      <c r="B8229" t="s">
        <v>12324</v>
      </c>
      <c r="C8229">
        <v>1</v>
      </c>
      <c r="D8229">
        <v>0</v>
      </c>
    </row>
    <row r="8230" spans="1:4" x14ac:dyDescent="0.25">
      <c r="A8230" t="s">
        <v>12325</v>
      </c>
      <c r="B8230" t="s">
        <v>12326</v>
      </c>
      <c r="C8230">
        <v>1</v>
      </c>
      <c r="D8230">
        <v>0</v>
      </c>
    </row>
    <row r="8231" spans="1:4" x14ac:dyDescent="0.25">
      <c r="A8231" t="s">
        <v>12327</v>
      </c>
      <c r="B8231" t="s">
        <v>12328</v>
      </c>
      <c r="C8231">
        <v>1</v>
      </c>
      <c r="D8231">
        <v>0</v>
      </c>
    </row>
    <row r="8232" spans="1:4" x14ac:dyDescent="0.25">
      <c r="A8232" t="s">
        <v>12329</v>
      </c>
      <c r="B8232" t="s">
        <v>12330</v>
      </c>
      <c r="C8232">
        <v>1</v>
      </c>
      <c r="D8232">
        <v>0</v>
      </c>
    </row>
    <row r="8233" spans="1:4" x14ac:dyDescent="0.25">
      <c r="A8233" t="s">
        <v>12329</v>
      </c>
      <c r="B8233" t="s">
        <v>12331</v>
      </c>
      <c r="C8233">
        <v>0</v>
      </c>
      <c r="D8233">
        <v>0</v>
      </c>
    </row>
    <row r="8234" spans="1:4" x14ac:dyDescent="0.25">
      <c r="A8234" t="s">
        <v>12332</v>
      </c>
      <c r="B8234" t="s">
        <v>1387</v>
      </c>
      <c r="C8234">
        <v>1</v>
      </c>
      <c r="D8234">
        <v>0</v>
      </c>
    </row>
    <row r="8235" spans="1:4" x14ac:dyDescent="0.25">
      <c r="A8235" t="s">
        <v>12333</v>
      </c>
      <c r="B8235" t="s">
        <v>12334</v>
      </c>
      <c r="C8235">
        <v>0</v>
      </c>
      <c r="D8235">
        <v>0</v>
      </c>
    </row>
    <row r="8236" spans="1:4" x14ac:dyDescent="0.25">
      <c r="A8236" t="s">
        <v>12333</v>
      </c>
      <c r="B8236" t="s">
        <v>12335</v>
      </c>
      <c r="C8236">
        <v>0</v>
      </c>
      <c r="D8236">
        <v>0</v>
      </c>
    </row>
    <row r="8237" spans="1:4" x14ac:dyDescent="0.25">
      <c r="A8237" t="s">
        <v>12336</v>
      </c>
      <c r="B8237" t="s">
        <v>12337</v>
      </c>
      <c r="C8237">
        <v>2</v>
      </c>
      <c r="D8237">
        <v>0</v>
      </c>
    </row>
    <row r="8238" spans="1:4" x14ac:dyDescent="0.25">
      <c r="A8238" t="s">
        <v>12336</v>
      </c>
      <c r="B8238" t="s">
        <v>12338</v>
      </c>
      <c r="C8238">
        <v>2</v>
      </c>
      <c r="D8238">
        <v>0</v>
      </c>
    </row>
    <row r="8239" spans="1:4" x14ac:dyDescent="0.25">
      <c r="A8239" t="s">
        <v>12339</v>
      </c>
      <c r="B8239" t="s">
        <v>12340</v>
      </c>
      <c r="C8239">
        <v>1</v>
      </c>
      <c r="D8239">
        <v>0</v>
      </c>
    </row>
    <row r="8240" spans="1:4" x14ac:dyDescent="0.25">
      <c r="A8240" t="s">
        <v>12339</v>
      </c>
      <c r="B8240" t="s">
        <v>12341</v>
      </c>
      <c r="C8240">
        <v>1</v>
      </c>
      <c r="D8240">
        <v>0</v>
      </c>
    </row>
    <row r="8241" spans="1:4" x14ac:dyDescent="0.25">
      <c r="A8241" t="s">
        <v>12342</v>
      </c>
      <c r="B8241" t="s">
        <v>12343</v>
      </c>
      <c r="C8241">
        <v>2</v>
      </c>
      <c r="D8241">
        <v>0</v>
      </c>
    </row>
    <row r="8242" spans="1:4" x14ac:dyDescent="0.25">
      <c r="A8242" t="s">
        <v>12344</v>
      </c>
      <c r="B8242" t="s">
        <v>12345</v>
      </c>
      <c r="C8242">
        <v>1</v>
      </c>
      <c r="D8242">
        <v>0</v>
      </c>
    </row>
    <row r="8243" spans="1:4" x14ac:dyDescent="0.25">
      <c r="A8243" t="s">
        <v>12344</v>
      </c>
      <c r="B8243" t="s">
        <v>12346</v>
      </c>
      <c r="C8243">
        <v>0</v>
      </c>
      <c r="D8243">
        <v>0</v>
      </c>
    </row>
    <row r="8244" spans="1:4" x14ac:dyDescent="0.25">
      <c r="A8244" t="s">
        <v>12347</v>
      </c>
      <c r="B8244" t="s">
        <v>1387</v>
      </c>
      <c r="C8244">
        <v>1</v>
      </c>
      <c r="D8244">
        <v>0</v>
      </c>
    </row>
    <row r="8245" spans="1:4" x14ac:dyDescent="0.25">
      <c r="A8245" t="s">
        <v>12347</v>
      </c>
      <c r="B8245" t="s">
        <v>12348</v>
      </c>
      <c r="C8245">
        <v>0</v>
      </c>
      <c r="D8245">
        <v>0</v>
      </c>
    </row>
    <row r="8246" spans="1:4" x14ac:dyDescent="0.25">
      <c r="A8246" t="s">
        <v>12349</v>
      </c>
      <c r="B8246" t="s">
        <v>12350</v>
      </c>
      <c r="C8246">
        <v>1</v>
      </c>
      <c r="D8246">
        <v>0</v>
      </c>
    </row>
    <row r="8247" spans="1:4" x14ac:dyDescent="0.25">
      <c r="A8247" t="s">
        <v>12351</v>
      </c>
      <c r="B8247" t="s">
        <v>1401</v>
      </c>
      <c r="C8247">
        <v>0</v>
      </c>
      <c r="D8247">
        <v>0</v>
      </c>
    </row>
    <row r="8248" spans="1:4" x14ac:dyDescent="0.25">
      <c r="A8248" t="s">
        <v>12352</v>
      </c>
      <c r="B8248" t="s">
        <v>968</v>
      </c>
      <c r="C8248">
        <v>1</v>
      </c>
      <c r="D8248">
        <v>0</v>
      </c>
    </row>
    <row r="8249" spans="1:4" x14ac:dyDescent="0.25">
      <c r="A8249" t="s">
        <v>12353</v>
      </c>
      <c r="B8249" t="s">
        <v>12354</v>
      </c>
      <c r="C8249">
        <v>0</v>
      </c>
      <c r="D8249">
        <v>0</v>
      </c>
    </row>
    <row r="8250" spans="1:4" x14ac:dyDescent="0.25">
      <c r="A8250" t="s">
        <v>12353</v>
      </c>
      <c r="B8250" t="s">
        <v>12355</v>
      </c>
      <c r="C8250">
        <v>1</v>
      </c>
      <c r="D8250">
        <v>0</v>
      </c>
    </row>
    <row r="8251" spans="1:4" x14ac:dyDescent="0.25">
      <c r="A8251" t="s">
        <v>12356</v>
      </c>
      <c r="B8251" t="s">
        <v>12357</v>
      </c>
      <c r="C8251">
        <v>1</v>
      </c>
      <c r="D8251">
        <v>0</v>
      </c>
    </row>
    <row r="8252" spans="1:4" x14ac:dyDescent="0.25">
      <c r="A8252" t="s">
        <v>12358</v>
      </c>
      <c r="B8252" t="s">
        <v>12359</v>
      </c>
      <c r="C8252">
        <v>1</v>
      </c>
      <c r="D8252">
        <v>0</v>
      </c>
    </row>
    <row r="8253" spans="1:4" x14ac:dyDescent="0.25">
      <c r="A8253" t="s">
        <v>12360</v>
      </c>
      <c r="B8253" t="s">
        <v>12361</v>
      </c>
      <c r="C8253">
        <v>1</v>
      </c>
      <c r="D8253">
        <v>0</v>
      </c>
    </row>
    <row r="8254" spans="1:4" x14ac:dyDescent="0.25">
      <c r="A8254" t="s">
        <v>12362</v>
      </c>
      <c r="B8254" t="s">
        <v>12363</v>
      </c>
      <c r="C8254">
        <v>1</v>
      </c>
      <c r="D8254">
        <v>0</v>
      </c>
    </row>
    <row r="8255" spans="1:4" x14ac:dyDescent="0.25">
      <c r="A8255" t="s">
        <v>12364</v>
      </c>
      <c r="B8255" t="s">
        <v>12365</v>
      </c>
      <c r="C8255">
        <v>1</v>
      </c>
      <c r="D8255">
        <v>0</v>
      </c>
    </row>
    <row r="8256" spans="1:4" x14ac:dyDescent="0.25">
      <c r="A8256" t="s">
        <v>12364</v>
      </c>
      <c r="B8256" t="s">
        <v>12366</v>
      </c>
      <c r="C8256">
        <v>2</v>
      </c>
      <c r="D8256">
        <v>0</v>
      </c>
    </row>
    <row r="8257" spans="1:4" x14ac:dyDescent="0.25">
      <c r="A8257" t="s">
        <v>12367</v>
      </c>
      <c r="B8257" t="s">
        <v>398</v>
      </c>
      <c r="C8257">
        <v>0</v>
      </c>
      <c r="D8257">
        <v>0</v>
      </c>
    </row>
    <row r="8258" spans="1:4" x14ac:dyDescent="0.25">
      <c r="A8258" t="s">
        <v>12368</v>
      </c>
      <c r="B8258" t="s">
        <v>12369</v>
      </c>
      <c r="C8258">
        <v>0</v>
      </c>
      <c r="D8258">
        <v>0</v>
      </c>
    </row>
    <row r="8259" spans="1:4" x14ac:dyDescent="0.25">
      <c r="A8259" t="s">
        <v>12370</v>
      </c>
      <c r="B8259" t="s">
        <v>12371</v>
      </c>
      <c r="C8259">
        <v>1</v>
      </c>
      <c r="D8259">
        <v>0</v>
      </c>
    </row>
    <row r="8260" spans="1:4" x14ac:dyDescent="0.25">
      <c r="A8260" t="s">
        <v>12372</v>
      </c>
      <c r="B8260" t="s">
        <v>12373</v>
      </c>
      <c r="C8260">
        <v>0</v>
      </c>
      <c r="D8260">
        <v>0</v>
      </c>
    </row>
    <row r="8261" spans="1:4" x14ac:dyDescent="0.25">
      <c r="A8261" t="s">
        <v>12374</v>
      </c>
      <c r="B8261" t="s">
        <v>398</v>
      </c>
      <c r="C8261">
        <v>0</v>
      </c>
      <c r="D8261">
        <v>0</v>
      </c>
    </row>
    <row r="8262" spans="1:4" x14ac:dyDescent="0.25">
      <c r="A8262" t="s">
        <v>12374</v>
      </c>
      <c r="B8262" t="s">
        <v>843</v>
      </c>
      <c r="C8262">
        <v>1</v>
      </c>
      <c r="D8262">
        <v>0</v>
      </c>
    </row>
    <row r="8263" spans="1:4" x14ac:dyDescent="0.25">
      <c r="A8263" t="s">
        <v>12375</v>
      </c>
      <c r="B8263" t="s">
        <v>969</v>
      </c>
      <c r="C8263">
        <v>0</v>
      </c>
      <c r="D8263">
        <v>0</v>
      </c>
    </row>
    <row r="8264" spans="1:4" x14ac:dyDescent="0.25">
      <c r="A8264" t="s">
        <v>12376</v>
      </c>
      <c r="B8264" t="s">
        <v>12377</v>
      </c>
      <c r="C8264">
        <v>0</v>
      </c>
      <c r="D8264">
        <v>0</v>
      </c>
    </row>
    <row r="8265" spans="1:4" x14ac:dyDescent="0.25">
      <c r="A8265" t="s">
        <v>12376</v>
      </c>
      <c r="B8265" t="s">
        <v>12378</v>
      </c>
      <c r="C8265">
        <v>1</v>
      </c>
      <c r="D8265">
        <v>0</v>
      </c>
    </row>
    <row r="8266" spans="1:4" x14ac:dyDescent="0.25">
      <c r="A8266" t="s">
        <v>12379</v>
      </c>
      <c r="B8266" t="s">
        <v>12380</v>
      </c>
      <c r="C8266">
        <v>2</v>
      </c>
      <c r="D8266">
        <v>0</v>
      </c>
    </row>
    <row r="8267" spans="1:4" x14ac:dyDescent="0.25">
      <c r="A8267" t="s">
        <v>12379</v>
      </c>
      <c r="B8267" t="s">
        <v>12381</v>
      </c>
      <c r="C8267">
        <v>2</v>
      </c>
      <c r="D8267">
        <v>0</v>
      </c>
    </row>
    <row r="8268" spans="1:4" x14ac:dyDescent="0.25">
      <c r="A8268" t="s">
        <v>12382</v>
      </c>
      <c r="B8268" t="s">
        <v>12383</v>
      </c>
      <c r="C8268">
        <v>1</v>
      </c>
      <c r="D8268">
        <v>0</v>
      </c>
    </row>
    <row r="8269" spans="1:4" x14ac:dyDescent="0.25">
      <c r="A8269" t="s">
        <v>12384</v>
      </c>
      <c r="B8269" t="s">
        <v>12385</v>
      </c>
      <c r="C8269">
        <v>1</v>
      </c>
      <c r="D8269">
        <v>0</v>
      </c>
    </row>
    <row r="8270" spans="1:4" x14ac:dyDescent="0.25">
      <c r="A8270" t="s">
        <v>12386</v>
      </c>
      <c r="B8270" t="s">
        <v>5233</v>
      </c>
      <c r="C8270">
        <v>0</v>
      </c>
      <c r="D8270">
        <v>0</v>
      </c>
    </row>
    <row r="8271" spans="1:4" x14ac:dyDescent="0.25">
      <c r="A8271" t="s">
        <v>12386</v>
      </c>
      <c r="B8271" t="s">
        <v>12387</v>
      </c>
      <c r="C8271">
        <v>1</v>
      </c>
      <c r="D8271">
        <v>0</v>
      </c>
    </row>
    <row r="8272" spans="1:4" x14ac:dyDescent="0.25">
      <c r="A8272" t="s">
        <v>12388</v>
      </c>
      <c r="B8272" t="s">
        <v>12389</v>
      </c>
      <c r="C8272">
        <v>2</v>
      </c>
      <c r="D8272">
        <v>0</v>
      </c>
    </row>
    <row r="8273" spans="1:4" x14ac:dyDescent="0.25">
      <c r="A8273" t="s">
        <v>12388</v>
      </c>
      <c r="B8273" t="s">
        <v>1567</v>
      </c>
      <c r="C8273">
        <v>0</v>
      </c>
      <c r="D8273">
        <v>0</v>
      </c>
    </row>
    <row r="8274" spans="1:4" x14ac:dyDescent="0.25">
      <c r="A8274" t="s">
        <v>12390</v>
      </c>
      <c r="B8274" t="s">
        <v>1246</v>
      </c>
      <c r="C8274">
        <v>0</v>
      </c>
      <c r="D8274">
        <v>0</v>
      </c>
    </row>
    <row r="8275" spans="1:4" x14ac:dyDescent="0.25">
      <c r="A8275" t="s">
        <v>12391</v>
      </c>
      <c r="B8275" t="s">
        <v>12392</v>
      </c>
      <c r="C8275">
        <v>1</v>
      </c>
      <c r="D8275">
        <v>0</v>
      </c>
    </row>
    <row r="8276" spans="1:4" x14ac:dyDescent="0.25">
      <c r="A8276" t="s">
        <v>12391</v>
      </c>
      <c r="B8276" t="s">
        <v>12393</v>
      </c>
      <c r="C8276">
        <v>1</v>
      </c>
      <c r="D8276">
        <v>0</v>
      </c>
    </row>
    <row r="8277" spans="1:4" x14ac:dyDescent="0.25">
      <c r="A8277" t="s">
        <v>12394</v>
      </c>
      <c r="B8277" t="s">
        <v>12395</v>
      </c>
      <c r="C8277">
        <v>0</v>
      </c>
      <c r="D8277">
        <v>0</v>
      </c>
    </row>
    <row r="8278" spans="1:4" x14ac:dyDescent="0.25">
      <c r="A8278" t="s">
        <v>12396</v>
      </c>
      <c r="B8278" t="s">
        <v>5396</v>
      </c>
      <c r="C8278">
        <v>0</v>
      </c>
      <c r="D8278">
        <v>0</v>
      </c>
    </row>
    <row r="8279" spans="1:4" x14ac:dyDescent="0.25">
      <c r="A8279" t="s">
        <v>12397</v>
      </c>
      <c r="B8279" t="s">
        <v>12398</v>
      </c>
      <c r="C8279">
        <v>1</v>
      </c>
      <c r="D8279">
        <v>0</v>
      </c>
    </row>
    <row r="8280" spans="1:4" x14ac:dyDescent="0.25">
      <c r="A8280" t="s">
        <v>12399</v>
      </c>
      <c r="B8280" t="s">
        <v>12400</v>
      </c>
      <c r="C8280">
        <v>1</v>
      </c>
      <c r="D8280">
        <v>0</v>
      </c>
    </row>
    <row r="8281" spans="1:4" x14ac:dyDescent="0.25">
      <c r="A8281" t="s">
        <v>12399</v>
      </c>
      <c r="B8281" t="s">
        <v>12401</v>
      </c>
      <c r="C8281">
        <v>2</v>
      </c>
      <c r="D8281">
        <v>0</v>
      </c>
    </row>
    <row r="8282" spans="1:4" x14ac:dyDescent="0.25">
      <c r="A8282" t="s">
        <v>12402</v>
      </c>
      <c r="B8282" t="s">
        <v>12403</v>
      </c>
      <c r="C8282">
        <v>1</v>
      </c>
      <c r="D8282">
        <v>0</v>
      </c>
    </row>
    <row r="8283" spans="1:4" x14ac:dyDescent="0.25">
      <c r="A8283" t="s">
        <v>12402</v>
      </c>
      <c r="B8283" t="s">
        <v>12404</v>
      </c>
      <c r="C8283">
        <v>2</v>
      </c>
      <c r="D8283">
        <v>0</v>
      </c>
    </row>
    <row r="8284" spans="1:4" x14ac:dyDescent="0.25">
      <c r="A8284" t="s">
        <v>12402</v>
      </c>
      <c r="B8284" t="s">
        <v>12405</v>
      </c>
      <c r="C8284">
        <v>1</v>
      </c>
      <c r="D8284">
        <v>0</v>
      </c>
    </row>
    <row r="8285" spans="1:4" x14ac:dyDescent="0.25">
      <c r="A8285" t="s">
        <v>12406</v>
      </c>
      <c r="B8285" t="s">
        <v>12407</v>
      </c>
      <c r="C8285">
        <v>1</v>
      </c>
      <c r="D8285">
        <v>0</v>
      </c>
    </row>
    <row r="8286" spans="1:4" x14ac:dyDescent="0.25">
      <c r="A8286" t="s">
        <v>12408</v>
      </c>
      <c r="B8286" t="s">
        <v>843</v>
      </c>
      <c r="C8286">
        <v>1</v>
      </c>
      <c r="D8286">
        <v>0</v>
      </c>
    </row>
    <row r="8287" spans="1:4" x14ac:dyDescent="0.25">
      <c r="A8287" t="s">
        <v>12409</v>
      </c>
      <c r="B8287" t="s">
        <v>12410</v>
      </c>
      <c r="C8287">
        <v>0</v>
      </c>
      <c r="D8287">
        <v>0</v>
      </c>
    </row>
    <row r="8288" spans="1:4" x14ac:dyDescent="0.25">
      <c r="A8288" t="s">
        <v>12409</v>
      </c>
      <c r="B8288" t="s">
        <v>12411</v>
      </c>
      <c r="C8288">
        <v>1</v>
      </c>
      <c r="D8288">
        <v>0</v>
      </c>
    </row>
    <row r="8289" spans="1:4" x14ac:dyDescent="0.25">
      <c r="A8289" t="s">
        <v>12409</v>
      </c>
      <c r="B8289" t="s">
        <v>12412</v>
      </c>
      <c r="C8289">
        <v>0</v>
      </c>
      <c r="D8289">
        <v>0</v>
      </c>
    </row>
    <row r="8290" spans="1:4" x14ac:dyDescent="0.25">
      <c r="A8290" t="s">
        <v>12413</v>
      </c>
      <c r="B8290" t="s">
        <v>12414</v>
      </c>
      <c r="C8290">
        <v>1</v>
      </c>
      <c r="D8290">
        <v>0</v>
      </c>
    </row>
    <row r="8291" spans="1:4" x14ac:dyDescent="0.25">
      <c r="A8291" t="s">
        <v>12413</v>
      </c>
      <c r="B8291" t="s">
        <v>12415</v>
      </c>
      <c r="C8291">
        <v>0</v>
      </c>
      <c r="D8291">
        <v>0</v>
      </c>
    </row>
    <row r="8292" spans="1:4" x14ac:dyDescent="0.25">
      <c r="A8292" t="s">
        <v>12416</v>
      </c>
      <c r="B8292" t="s">
        <v>12417</v>
      </c>
      <c r="C8292">
        <v>0</v>
      </c>
      <c r="D8292">
        <v>0</v>
      </c>
    </row>
    <row r="8293" spans="1:4" x14ac:dyDescent="0.25">
      <c r="A8293" t="s">
        <v>12418</v>
      </c>
      <c r="B8293" t="s">
        <v>12419</v>
      </c>
      <c r="C8293">
        <v>1</v>
      </c>
      <c r="D8293">
        <v>0</v>
      </c>
    </row>
    <row r="8294" spans="1:4" x14ac:dyDescent="0.25">
      <c r="A8294" t="s">
        <v>12420</v>
      </c>
      <c r="B8294" t="s">
        <v>12421</v>
      </c>
      <c r="C8294">
        <v>0</v>
      </c>
      <c r="D8294">
        <v>0</v>
      </c>
    </row>
    <row r="8295" spans="1:4" x14ac:dyDescent="0.25">
      <c r="A8295" t="s">
        <v>12422</v>
      </c>
      <c r="B8295" t="s">
        <v>12423</v>
      </c>
      <c r="C8295">
        <v>2</v>
      </c>
      <c r="D8295">
        <v>0</v>
      </c>
    </row>
    <row r="8296" spans="1:4" x14ac:dyDescent="0.25">
      <c r="A8296" t="s">
        <v>12424</v>
      </c>
      <c r="B8296" t="s">
        <v>12425</v>
      </c>
      <c r="C8296">
        <v>2</v>
      </c>
      <c r="D8296">
        <v>0</v>
      </c>
    </row>
    <row r="8297" spans="1:4" x14ac:dyDescent="0.25">
      <c r="A8297" t="s">
        <v>12424</v>
      </c>
      <c r="B8297" t="s">
        <v>12426</v>
      </c>
      <c r="C8297">
        <v>2</v>
      </c>
      <c r="D8297">
        <v>0</v>
      </c>
    </row>
    <row r="8298" spans="1:4" x14ac:dyDescent="0.25">
      <c r="A8298" t="s">
        <v>12427</v>
      </c>
      <c r="B8298" t="s">
        <v>12428</v>
      </c>
      <c r="C8298">
        <v>0</v>
      </c>
      <c r="D8298">
        <v>0</v>
      </c>
    </row>
    <row r="8299" spans="1:4" x14ac:dyDescent="0.25">
      <c r="A8299" t="s">
        <v>12429</v>
      </c>
      <c r="B8299" t="s">
        <v>1151</v>
      </c>
      <c r="C8299">
        <v>1</v>
      </c>
      <c r="D8299">
        <v>0</v>
      </c>
    </row>
    <row r="8300" spans="1:4" x14ac:dyDescent="0.25">
      <c r="A8300" t="s">
        <v>12430</v>
      </c>
      <c r="B8300" t="s">
        <v>12431</v>
      </c>
      <c r="C8300">
        <v>0</v>
      </c>
      <c r="D8300">
        <v>0</v>
      </c>
    </row>
    <row r="8301" spans="1:4" x14ac:dyDescent="0.25">
      <c r="A8301" t="s">
        <v>12432</v>
      </c>
      <c r="B8301" t="s">
        <v>12433</v>
      </c>
      <c r="C8301">
        <v>0</v>
      </c>
      <c r="D8301">
        <v>0</v>
      </c>
    </row>
    <row r="8302" spans="1:4" x14ac:dyDescent="0.25">
      <c r="A8302" t="s">
        <v>12434</v>
      </c>
      <c r="B8302" t="s">
        <v>12435</v>
      </c>
      <c r="C8302">
        <v>2</v>
      </c>
      <c r="D8302">
        <v>0</v>
      </c>
    </row>
    <row r="8303" spans="1:4" x14ac:dyDescent="0.25">
      <c r="A8303" t="s">
        <v>12436</v>
      </c>
      <c r="B8303" t="s">
        <v>12437</v>
      </c>
      <c r="C8303">
        <v>0</v>
      </c>
      <c r="D8303">
        <v>0</v>
      </c>
    </row>
    <row r="8304" spans="1:4" x14ac:dyDescent="0.25">
      <c r="A8304" t="s">
        <v>12438</v>
      </c>
      <c r="B8304" t="s">
        <v>12439</v>
      </c>
      <c r="C8304">
        <v>1</v>
      </c>
      <c r="D8304">
        <v>0</v>
      </c>
    </row>
    <row r="8305" spans="1:4" x14ac:dyDescent="0.25">
      <c r="A8305" t="s">
        <v>12440</v>
      </c>
      <c r="B8305" t="s">
        <v>12441</v>
      </c>
      <c r="C8305">
        <v>0</v>
      </c>
      <c r="D8305">
        <v>0</v>
      </c>
    </row>
    <row r="8306" spans="1:4" x14ac:dyDescent="0.25">
      <c r="A8306" t="s">
        <v>12442</v>
      </c>
      <c r="B8306" t="s">
        <v>12443</v>
      </c>
      <c r="C8306">
        <v>1</v>
      </c>
      <c r="D8306">
        <v>0</v>
      </c>
    </row>
    <row r="8307" spans="1:4" x14ac:dyDescent="0.25">
      <c r="A8307" t="s">
        <v>12442</v>
      </c>
      <c r="B8307" t="s">
        <v>12444</v>
      </c>
      <c r="C8307">
        <v>2</v>
      </c>
      <c r="D8307">
        <v>0</v>
      </c>
    </row>
    <row r="8308" spans="1:4" x14ac:dyDescent="0.25">
      <c r="A8308" t="s">
        <v>12445</v>
      </c>
      <c r="B8308" t="s">
        <v>12446</v>
      </c>
      <c r="C8308">
        <v>0</v>
      </c>
      <c r="D8308">
        <v>0</v>
      </c>
    </row>
    <row r="8309" spans="1:4" x14ac:dyDescent="0.25">
      <c r="A8309" t="s">
        <v>12447</v>
      </c>
      <c r="B8309" t="s">
        <v>12448</v>
      </c>
      <c r="C8309">
        <v>0</v>
      </c>
      <c r="D8309">
        <v>0</v>
      </c>
    </row>
    <row r="8310" spans="1:4" x14ac:dyDescent="0.25">
      <c r="A8310" t="s">
        <v>12447</v>
      </c>
      <c r="B8310" t="s">
        <v>4422</v>
      </c>
      <c r="C8310">
        <v>1</v>
      </c>
      <c r="D8310">
        <v>0</v>
      </c>
    </row>
    <row r="8311" spans="1:4" x14ac:dyDescent="0.25">
      <c r="A8311" t="s">
        <v>12449</v>
      </c>
      <c r="B8311" t="s">
        <v>12450</v>
      </c>
      <c r="C8311">
        <v>2</v>
      </c>
      <c r="D8311">
        <v>0</v>
      </c>
    </row>
    <row r="8312" spans="1:4" x14ac:dyDescent="0.25">
      <c r="A8312" t="s">
        <v>12451</v>
      </c>
      <c r="B8312" t="s">
        <v>1938</v>
      </c>
      <c r="C8312">
        <v>0</v>
      </c>
      <c r="D8312">
        <v>0</v>
      </c>
    </row>
    <row r="8313" spans="1:4" x14ac:dyDescent="0.25">
      <c r="A8313" t="s">
        <v>12451</v>
      </c>
      <c r="B8313" t="s">
        <v>1387</v>
      </c>
      <c r="C8313">
        <v>1</v>
      </c>
      <c r="D8313">
        <v>0</v>
      </c>
    </row>
    <row r="8314" spans="1:4" x14ac:dyDescent="0.25">
      <c r="A8314" t="s">
        <v>12452</v>
      </c>
      <c r="B8314" t="s">
        <v>12453</v>
      </c>
      <c r="C8314">
        <v>0</v>
      </c>
      <c r="D8314">
        <v>0</v>
      </c>
    </row>
    <row r="8315" spans="1:4" x14ac:dyDescent="0.25">
      <c r="A8315" t="s">
        <v>12454</v>
      </c>
      <c r="B8315" t="s">
        <v>12455</v>
      </c>
      <c r="C8315">
        <v>1</v>
      </c>
      <c r="D8315">
        <v>0</v>
      </c>
    </row>
    <row r="8316" spans="1:4" x14ac:dyDescent="0.25">
      <c r="A8316" t="s">
        <v>12456</v>
      </c>
      <c r="B8316" t="s">
        <v>12457</v>
      </c>
      <c r="C8316">
        <v>0</v>
      </c>
      <c r="D8316">
        <v>0</v>
      </c>
    </row>
    <row r="8317" spans="1:4" x14ac:dyDescent="0.25">
      <c r="A8317" t="s">
        <v>12458</v>
      </c>
      <c r="B8317" t="s">
        <v>398</v>
      </c>
      <c r="C8317">
        <v>0</v>
      </c>
      <c r="D8317">
        <v>0</v>
      </c>
    </row>
    <row r="8318" spans="1:4" x14ac:dyDescent="0.25">
      <c r="A8318" t="s">
        <v>12459</v>
      </c>
      <c r="B8318" t="s">
        <v>12460</v>
      </c>
      <c r="C8318">
        <v>1</v>
      </c>
      <c r="D8318">
        <v>0</v>
      </c>
    </row>
    <row r="8319" spans="1:4" x14ac:dyDescent="0.25">
      <c r="A8319" t="s">
        <v>12459</v>
      </c>
      <c r="B8319" t="s">
        <v>12461</v>
      </c>
      <c r="C8319">
        <v>0</v>
      </c>
      <c r="D8319">
        <v>0</v>
      </c>
    </row>
    <row r="8320" spans="1:4" x14ac:dyDescent="0.25">
      <c r="A8320" t="s">
        <v>12462</v>
      </c>
      <c r="B8320" t="s">
        <v>12463</v>
      </c>
      <c r="C8320">
        <v>2</v>
      </c>
      <c r="D8320">
        <v>0</v>
      </c>
    </row>
    <row r="8321" spans="1:4" x14ac:dyDescent="0.25">
      <c r="A8321" t="s">
        <v>12464</v>
      </c>
      <c r="B8321" t="s">
        <v>12465</v>
      </c>
      <c r="C8321">
        <v>0</v>
      </c>
      <c r="D8321">
        <v>0</v>
      </c>
    </row>
    <row r="8322" spans="1:4" x14ac:dyDescent="0.25">
      <c r="A8322" t="s">
        <v>12464</v>
      </c>
      <c r="B8322" t="s">
        <v>12466</v>
      </c>
      <c r="C8322">
        <v>2</v>
      </c>
      <c r="D8322">
        <v>0</v>
      </c>
    </row>
    <row r="8323" spans="1:4" x14ac:dyDescent="0.25">
      <c r="A8323" t="s">
        <v>12467</v>
      </c>
      <c r="B8323" t="s">
        <v>398</v>
      </c>
      <c r="C8323">
        <v>0</v>
      </c>
      <c r="D8323">
        <v>0</v>
      </c>
    </row>
    <row r="8324" spans="1:4" x14ac:dyDescent="0.25">
      <c r="A8324" t="s">
        <v>12468</v>
      </c>
      <c r="B8324" t="s">
        <v>12469</v>
      </c>
      <c r="C8324">
        <v>2</v>
      </c>
      <c r="D8324">
        <v>0</v>
      </c>
    </row>
    <row r="8325" spans="1:4" x14ac:dyDescent="0.25">
      <c r="A8325" t="s">
        <v>12470</v>
      </c>
      <c r="B8325" t="s">
        <v>12471</v>
      </c>
      <c r="C8325">
        <v>1</v>
      </c>
      <c r="D8325">
        <v>0</v>
      </c>
    </row>
    <row r="8326" spans="1:4" x14ac:dyDescent="0.25">
      <c r="A8326" t="s">
        <v>12470</v>
      </c>
      <c r="B8326" t="s">
        <v>12472</v>
      </c>
      <c r="C8326">
        <v>1</v>
      </c>
      <c r="D8326">
        <v>0</v>
      </c>
    </row>
    <row r="8327" spans="1:4" x14ac:dyDescent="0.25">
      <c r="A8327" t="s">
        <v>12473</v>
      </c>
      <c r="B8327" t="s">
        <v>12474</v>
      </c>
      <c r="C8327">
        <v>1</v>
      </c>
      <c r="D8327">
        <v>0</v>
      </c>
    </row>
    <row r="8328" spans="1:4" x14ac:dyDescent="0.25">
      <c r="A8328" t="s">
        <v>12473</v>
      </c>
      <c r="B8328" t="s">
        <v>12475</v>
      </c>
      <c r="C8328">
        <v>2</v>
      </c>
      <c r="D8328">
        <v>0</v>
      </c>
    </row>
    <row r="8329" spans="1:4" x14ac:dyDescent="0.25">
      <c r="A8329" t="s">
        <v>12473</v>
      </c>
      <c r="B8329" t="s">
        <v>12476</v>
      </c>
      <c r="C8329">
        <v>0</v>
      </c>
      <c r="D8329">
        <v>0</v>
      </c>
    </row>
    <row r="8330" spans="1:4" x14ac:dyDescent="0.25">
      <c r="A8330" t="s">
        <v>12477</v>
      </c>
      <c r="B8330" t="s">
        <v>398</v>
      </c>
      <c r="C8330">
        <v>0</v>
      </c>
      <c r="D8330">
        <v>0</v>
      </c>
    </row>
    <row r="8331" spans="1:4" x14ac:dyDescent="0.25">
      <c r="A8331" t="s">
        <v>12477</v>
      </c>
      <c r="B8331" t="s">
        <v>12478</v>
      </c>
      <c r="C8331">
        <v>0</v>
      </c>
      <c r="D8331">
        <v>0</v>
      </c>
    </row>
    <row r="8332" spans="1:4" x14ac:dyDescent="0.25">
      <c r="A8332" t="s">
        <v>12479</v>
      </c>
      <c r="B8332" t="s">
        <v>820</v>
      </c>
      <c r="C8332">
        <v>1</v>
      </c>
      <c r="D8332">
        <v>0</v>
      </c>
    </row>
    <row r="8333" spans="1:4" x14ac:dyDescent="0.25">
      <c r="A8333" t="s">
        <v>12479</v>
      </c>
      <c r="B8333" t="s">
        <v>12480</v>
      </c>
      <c r="C8333">
        <v>1</v>
      </c>
      <c r="D8333">
        <v>0</v>
      </c>
    </row>
    <row r="8334" spans="1:4" x14ac:dyDescent="0.25">
      <c r="A8334" t="s">
        <v>12479</v>
      </c>
      <c r="B8334" t="s">
        <v>12481</v>
      </c>
      <c r="C8334">
        <v>1</v>
      </c>
      <c r="D8334">
        <v>0</v>
      </c>
    </row>
    <row r="8335" spans="1:4" x14ac:dyDescent="0.25">
      <c r="A8335" t="s">
        <v>12482</v>
      </c>
      <c r="B8335" t="s">
        <v>2061</v>
      </c>
      <c r="C8335">
        <v>0</v>
      </c>
      <c r="D8335">
        <v>0</v>
      </c>
    </row>
    <row r="8336" spans="1:4" x14ac:dyDescent="0.25">
      <c r="A8336" t="s">
        <v>12483</v>
      </c>
      <c r="B8336" t="s">
        <v>12484</v>
      </c>
      <c r="C8336">
        <v>0</v>
      </c>
      <c r="D8336">
        <v>0</v>
      </c>
    </row>
    <row r="8337" spans="1:4" x14ac:dyDescent="0.25">
      <c r="A8337" t="s">
        <v>12483</v>
      </c>
      <c r="B8337" t="s">
        <v>12485</v>
      </c>
      <c r="C8337">
        <v>0</v>
      </c>
      <c r="D8337">
        <v>0</v>
      </c>
    </row>
    <row r="8338" spans="1:4" x14ac:dyDescent="0.25">
      <c r="A8338" t="s">
        <v>12483</v>
      </c>
      <c r="B8338" t="s">
        <v>12486</v>
      </c>
      <c r="C8338">
        <v>0</v>
      </c>
      <c r="D8338">
        <v>0</v>
      </c>
    </row>
    <row r="8339" spans="1:4" x14ac:dyDescent="0.25">
      <c r="A8339" t="s">
        <v>12487</v>
      </c>
      <c r="B8339" t="s">
        <v>1001</v>
      </c>
      <c r="C8339">
        <v>1</v>
      </c>
      <c r="D8339">
        <v>0</v>
      </c>
    </row>
    <row r="8340" spans="1:4" x14ac:dyDescent="0.25">
      <c r="A8340" t="s">
        <v>12488</v>
      </c>
      <c r="B8340" t="s">
        <v>12489</v>
      </c>
      <c r="C8340">
        <v>0</v>
      </c>
      <c r="D8340">
        <v>0</v>
      </c>
    </row>
    <row r="8341" spans="1:4" x14ac:dyDescent="0.25">
      <c r="A8341" t="s">
        <v>12490</v>
      </c>
      <c r="B8341" t="s">
        <v>12491</v>
      </c>
      <c r="C8341">
        <v>1</v>
      </c>
      <c r="D8341">
        <v>0</v>
      </c>
    </row>
    <row r="8342" spans="1:4" x14ac:dyDescent="0.25">
      <c r="A8342" t="s">
        <v>12490</v>
      </c>
      <c r="B8342" t="s">
        <v>12492</v>
      </c>
      <c r="C8342">
        <v>0</v>
      </c>
      <c r="D8342">
        <v>0</v>
      </c>
    </row>
    <row r="8343" spans="1:4" x14ac:dyDescent="0.25">
      <c r="A8343" t="s">
        <v>12493</v>
      </c>
      <c r="B8343" t="s">
        <v>12494</v>
      </c>
      <c r="C8343">
        <v>0</v>
      </c>
      <c r="D8343">
        <v>0</v>
      </c>
    </row>
    <row r="8344" spans="1:4" x14ac:dyDescent="0.25">
      <c r="A8344" t="s">
        <v>12495</v>
      </c>
      <c r="B8344" t="s">
        <v>12496</v>
      </c>
      <c r="C8344">
        <v>0</v>
      </c>
      <c r="D8344">
        <v>0</v>
      </c>
    </row>
    <row r="8345" spans="1:4" x14ac:dyDescent="0.25">
      <c r="A8345" t="s">
        <v>12497</v>
      </c>
      <c r="B8345" t="s">
        <v>398</v>
      </c>
      <c r="C8345">
        <v>0</v>
      </c>
      <c r="D8345">
        <v>0</v>
      </c>
    </row>
    <row r="8346" spans="1:4" x14ac:dyDescent="0.25">
      <c r="A8346" t="s">
        <v>12498</v>
      </c>
      <c r="B8346" t="s">
        <v>12499</v>
      </c>
      <c r="C8346">
        <v>2</v>
      </c>
      <c r="D8346">
        <v>0</v>
      </c>
    </row>
    <row r="8347" spans="1:4" x14ac:dyDescent="0.25">
      <c r="A8347" t="s">
        <v>12498</v>
      </c>
      <c r="B8347" t="s">
        <v>12500</v>
      </c>
      <c r="C8347">
        <v>1</v>
      </c>
      <c r="D8347">
        <v>0</v>
      </c>
    </row>
    <row r="8348" spans="1:4" x14ac:dyDescent="0.25">
      <c r="A8348" t="s">
        <v>12498</v>
      </c>
      <c r="B8348" t="s">
        <v>12501</v>
      </c>
      <c r="C8348">
        <v>2</v>
      </c>
      <c r="D8348">
        <v>0</v>
      </c>
    </row>
    <row r="8349" spans="1:4" x14ac:dyDescent="0.25">
      <c r="A8349" t="s">
        <v>12502</v>
      </c>
      <c r="B8349" t="s">
        <v>12503</v>
      </c>
      <c r="C8349">
        <v>1</v>
      </c>
      <c r="D8349">
        <v>0</v>
      </c>
    </row>
    <row r="8350" spans="1:4" x14ac:dyDescent="0.25">
      <c r="A8350" t="s">
        <v>12502</v>
      </c>
      <c r="B8350" t="s">
        <v>12504</v>
      </c>
      <c r="C8350">
        <v>0</v>
      </c>
      <c r="D8350">
        <v>0</v>
      </c>
    </row>
    <row r="8351" spans="1:4" x14ac:dyDescent="0.25">
      <c r="A8351" t="s">
        <v>12505</v>
      </c>
      <c r="B8351" t="s">
        <v>12506</v>
      </c>
      <c r="C8351">
        <v>1</v>
      </c>
      <c r="D8351">
        <v>0</v>
      </c>
    </row>
    <row r="8352" spans="1:4" x14ac:dyDescent="0.25">
      <c r="A8352" t="s">
        <v>12507</v>
      </c>
      <c r="B8352" t="s">
        <v>12508</v>
      </c>
      <c r="C8352">
        <v>0</v>
      </c>
      <c r="D8352">
        <v>0</v>
      </c>
    </row>
    <row r="8353" spans="1:4" x14ac:dyDescent="0.25">
      <c r="A8353" t="s">
        <v>12507</v>
      </c>
      <c r="B8353" t="s">
        <v>12509</v>
      </c>
      <c r="C8353">
        <v>1</v>
      </c>
      <c r="D8353">
        <v>0</v>
      </c>
    </row>
    <row r="8354" spans="1:4" x14ac:dyDescent="0.25">
      <c r="A8354" t="s">
        <v>12510</v>
      </c>
      <c r="B8354" t="s">
        <v>12511</v>
      </c>
      <c r="C8354">
        <v>1</v>
      </c>
      <c r="D8354">
        <v>0</v>
      </c>
    </row>
    <row r="8355" spans="1:4" x14ac:dyDescent="0.25">
      <c r="A8355" t="s">
        <v>12512</v>
      </c>
      <c r="B8355" t="s">
        <v>398</v>
      </c>
      <c r="C8355">
        <v>0</v>
      </c>
      <c r="D8355">
        <v>0</v>
      </c>
    </row>
    <row r="8356" spans="1:4" x14ac:dyDescent="0.25">
      <c r="A8356" t="s">
        <v>12513</v>
      </c>
      <c r="B8356" t="s">
        <v>3863</v>
      </c>
      <c r="C8356">
        <v>1</v>
      </c>
      <c r="D8356">
        <v>0</v>
      </c>
    </row>
    <row r="8357" spans="1:4" x14ac:dyDescent="0.25">
      <c r="A8357" t="s">
        <v>12514</v>
      </c>
      <c r="B8357" t="s">
        <v>12515</v>
      </c>
      <c r="C8357">
        <v>1</v>
      </c>
      <c r="D8357">
        <v>0</v>
      </c>
    </row>
    <row r="8358" spans="1:4" x14ac:dyDescent="0.25">
      <c r="A8358" t="s">
        <v>12516</v>
      </c>
      <c r="B8358" t="s">
        <v>12517</v>
      </c>
      <c r="C8358">
        <v>1</v>
      </c>
      <c r="D8358">
        <v>0</v>
      </c>
    </row>
    <row r="8359" spans="1:4" x14ac:dyDescent="0.25">
      <c r="A8359" t="s">
        <v>12516</v>
      </c>
      <c r="B8359" t="s">
        <v>12518</v>
      </c>
      <c r="C8359">
        <v>1</v>
      </c>
      <c r="D8359">
        <v>0</v>
      </c>
    </row>
    <row r="8360" spans="1:4" x14ac:dyDescent="0.25">
      <c r="A8360" t="s">
        <v>12516</v>
      </c>
      <c r="B8360" t="s">
        <v>12519</v>
      </c>
      <c r="C8360">
        <v>1</v>
      </c>
      <c r="D8360">
        <v>0</v>
      </c>
    </row>
    <row r="8361" spans="1:4" x14ac:dyDescent="0.25">
      <c r="A8361" t="s">
        <v>12520</v>
      </c>
      <c r="B8361" t="s">
        <v>12521</v>
      </c>
      <c r="C8361">
        <v>2</v>
      </c>
      <c r="D8361">
        <v>0</v>
      </c>
    </row>
    <row r="8362" spans="1:4" x14ac:dyDescent="0.25">
      <c r="A8362" t="s">
        <v>12520</v>
      </c>
      <c r="B8362" t="s">
        <v>12522</v>
      </c>
      <c r="C8362">
        <v>0</v>
      </c>
      <c r="D8362">
        <v>0</v>
      </c>
    </row>
    <row r="8363" spans="1:4" x14ac:dyDescent="0.25">
      <c r="A8363" t="s">
        <v>12523</v>
      </c>
      <c r="B8363" t="s">
        <v>12524</v>
      </c>
      <c r="C8363">
        <v>1</v>
      </c>
      <c r="D8363">
        <v>0</v>
      </c>
    </row>
    <row r="8364" spans="1:4" x14ac:dyDescent="0.25">
      <c r="A8364" t="s">
        <v>12523</v>
      </c>
      <c r="B8364" t="s">
        <v>12525</v>
      </c>
      <c r="C8364">
        <v>0</v>
      </c>
      <c r="D8364">
        <v>0</v>
      </c>
    </row>
    <row r="8365" spans="1:4" x14ac:dyDescent="0.25">
      <c r="A8365" t="s">
        <v>12523</v>
      </c>
      <c r="B8365" t="s">
        <v>12526</v>
      </c>
      <c r="C8365">
        <v>1</v>
      </c>
      <c r="D8365">
        <v>0</v>
      </c>
    </row>
    <row r="8366" spans="1:4" x14ac:dyDescent="0.25">
      <c r="A8366" t="s">
        <v>12527</v>
      </c>
      <c r="B8366" t="s">
        <v>12528</v>
      </c>
      <c r="C8366">
        <v>2</v>
      </c>
      <c r="D8366">
        <v>0</v>
      </c>
    </row>
    <row r="8367" spans="1:4" x14ac:dyDescent="0.25">
      <c r="A8367" t="s">
        <v>12527</v>
      </c>
      <c r="B8367" t="s">
        <v>12529</v>
      </c>
      <c r="C8367">
        <v>1</v>
      </c>
      <c r="D8367">
        <v>0</v>
      </c>
    </row>
    <row r="8368" spans="1:4" x14ac:dyDescent="0.25">
      <c r="A8368" t="s">
        <v>12527</v>
      </c>
      <c r="B8368" t="s">
        <v>12530</v>
      </c>
      <c r="C8368">
        <v>1</v>
      </c>
      <c r="D8368">
        <v>0</v>
      </c>
    </row>
    <row r="8369" spans="1:4" x14ac:dyDescent="0.25">
      <c r="A8369" t="s">
        <v>12531</v>
      </c>
      <c r="B8369" t="s">
        <v>12532</v>
      </c>
      <c r="C8369">
        <v>2</v>
      </c>
      <c r="D8369">
        <v>0</v>
      </c>
    </row>
    <row r="8370" spans="1:4" x14ac:dyDescent="0.25">
      <c r="A8370" t="s">
        <v>12531</v>
      </c>
      <c r="B8370" t="s">
        <v>12533</v>
      </c>
      <c r="C8370">
        <v>0</v>
      </c>
      <c r="D8370">
        <v>0</v>
      </c>
    </row>
    <row r="8371" spans="1:4" x14ac:dyDescent="0.25">
      <c r="A8371" t="s">
        <v>12534</v>
      </c>
      <c r="B8371" t="s">
        <v>12535</v>
      </c>
      <c r="C8371">
        <v>2</v>
      </c>
      <c r="D8371">
        <v>0</v>
      </c>
    </row>
    <row r="8372" spans="1:4" x14ac:dyDescent="0.25">
      <c r="A8372" t="s">
        <v>12534</v>
      </c>
      <c r="B8372" t="s">
        <v>12536</v>
      </c>
      <c r="C8372">
        <v>1</v>
      </c>
      <c r="D8372">
        <v>0</v>
      </c>
    </row>
    <row r="8373" spans="1:4" x14ac:dyDescent="0.25">
      <c r="A8373" t="s">
        <v>12537</v>
      </c>
      <c r="B8373" t="s">
        <v>12538</v>
      </c>
      <c r="C8373">
        <v>0</v>
      </c>
      <c r="D8373">
        <v>0</v>
      </c>
    </row>
    <row r="8374" spans="1:4" x14ac:dyDescent="0.25">
      <c r="A8374" t="s">
        <v>12539</v>
      </c>
      <c r="B8374" t="s">
        <v>12540</v>
      </c>
      <c r="C8374">
        <v>1</v>
      </c>
      <c r="D8374">
        <v>0</v>
      </c>
    </row>
    <row r="8375" spans="1:4" x14ac:dyDescent="0.25">
      <c r="A8375" t="s">
        <v>12541</v>
      </c>
      <c r="B8375" t="s">
        <v>12542</v>
      </c>
      <c r="C8375">
        <v>1</v>
      </c>
      <c r="D8375">
        <v>0</v>
      </c>
    </row>
    <row r="8376" spans="1:4" x14ac:dyDescent="0.25">
      <c r="A8376" t="s">
        <v>12543</v>
      </c>
      <c r="B8376" t="s">
        <v>12544</v>
      </c>
      <c r="C8376">
        <v>0</v>
      </c>
      <c r="D8376">
        <v>0</v>
      </c>
    </row>
    <row r="8377" spans="1:4" x14ac:dyDescent="0.25">
      <c r="A8377" t="s">
        <v>12545</v>
      </c>
      <c r="B8377" t="s">
        <v>12546</v>
      </c>
      <c r="C8377">
        <v>0</v>
      </c>
      <c r="D8377">
        <v>0</v>
      </c>
    </row>
    <row r="8378" spans="1:4" x14ac:dyDescent="0.25">
      <c r="A8378" t="s">
        <v>12547</v>
      </c>
      <c r="B8378" t="s">
        <v>12548</v>
      </c>
      <c r="C8378">
        <v>1</v>
      </c>
      <c r="D8378">
        <v>0</v>
      </c>
    </row>
    <row r="8379" spans="1:4" x14ac:dyDescent="0.25">
      <c r="A8379" t="s">
        <v>12547</v>
      </c>
      <c r="B8379" t="s">
        <v>12549</v>
      </c>
      <c r="C8379">
        <v>1</v>
      </c>
      <c r="D8379">
        <v>0</v>
      </c>
    </row>
    <row r="8380" spans="1:4" x14ac:dyDescent="0.25">
      <c r="A8380" t="s">
        <v>12550</v>
      </c>
      <c r="B8380" t="s">
        <v>852</v>
      </c>
      <c r="C8380">
        <v>0</v>
      </c>
      <c r="D8380">
        <v>0</v>
      </c>
    </row>
    <row r="8381" spans="1:4" x14ac:dyDescent="0.25">
      <c r="A8381" t="s">
        <v>12550</v>
      </c>
      <c r="B8381" t="s">
        <v>1499</v>
      </c>
      <c r="C8381">
        <v>1</v>
      </c>
      <c r="D8381">
        <v>0</v>
      </c>
    </row>
    <row r="8382" spans="1:4" x14ac:dyDescent="0.25">
      <c r="A8382" t="s">
        <v>12551</v>
      </c>
      <c r="B8382" t="s">
        <v>12552</v>
      </c>
      <c r="C8382">
        <v>0</v>
      </c>
      <c r="D8382">
        <v>0</v>
      </c>
    </row>
    <row r="8383" spans="1:4" x14ac:dyDescent="0.25">
      <c r="A8383" t="s">
        <v>12553</v>
      </c>
      <c r="B8383" t="s">
        <v>12554</v>
      </c>
      <c r="C8383">
        <v>0</v>
      </c>
      <c r="D8383">
        <v>0</v>
      </c>
    </row>
    <row r="8384" spans="1:4" x14ac:dyDescent="0.25">
      <c r="A8384" t="s">
        <v>12555</v>
      </c>
      <c r="B8384" t="s">
        <v>12556</v>
      </c>
      <c r="C8384">
        <v>1</v>
      </c>
      <c r="D8384">
        <v>0</v>
      </c>
    </row>
    <row r="8385" spans="1:4" x14ac:dyDescent="0.25">
      <c r="A8385" t="s">
        <v>12557</v>
      </c>
      <c r="B8385" t="s">
        <v>12558</v>
      </c>
      <c r="C8385">
        <v>2</v>
      </c>
      <c r="D8385">
        <v>0</v>
      </c>
    </row>
    <row r="8386" spans="1:4" x14ac:dyDescent="0.25">
      <c r="A8386" t="s">
        <v>12559</v>
      </c>
      <c r="B8386" t="s">
        <v>12560</v>
      </c>
      <c r="C8386">
        <v>1</v>
      </c>
      <c r="D8386">
        <v>0</v>
      </c>
    </row>
    <row r="8387" spans="1:4" x14ac:dyDescent="0.25">
      <c r="A8387" t="s">
        <v>12561</v>
      </c>
      <c r="B8387" t="s">
        <v>12562</v>
      </c>
      <c r="C8387">
        <v>1</v>
      </c>
      <c r="D8387">
        <v>0</v>
      </c>
    </row>
    <row r="8388" spans="1:4" x14ac:dyDescent="0.25">
      <c r="A8388" t="s">
        <v>12563</v>
      </c>
      <c r="B8388" t="s">
        <v>12564</v>
      </c>
      <c r="C8388">
        <v>1</v>
      </c>
      <c r="D8388">
        <v>0</v>
      </c>
    </row>
    <row r="8389" spans="1:4" x14ac:dyDescent="0.25">
      <c r="A8389" t="s">
        <v>12563</v>
      </c>
      <c r="B8389" t="s">
        <v>12565</v>
      </c>
      <c r="C8389">
        <v>2</v>
      </c>
      <c r="D8389">
        <v>0</v>
      </c>
    </row>
    <row r="8390" spans="1:4" x14ac:dyDescent="0.25">
      <c r="A8390" t="s">
        <v>12563</v>
      </c>
      <c r="B8390" t="s">
        <v>12566</v>
      </c>
      <c r="C8390">
        <v>1</v>
      </c>
      <c r="D8390">
        <v>0</v>
      </c>
    </row>
    <row r="8391" spans="1:4" x14ac:dyDescent="0.25">
      <c r="A8391" t="s">
        <v>12567</v>
      </c>
      <c r="B8391" t="s">
        <v>398</v>
      </c>
      <c r="C8391">
        <v>0</v>
      </c>
      <c r="D8391">
        <v>0</v>
      </c>
    </row>
    <row r="8392" spans="1:4" x14ac:dyDescent="0.25">
      <c r="A8392" t="s">
        <v>12567</v>
      </c>
      <c r="B8392" t="s">
        <v>12568</v>
      </c>
      <c r="C8392">
        <v>1</v>
      </c>
      <c r="D8392">
        <v>0</v>
      </c>
    </row>
    <row r="8393" spans="1:4" x14ac:dyDescent="0.25">
      <c r="A8393" t="s">
        <v>12569</v>
      </c>
      <c r="B8393" t="s">
        <v>5128</v>
      </c>
      <c r="C8393">
        <v>0</v>
      </c>
      <c r="D8393">
        <v>0</v>
      </c>
    </row>
    <row r="8394" spans="1:4" x14ac:dyDescent="0.25">
      <c r="A8394" t="s">
        <v>12570</v>
      </c>
      <c r="B8394" t="s">
        <v>12571</v>
      </c>
      <c r="C8394">
        <v>1</v>
      </c>
      <c r="D8394">
        <v>0</v>
      </c>
    </row>
    <row r="8395" spans="1:4" x14ac:dyDescent="0.25">
      <c r="A8395" t="s">
        <v>12572</v>
      </c>
      <c r="B8395" t="s">
        <v>12573</v>
      </c>
      <c r="C8395">
        <v>1</v>
      </c>
      <c r="D8395">
        <v>0</v>
      </c>
    </row>
    <row r="8396" spans="1:4" x14ac:dyDescent="0.25">
      <c r="A8396" t="s">
        <v>12572</v>
      </c>
      <c r="B8396" t="s">
        <v>8871</v>
      </c>
      <c r="C8396">
        <v>1</v>
      </c>
      <c r="D8396">
        <v>0</v>
      </c>
    </row>
    <row r="8397" spans="1:4" x14ac:dyDescent="0.25">
      <c r="A8397" t="s">
        <v>12574</v>
      </c>
      <c r="B8397" t="s">
        <v>12575</v>
      </c>
      <c r="C8397">
        <v>1</v>
      </c>
      <c r="D8397">
        <v>0</v>
      </c>
    </row>
    <row r="8398" spans="1:4" x14ac:dyDescent="0.25">
      <c r="A8398" t="s">
        <v>12574</v>
      </c>
      <c r="B8398" t="s">
        <v>12576</v>
      </c>
      <c r="C8398">
        <v>0</v>
      </c>
      <c r="D8398">
        <v>0</v>
      </c>
    </row>
    <row r="8399" spans="1:4" x14ac:dyDescent="0.25">
      <c r="A8399" t="s">
        <v>12577</v>
      </c>
      <c r="B8399" t="s">
        <v>12578</v>
      </c>
      <c r="C8399">
        <v>1</v>
      </c>
      <c r="D8399">
        <v>0</v>
      </c>
    </row>
    <row r="8400" spans="1:4" x14ac:dyDescent="0.25">
      <c r="A8400" t="s">
        <v>12579</v>
      </c>
      <c r="B8400" t="s">
        <v>12580</v>
      </c>
      <c r="C8400">
        <v>0</v>
      </c>
      <c r="D8400">
        <v>0</v>
      </c>
    </row>
    <row r="8401" spans="1:4" x14ac:dyDescent="0.25">
      <c r="A8401" t="s">
        <v>12581</v>
      </c>
      <c r="B8401" t="s">
        <v>12582</v>
      </c>
      <c r="C8401">
        <v>0</v>
      </c>
      <c r="D8401">
        <v>0</v>
      </c>
    </row>
    <row r="8402" spans="1:4" x14ac:dyDescent="0.25">
      <c r="A8402" t="s">
        <v>12583</v>
      </c>
      <c r="B8402" t="s">
        <v>12584</v>
      </c>
      <c r="C8402">
        <v>1</v>
      </c>
      <c r="D8402">
        <v>0</v>
      </c>
    </row>
    <row r="8403" spans="1:4" x14ac:dyDescent="0.25">
      <c r="A8403" t="s">
        <v>12583</v>
      </c>
      <c r="B8403" t="s">
        <v>12585</v>
      </c>
      <c r="C8403">
        <v>0</v>
      </c>
      <c r="D8403">
        <v>0</v>
      </c>
    </row>
    <row r="8404" spans="1:4" x14ac:dyDescent="0.25">
      <c r="A8404" t="s">
        <v>12583</v>
      </c>
      <c r="B8404" t="s">
        <v>12586</v>
      </c>
      <c r="C8404">
        <v>0</v>
      </c>
      <c r="D8404">
        <v>0</v>
      </c>
    </row>
    <row r="8405" spans="1:4" x14ac:dyDescent="0.25">
      <c r="A8405" t="s">
        <v>12587</v>
      </c>
      <c r="B8405" t="s">
        <v>2273</v>
      </c>
      <c r="C8405">
        <v>1</v>
      </c>
      <c r="D8405">
        <v>0</v>
      </c>
    </row>
    <row r="8406" spans="1:4" x14ac:dyDescent="0.25">
      <c r="A8406" t="s">
        <v>12588</v>
      </c>
      <c r="B8406" t="s">
        <v>12589</v>
      </c>
      <c r="C8406">
        <v>1</v>
      </c>
      <c r="D8406">
        <v>0</v>
      </c>
    </row>
    <row r="8407" spans="1:4" x14ac:dyDescent="0.25">
      <c r="A8407" t="s">
        <v>12588</v>
      </c>
      <c r="B8407" t="s">
        <v>12590</v>
      </c>
      <c r="C8407">
        <v>1</v>
      </c>
      <c r="D8407">
        <v>0</v>
      </c>
    </row>
    <row r="8408" spans="1:4" x14ac:dyDescent="0.25">
      <c r="A8408" t="s">
        <v>12591</v>
      </c>
      <c r="B8408" t="s">
        <v>12592</v>
      </c>
      <c r="C8408">
        <v>1</v>
      </c>
      <c r="D8408">
        <v>0</v>
      </c>
    </row>
    <row r="8409" spans="1:4" x14ac:dyDescent="0.25">
      <c r="A8409" t="s">
        <v>12593</v>
      </c>
      <c r="B8409" t="s">
        <v>1499</v>
      </c>
      <c r="C8409">
        <v>1</v>
      </c>
      <c r="D8409">
        <v>0</v>
      </c>
    </row>
    <row r="8410" spans="1:4" x14ac:dyDescent="0.25">
      <c r="A8410" t="s">
        <v>12594</v>
      </c>
      <c r="B8410" t="s">
        <v>12595</v>
      </c>
      <c r="C8410">
        <v>1</v>
      </c>
      <c r="D8410">
        <v>0</v>
      </c>
    </row>
    <row r="8411" spans="1:4" x14ac:dyDescent="0.25">
      <c r="A8411" t="s">
        <v>12596</v>
      </c>
      <c r="B8411" t="s">
        <v>12597</v>
      </c>
      <c r="C8411">
        <v>0</v>
      </c>
      <c r="D8411">
        <v>0</v>
      </c>
    </row>
    <row r="8412" spans="1:4" x14ac:dyDescent="0.25">
      <c r="A8412" t="s">
        <v>12598</v>
      </c>
      <c r="B8412" t="s">
        <v>12599</v>
      </c>
      <c r="C8412">
        <v>2</v>
      </c>
      <c r="D8412">
        <v>0</v>
      </c>
    </row>
    <row r="8413" spans="1:4" x14ac:dyDescent="0.25">
      <c r="A8413" t="s">
        <v>12600</v>
      </c>
      <c r="B8413" t="s">
        <v>12601</v>
      </c>
      <c r="C8413">
        <v>1</v>
      </c>
      <c r="D8413">
        <v>0</v>
      </c>
    </row>
    <row r="8414" spans="1:4" x14ac:dyDescent="0.25">
      <c r="A8414" t="s">
        <v>12602</v>
      </c>
      <c r="B8414" t="s">
        <v>12603</v>
      </c>
      <c r="C8414">
        <v>0</v>
      </c>
      <c r="D8414">
        <v>0</v>
      </c>
    </row>
    <row r="8415" spans="1:4" x14ac:dyDescent="0.25">
      <c r="A8415" t="s">
        <v>12602</v>
      </c>
      <c r="B8415" t="s">
        <v>12604</v>
      </c>
      <c r="C8415">
        <v>0</v>
      </c>
      <c r="D8415">
        <v>0</v>
      </c>
    </row>
    <row r="8416" spans="1:4" x14ac:dyDescent="0.25">
      <c r="A8416" t="s">
        <v>12605</v>
      </c>
      <c r="B8416" t="s">
        <v>12606</v>
      </c>
      <c r="C8416">
        <v>1</v>
      </c>
      <c r="D8416">
        <v>0</v>
      </c>
    </row>
    <row r="8417" spans="1:4" x14ac:dyDescent="0.25">
      <c r="A8417" t="s">
        <v>12607</v>
      </c>
      <c r="B8417" t="s">
        <v>12608</v>
      </c>
      <c r="C8417">
        <v>2</v>
      </c>
      <c r="D8417">
        <v>0</v>
      </c>
    </row>
    <row r="8418" spans="1:4" x14ac:dyDescent="0.25">
      <c r="A8418" t="s">
        <v>12609</v>
      </c>
      <c r="B8418" t="s">
        <v>12610</v>
      </c>
      <c r="C8418">
        <v>1</v>
      </c>
      <c r="D8418">
        <v>0</v>
      </c>
    </row>
    <row r="8419" spans="1:4" x14ac:dyDescent="0.25">
      <c r="A8419" t="s">
        <v>12609</v>
      </c>
      <c r="B8419" t="s">
        <v>12611</v>
      </c>
      <c r="C8419">
        <v>0</v>
      </c>
      <c r="D8419">
        <v>0</v>
      </c>
    </row>
    <row r="8420" spans="1:4" x14ac:dyDescent="0.25">
      <c r="A8420" t="s">
        <v>12612</v>
      </c>
      <c r="B8420" t="s">
        <v>12613</v>
      </c>
      <c r="C8420">
        <v>1</v>
      </c>
      <c r="D8420">
        <v>0</v>
      </c>
    </row>
    <row r="8421" spans="1:4" x14ac:dyDescent="0.25">
      <c r="A8421" t="s">
        <v>12614</v>
      </c>
      <c r="B8421" t="s">
        <v>12615</v>
      </c>
      <c r="C8421">
        <v>0</v>
      </c>
      <c r="D8421">
        <v>0</v>
      </c>
    </row>
    <row r="8422" spans="1:4" x14ac:dyDescent="0.25">
      <c r="A8422" t="s">
        <v>12614</v>
      </c>
      <c r="B8422" t="s">
        <v>12616</v>
      </c>
      <c r="C8422">
        <v>0</v>
      </c>
      <c r="D8422">
        <v>0</v>
      </c>
    </row>
    <row r="8423" spans="1:4" x14ac:dyDescent="0.25">
      <c r="A8423" t="s">
        <v>12617</v>
      </c>
      <c r="B8423" t="s">
        <v>12618</v>
      </c>
      <c r="C8423">
        <v>2</v>
      </c>
      <c r="D8423">
        <v>0</v>
      </c>
    </row>
    <row r="8424" spans="1:4" x14ac:dyDescent="0.25">
      <c r="A8424" t="s">
        <v>12617</v>
      </c>
      <c r="B8424" t="s">
        <v>12619</v>
      </c>
      <c r="C8424">
        <v>2</v>
      </c>
      <c r="D8424">
        <v>0</v>
      </c>
    </row>
    <row r="8425" spans="1:4" x14ac:dyDescent="0.25">
      <c r="A8425" t="s">
        <v>12620</v>
      </c>
      <c r="B8425" t="s">
        <v>12621</v>
      </c>
      <c r="C8425">
        <v>2</v>
      </c>
      <c r="D8425">
        <v>0</v>
      </c>
    </row>
    <row r="8426" spans="1:4" x14ac:dyDescent="0.25">
      <c r="A8426" t="s">
        <v>12620</v>
      </c>
      <c r="B8426" t="s">
        <v>12622</v>
      </c>
      <c r="C8426">
        <v>1</v>
      </c>
      <c r="D8426">
        <v>0</v>
      </c>
    </row>
    <row r="8427" spans="1:4" x14ac:dyDescent="0.25">
      <c r="A8427" t="s">
        <v>12620</v>
      </c>
      <c r="B8427" t="s">
        <v>12623</v>
      </c>
      <c r="C8427">
        <v>1</v>
      </c>
      <c r="D8427">
        <v>0</v>
      </c>
    </row>
    <row r="8428" spans="1:4" x14ac:dyDescent="0.25">
      <c r="A8428" t="s">
        <v>12624</v>
      </c>
      <c r="B8428" t="s">
        <v>969</v>
      </c>
      <c r="C8428">
        <v>0</v>
      </c>
      <c r="D8428">
        <v>0</v>
      </c>
    </row>
    <row r="8429" spans="1:4" x14ac:dyDescent="0.25">
      <c r="A8429" t="s">
        <v>12625</v>
      </c>
      <c r="B8429" t="s">
        <v>12626</v>
      </c>
      <c r="C8429">
        <v>0</v>
      </c>
      <c r="D8429">
        <v>0</v>
      </c>
    </row>
    <row r="8430" spans="1:4" x14ac:dyDescent="0.25">
      <c r="A8430" t="s">
        <v>12627</v>
      </c>
      <c r="B8430" t="s">
        <v>12628</v>
      </c>
      <c r="C8430">
        <v>0</v>
      </c>
      <c r="D8430">
        <v>0</v>
      </c>
    </row>
    <row r="8431" spans="1:4" x14ac:dyDescent="0.25">
      <c r="A8431" t="s">
        <v>12627</v>
      </c>
      <c r="B8431" t="s">
        <v>12629</v>
      </c>
      <c r="C8431">
        <v>2</v>
      </c>
      <c r="D8431">
        <v>0</v>
      </c>
    </row>
    <row r="8432" spans="1:4" x14ac:dyDescent="0.25">
      <c r="A8432" t="s">
        <v>12630</v>
      </c>
      <c r="B8432" t="s">
        <v>12631</v>
      </c>
      <c r="C8432">
        <v>1</v>
      </c>
      <c r="D8432">
        <v>0</v>
      </c>
    </row>
    <row r="8433" spans="1:4" x14ac:dyDescent="0.25">
      <c r="A8433" t="s">
        <v>12630</v>
      </c>
      <c r="B8433" t="s">
        <v>12632</v>
      </c>
      <c r="C8433">
        <v>2</v>
      </c>
      <c r="D8433">
        <v>0</v>
      </c>
    </row>
    <row r="8434" spans="1:4" x14ac:dyDescent="0.25">
      <c r="A8434" t="s">
        <v>12633</v>
      </c>
      <c r="B8434" t="s">
        <v>12634</v>
      </c>
      <c r="C8434">
        <v>1</v>
      </c>
      <c r="D8434">
        <v>0</v>
      </c>
    </row>
    <row r="8435" spans="1:4" x14ac:dyDescent="0.25">
      <c r="A8435" t="s">
        <v>12633</v>
      </c>
      <c r="B8435" t="s">
        <v>12635</v>
      </c>
      <c r="C8435">
        <v>1</v>
      </c>
      <c r="D8435">
        <v>0</v>
      </c>
    </row>
    <row r="8436" spans="1:4" x14ac:dyDescent="0.25">
      <c r="A8436" t="s">
        <v>12633</v>
      </c>
      <c r="B8436" t="s">
        <v>12636</v>
      </c>
      <c r="C8436">
        <v>1</v>
      </c>
      <c r="D8436">
        <v>0</v>
      </c>
    </row>
    <row r="8437" spans="1:4" x14ac:dyDescent="0.25">
      <c r="A8437" t="s">
        <v>12637</v>
      </c>
      <c r="B8437" t="s">
        <v>12638</v>
      </c>
      <c r="C8437">
        <v>0</v>
      </c>
      <c r="D8437">
        <v>0</v>
      </c>
    </row>
    <row r="8438" spans="1:4" x14ac:dyDescent="0.25">
      <c r="A8438" t="s">
        <v>12637</v>
      </c>
      <c r="B8438" t="s">
        <v>12639</v>
      </c>
      <c r="C8438">
        <v>0</v>
      </c>
      <c r="D8438">
        <v>0</v>
      </c>
    </row>
    <row r="8439" spans="1:4" x14ac:dyDescent="0.25">
      <c r="A8439" t="s">
        <v>12637</v>
      </c>
      <c r="B8439" t="s">
        <v>12640</v>
      </c>
      <c r="C8439">
        <v>0</v>
      </c>
      <c r="D8439">
        <v>0</v>
      </c>
    </row>
    <row r="8440" spans="1:4" x14ac:dyDescent="0.25">
      <c r="A8440" t="s">
        <v>12641</v>
      </c>
      <c r="B8440" t="s">
        <v>5244</v>
      </c>
      <c r="C8440">
        <v>0</v>
      </c>
      <c r="D8440">
        <v>0</v>
      </c>
    </row>
    <row r="8441" spans="1:4" x14ac:dyDescent="0.25">
      <c r="A8441" t="s">
        <v>12642</v>
      </c>
      <c r="B8441" t="s">
        <v>816</v>
      </c>
      <c r="C8441">
        <v>1</v>
      </c>
      <c r="D8441">
        <v>0</v>
      </c>
    </row>
    <row r="8442" spans="1:4" x14ac:dyDescent="0.25">
      <c r="A8442" t="s">
        <v>12643</v>
      </c>
      <c r="B8442" t="s">
        <v>12644</v>
      </c>
      <c r="C8442">
        <v>2</v>
      </c>
      <c r="D8442">
        <v>0</v>
      </c>
    </row>
    <row r="8443" spans="1:4" x14ac:dyDescent="0.25">
      <c r="A8443" t="s">
        <v>12643</v>
      </c>
      <c r="B8443" t="s">
        <v>12645</v>
      </c>
      <c r="C8443">
        <v>2</v>
      </c>
      <c r="D8443">
        <v>0</v>
      </c>
    </row>
    <row r="8444" spans="1:4" x14ac:dyDescent="0.25">
      <c r="A8444" t="s">
        <v>12643</v>
      </c>
      <c r="B8444" t="s">
        <v>12646</v>
      </c>
      <c r="C8444">
        <v>1</v>
      </c>
      <c r="D8444">
        <v>0</v>
      </c>
    </row>
    <row r="8445" spans="1:4" x14ac:dyDescent="0.25">
      <c r="A8445" t="s">
        <v>12647</v>
      </c>
      <c r="B8445" t="s">
        <v>12648</v>
      </c>
      <c r="C8445">
        <v>0</v>
      </c>
      <c r="D8445">
        <v>0</v>
      </c>
    </row>
    <row r="8446" spans="1:4" x14ac:dyDescent="0.25">
      <c r="A8446" t="s">
        <v>12647</v>
      </c>
      <c r="B8446" t="s">
        <v>12649</v>
      </c>
      <c r="C8446">
        <v>0</v>
      </c>
      <c r="D8446">
        <v>0</v>
      </c>
    </row>
    <row r="8447" spans="1:4" x14ac:dyDescent="0.25">
      <c r="A8447" t="s">
        <v>12650</v>
      </c>
      <c r="B8447" t="s">
        <v>12651</v>
      </c>
      <c r="C8447">
        <v>1</v>
      </c>
      <c r="D8447">
        <v>0</v>
      </c>
    </row>
    <row r="8448" spans="1:4" x14ac:dyDescent="0.25">
      <c r="A8448" t="s">
        <v>12652</v>
      </c>
      <c r="B8448" t="s">
        <v>12653</v>
      </c>
      <c r="C8448">
        <v>2</v>
      </c>
      <c r="D8448">
        <v>0</v>
      </c>
    </row>
    <row r="8449" spans="1:4" x14ac:dyDescent="0.25">
      <c r="A8449" t="s">
        <v>12652</v>
      </c>
      <c r="B8449" t="s">
        <v>12654</v>
      </c>
      <c r="C8449">
        <v>2</v>
      </c>
      <c r="D8449">
        <v>0</v>
      </c>
    </row>
    <row r="8450" spans="1:4" x14ac:dyDescent="0.25">
      <c r="A8450" t="s">
        <v>12655</v>
      </c>
      <c r="B8450" t="s">
        <v>12656</v>
      </c>
      <c r="C8450">
        <v>1</v>
      </c>
      <c r="D8450">
        <v>0</v>
      </c>
    </row>
    <row r="8451" spans="1:4" x14ac:dyDescent="0.25">
      <c r="A8451" t="s">
        <v>12657</v>
      </c>
      <c r="B8451" t="s">
        <v>12658</v>
      </c>
      <c r="C8451">
        <v>1</v>
      </c>
      <c r="D8451">
        <v>0</v>
      </c>
    </row>
    <row r="8452" spans="1:4" x14ac:dyDescent="0.25">
      <c r="A8452" t="s">
        <v>12659</v>
      </c>
      <c r="B8452" t="s">
        <v>816</v>
      </c>
      <c r="C8452">
        <v>1</v>
      </c>
      <c r="D8452">
        <v>0</v>
      </c>
    </row>
    <row r="8453" spans="1:4" x14ac:dyDescent="0.25">
      <c r="A8453" t="s">
        <v>12660</v>
      </c>
      <c r="B8453" t="s">
        <v>12661</v>
      </c>
      <c r="C8453">
        <v>1</v>
      </c>
      <c r="D8453">
        <v>0</v>
      </c>
    </row>
    <row r="8454" spans="1:4" x14ac:dyDescent="0.25">
      <c r="A8454" t="s">
        <v>12660</v>
      </c>
      <c r="B8454" t="s">
        <v>12662</v>
      </c>
      <c r="C8454">
        <v>1</v>
      </c>
      <c r="D8454">
        <v>0</v>
      </c>
    </row>
    <row r="8455" spans="1:4" x14ac:dyDescent="0.25">
      <c r="A8455" t="s">
        <v>12663</v>
      </c>
      <c r="B8455" t="s">
        <v>12664</v>
      </c>
      <c r="C8455">
        <v>1</v>
      </c>
      <c r="D8455">
        <v>0</v>
      </c>
    </row>
    <row r="8456" spans="1:4" x14ac:dyDescent="0.25">
      <c r="A8456" t="s">
        <v>12665</v>
      </c>
      <c r="B8456" t="s">
        <v>9924</v>
      </c>
      <c r="C8456">
        <v>1</v>
      </c>
      <c r="D8456">
        <v>0</v>
      </c>
    </row>
    <row r="8457" spans="1:4" x14ac:dyDescent="0.25">
      <c r="A8457" t="s">
        <v>12666</v>
      </c>
      <c r="B8457" t="s">
        <v>12667</v>
      </c>
      <c r="C8457">
        <v>0</v>
      </c>
      <c r="D8457">
        <v>0</v>
      </c>
    </row>
    <row r="8458" spans="1:4" x14ac:dyDescent="0.25">
      <c r="A8458" t="s">
        <v>12668</v>
      </c>
      <c r="B8458" t="s">
        <v>12669</v>
      </c>
      <c r="C8458">
        <v>0</v>
      </c>
      <c r="D8458">
        <v>0</v>
      </c>
    </row>
    <row r="8459" spans="1:4" x14ac:dyDescent="0.25">
      <c r="A8459" t="s">
        <v>12668</v>
      </c>
      <c r="B8459" t="s">
        <v>12670</v>
      </c>
      <c r="C8459">
        <v>1</v>
      </c>
      <c r="D8459">
        <v>0</v>
      </c>
    </row>
    <row r="8460" spans="1:4" x14ac:dyDescent="0.25">
      <c r="A8460" t="s">
        <v>12668</v>
      </c>
      <c r="B8460" t="s">
        <v>12671</v>
      </c>
      <c r="C8460">
        <v>1</v>
      </c>
      <c r="D8460">
        <v>0</v>
      </c>
    </row>
    <row r="8461" spans="1:4" x14ac:dyDescent="0.25">
      <c r="A8461" t="s">
        <v>12672</v>
      </c>
      <c r="B8461" t="s">
        <v>1294</v>
      </c>
      <c r="C8461">
        <v>1</v>
      </c>
      <c r="D8461">
        <v>0</v>
      </c>
    </row>
    <row r="8462" spans="1:4" x14ac:dyDescent="0.25">
      <c r="A8462" t="s">
        <v>12673</v>
      </c>
      <c r="B8462" t="s">
        <v>2267</v>
      </c>
      <c r="C8462">
        <v>0</v>
      </c>
      <c r="D8462">
        <v>0</v>
      </c>
    </row>
    <row r="8463" spans="1:4" x14ac:dyDescent="0.25">
      <c r="A8463" t="s">
        <v>12674</v>
      </c>
      <c r="B8463" t="s">
        <v>9039</v>
      </c>
      <c r="C8463">
        <v>2</v>
      </c>
      <c r="D8463">
        <v>0</v>
      </c>
    </row>
    <row r="8464" spans="1:4" x14ac:dyDescent="0.25">
      <c r="A8464" t="s">
        <v>12675</v>
      </c>
      <c r="B8464" t="s">
        <v>12676</v>
      </c>
      <c r="C8464">
        <v>0</v>
      </c>
      <c r="D8464">
        <v>0</v>
      </c>
    </row>
    <row r="8465" spans="1:4" x14ac:dyDescent="0.25">
      <c r="A8465" t="s">
        <v>12677</v>
      </c>
      <c r="B8465" t="s">
        <v>12678</v>
      </c>
      <c r="C8465">
        <v>2</v>
      </c>
      <c r="D8465">
        <v>0</v>
      </c>
    </row>
    <row r="8466" spans="1:4" x14ac:dyDescent="0.25">
      <c r="A8466" t="s">
        <v>12679</v>
      </c>
      <c r="B8466" t="s">
        <v>12680</v>
      </c>
      <c r="C8466">
        <v>1</v>
      </c>
      <c r="D8466">
        <v>0</v>
      </c>
    </row>
    <row r="8467" spans="1:4" x14ac:dyDescent="0.25">
      <c r="A8467" t="s">
        <v>12681</v>
      </c>
      <c r="B8467" t="s">
        <v>12682</v>
      </c>
      <c r="C8467">
        <v>2</v>
      </c>
      <c r="D8467">
        <v>0</v>
      </c>
    </row>
    <row r="8468" spans="1:4" x14ac:dyDescent="0.25">
      <c r="A8468" t="s">
        <v>12683</v>
      </c>
      <c r="B8468" t="s">
        <v>843</v>
      </c>
      <c r="C8468">
        <v>1</v>
      </c>
      <c r="D8468">
        <v>0</v>
      </c>
    </row>
    <row r="8469" spans="1:4" x14ac:dyDescent="0.25">
      <c r="A8469" t="s">
        <v>12684</v>
      </c>
      <c r="B8469" t="s">
        <v>968</v>
      </c>
      <c r="C8469">
        <v>1</v>
      </c>
      <c r="D8469">
        <v>0</v>
      </c>
    </row>
    <row r="8470" spans="1:4" x14ac:dyDescent="0.25">
      <c r="A8470" t="s">
        <v>12685</v>
      </c>
      <c r="B8470" t="s">
        <v>12686</v>
      </c>
      <c r="C8470">
        <v>0</v>
      </c>
      <c r="D8470">
        <v>0</v>
      </c>
    </row>
    <row r="8471" spans="1:4" x14ac:dyDescent="0.25">
      <c r="A8471" t="s">
        <v>12685</v>
      </c>
      <c r="B8471" t="s">
        <v>12687</v>
      </c>
      <c r="C8471">
        <v>0</v>
      </c>
      <c r="D8471">
        <v>0</v>
      </c>
    </row>
    <row r="8472" spans="1:4" x14ac:dyDescent="0.25">
      <c r="A8472" t="s">
        <v>12685</v>
      </c>
      <c r="B8472" t="s">
        <v>12688</v>
      </c>
      <c r="C8472">
        <v>1</v>
      </c>
      <c r="D8472">
        <v>0</v>
      </c>
    </row>
    <row r="8473" spans="1:4" x14ac:dyDescent="0.25">
      <c r="A8473" t="s">
        <v>12689</v>
      </c>
      <c r="B8473" t="s">
        <v>12355</v>
      </c>
      <c r="C8473">
        <v>0</v>
      </c>
      <c r="D8473">
        <v>0</v>
      </c>
    </row>
    <row r="8474" spans="1:4" x14ac:dyDescent="0.25">
      <c r="A8474" t="s">
        <v>12690</v>
      </c>
      <c r="B8474" t="s">
        <v>12691</v>
      </c>
      <c r="C8474">
        <v>1</v>
      </c>
      <c r="D8474">
        <v>0</v>
      </c>
    </row>
    <row r="8475" spans="1:4" x14ac:dyDescent="0.25">
      <c r="A8475" t="s">
        <v>12690</v>
      </c>
      <c r="B8475" t="s">
        <v>12692</v>
      </c>
      <c r="C8475">
        <v>1</v>
      </c>
      <c r="D8475">
        <v>0</v>
      </c>
    </row>
    <row r="8476" spans="1:4" x14ac:dyDescent="0.25">
      <c r="A8476" t="s">
        <v>12693</v>
      </c>
      <c r="B8476" t="s">
        <v>12694</v>
      </c>
      <c r="C8476">
        <v>2</v>
      </c>
      <c r="D8476">
        <v>0</v>
      </c>
    </row>
    <row r="8477" spans="1:4" x14ac:dyDescent="0.25">
      <c r="A8477" t="s">
        <v>12695</v>
      </c>
      <c r="B8477" t="s">
        <v>12696</v>
      </c>
      <c r="C8477">
        <v>1</v>
      </c>
      <c r="D8477">
        <v>0</v>
      </c>
    </row>
    <row r="8478" spans="1:4" x14ac:dyDescent="0.25">
      <c r="A8478" t="s">
        <v>12697</v>
      </c>
      <c r="B8478" t="s">
        <v>12698</v>
      </c>
      <c r="C8478">
        <v>1</v>
      </c>
      <c r="D8478">
        <v>0</v>
      </c>
    </row>
    <row r="8479" spans="1:4" x14ac:dyDescent="0.25">
      <c r="A8479" t="s">
        <v>12697</v>
      </c>
      <c r="B8479" t="s">
        <v>3807</v>
      </c>
      <c r="C8479">
        <v>0</v>
      </c>
      <c r="D8479">
        <v>0</v>
      </c>
    </row>
    <row r="8480" spans="1:4" x14ac:dyDescent="0.25">
      <c r="A8480" t="s">
        <v>12699</v>
      </c>
      <c r="B8480" t="s">
        <v>12700</v>
      </c>
      <c r="C8480">
        <v>2</v>
      </c>
      <c r="D8480">
        <v>0</v>
      </c>
    </row>
    <row r="8481" spans="1:4" x14ac:dyDescent="0.25">
      <c r="A8481" t="s">
        <v>12701</v>
      </c>
      <c r="B8481" t="s">
        <v>12702</v>
      </c>
      <c r="C8481">
        <v>2</v>
      </c>
      <c r="D8481">
        <v>0</v>
      </c>
    </row>
    <row r="8482" spans="1:4" x14ac:dyDescent="0.25">
      <c r="A8482" t="s">
        <v>12703</v>
      </c>
      <c r="B8482" t="s">
        <v>12704</v>
      </c>
      <c r="C8482">
        <v>0</v>
      </c>
      <c r="D8482">
        <v>0</v>
      </c>
    </row>
    <row r="8483" spans="1:4" x14ac:dyDescent="0.25">
      <c r="A8483" t="s">
        <v>12703</v>
      </c>
      <c r="B8483" t="s">
        <v>12705</v>
      </c>
      <c r="C8483">
        <v>2</v>
      </c>
      <c r="D8483">
        <v>0</v>
      </c>
    </row>
    <row r="8484" spans="1:4" x14ac:dyDescent="0.25">
      <c r="A8484" t="s">
        <v>12706</v>
      </c>
      <c r="B8484" t="s">
        <v>12707</v>
      </c>
      <c r="C8484">
        <v>0</v>
      </c>
      <c r="D8484">
        <v>0</v>
      </c>
    </row>
    <row r="8485" spans="1:4" x14ac:dyDescent="0.25">
      <c r="A8485" t="s">
        <v>12706</v>
      </c>
      <c r="B8485" t="s">
        <v>12708</v>
      </c>
      <c r="C8485">
        <v>0</v>
      </c>
      <c r="D8485">
        <v>0</v>
      </c>
    </row>
    <row r="8486" spans="1:4" x14ac:dyDescent="0.25">
      <c r="A8486" t="s">
        <v>12706</v>
      </c>
      <c r="B8486" t="s">
        <v>12709</v>
      </c>
      <c r="C8486">
        <v>0</v>
      </c>
      <c r="D8486">
        <v>0</v>
      </c>
    </row>
    <row r="8487" spans="1:4" x14ac:dyDescent="0.25">
      <c r="A8487" t="s">
        <v>12710</v>
      </c>
      <c r="B8487" t="s">
        <v>12711</v>
      </c>
      <c r="C8487">
        <v>0</v>
      </c>
      <c r="D8487">
        <v>0</v>
      </c>
    </row>
    <row r="8488" spans="1:4" x14ac:dyDescent="0.25">
      <c r="A8488" t="s">
        <v>12710</v>
      </c>
      <c r="B8488" t="s">
        <v>12712</v>
      </c>
      <c r="C8488">
        <v>1</v>
      </c>
      <c r="D8488">
        <v>0</v>
      </c>
    </row>
    <row r="8489" spans="1:4" x14ac:dyDescent="0.25">
      <c r="A8489" t="s">
        <v>12710</v>
      </c>
      <c r="B8489" t="s">
        <v>12713</v>
      </c>
      <c r="C8489">
        <v>2</v>
      </c>
      <c r="D8489">
        <v>0</v>
      </c>
    </row>
    <row r="8490" spans="1:4" x14ac:dyDescent="0.25">
      <c r="A8490" t="s">
        <v>12714</v>
      </c>
      <c r="B8490" t="s">
        <v>7271</v>
      </c>
      <c r="C8490">
        <v>1</v>
      </c>
      <c r="D8490">
        <v>0</v>
      </c>
    </row>
    <row r="8491" spans="1:4" x14ac:dyDescent="0.25">
      <c r="A8491" t="s">
        <v>12715</v>
      </c>
      <c r="B8491" t="s">
        <v>1499</v>
      </c>
      <c r="C8491">
        <v>1</v>
      </c>
      <c r="D8491">
        <v>0</v>
      </c>
    </row>
    <row r="8492" spans="1:4" x14ac:dyDescent="0.25">
      <c r="A8492" t="s">
        <v>12716</v>
      </c>
      <c r="B8492" t="s">
        <v>1101</v>
      </c>
      <c r="C8492">
        <v>1</v>
      </c>
      <c r="D8492">
        <v>0</v>
      </c>
    </row>
    <row r="8493" spans="1:4" x14ac:dyDescent="0.25">
      <c r="A8493" t="s">
        <v>12717</v>
      </c>
      <c r="B8493" t="s">
        <v>12718</v>
      </c>
      <c r="C8493">
        <v>1</v>
      </c>
      <c r="D8493">
        <v>0</v>
      </c>
    </row>
    <row r="8494" spans="1:4" x14ac:dyDescent="0.25">
      <c r="A8494" t="s">
        <v>12717</v>
      </c>
      <c r="B8494" t="s">
        <v>12719</v>
      </c>
      <c r="C8494">
        <v>0</v>
      </c>
      <c r="D8494">
        <v>0</v>
      </c>
    </row>
    <row r="8495" spans="1:4" x14ac:dyDescent="0.25">
      <c r="A8495" t="s">
        <v>12717</v>
      </c>
      <c r="B8495" t="s">
        <v>12720</v>
      </c>
      <c r="C8495">
        <v>0</v>
      </c>
      <c r="D8495">
        <v>0</v>
      </c>
    </row>
    <row r="8496" spans="1:4" x14ac:dyDescent="0.25">
      <c r="A8496" t="s">
        <v>12721</v>
      </c>
      <c r="B8496" t="s">
        <v>2391</v>
      </c>
      <c r="C8496">
        <v>1</v>
      </c>
      <c r="D8496">
        <v>0</v>
      </c>
    </row>
    <row r="8497" spans="1:4" x14ac:dyDescent="0.25">
      <c r="A8497" t="s">
        <v>12722</v>
      </c>
      <c r="B8497" t="s">
        <v>888</v>
      </c>
      <c r="C8497">
        <v>1</v>
      </c>
      <c r="D8497">
        <v>0</v>
      </c>
    </row>
    <row r="8498" spans="1:4" x14ac:dyDescent="0.25">
      <c r="A8498" t="s">
        <v>12722</v>
      </c>
      <c r="B8498" t="s">
        <v>2953</v>
      </c>
      <c r="C8498">
        <v>0</v>
      </c>
      <c r="D8498">
        <v>0</v>
      </c>
    </row>
    <row r="8499" spans="1:4" x14ac:dyDescent="0.25">
      <c r="A8499" t="s">
        <v>12723</v>
      </c>
      <c r="B8499" t="s">
        <v>12724</v>
      </c>
      <c r="C8499">
        <v>0</v>
      </c>
      <c r="D8499">
        <v>0</v>
      </c>
    </row>
    <row r="8500" spans="1:4" x14ac:dyDescent="0.25">
      <c r="A8500" t="s">
        <v>12725</v>
      </c>
      <c r="B8500" t="s">
        <v>12726</v>
      </c>
      <c r="C8500">
        <v>2</v>
      </c>
      <c r="D8500">
        <v>0</v>
      </c>
    </row>
    <row r="8501" spans="1:4" x14ac:dyDescent="0.25">
      <c r="A8501" t="s">
        <v>12727</v>
      </c>
      <c r="B8501" t="s">
        <v>12728</v>
      </c>
      <c r="C8501">
        <v>2</v>
      </c>
      <c r="D8501">
        <v>0</v>
      </c>
    </row>
    <row r="8502" spans="1:4" x14ac:dyDescent="0.25">
      <c r="A8502" t="s">
        <v>12727</v>
      </c>
      <c r="B8502" t="s">
        <v>12729</v>
      </c>
      <c r="C8502">
        <v>1</v>
      </c>
      <c r="D8502">
        <v>0</v>
      </c>
    </row>
    <row r="8503" spans="1:4" x14ac:dyDescent="0.25">
      <c r="A8503" t="s">
        <v>12727</v>
      </c>
      <c r="B8503" t="s">
        <v>12730</v>
      </c>
      <c r="C8503">
        <v>0</v>
      </c>
      <c r="D8503">
        <v>0</v>
      </c>
    </row>
    <row r="8504" spans="1:4" x14ac:dyDescent="0.25">
      <c r="A8504" t="s">
        <v>12731</v>
      </c>
      <c r="B8504" t="s">
        <v>12732</v>
      </c>
      <c r="C8504">
        <v>1</v>
      </c>
      <c r="D8504">
        <v>0</v>
      </c>
    </row>
    <row r="8505" spans="1:4" x14ac:dyDescent="0.25">
      <c r="A8505" t="s">
        <v>12731</v>
      </c>
      <c r="B8505" t="s">
        <v>12733</v>
      </c>
      <c r="C8505">
        <v>1</v>
      </c>
      <c r="D8505">
        <v>0</v>
      </c>
    </row>
    <row r="8506" spans="1:4" x14ac:dyDescent="0.25">
      <c r="A8506" t="s">
        <v>12731</v>
      </c>
      <c r="B8506" t="s">
        <v>12734</v>
      </c>
      <c r="C8506">
        <v>2</v>
      </c>
      <c r="D8506">
        <v>0</v>
      </c>
    </row>
    <row r="8507" spans="1:4" x14ac:dyDescent="0.25">
      <c r="A8507" t="s">
        <v>12735</v>
      </c>
      <c r="B8507" t="s">
        <v>12736</v>
      </c>
      <c r="C8507">
        <v>1</v>
      </c>
      <c r="D8507">
        <v>0</v>
      </c>
    </row>
    <row r="8508" spans="1:4" x14ac:dyDescent="0.25">
      <c r="A8508" t="s">
        <v>12735</v>
      </c>
      <c r="B8508" t="s">
        <v>12737</v>
      </c>
      <c r="C8508">
        <v>2</v>
      </c>
      <c r="D8508">
        <v>0</v>
      </c>
    </row>
    <row r="8509" spans="1:4" x14ac:dyDescent="0.25">
      <c r="A8509" t="s">
        <v>12735</v>
      </c>
      <c r="B8509" t="s">
        <v>12738</v>
      </c>
      <c r="C8509">
        <v>1</v>
      </c>
      <c r="D8509">
        <v>0</v>
      </c>
    </row>
    <row r="8510" spans="1:4" x14ac:dyDescent="0.25">
      <c r="A8510" t="s">
        <v>12739</v>
      </c>
      <c r="B8510" t="s">
        <v>12740</v>
      </c>
      <c r="C8510">
        <v>0</v>
      </c>
      <c r="D8510">
        <v>0</v>
      </c>
    </row>
    <row r="8511" spans="1:4" x14ac:dyDescent="0.25">
      <c r="A8511" t="s">
        <v>12741</v>
      </c>
      <c r="B8511" t="s">
        <v>852</v>
      </c>
      <c r="C8511">
        <v>0</v>
      </c>
      <c r="D8511">
        <v>0</v>
      </c>
    </row>
    <row r="8512" spans="1:4" x14ac:dyDescent="0.25">
      <c r="A8512" t="s">
        <v>12742</v>
      </c>
      <c r="B8512" t="s">
        <v>12743</v>
      </c>
      <c r="C8512">
        <v>0</v>
      </c>
      <c r="D8512">
        <v>0</v>
      </c>
    </row>
    <row r="8513" spans="1:4" x14ac:dyDescent="0.25">
      <c r="A8513" t="s">
        <v>12742</v>
      </c>
      <c r="B8513" t="s">
        <v>12744</v>
      </c>
      <c r="C8513">
        <v>0</v>
      </c>
      <c r="D8513">
        <v>0</v>
      </c>
    </row>
    <row r="8514" spans="1:4" x14ac:dyDescent="0.25">
      <c r="A8514" t="s">
        <v>12742</v>
      </c>
      <c r="B8514" t="s">
        <v>12745</v>
      </c>
      <c r="C8514">
        <v>1</v>
      </c>
      <c r="D8514">
        <v>0</v>
      </c>
    </row>
    <row r="8515" spans="1:4" x14ac:dyDescent="0.25">
      <c r="A8515" t="s">
        <v>12746</v>
      </c>
      <c r="B8515" t="s">
        <v>12747</v>
      </c>
      <c r="C8515">
        <v>1</v>
      </c>
      <c r="D8515">
        <v>0</v>
      </c>
    </row>
    <row r="8516" spans="1:4" x14ac:dyDescent="0.25">
      <c r="A8516" t="s">
        <v>12748</v>
      </c>
      <c r="B8516" t="s">
        <v>12749</v>
      </c>
      <c r="C8516">
        <v>0</v>
      </c>
      <c r="D8516">
        <v>0</v>
      </c>
    </row>
    <row r="8517" spans="1:4" x14ac:dyDescent="0.25">
      <c r="A8517" t="s">
        <v>12750</v>
      </c>
      <c r="B8517" t="s">
        <v>12751</v>
      </c>
      <c r="C8517">
        <v>1</v>
      </c>
      <c r="D8517">
        <v>0</v>
      </c>
    </row>
    <row r="8518" spans="1:4" x14ac:dyDescent="0.25">
      <c r="A8518" t="s">
        <v>12752</v>
      </c>
      <c r="B8518" t="s">
        <v>12753</v>
      </c>
      <c r="C8518">
        <v>2</v>
      </c>
      <c r="D8518">
        <v>0</v>
      </c>
    </row>
    <row r="8519" spans="1:4" x14ac:dyDescent="0.25">
      <c r="A8519" t="s">
        <v>12754</v>
      </c>
      <c r="B8519" t="s">
        <v>12755</v>
      </c>
      <c r="C8519">
        <v>0</v>
      </c>
      <c r="D8519">
        <v>0</v>
      </c>
    </row>
    <row r="8520" spans="1:4" x14ac:dyDescent="0.25">
      <c r="A8520" t="s">
        <v>12754</v>
      </c>
      <c r="B8520" t="s">
        <v>12756</v>
      </c>
      <c r="C8520">
        <v>1</v>
      </c>
      <c r="D8520">
        <v>0</v>
      </c>
    </row>
    <row r="8521" spans="1:4" x14ac:dyDescent="0.25">
      <c r="A8521" t="s">
        <v>12757</v>
      </c>
      <c r="B8521" t="s">
        <v>12758</v>
      </c>
      <c r="C8521">
        <v>1</v>
      </c>
      <c r="D8521">
        <v>0</v>
      </c>
    </row>
    <row r="8522" spans="1:4" x14ac:dyDescent="0.25">
      <c r="A8522" t="s">
        <v>12759</v>
      </c>
      <c r="B8522" t="s">
        <v>12760</v>
      </c>
      <c r="C8522">
        <v>1</v>
      </c>
      <c r="D8522">
        <v>0</v>
      </c>
    </row>
    <row r="8523" spans="1:4" x14ac:dyDescent="0.25">
      <c r="A8523" t="s">
        <v>12759</v>
      </c>
      <c r="B8523" t="s">
        <v>1001</v>
      </c>
      <c r="C8523">
        <v>1</v>
      </c>
      <c r="D8523">
        <v>0</v>
      </c>
    </row>
    <row r="8524" spans="1:4" x14ac:dyDescent="0.25">
      <c r="A8524" t="s">
        <v>12761</v>
      </c>
      <c r="B8524" t="s">
        <v>12762</v>
      </c>
      <c r="C8524">
        <v>2</v>
      </c>
      <c r="D8524">
        <v>0</v>
      </c>
    </row>
    <row r="8525" spans="1:4" x14ac:dyDescent="0.25">
      <c r="A8525" t="s">
        <v>12761</v>
      </c>
      <c r="B8525" t="s">
        <v>12763</v>
      </c>
      <c r="C8525">
        <v>1</v>
      </c>
      <c r="D8525">
        <v>0</v>
      </c>
    </row>
    <row r="8526" spans="1:4" x14ac:dyDescent="0.25">
      <c r="A8526" t="s">
        <v>12764</v>
      </c>
      <c r="B8526" t="s">
        <v>12765</v>
      </c>
      <c r="C8526">
        <v>0</v>
      </c>
      <c r="D8526">
        <v>0</v>
      </c>
    </row>
    <row r="8527" spans="1:4" x14ac:dyDescent="0.25">
      <c r="A8527" t="s">
        <v>12764</v>
      </c>
      <c r="B8527" t="s">
        <v>12766</v>
      </c>
      <c r="C8527">
        <v>0</v>
      </c>
      <c r="D8527">
        <v>0</v>
      </c>
    </row>
    <row r="8528" spans="1:4" x14ac:dyDescent="0.25">
      <c r="A8528" t="s">
        <v>12767</v>
      </c>
      <c r="B8528" t="s">
        <v>12768</v>
      </c>
      <c r="C8528">
        <v>1</v>
      </c>
      <c r="D8528">
        <v>0</v>
      </c>
    </row>
    <row r="8529" spans="1:4" x14ac:dyDescent="0.25">
      <c r="A8529" t="s">
        <v>12769</v>
      </c>
      <c r="B8529" t="s">
        <v>12770</v>
      </c>
      <c r="C8529">
        <v>2</v>
      </c>
      <c r="D8529">
        <v>0</v>
      </c>
    </row>
    <row r="8530" spans="1:4" x14ac:dyDescent="0.25">
      <c r="A8530" t="s">
        <v>12769</v>
      </c>
      <c r="B8530" t="s">
        <v>12771</v>
      </c>
      <c r="C8530">
        <v>2</v>
      </c>
      <c r="D8530">
        <v>0</v>
      </c>
    </row>
    <row r="8531" spans="1:4" x14ac:dyDescent="0.25">
      <c r="A8531" t="s">
        <v>12772</v>
      </c>
      <c r="B8531" t="s">
        <v>1075</v>
      </c>
      <c r="C8531">
        <v>1</v>
      </c>
      <c r="D8531">
        <v>0</v>
      </c>
    </row>
    <row r="8532" spans="1:4" x14ac:dyDescent="0.25">
      <c r="A8532" t="s">
        <v>12773</v>
      </c>
      <c r="B8532" t="s">
        <v>12774</v>
      </c>
      <c r="C8532">
        <v>0</v>
      </c>
      <c r="D8532">
        <v>0</v>
      </c>
    </row>
    <row r="8533" spans="1:4" x14ac:dyDescent="0.25">
      <c r="A8533" t="s">
        <v>12773</v>
      </c>
      <c r="B8533" t="s">
        <v>12775</v>
      </c>
      <c r="C8533">
        <v>2</v>
      </c>
      <c r="D8533">
        <v>0</v>
      </c>
    </row>
    <row r="8534" spans="1:4" x14ac:dyDescent="0.25">
      <c r="A8534" t="s">
        <v>12776</v>
      </c>
      <c r="B8534" t="s">
        <v>12777</v>
      </c>
      <c r="C8534">
        <v>1</v>
      </c>
      <c r="D8534">
        <v>0</v>
      </c>
    </row>
    <row r="8535" spans="1:4" x14ac:dyDescent="0.25">
      <c r="A8535" t="s">
        <v>12776</v>
      </c>
      <c r="B8535" t="s">
        <v>12778</v>
      </c>
      <c r="C8535">
        <v>1</v>
      </c>
      <c r="D8535">
        <v>0</v>
      </c>
    </row>
    <row r="8536" spans="1:4" x14ac:dyDescent="0.25">
      <c r="A8536" t="s">
        <v>12776</v>
      </c>
      <c r="B8536" t="s">
        <v>12779</v>
      </c>
      <c r="C8536">
        <v>1</v>
      </c>
      <c r="D8536">
        <v>0</v>
      </c>
    </row>
    <row r="8537" spans="1:4" x14ac:dyDescent="0.25">
      <c r="A8537" t="s">
        <v>12780</v>
      </c>
      <c r="B8537" t="s">
        <v>1001</v>
      </c>
      <c r="C8537">
        <v>1</v>
      </c>
      <c r="D8537">
        <v>0</v>
      </c>
    </row>
    <row r="8538" spans="1:4" x14ac:dyDescent="0.25">
      <c r="A8538" t="s">
        <v>12781</v>
      </c>
      <c r="B8538" t="s">
        <v>12782</v>
      </c>
      <c r="C8538">
        <v>0</v>
      </c>
      <c r="D8538">
        <v>0</v>
      </c>
    </row>
    <row r="8539" spans="1:4" x14ac:dyDescent="0.25">
      <c r="A8539" t="s">
        <v>12781</v>
      </c>
      <c r="B8539" t="s">
        <v>12783</v>
      </c>
      <c r="C8539">
        <v>2</v>
      </c>
      <c r="D8539">
        <v>0</v>
      </c>
    </row>
    <row r="8540" spans="1:4" x14ac:dyDescent="0.25">
      <c r="A8540" t="s">
        <v>12781</v>
      </c>
      <c r="B8540" t="s">
        <v>12784</v>
      </c>
      <c r="C8540">
        <v>2</v>
      </c>
      <c r="D8540">
        <v>0</v>
      </c>
    </row>
    <row r="8541" spans="1:4" x14ac:dyDescent="0.25">
      <c r="A8541" t="s">
        <v>12785</v>
      </c>
      <c r="B8541" t="s">
        <v>12786</v>
      </c>
      <c r="C8541">
        <v>0</v>
      </c>
      <c r="D8541">
        <v>0</v>
      </c>
    </row>
    <row r="8542" spans="1:4" x14ac:dyDescent="0.25">
      <c r="A8542" t="s">
        <v>12787</v>
      </c>
      <c r="B8542" t="s">
        <v>12788</v>
      </c>
      <c r="C8542">
        <v>0</v>
      </c>
      <c r="D8542">
        <v>0</v>
      </c>
    </row>
    <row r="8543" spans="1:4" x14ac:dyDescent="0.25">
      <c r="A8543" t="s">
        <v>12787</v>
      </c>
      <c r="B8543" t="s">
        <v>12789</v>
      </c>
      <c r="C8543">
        <v>2</v>
      </c>
      <c r="D8543">
        <v>0</v>
      </c>
    </row>
    <row r="8544" spans="1:4" x14ac:dyDescent="0.25">
      <c r="A8544" t="s">
        <v>12790</v>
      </c>
      <c r="B8544" t="s">
        <v>12791</v>
      </c>
      <c r="C8544">
        <v>1</v>
      </c>
      <c r="D8544">
        <v>0</v>
      </c>
    </row>
    <row r="8545" spans="1:4" x14ac:dyDescent="0.25">
      <c r="A8545" t="s">
        <v>12790</v>
      </c>
      <c r="B8545" t="s">
        <v>1580</v>
      </c>
      <c r="C8545">
        <v>1</v>
      </c>
      <c r="D8545">
        <v>0</v>
      </c>
    </row>
    <row r="8546" spans="1:4" x14ac:dyDescent="0.25">
      <c r="A8546" t="s">
        <v>12792</v>
      </c>
      <c r="B8546" t="s">
        <v>12793</v>
      </c>
      <c r="C8546">
        <v>1</v>
      </c>
      <c r="D8546">
        <v>0</v>
      </c>
    </row>
    <row r="8547" spans="1:4" x14ac:dyDescent="0.25">
      <c r="A8547" t="s">
        <v>12794</v>
      </c>
      <c r="B8547" t="s">
        <v>12795</v>
      </c>
      <c r="C8547">
        <v>0</v>
      </c>
      <c r="D8547">
        <v>0</v>
      </c>
    </row>
    <row r="8548" spans="1:4" x14ac:dyDescent="0.25">
      <c r="A8548" t="s">
        <v>12796</v>
      </c>
      <c r="B8548" t="s">
        <v>12797</v>
      </c>
      <c r="C8548">
        <v>0</v>
      </c>
      <c r="D8548">
        <v>0</v>
      </c>
    </row>
    <row r="8549" spans="1:4" x14ac:dyDescent="0.25">
      <c r="A8549" t="s">
        <v>12798</v>
      </c>
      <c r="B8549" t="s">
        <v>12799</v>
      </c>
      <c r="C8549">
        <v>2</v>
      </c>
      <c r="D8549">
        <v>0</v>
      </c>
    </row>
    <row r="8550" spans="1:4" x14ac:dyDescent="0.25">
      <c r="A8550" t="s">
        <v>12798</v>
      </c>
      <c r="B8550" t="s">
        <v>12800</v>
      </c>
      <c r="C8550">
        <v>1</v>
      </c>
      <c r="D8550">
        <v>0</v>
      </c>
    </row>
    <row r="8551" spans="1:4" x14ac:dyDescent="0.25">
      <c r="A8551" t="s">
        <v>12801</v>
      </c>
      <c r="B8551" t="s">
        <v>12802</v>
      </c>
      <c r="C8551">
        <v>1</v>
      </c>
      <c r="D8551">
        <v>0</v>
      </c>
    </row>
    <row r="8552" spans="1:4" x14ac:dyDescent="0.25">
      <c r="A8552" t="s">
        <v>12801</v>
      </c>
      <c r="B8552" t="s">
        <v>12803</v>
      </c>
      <c r="C8552">
        <v>0</v>
      </c>
      <c r="D8552">
        <v>0</v>
      </c>
    </row>
    <row r="8553" spans="1:4" x14ac:dyDescent="0.25">
      <c r="A8553" t="s">
        <v>12801</v>
      </c>
      <c r="B8553" t="s">
        <v>12804</v>
      </c>
      <c r="C8553">
        <v>0</v>
      </c>
      <c r="D8553">
        <v>0</v>
      </c>
    </row>
    <row r="8554" spans="1:4" x14ac:dyDescent="0.25">
      <c r="A8554" t="s">
        <v>12805</v>
      </c>
      <c r="B8554" t="s">
        <v>12806</v>
      </c>
      <c r="C8554">
        <v>1</v>
      </c>
      <c r="D8554">
        <v>0</v>
      </c>
    </row>
    <row r="8555" spans="1:4" x14ac:dyDescent="0.25">
      <c r="A8555" t="s">
        <v>12805</v>
      </c>
      <c r="B8555" t="s">
        <v>12807</v>
      </c>
      <c r="C8555">
        <v>2</v>
      </c>
      <c r="D8555">
        <v>0</v>
      </c>
    </row>
    <row r="8556" spans="1:4" x14ac:dyDescent="0.25">
      <c r="A8556" t="s">
        <v>12808</v>
      </c>
      <c r="B8556" t="s">
        <v>2704</v>
      </c>
      <c r="C8556">
        <v>1</v>
      </c>
      <c r="D8556">
        <v>0</v>
      </c>
    </row>
    <row r="8557" spans="1:4" x14ac:dyDescent="0.25">
      <c r="A8557" t="s">
        <v>12809</v>
      </c>
      <c r="B8557" t="s">
        <v>12810</v>
      </c>
      <c r="C8557">
        <v>1</v>
      </c>
      <c r="D8557">
        <v>0</v>
      </c>
    </row>
    <row r="8558" spans="1:4" x14ac:dyDescent="0.25">
      <c r="A8558" t="s">
        <v>12809</v>
      </c>
      <c r="B8558" t="s">
        <v>12811</v>
      </c>
      <c r="C8558">
        <v>0</v>
      </c>
      <c r="D8558">
        <v>0</v>
      </c>
    </row>
    <row r="8559" spans="1:4" x14ac:dyDescent="0.25">
      <c r="A8559" t="s">
        <v>12812</v>
      </c>
      <c r="B8559" t="s">
        <v>12813</v>
      </c>
      <c r="C8559">
        <v>2</v>
      </c>
      <c r="D8559">
        <v>0</v>
      </c>
    </row>
    <row r="8560" spans="1:4" x14ac:dyDescent="0.25">
      <c r="A8560" t="s">
        <v>12814</v>
      </c>
      <c r="B8560" t="s">
        <v>12815</v>
      </c>
      <c r="C8560">
        <v>0</v>
      </c>
      <c r="D8560">
        <v>0</v>
      </c>
    </row>
    <row r="8561" spans="1:4" x14ac:dyDescent="0.25">
      <c r="A8561" t="s">
        <v>12814</v>
      </c>
      <c r="B8561" t="s">
        <v>12816</v>
      </c>
      <c r="C8561">
        <v>1</v>
      </c>
      <c r="D8561">
        <v>0</v>
      </c>
    </row>
    <row r="8562" spans="1:4" x14ac:dyDescent="0.25">
      <c r="A8562" t="s">
        <v>12817</v>
      </c>
      <c r="B8562" t="s">
        <v>12818</v>
      </c>
      <c r="C8562">
        <v>1</v>
      </c>
      <c r="D8562">
        <v>0</v>
      </c>
    </row>
    <row r="8563" spans="1:4" x14ac:dyDescent="0.25">
      <c r="A8563" t="s">
        <v>12817</v>
      </c>
      <c r="B8563" t="s">
        <v>12819</v>
      </c>
      <c r="C8563">
        <v>1</v>
      </c>
      <c r="D8563">
        <v>0</v>
      </c>
    </row>
    <row r="8564" spans="1:4" x14ac:dyDescent="0.25">
      <c r="A8564" t="s">
        <v>12820</v>
      </c>
      <c r="B8564" t="s">
        <v>12821</v>
      </c>
      <c r="C8564">
        <v>2</v>
      </c>
      <c r="D8564">
        <v>0</v>
      </c>
    </row>
    <row r="8565" spans="1:4" x14ac:dyDescent="0.25">
      <c r="A8565" t="s">
        <v>12822</v>
      </c>
      <c r="B8565" t="s">
        <v>12823</v>
      </c>
      <c r="C8565">
        <v>0</v>
      </c>
      <c r="D8565">
        <v>0</v>
      </c>
    </row>
    <row r="8566" spans="1:4" x14ac:dyDescent="0.25">
      <c r="A8566" t="s">
        <v>12822</v>
      </c>
      <c r="B8566" t="s">
        <v>12824</v>
      </c>
      <c r="C8566">
        <v>1</v>
      </c>
      <c r="D8566">
        <v>0</v>
      </c>
    </row>
    <row r="8567" spans="1:4" x14ac:dyDescent="0.25">
      <c r="A8567" t="s">
        <v>12825</v>
      </c>
      <c r="B8567" t="s">
        <v>12826</v>
      </c>
      <c r="C8567">
        <v>1</v>
      </c>
      <c r="D8567">
        <v>0</v>
      </c>
    </row>
    <row r="8568" spans="1:4" x14ac:dyDescent="0.25">
      <c r="A8568" t="s">
        <v>12827</v>
      </c>
      <c r="B8568" t="s">
        <v>12828</v>
      </c>
      <c r="C8568">
        <v>0</v>
      </c>
      <c r="D8568">
        <v>0</v>
      </c>
    </row>
    <row r="8569" spans="1:4" x14ac:dyDescent="0.25">
      <c r="A8569" t="s">
        <v>12829</v>
      </c>
      <c r="B8569" t="s">
        <v>843</v>
      </c>
      <c r="C8569">
        <v>1</v>
      </c>
      <c r="D8569">
        <v>0</v>
      </c>
    </row>
    <row r="8570" spans="1:4" x14ac:dyDescent="0.25">
      <c r="A8570" t="s">
        <v>12830</v>
      </c>
      <c r="B8570" t="s">
        <v>12831</v>
      </c>
      <c r="C8570">
        <v>2</v>
      </c>
      <c r="D8570">
        <v>0</v>
      </c>
    </row>
    <row r="8571" spans="1:4" x14ac:dyDescent="0.25">
      <c r="A8571" t="s">
        <v>12830</v>
      </c>
      <c r="B8571" t="s">
        <v>12832</v>
      </c>
      <c r="C8571">
        <v>2</v>
      </c>
      <c r="D8571">
        <v>0</v>
      </c>
    </row>
    <row r="8572" spans="1:4" x14ac:dyDescent="0.25">
      <c r="A8572" t="s">
        <v>12830</v>
      </c>
      <c r="B8572" t="s">
        <v>12833</v>
      </c>
      <c r="C8572">
        <v>1</v>
      </c>
      <c r="D8572">
        <v>0</v>
      </c>
    </row>
    <row r="8573" spans="1:4" x14ac:dyDescent="0.25">
      <c r="A8573" t="s">
        <v>12834</v>
      </c>
      <c r="B8573" t="s">
        <v>12835</v>
      </c>
      <c r="C8573">
        <v>2</v>
      </c>
      <c r="D8573">
        <v>0</v>
      </c>
    </row>
    <row r="8574" spans="1:4" x14ac:dyDescent="0.25">
      <c r="A8574" t="s">
        <v>12834</v>
      </c>
      <c r="B8574" t="s">
        <v>11625</v>
      </c>
      <c r="C8574">
        <v>0</v>
      </c>
      <c r="D8574">
        <v>0</v>
      </c>
    </row>
    <row r="8575" spans="1:4" x14ac:dyDescent="0.25">
      <c r="A8575" t="s">
        <v>12834</v>
      </c>
      <c r="B8575" t="s">
        <v>12836</v>
      </c>
      <c r="C8575">
        <v>1</v>
      </c>
      <c r="D8575">
        <v>0</v>
      </c>
    </row>
    <row r="8576" spans="1:4" x14ac:dyDescent="0.25">
      <c r="A8576" t="s">
        <v>12837</v>
      </c>
      <c r="B8576" t="s">
        <v>4910</v>
      </c>
      <c r="C8576">
        <v>1</v>
      </c>
      <c r="D8576">
        <v>0</v>
      </c>
    </row>
    <row r="8577" spans="1:4" x14ac:dyDescent="0.25">
      <c r="A8577" t="s">
        <v>12837</v>
      </c>
      <c r="B8577" t="s">
        <v>12838</v>
      </c>
      <c r="C8577">
        <v>2</v>
      </c>
      <c r="D8577">
        <v>0</v>
      </c>
    </row>
    <row r="8578" spans="1:4" x14ac:dyDescent="0.25">
      <c r="A8578" t="s">
        <v>12839</v>
      </c>
      <c r="B8578" t="s">
        <v>12840</v>
      </c>
      <c r="C8578">
        <v>1</v>
      </c>
      <c r="D8578">
        <v>0</v>
      </c>
    </row>
    <row r="8579" spans="1:4" x14ac:dyDescent="0.25">
      <c r="A8579" t="s">
        <v>12841</v>
      </c>
      <c r="B8579" t="s">
        <v>12842</v>
      </c>
      <c r="C8579">
        <v>0</v>
      </c>
      <c r="D8579">
        <v>0</v>
      </c>
    </row>
    <row r="8580" spans="1:4" x14ac:dyDescent="0.25">
      <c r="A8580" t="s">
        <v>12841</v>
      </c>
      <c r="B8580" t="s">
        <v>12843</v>
      </c>
      <c r="C8580">
        <v>0</v>
      </c>
      <c r="D8580">
        <v>0</v>
      </c>
    </row>
    <row r="8581" spans="1:4" x14ac:dyDescent="0.25">
      <c r="A8581" t="s">
        <v>12844</v>
      </c>
      <c r="B8581" t="s">
        <v>12845</v>
      </c>
      <c r="C8581">
        <v>1</v>
      </c>
      <c r="D8581">
        <v>0</v>
      </c>
    </row>
    <row r="8582" spans="1:4" x14ac:dyDescent="0.25">
      <c r="A8582" t="s">
        <v>12844</v>
      </c>
      <c r="B8582" t="s">
        <v>12846</v>
      </c>
      <c r="C8582">
        <v>1</v>
      </c>
      <c r="D8582">
        <v>0</v>
      </c>
    </row>
    <row r="8583" spans="1:4" x14ac:dyDescent="0.25">
      <c r="A8583" t="s">
        <v>12847</v>
      </c>
      <c r="B8583" t="s">
        <v>12848</v>
      </c>
      <c r="C8583">
        <v>2</v>
      </c>
      <c r="D8583">
        <v>0</v>
      </c>
    </row>
    <row r="8584" spans="1:4" x14ac:dyDescent="0.25">
      <c r="A8584" t="s">
        <v>12847</v>
      </c>
      <c r="B8584" t="s">
        <v>12849</v>
      </c>
      <c r="C8584">
        <v>2</v>
      </c>
      <c r="D8584">
        <v>0</v>
      </c>
    </row>
    <row r="8585" spans="1:4" x14ac:dyDescent="0.25">
      <c r="A8585" t="s">
        <v>12850</v>
      </c>
      <c r="B8585" t="s">
        <v>12851</v>
      </c>
      <c r="C8585">
        <v>1</v>
      </c>
      <c r="D8585">
        <v>0</v>
      </c>
    </row>
    <row r="8586" spans="1:4" x14ac:dyDescent="0.25">
      <c r="A8586" t="s">
        <v>12852</v>
      </c>
      <c r="B8586" t="s">
        <v>12853</v>
      </c>
      <c r="C8586">
        <v>0</v>
      </c>
      <c r="D8586">
        <v>0</v>
      </c>
    </row>
    <row r="8587" spans="1:4" x14ac:dyDescent="0.25">
      <c r="A8587" t="s">
        <v>12854</v>
      </c>
      <c r="B8587" t="s">
        <v>12855</v>
      </c>
      <c r="C8587">
        <v>0</v>
      </c>
      <c r="D8587">
        <v>0</v>
      </c>
    </row>
    <row r="8588" spans="1:4" x14ac:dyDescent="0.25">
      <c r="A8588" t="s">
        <v>12854</v>
      </c>
      <c r="B8588" t="s">
        <v>2836</v>
      </c>
      <c r="C8588">
        <v>0</v>
      </c>
      <c r="D8588">
        <v>0</v>
      </c>
    </row>
    <row r="8589" spans="1:4" x14ac:dyDescent="0.25">
      <c r="A8589" t="s">
        <v>12856</v>
      </c>
      <c r="B8589" t="s">
        <v>3347</v>
      </c>
      <c r="C8589">
        <v>0</v>
      </c>
      <c r="D8589">
        <v>0</v>
      </c>
    </row>
    <row r="8590" spans="1:4" x14ac:dyDescent="0.25">
      <c r="A8590" t="s">
        <v>12857</v>
      </c>
      <c r="B8590" t="s">
        <v>1499</v>
      </c>
      <c r="C8590">
        <v>1</v>
      </c>
      <c r="D8590">
        <v>0</v>
      </c>
    </row>
    <row r="8591" spans="1:4" x14ac:dyDescent="0.25">
      <c r="A8591" t="s">
        <v>12858</v>
      </c>
      <c r="B8591" t="s">
        <v>12859</v>
      </c>
      <c r="C8591">
        <v>0</v>
      </c>
      <c r="D8591">
        <v>0</v>
      </c>
    </row>
    <row r="8592" spans="1:4" x14ac:dyDescent="0.25">
      <c r="A8592" t="s">
        <v>12858</v>
      </c>
      <c r="B8592" t="s">
        <v>12860</v>
      </c>
      <c r="C8592">
        <v>1</v>
      </c>
      <c r="D8592">
        <v>0</v>
      </c>
    </row>
    <row r="8593" spans="1:4" x14ac:dyDescent="0.25">
      <c r="A8593" t="s">
        <v>12861</v>
      </c>
      <c r="B8593" t="s">
        <v>2061</v>
      </c>
      <c r="C8593">
        <v>0</v>
      </c>
      <c r="D8593">
        <v>0</v>
      </c>
    </row>
    <row r="8594" spans="1:4" x14ac:dyDescent="0.25">
      <c r="A8594" t="s">
        <v>12862</v>
      </c>
      <c r="B8594" t="s">
        <v>12863</v>
      </c>
      <c r="C8594">
        <v>0</v>
      </c>
      <c r="D8594">
        <v>0</v>
      </c>
    </row>
    <row r="8595" spans="1:4" x14ac:dyDescent="0.25">
      <c r="A8595" t="s">
        <v>12864</v>
      </c>
      <c r="B8595" t="s">
        <v>12865</v>
      </c>
      <c r="C8595">
        <v>0</v>
      </c>
      <c r="D8595">
        <v>0</v>
      </c>
    </row>
    <row r="8596" spans="1:4" x14ac:dyDescent="0.25">
      <c r="A8596" t="s">
        <v>12866</v>
      </c>
      <c r="B8596" t="s">
        <v>1090</v>
      </c>
      <c r="C8596">
        <v>1</v>
      </c>
      <c r="D8596">
        <v>0</v>
      </c>
    </row>
    <row r="8597" spans="1:4" x14ac:dyDescent="0.25">
      <c r="A8597" t="s">
        <v>12866</v>
      </c>
      <c r="B8597" t="s">
        <v>12867</v>
      </c>
      <c r="C8597">
        <v>1</v>
      </c>
      <c r="D8597">
        <v>0</v>
      </c>
    </row>
    <row r="8598" spans="1:4" x14ac:dyDescent="0.25">
      <c r="A8598" t="s">
        <v>12868</v>
      </c>
      <c r="B8598" t="s">
        <v>843</v>
      </c>
      <c r="C8598">
        <v>1</v>
      </c>
      <c r="D8598">
        <v>0</v>
      </c>
    </row>
    <row r="8599" spans="1:4" x14ac:dyDescent="0.25">
      <c r="A8599" t="s">
        <v>12869</v>
      </c>
      <c r="B8599" t="s">
        <v>2061</v>
      </c>
      <c r="C8599">
        <v>0</v>
      </c>
      <c r="D8599">
        <v>0</v>
      </c>
    </row>
    <row r="8600" spans="1:4" x14ac:dyDescent="0.25">
      <c r="A8600" t="s">
        <v>12869</v>
      </c>
      <c r="B8600" t="s">
        <v>4598</v>
      </c>
      <c r="C8600">
        <v>1</v>
      </c>
      <c r="D8600">
        <v>0</v>
      </c>
    </row>
    <row r="8601" spans="1:4" x14ac:dyDescent="0.25">
      <c r="A8601" t="s">
        <v>12869</v>
      </c>
      <c r="B8601" t="s">
        <v>1001</v>
      </c>
      <c r="C8601">
        <v>1</v>
      </c>
      <c r="D8601">
        <v>0</v>
      </c>
    </row>
    <row r="8602" spans="1:4" x14ac:dyDescent="0.25">
      <c r="A8602" t="s">
        <v>12870</v>
      </c>
      <c r="B8602" t="s">
        <v>12871</v>
      </c>
      <c r="C8602">
        <v>2</v>
      </c>
      <c r="D8602">
        <v>0</v>
      </c>
    </row>
    <row r="8603" spans="1:4" x14ac:dyDescent="0.25">
      <c r="A8603" t="s">
        <v>12872</v>
      </c>
      <c r="B8603" t="s">
        <v>852</v>
      </c>
      <c r="C8603">
        <v>0</v>
      </c>
      <c r="D8603">
        <v>0</v>
      </c>
    </row>
    <row r="8604" spans="1:4" x14ac:dyDescent="0.25">
      <c r="A8604" t="s">
        <v>12873</v>
      </c>
      <c r="B8604" t="s">
        <v>1001</v>
      </c>
      <c r="C8604">
        <v>1</v>
      </c>
      <c r="D8604">
        <v>0</v>
      </c>
    </row>
    <row r="8605" spans="1:4" x14ac:dyDescent="0.25">
      <c r="A8605" t="s">
        <v>12874</v>
      </c>
      <c r="B8605" t="s">
        <v>12875</v>
      </c>
      <c r="C8605">
        <v>0</v>
      </c>
      <c r="D8605">
        <v>0</v>
      </c>
    </row>
    <row r="8606" spans="1:4" x14ac:dyDescent="0.25">
      <c r="A8606" t="s">
        <v>12874</v>
      </c>
      <c r="B8606" t="s">
        <v>12876</v>
      </c>
      <c r="C8606">
        <v>1</v>
      </c>
      <c r="D8606">
        <v>0</v>
      </c>
    </row>
    <row r="8607" spans="1:4" x14ac:dyDescent="0.25">
      <c r="A8607" t="s">
        <v>12877</v>
      </c>
      <c r="B8607" t="s">
        <v>12878</v>
      </c>
      <c r="C8607">
        <v>0</v>
      </c>
      <c r="D8607">
        <v>0</v>
      </c>
    </row>
    <row r="8608" spans="1:4" x14ac:dyDescent="0.25">
      <c r="A8608" t="s">
        <v>12877</v>
      </c>
      <c r="B8608" t="s">
        <v>1387</v>
      </c>
      <c r="C8608">
        <v>1</v>
      </c>
      <c r="D8608">
        <v>0</v>
      </c>
    </row>
    <row r="8609" spans="1:4" x14ac:dyDescent="0.25">
      <c r="A8609" t="s">
        <v>12879</v>
      </c>
      <c r="B8609" t="s">
        <v>12880</v>
      </c>
      <c r="C8609">
        <v>0</v>
      </c>
      <c r="D8609">
        <v>0</v>
      </c>
    </row>
    <row r="8610" spans="1:4" x14ac:dyDescent="0.25">
      <c r="A8610" t="s">
        <v>12881</v>
      </c>
      <c r="B8610" t="s">
        <v>12882</v>
      </c>
      <c r="C8610">
        <v>1</v>
      </c>
      <c r="D8610">
        <v>0</v>
      </c>
    </row>
    <row r="8611" spans="1:4" x14ac:dyDescent="0.25">
      <c r="A8611" t="s">
        <v>12883</v>
      </c>
      <c r="B8611" t="s">
        <v>12884</v>
      </c>
      <c r="C8611">
        <v>2</v>
      </c>
      <c r="D8611">
        <v>0</v>
      </c>
    </row>
    <row r="8612" spans="1:4" x14ac:dyDescent="0.25">
      <c r="A8612" t="s">
        <v>12885</v>
      </c>
      <c r="B8612" t="s">
        <v>12886</v>
      </c>
      <c r="C8612">
        <v>1</v>
      </c>
      <c r="D8612">
        <v>0</v>
      </c>
    </row>
    <row r="8613" spans="1:4" x14ac:dyDescent="0.25">
      <c r="A8613" t="s">
        <v>12887</v>
      </c>
      <c r="B8613" t="s">
        <v>12888</v>
      </c>
      <c r="C8613">
        <v>1</v>
      </c>
      <c r="D8613">
        <v>0</v>
      </c>
    </row>
    <row r="8614" spans="1:4" x14ac:dyDescent="0.25">
      <c r="A8614" t="s">
        <v>12887</v>
      </c>
      <c r="B8614" t="s">
        <v>12889</v>
      </c>
      <c r="C8614">
        <v>1</v>
      </c>
      <c r="D8614">
        <v>0</v>
      </c>
    </row>
    <row r="8615" spans="1:4" x14ac:dyDescent="0.25">
      <c r="A8615" t="s">
        <v>12890</v>
      </c>
      <c r="B8615" t="s">
        <v>12891</v>
      </c>
      <c r="C8615">
        <v>1</v>
      </c>
      <c r="D8615">
        <v>0</v>
      </c>
    </row>
    <row r="8616" spans="1:4" x14ac:dyDescent="0.25">
      <c r="A8616" t="s">
        <v>12890</v>
      </c>
      <c r="B8616" t="s">
        <v>12892</v>
      </c>
      <c r="C8616">
        <v>2</v>
      </c>
      <c r="D8616">
        <v>0</v>
      </c>
    </row>
    <row r="8617" spans="1:4" x14ac:dyDescent="0.25">
      <c r="A8617" t="s">
        <v>12893</v>
      </c>
      <c r="B8617" t="s">
        <v>12894</v>
      </c>
      <c r="C8617">
        <v>1</v>
      </c>
      <c r="D8617">
        <v>0</v>
      </c>
    </row>
    <row r="8618" spans="1:4" x14ac:dyDescent="0.25">
      <c r="A8618" t="s">
        <v>12893</v>
      </c>
      <c r="B8618" t="s">
        <v>12895</v>
      </c>
      <c r="C8618">
        <v>0</v>
      </c>
      <c r="D8618">
        <v>0</v>
      </c>
    </row>
    <row r="8619" spans="1:4" x14ac:dyDescent="0.25">
      <c r="A8619" t="s">
        <v>12896</v>
      </c>
      <c r="B8619" t="s">
        <v>6837</v>
      </c>
      <c r="C8619">
        <v>1</v>
      </c>
      <c r="D8619">
        <v>0</v>
      </c>
    </row>
    <row r="8620" spans="1:4" x14ac:dyDescent="0.25">
      <c r="A8620" t="s">
        <v>12897</v>
      </c>
      <c r="B8620" t="s">
        <v>12898</v>
      </c>
      <c r="C8620">
        <v>1</v>
      </c>
      <c r="D8620">
        <v>0</v>
      </c>
    </row>
    <row r="8621" spans="1:4" x14ac:dyDescent="0.25">
      <c r="A8621" t="s">
        <v>12897</v>
      </c>
      <c r="B8621" t="s">
        <v>12899</v>
      </c>
      <c r="C8621">
        <v>1</v>
      </c>
      <c r="D8621">
        <v>0</v>
      </c>
    </row>
    <row r="8622" spans="1:4" x14ac:dyDescent="0.25">
      <c r="A8622" t="s">
        <v>12900</v>
      </c>
      <c r="B8622" t="s">
        <v>12901</v>
      </c>
      <c r="C8622">
        <v>1</v>
      </c>
      <c r="D8622">
        <v>0</v>
      </c>
    </row>
    <row r="8623" spans="1:4" x14ac:dyDescent="0.25">
      <c r="A8623" t="s">
        <v>12902</v>
      </c>
      <c r="B8623" t="s">
        <v>12903</v>
      </c>
      <c r="C8623">
        <v>1</v>
      </c>
      <c r="D8623">
        <v>0</v>
      </c>
    </row>
    <row r="8624" spans="1:4" x14ac:dyDescent="0.25">
      <c r="A8624" t="s">
        <v>12904</v>
      </c>
      <c r="B8624" t="s">
        <v>12905</v>
      </c>
      <c r="C8624">
        <v>0</v>
      </c>
      <c r="D8624">
        <v>0</v>
      </c>
    </row>
    <row r="8625" spans="1:4" x14ac:dyDescent="0.25">
      <c r="A8625" t="s">
        <v>12904</v>
      </c>
      <c r="B8625" t="s">
        <v>12906</v>
      </c>
      <c r="C8625">
        <v>1</v>
      </c>
      <c r="D8625">
        <v>0</v>
      </c>
    </row>
    <row r="8626" spans="1:4" x14ac:dyDescent="0.25">
      <c r="A8626" t="s">
        <v>12907</v>
      </c>
      <c r="B8626" t="s">
        <v>12908</v>
      </c>
      <c r="C8626">
        <v>0</v>
      </c>
      <c r="D8626">
        <v>0</v>
      </c>
    </row>
    <row r="8627" spans="1:4" x14ac:dyDescent="0.25">
      <c r="A8627" t="s">
        <v>12909</v>
      </c>
      <c r="B8627" t="s">
        <v>852</v>
      </c>
      <c r="C8627">
        <v>0</v>
      </c>
      <c r="D8627">
        <v>0</v>
      </c>
    </row>
    <row r="8628" spans="1:4" x14ac:dyDescent="0.25">
      <c r="A8628" t="s">
        <v>12910</v>
      </c>
      <c r="B8628" t="s">
        <v>12911</v>
      </c>
      <c r="C8628">
        <v>1</v>
      </c>
      <c r="D8628">
        <v>0</v>
      </c>
    </row>
    <row r="8629" spans="1:4" x14ac:dyDescent="0.25">
      <c r="A8629" t="s">
        <v>12912</v>
      </c>
      <c r="B8629" t="s">
        <v>968</v>
      </c>
      <c r="C8629">
        <v>1</v>
      </c>
      <c r="D8629">
        <v>0</v>
      </c>
    </row>
    <row r="8630" spans="1:4" x14ac:dyDescent="0.25">
      <c r="A8630" t="s">
        <v>12912</v>
      </c>
      <c r="B8630" t="s">
        <v>969</v>
      </c>
      <c r="C8630">
        <v>0</v>
      </c>
      <c r="D8630">
        <v>0</v>
      </c>
    </row>
    <row r="8631" spans="1:4" x14ac:dyDescent="0.25">
      <c r="A8631" t="s">
        <v>12913</v>
      </c>
      <c r="B8631" t="s">
        <v>12914</v>
      </c>
      <c r="C8631">
        <v>0</v>
      </c>
      <c r="D8631">
        <v>0</v>
      </c>
    </row>
    <row r="8632" spans="1:4" x14ac:dyDescent="0.25">
      <c r="A8632" t="s">
        <v>12913</v>
      </c>
      <c r="B8632" t="s">
        <v>12915</v>
      </c>
      <c r="C8632">
        <v>2</v>
      </c>
      <c r="D8632">
        <v>0</v>
      </c>
    </row>
    <row r="8633" spans="1:4" x14ac:dyDescent="0.25">
      <c r="A8633" t="s">
        <v>12913</v>
      </c>
      <c r="B8633" t="s">
        <v>12916</v>
      </c>
      <c r="C8633">
        <v>0</v>
      </c>
      <c r="D8633">
        <v>0</v>
      </c>
    </row>
    <row r="8634" spans="1:4" x14ac:dyDescent="0.25">
      <c r="A8634" t="s">
        <v>12917</v>
      </c>
      <c r="B8634" t="s">
        <v>12918</v>
      </c>
      <c r="C8634">
        <v>1</v>
      </c>
      <c r="D8634">
        <v>0</v>
      </c>
    </row>
    <row r="8635" spans="1:4" x14ac:dyDescent="0.25">
      <c r="A8635" t="s">
        <v>12919</v>
      </c>
      <c r="B8635" t="s">
        <v>12920</v>
      </c>
      <c r="C8635">
        <v>0</v>
      </c>
      <c r="D8635">
        <v>0</v>
      </c>
    </row>
    <row r="8636" spans="1:4" x14ac:dyDescent="0.25">
      <c r="A8636" t="s">
        <v>12919</v>
      </c>
      <c r="B8636" t="s">
        <v>12921</v>
      </c>
      <c r="C8636">
        <v>1</v>
      </c>
      <c r="D8636">
        <v>0</v>
      </c>
    </row>
    <row r="8637" spans="1:4" x14ac:dyDescent="0.25">
      <c r="A8637" t="s">
        <v>12919</v>
      </c>
      <c r="B8637" t="s">
        <v>12922</v>
      </c>
      <c r="C8637">
        <v>0</v>
      </c>
      <c r="D8637">
        <v>0</v>
      </c>
    </row>
    <row r="8638" spans="1:4" x14ac:dyDescent="0.25">
      <c r="A8638" t="s">
        <v>12923</v>
      </c>
      <c r="B8638" t="s">
        <v>12924</v>
      </c>
      <c r="C8638">
        <v>1</v>
      </c>
      <c r="D8638">
        <v>0</v>
      </c>
    </row>
    <row r="8639" spans="1:4" x14ac:dyDescent="0.25">
      <c r="A8639" t="s">
        <v>12923</v>
      </c>
      <c r="B8639" t="s">
        <v>12925</v>
      </c>
      <c r="C8639">
        <v>1</v>
      </c>
      <c r="D8639">
        <v>0</v>
      </c>
    </row>
    <row r="8640" spans="1:4" x14ac:dyDescent="0.25">
      <c r="A8640" t="s">
        <v>12923</v>
      </c>
      <c r="B8640" t="s">
        <v>12926</v>
      </c>
      <c r="C8640">
        <v>1</v>
      </c>
      <c r="D8640">
        <v>0</v>
      </c>
    </row>
    <row r="8641" spans="1:4" x14ac:dyDescent="0.25">
      <c r="A8641" t="s">
        <v>12927</v>
      </c>
      <c r="B8641" t="s">
        <v>12928</v>
      </c>
      <c r="C8641">
        <v>0</v>
      </c>
      <c r="D8641">
        <v>0</v>
      </c>
    </row>
    <row r="8642" spans="1:4" x14ac:dyDescent="0.25">
      <c r="A8642" t="s">
        <v>12929</v>
      </c>
      <c r="B8642" t="s">
        <v>12930</v>
      </c>
      <c r="C8642">
        <v>0</v>
      </c>
      <c r="D8642">
        <v>0</v>
      </c>
    </row>
    <row r="8643" spans="1:4" x14ac:dyDescent="0.25">
      <c r="A8643" t="s">
        <v>12931</v>
      </c>
      <c r="B8643" t="s">
        <v>4894</v>
      </c>
      <c r="C8643">
        <v>0</v>
      </c>
      <c r="D8643">
        <v>0</v>
      </c>
    </row>
    <row r="8644" spans="1:4" x14ac:dyDescent="0.25">
      <c r="A8644" t="s">
        <v>12932</v>
      </c>
      <c r="B8644" t="s">
        <v>12933</v>
      </c>
      <c r="C8644">
        <v>0</v>
      </c>
      <c r="D8644">
        <v>0</v>
      </c>
    </row>
    <row r="8645" spans="1:4" x14ac:dyDescent="0.25">
      <c r="A8645" t="s">
        <v>12934</v>
      </c>
      <c r="B8645" t="s">
        <v>12935</v>
      </c>
      <c r="C8645">
        <v>2</v>
      </c>
      <c r="D8645">
        <v>0</v>
      </c>
    </row>
    <row r="8646" spans="1:4" x14ac:dyDescent="0.25">
      <c r="A8646" t="s">
        <v>12934</v>
      </c>
      <c r="B8646" t="s">
        <v>12936</v>
      </c>
      <c r="C8646">
        <v>1</v>
      </c>
      <c r="D8646">
        <v>0</v>
      </c>
    </row>
    <row r="8647" spans="1:4" x14ac:dyDescent="0.25">
      <c r="A8647" t="s">
        <v>12937</v>
      </c>
      <c r="B8647" t="s">
        <v>3617</v>
      </c>
      <c r="C8647">
        <v>1</v>
      </c>
      <c r="D8647">
        <v>0</v>
      </c>
    </row>
    <row r="8648" spans="1:4" x14ac:dyDescent="0.25">
      <c r="A8648" t="s">
        <v>12937</v>
      </c>
      <c r="B8648" t="s">
        <v>12938</v>
      </c>
      <c r="C8648">
        <v>1</v>
      </c>
      <c r="D8648">
        <v>0</v>
      </c>
    </row>
    <row r="8649" spans="1:4" x14ac:dyDescent="0.25">
      <c r="A8649" t="s">
        <v>12939</v>
      </c>
      <c r="B8649" t="s">
        <v>1001</v>
      </c>
      <c r="C8649">
        <v>1</v>
      </c>
      <c r="D8649">
        <v>0</v>
      </c>
    </row>
    <row r="8650" spans="1:4" x14ac:dyDescent="0.25">
      <c r="A8650" t="s">
        <v>12940</v>
      </c>
      <c r="B8650" t="s">
        <v>12941</v>
      </c>
      <c r="C8650">
        <v>1</v>
      </c>
      <c r="D8650">
        <v>0</v>
      </c>
    </row>
    <row r="8651" spans="1:4" x14ac:dyDescent="0.25">
      <c r="A8651" t="s">
        <v>12942</v>
      </c>
      <c r="B8651" t="s">
        <v>4003</v>
      </c>
      <c r="C8651">
        <v>0</v>
      </c>
      <c r="D8651">
        <v>0</v>
      </c>
    </row>
    <row r="8652" spans="1:4" x14ac:dyDescent="0.25">
      <c r="A8652" t="s">
        <v>12942</v>
      </c>
      <c r="B8652" t="s">
        <v>9614</v>
      </c>
      <c r="C8652">
        <v>1</v>
      </c>
      <c r="D8652">
        <v>0</v>
      </c>
    </row>
    <row r="8653" spans="1:4" x14ac:dyDescent="0.25">
      <c r="A8653" t="s">
        <v>12943</v>
      </c>
      <c r="B8653" t="s">
        <v>1526</v>
      </c>
      <c r="C8653">
        <v>1</v>
      </c>
      <c r="D8653">
        <v>0</v>
      </c>
    </row>
    <row r="8654" spans="1:4" x14ac:dyDescent="0.25">
      <c r="A8654" t="s">
        <v>12944</v>
      </c>
      <c r="B8654" t="s">
        <v>1001</v>
      </c>
      <c r="C8654">
        <v>1</v>
      </c>
      <c r="D8654">
        <v>0</v>
      </c>
    </row>
    <row r="8655" spans="1:4" x14ac:dyDescent="0.25">
      <c r="A8655" t="s">
        <v>12945</v>
      </c>
      <c r="B8655" t="s">
        <v>12946</v>
      </c>
      <c r="C8655">
        <v>0</v>
      </c>
      <c r="D8655">
        <v>0</v>
      </c>
    </row>
    <row r="8656" spans="1:4" x14ac:dyDescent="0.25">
      <c r="A8656" t="s">
        <v>12945</v>
      </c>
      <c r="B8656" t="s">
        <v>12947</v>
      </c>
      <c r="C8656">
        <v>0</v>
      </c>
      <c r="D8656">
        <v>0</v>
      </c>
    </row>
    <row r="8657" spans="1:4" x14ac:dyDescent="0.25">
      <c r="A8657" t="s">
        <v>12945</v>
      </c>
      <c r="B8657" t="s">
        <v>12948</v>
      </c>
      <c r="C8657">
        <v>1</v>
      </c>
      <c r="D8657">
        <v>0</v>
      </c>
    </row>
    <row r="8658" spans="1:4" x14ac:dyDescent="0.25">
      <c r="A8658" t="s">
        <v>12949</v>
      </c>
      <c r="B8658" t="s">
        <v>12950</v>
      </c>
      <c r="C8658">
        <v>1</v>
      </c>
      <c r="D8658">
        <v>0</v>
      </c>
    </row>
    <row r="8659" spans="1:4" x14ac:dyDescent="0.25">
      <c r="A8659" t="s">
        <v>12951</v>
      </c>
      <c r="B8659" t="s">
        <v>12952</v>
      </c>
      <c r="C8659">
        <v>1</v>
      </c>
      <c r="D8659">
        <v>0</v>
      </c>
    </row>
    <row r="8660" spans="1:4" x14ac:dyDescent="0.25">
      <c r="A8660" t="s">
        <v>12953</v>
      </c>
      <c r="B8660" t="s">
        <v>12954</v>
      </c>
      <c r="C8660">
        <v>0</v>
      </c>
      <c r="D8660">
        <v>0</v>
      </c>
    </row>
    <row r="8661" spans="1:4" x14ac:dyDescent="0.25">
      <c r="A8661" t="s">
        <v>12953</v>
      </c>
      <c r="B8661" t="s">
        <v>12955</v>
      </c>
      <c r="C8661">
        <v>1</v>
      </c>
      <c r="D8661">
        <v>0</v>
      </c>
    </row>
    <row r="8662" spans="1:4" x14ac:dyDescent="0.25">
      <c r="A8662" t="s">
        <v>12953</v>
      </c>
      <c r="B8662" t="s">
        <v>12956</v>
      </c>
      <c r="C8662">
        <v>1</v>
      </c>
      <c r="D8662">
        <v>0</v>
      </c>
    </row>
    <row r="8663" spans="1:4" x14ac:dyDescent="0.25">
      <c r="A8663" t="s">
        <v>12957</v>
      </c>
      <c r="B8663" t="s">
        <v>12958</v>
      </c>
      <c r="C8663">
        <v>1</v>
      </c>
      <c r="D8663">
        <v>0</v>
      </c>
    </row>
    <row r="8664" spans="1:4" x14ac:dyDescent="0.25">
      <c r="A8664" t="s">
        <v>12959</v>
      </c>
      <c r="B8664" t="s">
        <v>12960</v>
      </c>
      <c r="C8664">
        <v>1</v>
      </c>
      <c r="D8664">
        <v>0</v>
      </c>
    </row>
    <row r="8665" spans="1:4" x14ac:dyDescent="0.25">
      <c r="A8665" t="s">
        <v>12959</v>
      </c>
      <c r="B8665" t="s">
        <v>12961</v>
      </c>
      <c r="C8665">
        <v>2</v>
      </c>
      <c r="D8665">
        <v>0</v>
      </c>
    </row>
    <row r="8666" spans="1:4" x14ac:dyDescent="0.25">
      <c r="A8666" t="s">
        <v>12962</v>
      </c>
      <c r="B8666" t="s">
        <v>2810</v>
      </c>
      <c r="C8666">
        <v>1</v>
      </c>
      <c r="D8666">
        <v>0</v>
      </c>
    </row>
    <row r="8667" spans="1:4" x14ac:dyDescent="0.25">
      <c r="A8667" t="s">
        <v>12963</v>
      </c>
      <c r="B8667" t="s">
        <v>12964</v>
      </c>
      <c r="C8667">
        <v>0</v>
      </c>
      <c r="D8667">
        <v>0</v>
      </c>
    </row>
    <row r="8668" spans="1:4" x14ac:dyDescent="0.25">
      <c r="A8668" t="s">
        <v>12963</v>
      </c>
      <c r="B8668" t="s">
        <v>12965</v>
      </c>
      <c r="C8668">
        <v>1</v>
      </c>
      <c r="D8668">
        <v>0</v>
      </c>
    </row>
    <row r="8669" spans="1:4" x14ac:dyDescent="0.25">
      <c r="A8669" t="s">
        <v>12966</v>
      </c>
      <c r="B8669" t="s">
        <v>12967</v>
      </c>
      <c r="C8669">
        <v>0</v>
      </c>
      <c r="D8669">
        <v>0</v>
      </c>
    </row>
    <row r="8670" spans="1:4" x14ac:dyDescent="0.25">
      <c r="A8670" t="s">
        <v>12966</v>
      </c>
      <c r="B8670" t="s">
        <v>12968</v>
      </c>
      <c r="C8670">
        <v>1</v>
      </c>
      <c r="D8670">
        <v>0</v>
      </c>
    </row>
    <row r="8671" spans="1:4" x14ac:dyDescent="0.25">
      <c r="A8671" t="s">
        <v>12969</v>
      </c>
      <c r="B8671" t="s">
        <v>12970</v>
      </c>
      <c r="C8671">
        <v>2</v>
      </c>
      <c r="D8671">
        <v>0</v>
      </c>
    </row>
    <row r="8672" spans="1:4" x14ac:dyDescent="0.25">
      <c r="A8672" t="s">
        <v>12969</v>
      </c>
      <c r="B8672" t="s">
        <v>12971</v>
      </c>
      <c r="C8672">
        <v>0</v>
      </c>
      <c r="D8672">
        <v>0</v>
      </c>
    </row>
    <row r="8673" spans="1:4" x14ac:dyDescent="0.25">
      <c r="A8673" t="s">
        <v>12972</v>
      </c>
      <c r="B8673" t="s">
        <v>12973</v>
      </c>
      <c r="C8673">
        <v>0</v>
      </c>
      <c r="D8673">
        <v>0</v>
      </c>
    </row>
    <row r="8674" spans="1:4" x14ac:dyDescent="0.25">
      <c r="A8674" t="s">
        <v>12974</v>
      </c>
      <c r="B8674" t="s">
        <v>12975</v>
      </c>
      <c r="C8674">
        <v>0</v>
      </c>
      <c r="D8674">
        <v>0</v>
      </c>
    </row>
    <row r="8675" spans="1:4" x14ac:dyDescent="0.25">
      <c r="A8675" t="s">
        <v>12974</v>
      </c>
      <c r="B8675" t="s">
        <v>12976</v>
      </c>
      <c r="C8675">
        <v>1</v>
      </c>
      <c r="D8675">
        <v>0</v>
      </c>
    </row>
    <row r="8676" spans="1:4" x14ac:dyDescent="0.25">
      <c r="A8676" t="s">
        <v>12977</v>
      </c>
      <c r="B8676" t="s">
        <v>12978</v>
      </c>
      <c r="C8676">
        <v>1</v>
      </c>
      <c r="D8676">
        <v>0</v>
      </c>
    </row>
    <row r="8677" spans="1:4" x14ac:dyDescent="0.25">
      <c r="A8677" t="s">
        <v>12977</v>
      </c>
      <c r="B8677" t="s">
        <v>12979</v>
      </c>
      <c r="C8677">
        <v>1</v>
      </c>
      <c r="D8677">
        <v>0</v>
      </c>
    </row>
    <row r="8678" spans="1:4" x14ac:dyDescent="0.25">
      <c r="A8678" t="s">
        <v>12977</v>
      </c>
      <c r="B8678" t="s">
        <v>12980</v>
      </c>
      <c r="C8678">
        <v>1</v>
      </c>
      <c r="D8678">
        <v>0</v>
      </c>
    </row>
    <row r="8679" spans="1:4" x14ac:dyDescent="0.25">
      <c r="A8679" t="s">
        <v>12981</v>
      </c>
      <c r="B8679" t="s">
        <v>12982</v>
      </c>
      <c r="C8679">
        <v>0</v>
      </c>
      <c r="D8679">
        <v>0</v>
      </c>
    </row>
    <row r="8680" spans="1:4" x14ac:dyDescent="0.25">
      <c r="A8680" t="s">
        <v>12983</v>
      </c>
      <c r="B8680" t="s">
        <v>12984</v>
      </c>
      <c r="C8680">
        <v>1</v>
      </c>
      <c r="D8680">
        <v>0</v>
      </c>
    </row>
    <row r="8681" spans="1:4" x14ac:dyDescent="0.25">
      <c r="A8681" t="s">
        <v>12985</v>
      </c>
      <c r="B8681" t="s">
        <v>12986</v>
      </c>
      <c r="C8681">
        <v>1</v>
      </c>
      <c r="D8681">
        <v>0</v>
      </c>
    </row>
    <row r="8682" spans="1:4" x14ac:dyDescent="0.25">
      <c r="A8682" t="s">
        <v>12985</v>
      </c>
      <c r="B8682" t="s">
        <v>1294</v>
      </c>
      <c r="C8682">
        <v>1</v>
      </c>
      <c r="D8682">
        <v>0</v>
      </c>
    </row>
    <row r="8683" spans="1:4" x14ac:dyDescent="0.25">
      <c r="A8683" t="s">
        <v>12987</v>
      </c>
      <c r="B8683" t="s">
        <v>968</v>
      </c>
      <c r="C8683">
        <v>1</v>
      </c>
      <c r="D8683">
        <v>0</v>
      </c>
    </row>
    <row r="8684" spans="1:4" x14ac:dyDescent="0.25">
      <c r="A8684" t="s">
        <v>12988</v>
      </c>
      <c r="B8684" t="s">
        <v>12989</v>
      </c>
      <c r="C8684">
        <v>0</v>
      </c>
      <c r="D8684">
        <v>0</v>
      </c>
    </row>
    <row r="8685" spans="1:4" x14ac:dyDescent="0.25">
      <c r="A8685" t="s">
        <v>12988</v>
      </c>
      <c r="B8685" t="s">
        <v>12990</v>
      </c>
      <c r="C8685">
        <v>0</v>
      </c>
      <c r="D8685">
        <v>0</v>
      </c>
    </row>
    <row r="8686" spans="1:4" x14ac:dyDescent="0.25">
      <c r="A8686" t="s">
        <v>12988</v>
      </c>
      <c r="B8686" t="s">
        <v>4126</v>
      </c>
      <c r="C8686">
        <v>2</v>
      </c>
      <c r="D8686">
        <v>0</v>
      </c>
    </row>
    <row r="8687" spans="1:4" x14ac:dyDescent="0.25">
      <c r="A8687" t="s">
        <v>12991</v>
      </c>
      <c r="B8687" t="s">
        <v>12992</v>
      </c>
      <c r="C8687">
        <v>0</v>
      </c>
      <c r="D8687">
        <v>0</v>
      </c>
    </row>
    <row r="8688" spans="1:4" x14ac:dyDescent="0.25">
      <c r="A8688" t="s">
        <v>12991</v>
      </c>
      <c r="B8688" t="s">
        <v>12993</v>
      </c>
      <c r="C8688">
        <v>1</v>
      </c>
      <c r="D8688">
        <v>0</v>
      </c>
    </row>
    <row r="8689" spans="1:4" x14ac:dyDescent="0.25">
      <c r="A8689" t="s">
        <v>12991</v>
      </c>
      <c r="B8689" t="s">
        <v>12994</v>
      </c>
      <c r="C8689">
        <v>1</v>
      </c>
      <c r="D8689">
        <v>0</v>
      </c>
    </row>
    <row r="8690" spans="1:4" x14ac:dyDescent="0.25">
      <c r="A8690" t="s">
        <v>12995</v>
      </c>
      <c r="B8690" t="s">
        <v>12996</v>
      </c>
      <c r="C8690">
        <v>1</v>
      </c>
      <c r="D8690">
        <v>0</v>
      </c>
    </row>
    <row r="8691" spans="1:4" x14ac:dyDescent="0.25">
      <c r="A8691" t="s">
        <v>12997</v>
      </c>
      <c r="B8691" t="s">
        <v>12998</v>
      </c>
      <c r="C8691">
        <v>0</v>
      </c>
      <c r="D8691">
        <v>0</v>
      </c>
    </row>
    <row r="8692" spans="1:4" x14ac:dyDescent="0.25">
      <c r="A8692" t="s">
        <v>12997</v>
      </c>
      <c r="B8692" t="s">
        <v>12999</v>
      </c>
      <c r="C8692">
        <v>2</v>
      </c>
      <c r="D8692">
        <v>0</v>
      </c>
    </row>
    <row r="8693" spans="1:4" x14ac:dyDescent="0.25">
      <c r="A8693" t="s">
        <v>12997</v>
      </c>
      <c r="B8693" t="s">
        <v>13000</v>
      </c>
      <c r="C8693">
        <v>0</v>
      </c>
      <c r="D8693">
        <v>0</v>
      </c>
    </row>
    <row r="8694" spans="1:4" x14ac:dyDescent="0.25">
      <c r="A8694" t="s">
        <v>13001</v>
      </c>
      <c r="B8694" t="s">
        <v>2061</v>
      </c>
      <c r="C8694">
        <v>0</v>
      </c>
      <c r="D8694">
        <v>0</v>
      </c>
    </row>
    <row r="8695" spans="1:4" x14ac:dyDescent="0.25">
      <c r="A8695" t="s">
        <v>13001</v>
      </c>
      <c r="B8695" t="s">
        <v>13002</v>
      </c>
      <c r="C8695">
        <v>2</v>
      </c>
      <c r="D8695">
        <v>0</v>
      </c>
    </row>
    <row r="8696" spans="1:4" x14ac:dyDescent="0.25">
      <c r="A8696" t="s">
        <v>13003</v>
      </c>
      <c r="B8696" t="s">
        <v>843</v>
      </c>
      <c r="C8696">
        <v>1</v>
      </c>
      <c r="D8696">
        <v>0</v>
      </c>
    </row>
    <row r="8697" spans="1:4" x14ac:dyDescent="0.25">
      <c r="A8697" t="s">
        <v>13003</v>
      </c>
      <c r="B8697" t="s">
        <v>13004</v>
      </c>
      <c r="C8697">
        <v>2</v>
      </c>
      <c r="D8697">
        <v>0</v>
      </c>
    </row>
    <row r="8698" spans="1:4" x14ac:dyDescent="0.25">
      <c r="A8698" t="s">
        <v>13005</v>
      </c>
      <c r="B8698" t="s">
        <v>13006</v>
      </c>
      <c r="C8698">
        <v>2</v>
      </c>
      <c r="D8698">
        <v>0</v>
      </c>
    </row>
    <row r="8699" spans="1:4" x14ac:dyDescent="0.25">
      <c r="A8699" t="s">
        <v>13007</v>
      </c>
      <c r="B8699" t="s">
        <v>13008</v>
      </c>
      <c r="C8699">
        <v>1</v>
      </c>
      <c r="D8699">
        <v>0</v>
      </c>
    </row>
    <row r="8700" spans="1:4" x14ac:dyDescent="0.25">
      <c r="A8700" t="s">
        <v>13009</v>
      </c>
      <c r="B8700" t="s">
        <v>13010</v>
      </c>
      <c r="C8700">
        <v>1</v>
      </c>
      <c r="D8700">
        <v>0</v>
      </c>
    </row>
    <row r="8701" spans="1:4" x14ac:dyDescent="0.25">
      <c r="A8701" t="s">
        <v>13009</v>
      </c>
      <c r="B8701" t="s">
        <v>13011</v>
      </c>
      <c r="C8701">
        <v>1</v>
      </c>
      <c r="D8701">
        <v>0</v>
      </c>
    </row>
    <row r="8702" spans="1:4" x14ac:dyDescent="0.25">
      <c r="A8702" t="s">
        <v>13009</v>
      </c>
      <c r="B8702" t="s">
        <v>13012</v>
      </c>
      <c r="C8702">
        <v>0</v>
      </c>
      <c r="D8702">
        <v>0</v>
      </c>
    </row>
    <row r="8703" spans="1:4" x14ac:dyDescent="0.25">
      <c r="A8703" t="s">
        <v>13013</v>
      </c>
      <c r="B8703" t="s">
        <v>13014</v>
      </c>
      <c r="C8703">
        <v>0</v>
      </c>
      <c r="D8703">
        <v>0</v>
      </c>
    </row>
    <row r="8704" spans="1:4" x14ac:dyDescent="0.25">
      <c r="A8704" t="s">
        <v>13013</v>
      </c>
      <c r="B8704" t="s">
        <v>13015</v>
      </c>
      <c r="C8704">
        <v>0</v>
      </c>
      <c r="D8704">
        <v>0</v>
      </c>
    </row>
    <row r="8705" spans="1:4" x14ac:dyDescent="0.25">
      <c r="A8705" t="s">
        <v>13013</v>
      </c>
      <c r="B8705" t="s">
        <v>13016</v>
      </c>
      <c r="C8705">
        <v>2</v>
      </c>
      <c r="D8705">
        <v>0</v>
      </c>
    </row>
    <row r="8706" spans="1:4" x14ac:dyDescent="0.25">
      <c r="A8706" t="s">
        <v>13017</v>
      </c>
      <c r="B8706" t="s">
        <v>13018</v>
      </c>
      <c r="C8706">
        <v>0</v>
      </c>
      <c r="D8706">
        <v>0</v>
      </c>
    </row>
    <row r="8707" spans="1:4" x14ac:dyDescent="0.25">
      <c r="A8707" t="s">
        <v>13019</v>
      </c>
      <c r="B8707" t="s">
        <v>13020</v>
      </c>
      <c r="C8707">
        <v>0</v>
      </c>
      <c r="D8707">
        <v>0</v>
      </c>
    </row>
    <row r="8708" spans="1:4" x14ac:dyDescent="0.25">
      <c r="A8708" t="s">
        <v>13019</v>
      </c>
      <c r="B8708" t="s">
        <v>13021</v>
      </c>
      <c r="C8708">
        <v>0</v>
      </c>
      <c r="D8708">
        <v>0</v>
      </c>
    </row>
    <row r="8709" spans="1:4" x14ac:dyDescent="0.25">
      <c r="A8709" t="s">
        <v>13022</v>
      </c>
      <c r="B8709" t="s">
        <v>13023</v>
      </c>
      <c r="C8709">
        <v>0</v>
      </c>
      <c r="D8709">
        <v>0</v>
      </c>
    </row>
    <row r="8710" spans="1:4" x14ac:dyDescent="0.25">
      <c r="A8710" t="s">
        <v>13024</v>
      </c>
      <c r="B8710" t="s">
        <v>13025</v>
      </c>
      <c r="C8710">
        <v>0</v>
      </c>
      <c r="D8710">
        <v>0</v>
      </c>
    </row>
    <row r="8711" spans="1:4" x14ac:dyDescent="0.25">
      <c r="A8711" t="s">
        <v>13024</v>
      </c>
      <c r="B8711" t="s">
        <v>13026</v>
      </c>
      <c r="C8711">
        <v>0</v>
      </c>
      <c r="D8711">
        <v>0</v>
      </c>
    </row>
    <row r="8712" spans="1:4" x14ac:dyDescent="0.25">
      <c r="A8712" t="s">
        <v>13027</v>
      </c>
      <c r="B8712" t="s">
        <v>13028</v>
      </c>
      <c r="C8712">
        <v>1</v>
      </c>
      <c r="D8712">
        <v>0</v>
      </c>
    </row>
    <row r="8713" spans="1:4" x14ac:dyDescent="0.25">
      <c r="A8713" t="s">
        <v>13029</v>
      </c>
      <c r="B8713" t="s">
        <v>13030</v>
      </c>
      <c r="C8713">
        <v>1</v>
      </c>
      <c r="D8713">
        <v>0</v>
      </c>
    </row>
    <row r="8714" spans="1:4" x14ac:dyDescent="0.25">
      <c r="A8714" t="s">
        <v>13031</v>
      </c>
      <c r="B8714" t="s">
        <v>13032</v>
      </c>
      <c r="C8714">
        <v>2</v>
      </c>
      <c r="D8714">
        <v>0</v>
      </c>
    </row>
    <row r="8715" spans="1:4" x14ac:dyDescent="0.25">
      <c r="A8715" t="s">
        <v>13031</v>
      </c>
      <c r="B8715" t="s">
        <v>13033</v>
      </c>
      <c r="C8715">
        <v>2</v>
      </c>
      <c r="D8715">
        <v>0</v>
      </c>
    </row>
    <row r="8716" spans="1:4" x14ac:dyDescent="0.25">
      <c r="A8716" t="s">
        <v>13031</v>
      </c>
      <c r="B8716" t="s">
        <v>13034</v>
      </c>
      <c r="C8716">
        <v>2</v>
      </c>
      <c r="D8716">
        <v>0</v>
      </c>
    </row>
    <row r="8717" spans="1:4" x14ac:dyDescent="0.25">
      <c r="A8717" t="s">
        <v>13035</v>
      </c>
      <c r="B8717" t="s">
        <v>5244</v>
      </c>
      <c r="C8717">
        <v>0</v>
      </c>
      <c r="D8717">
        <v>0</v>
      </c>
    </row>
    <row r="8718" spans="1:4" x14ac:dyDescent="0.25">
      <c r="A8718" t="s">
        <v>13036</v>
      </c>
      <c r="B8718" t="s">
        <v>13037</v>
      </c>
      <c r="C8718">
        <v>1</v>
      </c>
      <c r="D8718">
        <v>0</v>
      </c>
    </row>
    <row r="8719" spans="1:4" x14ac:dyDescent="0.25">
      <c r="A8719" t="s">
        <v>13036</v>
      </c>
      <c r="B8719" t="s">
        <v>13038</v>
      </c>
      <c r="C8719">
        <v>0</v>
      </c>
      <c r="D8719">
        <v>0</v>
      </c>
    </row>
    <row r="8720" spans="1:4" x14ac:dyDescent="0.25">
      <c r="A8720" t="s">
        <v>13039</v>
      </c>
      <c r="B8720" t="s">
        <v>398</v>
      </c>
      <c r="C8720">
        <v>0</v>
      </c>
      <c r="D8720">
        <v>0</v>
      </c>
    </row>
    <row r="8721" spans="1:4" x14ac:dyDescent="0.25">
      <c r="A8721" t="s">
        <v>13040</v>
      </c>
      <c r="B8721" t="s">
        <v>13041</v>
      </c>
      <c r="C8721">
        <v>0</v>
      </c>
      <c r="D8721">
        <v>0</v>
      </c>
    </row>
    <row r="8722" spans="1:4" x14ac:dyDescent="0.25">
      <c r="A8722" t="s">
        <v>13040</v>
      </c>
      <c r="B8722" t="s">
        <v>13042</v>
      </c>
      <c r="C8722">
        <v>0</v>
      </c>
      <c r="D8722">
        <v>0</v>
      </c>
    </row>
    <row r="8723" spans="1:4" x14ac:dyDescent="0.25">
      <c r="A8723" t="s">
        <v>13040</v>
      </c>
      <c r="B8723" t="s">
        <v>13043</v>
      </c>
      <c r="C8723">
        <v>1</v>
      </c>
      <c r="D8723">
        <v>0</v>
      </c>
    </row>
    <row r="8724" spans="1:4" x14ac:dyDescent="0.25">
      <c r="A8724" t="s">
        <v>13044</v>
      </c>
      <c r="B8724" t="s">
        <v>13045</v>
      </c>
      <c r="C8724">
        <v>2</v>
      </c>
      <c r="D8724">
        <v>0</v>
      </c>
    </row>
    <row r="8725" spans="1:4" x14ac:dyDescent="0.25">
      <c r="A8725" t="s">
        <v>13044</v>
      </c>
      <c r="B8725" t="s">
        <v>13046</v>
      </c>
      <c r="C8725">
        <v>2</v>
      </c>
      <c r="D8725">
        <v>0</v>
      </c>
    </row>
    <row r="8726" spans="1:4" x14ac:dyDescent="0.25">
      <c r="A8726" t="s">
        <v>13047</v>
      </c>
      <c r="B8726" t="s">
        <v>13048</v>
      </c>
      <c r="C8726">
        <v>1</v>
      </c>
      <c r="D8726">
        <v>0</v>
      </c>
    </row>
    <row r="8727" spans="1:4" x14ac:dyDescent="0.25">
      <c r="A8727" t="s">
        <v>13047</v>
      </c>
      <c r="B8727" t="s">
        <v>13049</v>
      </c>
      <c r="C8727">
        <v>0</v>
      </c>
      <c r="D8727">
        <v>0</v>
      </c>
    </row>
    <row r="8728" spans="1:4" x14ac:dyDescent="0.25">
      <c r="A8728" t="s">
        <v>13047</v>
      </c>
      <c r="B8728" t="s">
        <v>969</v>
      </c>
      <c r="C8728">
        <v>0</v>
      </c>
      <c r="D8728">
        <v>0</v>
      </c>
    </row>
    <row r="8729" spans="1:4" x14ac:dyDescent="0.25">
      <c r="A8729" t="s">
        <v>13050</v>
      </c>
      <c r="B8729" t="s">
        <v>13051</v>
      </c>
      <c r="C8729">
        <v>0</v>
      </c>
      <c r="D8729">
        <v>0</v>
      </c>
    </row>
    <row r="8730" spans="1:4" x14ac:dyDescent="0.25">
      <c r="A8730" t="s">
        <v>13050</v>
      </c>
      <c r="B8730" t="s">
        <v>2107</v>
      </c>
      <c r="C8730">
        <v>1</v>
      </c>
      <c r="D8730">
        <v>0</v>
      </c>
    </row>
    <row r="8731" spans="1:4" x14ac:dyDescent="0.25">
      <c r="A8731" t="s">
        <v>13052</v>
      </c>
      <c r="B8731" t="s">
        <v>852</v>
      </c>
      <c r="C8731">
        <v>0</v>
      </c>
      <c r="D8731">
        <v>0</v>
      </c>
    </row>
    <row r="8732" spans="1:4" x14ac:dyDescent="0.25">
      <c r="A8732" t="s">
        <v>13053</v>
      </c>
      <c r="B8732" t="s">
        <v>843</v>
      </c>
      <c r="C8732">
        <v>1</v>
      </c>
      <c r="D8732">
        <v>0</v>
      </c>
    </row>
    <row r="8733" spans="1:4" x14ac:dyDescent="0.25">
      <c r="A8733" t="s">
        <v>13053</v>
      </c>
      <c r="B8733" t="s">
        <v>13054</v>
      </c>
      <c r="C8733">
        <v>2</v>
      </c>
      <c r="D8733">
        <v>0</v>
      </c>
    </row>
    <row r="8734" spans="1:4" x14ac:dyDescent="0.25">
      <c r="A8734" t="s">
        <v>13055</v>
      </c>
      <c r="B8734" t="s">
        <v>923</v>
      </c>
      <c r="C8734">
        <v>0</v>
      </c>
      <c r="D8734">
        <v>0</v>
      </c>
    </row>
    <row r="8735" spans="1:4" x14ac:dyDescent="0.25">
      <c r="A8735" t="s">
        <v>13055</v>
      </c>
      <c r="B8735" t="s">
        <v>13056</v>
      </c>
      <c r="C8735">
        <v>0</v>
      </c>
      <c r="D8735">
        <v>0</v>
      </c>
    </row>
    <row r="8736" spans="1:4" x14ac:dyDescent="0.25">
      <c r="A8736" t="s">
        <v>13055</v>
      </c>
      <c r="B8736" t="s">
        <v>13057</v>
      </c>
      <c r="C8736">
        <v>0</v>
      </c>
      <c r="D8736">
        <v>0</v>
      </c>
    </row>
    <row r="8737" spans="1:4" x14ac:dyDescent="0.25">
      <c r="A8737" t="s">
        <v>13058</v>
      </c>
      <c r="B8737" t="s">
        <v>13059</v>
      </c>
      <c r="C8737">
        <v>1</v>
      </c>
      <c r="D8737">
        <v>0</v>
      </c>
    </row>
    <row r="8738" spans="1:4" x14ac:dyDescent="0.25">
      <c r="A8738" t="s">
        <v>13058</v>
      </c>
      <c r="B8738" t="s">
        <v>13060</v>
      </c>
      <c r="C8738">
        <v>1</v>
      </c>
      <c r="D8738">
        <v>0</v>
      </c>
    </row>
    <row r="8739" spans="1:4" x14ac:dyDescent="0.25">
      <c r="A8739" t="s">
        <v>13061</v>
      </c>
      <c r="B8739" t="s">
        <v>13062</v>
      </c>
      <c r="C8739">
        <v>1</v>
      </c>
      <c r="D8739">
        <v>0</v>
      </c>
    </row>
    <row r="8740" spans="1:4" x14ac:dyDescent="0.25">
      <c r="A8740" t="s">
        <v>13061</v>
      </c>
      <c r="B8740" t="s">
        <v>13063</v>
      </c>
      <c r="C8740">
        <v>1</v>
      </c>
      <c r="D8740">
        <v>0</v>
      </c>
    </row>
    <row r="8741" spans="1:4" x14ac:dyDescent="0.25">
      <c r="A8741" t="s">
        <v>13064</v>
      </c>
      <c r="B8741" t="s">
        <v>13065</v>
      </c>
      <c r="C8741">
        <v>0</v>
      </c>
      <c r="D8741">
        <v>0</v>
      </c>
    </row>
    <row r="8742" spans="1:4" x14ac:dyDescent="0.25">
      <c r="A8742" t="s">
        <v>13064</v>
      </c>
      <c r="B8742" t="s">
        <v>13066</v>
      </c>
      <c r="C8742">
        <v>1</v>
      </c>
      <c r="D8742">
        <v>0</v>
      </c>
    </row>
    <row r="8743" spans="1:4" x14ac:dyDescent="0.25">
      <c r="A8743" t="s">
        <v>13067</v>
      </c>
      <c r="B8743" t="s">
        <v>13068</v>
      </c>
      <c r="C8743">
        <v>0</v>
      </c>
      <c r="D8743">
        <v>0</v>
      </c>
    </row>
    <row r="8744" spans="1:4" x14ac:dyDescent="0.25">
      <c r="A8744" t="s">
        <v>13067</v>
      </c>
      <c r="B8744" t="s">
        <v>13069</v>
      </c>
      <c r="C8744">
        <v>0</v>
      </c>
      <c r="D8744">
        <v>0</v>
      </c>
    </row>
    <row r="8745" spans="1:4" x14ac:dyDescent="0.25">
      <c r="A8745" t="s">
        <v>13070</v>
      </c>
      <c r="B8745" t="s">
        <v>13071</v>
      </c>
      <c r="C8745">
        <v>2</v>
      </c>
      <c r="D8745">
        <v>0</v>
      </c>
    </row>
    <row r="8746" spans="1:4" x14ac:dyDescent="0.25">
      <c r="A8746" t="s">
        <v>13070</v>
      </c>
      <c r="B8746" t="s">
        <v>13072</v>
      </c>
      <c r="C8746">
        <v>1</v>
      </c>
      <c r="D8746">
        <v>0</v>
      </c>
    </row>
    <row r="8747" spans="1:4" x14ac:dyDescent="0.25">
      <c r="A8747" t="s">
        <v>13073</v>
      </c>
      <c r="B8747" t="s">
        <v>13074</v>
      </c>
      <c r="C8747">
        <v>2</v>
      </c>
      <c r="D8747">
        <v>0</v>
      </c>
    </row>
    <row r="8748" spans="1:4" x14ac:dyDescent="0.25">
      <c r="A8748" t="s">
        <v>13075</v>
      </c>
      <c r="B8748" t="s">
        <v>13076</v>
      </c>
      <c r="C8748">
        <v>0</v>
      </c>
      <c r="D8748">
        <v>0</v>
      </c>
    </row>
    <row r="8749" spans="1:4" x14ac:dyDescent="0.25">
      <c r="A8749" t="s">
        <v>13075</v>
      </c>
      <c r="B8749" t="s">
        <v>13077</v>
      </c>
      <c r="C8749">
        <v>0</v>
      </c>
      <c r="D8749">
        <v>0</v>
      </c>
    </row>
    <row r="8750" spans="1:4" x14ac:dyDescent="0.25">
      <c r="A8750" t="s">
        <v>13075</v>
      </c>
      <c r="B8750" t="s">
        <v>13078</v>
      </c>
      <c r="C8750">
        <v>0</v>
      </c>
      <c r="D8750">
        <v>0</v>
      </c>
    </row>
    <row r="8751" spans="1:4" x14ac:dyDescent="0.25">
      <c r="A8751" t="s">
        <v>13079</v>
      </c>
      <c r="B8751" t="s">
        <v>13080</v>
      </c>
      <c r="C8751">
        <v>1</v>
      </c>
      <c r="D8751">
        <v>0</v>
      </c>
    </row>
    <row r="8752" spans="1:4" x14ac:dyDescent="0.25">
      <c r="A8752" t="s">
        <v>13081</v>
      </c>
      <c r="B8752" t="s">
        <v>1387</v>
      </c>
      <c r="C8752">
        <v>1</v>
      </c>
      <c r="D8752">
        <v>0</v>
      </c>
    </row>
    <row r="8753" spans="1:4" x14ac:dyDescent="0.25">
      <c r="A8753" t="s">
        <v>13082</v>
      </c>
      <c r="B8753" t="s">
        <v>13083</v>
      </c>
      <c r="C8753">
        <v>1</v>
      </c>
      <c r="D8753">
        <v>0</v>
      </c>
    </row>
    <row r="8754" spans="1:4" x14ac:dyDescent="0.25">
      <c r="A8754" t="s">
        <v>13084</v>
      </c>
      <c r="B8754" t="s">
        <v>13085</v>
      </c>
      <c r="C8754">
        <v>1</v>
      </c>
      <c r="D8754">
        <v>0</v>
      </c>
    </row>
    <row r="8755" spans="1:4" x14ac:dyDescent="0.25">
      <c r="A8755" t="s">
        <v>13086</v>
      </c>
      <c r="B8755" t="s">
        <v>13087</v>
      </c>
      <c r="C8755">
        <v>0</v>
      </c>
      <c r="D8755">
        <v>0</v>
      </c>
    </row>
    <row r="8756" spans="1:4" x14ac:dyDescent="0.25">
      <c r="A8756" t="s">
        <v>13088</v>
      </c>
      <c r="B8756" t="s">
        <v>13089</v>
      </c>
      <c r="C8756">
        <v>1</v>
      </c>
      <c r="D8756">
        <v>0</v>
      </c>
    </row>
    <row r="8757" spans="1:4" x14ac:dyDescent="0.25">
      <c r="A8757" t="s">
        <v>13088</v>
      </c>
      <c r="B8757" t="s">
        <v>13090</v>
      </c>
      <c r="C8757">
        <v>0</v>
      </c>
      <c r="D8757">
        <v>0</v>
      </c>
    </row>
    <row r="8758" spans="1:4" x14ac:dyDescent="0.25">
      <c r="A8758" t="s">
        <v>13091</v>
      </c>
      <c r="B8758" t="s">
        <v>13092</v>
      </c>
      <c r="C8758">
        <v>0</v>
      </c>
      <c r="D8758">
        <v>0</v>
      </c>
    </row>
    <row r="8759" spans="1:4" x14ac:dyDescent="0.25">
      <c r="A8759" t="s">
        <v>13091</v>
      </c>
      <c r="B8759" t="s">
        <v>13093</v>
      </c>
      <c r="C8759">
        <v>1</v>
      </c>
      <c r="D8759">
        <v>0</v>
      </c>
    </row>
    <row r="8760" spans="1:4" x14ac:dyDescent="0.25">
      <c r="A8760" t="s">
        <v>13091</v>
      </c>
      <c r="B8760" t="s">
        <v>13094</v>
      </c>
      <c r="C8760">
        <v>2</v>
      </c>
      <c r="D8760">
        <v>0</v>
      </c>
    </row>
    <row r="8761" spans="1:4" x14ac:dyDescent="0.25">
      <c r="A8761" t="s">
        <v>13095</v>
      </c>
      <c r="B8761" t="s">
        <v>13093</v>
      </c>
      <c r="C8761">
        <v>1</v>
      </c>
      <c r="D8761">
        <v>0</v>
      </c>
    </row>
    <row r="8762" spans="1:4" x14ac:dyDescent="0.25">
      <c r="A8762" t="s">
        <v>13095</v>
      </c>
      <c r="B8762" t="s">
        <v>13096</v>
      </c>
      <c r="C8762">
        <v>0</v>
      </c>
      <c r="D8762">
        <v>0</v>
      </c>
    </row>
    <row r="8763" spans="1:4" x14ac:dyDescent="0.25">
      <c r="A8763" t="s">
        <v>13097</v>
      </c>
      <c r="B8763" t="s">
        <v>1101</v>
      </c>
      <c r="C8763">
        <v>1</v>
      </c>
      <c r="D8763">
        <v>0</v>
      </c>
    </row>
    <row r="8764" spans="1:4" x14ac:dyDescent="0.25">
      <c r="A8764" t="s">
        <v>13098</v>
      </c>
      <c r="B8764" t="s">
        <v>13099</v>
      </c>
      <c r="C8764">
        <v>2</v>
      </c>
      <c r="D8764">
        <v>0</v>
      </c>
    </row>
    <row r="8765" spans="1:4" x14ac:dyDescent="0.25">
      <c r="A8765" t="s">
        <v>13098</v>
      </c>
      <c r="B8765" t="s">
        <v>13100</v>
      </c>
      <c r="C8765">
        <v>1</v>
      </c>
      <c r="D8765">
        <v>0</v>
      </c>
    </row>
    <row r="8766" spans="1:4" x14ac:dyDescent="0.25">
      <c r="A8766" t="s">
        <v>13098</v>
      </c>
      <c r="B8766" t="s">
        <v>13101</v>
      </c>
      <c r="C8766">
        <v>0</v>
      </c>
      <c r="D8766">
        <v>0</v>
      </c>
    </row>
    <row r="8767" spans="1:4" x14ac:dyDescent="0.25">
      <c r="A8767" t="s">
        <v>13102</v>
      </c>
      <c r="B8767" t="s">
        <v>13103</v>
      </c>
      <c r="C8767">
        <v>0</v>
      </c>
      <c r="D8767">
        <v>0</v>
      </c>
    </row>
    <row r="8768" spans="1:4" x14ac:dyDescent="0.25">
      <c r="A8768" t="s">
        <v>13104</v>
      </c>
      <c r="B8768" t="s">
        <v>13105</v>
      </c>
      <c r="C8768">
        <v>0</v>
      </c>
      <c r="D8768">
        <v>0</v>
      </c>
    </row>
    <row r="8769" spans="1:4" x14ac:dyDescent="0.25">
      <c r="A8769" t="s">
        <v>13104</v>
      </c>
      <c r="B8769" t="s">
        <v>13106</v>
      </c>
      <c r="C8769">
        <v>1</v>
      </c>
      <c r="D8769">
        <v>0</v>
      </c>
    </row>
    <row r="8770" spans="1:4" x14ac:dyDescent="0.25">
      <c r="A8770" t="s">
        <v>13107</v>
      </c>
      <c r="B8770" t="s">
        <v>13108</v>
      </c>
      <c r="C8770">
        <v>1</v>
      </c>
      <c r="D8770">
        <v>0</v>
      </c>
    </row>
    <row r="8771" spans="1:4" x14ac:dyDescent="0.25">
      <c r="A8771" t="s">
        <v>13109</v>
      </c>
      <c r="B8771" t="s">
        <v>13110</v>
      </c>
      <c r="C8771">
        <v>2</v>
      </c>
      <c r="D8771">
        <v>0</v>
      </c>
    </row>
    <row r="8772" spans="1:4" x14ac:dyDescent="0.25">
      <c r="A8772" t="s">
        <v>13111</v>
      </c>
      <c r="B8772" t="s">
        <v>13112</v>
      </c>
      <c r="C8772">
        <v>1</v>
      </c>
      <c r="D8772">
        <v>0</v>
      </c>
    </row>
    <row r="8773" spans="1:4" x14ac:dyDescent="0.25">
      <c r="A8773" t="s">
        <v>13111</v>
      </c>
      <c r="B8773" t="s">
        <v>13113</v>
      </c>
      <c r="C8773">
        <v>0</v>
      </c>
      <c r="D8773">
        <v>0</v>
      </c>
    </row>
    <row r="8774" spans="1:4" x14ac:dyDescent="0.25">
      <c r="A8774" t="s">
        <v>13114</v>
      </c>
      <c r="B8774" t="s">
        <v>13115</v>
      </c>
      <c r="C8774">
        <v>1</v>
      </c>
      <c r="D8774">
        <v>0</v>
      </c>
    </row>
    <row r="8775" spans="1:4" x14ac:dyDescent="0.25">
      <c r="A8775" t="s">
        <v>13116</v>
      </c>
      <c r="B8775" t="s">
        <v>13117</v>
      </c>
      <c r="C8775">
        <v>0</v>
      </c>
      <c r="D8775">
        <v>0</v>
      </c>
    </row>
    <row r="8776" spans="1:4" x14ac:dyDescent="0.25">
      <c r="A8776" t="s">
        <v>13118</v>
      </c>
      <c r="B8776" t="s">
        <v>13119</v>
      </c>
      <c r="C8776">
        <v>1</v>
      </c>
      <c r="D8776">
        <v>0</v>
      </c>
    </row>
    <row r="8777" spans="1:4" x14ac:dyDescent="0.25">
      <c r="A8777" t="s">
        <v>13120</v>
      </c>
      <c r="B8777" t="s">
        <v>1499</v>
      </c>
      <c r="C8777">
        <v>1</v>
      </c>
      <c r="D8777">
        <v>0</v>
      </c>
    </row>
    <row r="8778" spans="1:4" x14ac:dyDescent="0.25">
      <c r="A8778" t="s">
        <v>13121</v>
      </c>
      <c r="B8778" t="s">
        <v>13122</v>
      </c>
      <c r="C8778">
        <v>1</v>
      </c>
      <c r="D8778">
        <v>0</v>
      </c>
    </row>
    <row r="8779" spans="1:4" x14ac:dyDescent="0.25">
      <c r="A8779" t="s">
        <v>13123</v>
      </c>
      <c r="B8779" t="s">
        <v>13124</v>
      </c>
      <c r="C8779">
        <v>1</v>
      </c>
      <c r="D8779">
        <v>0</v>
      </c>
    </row>
    <row r="8780" spans="1:4" x14ac:dyDescent="0.25">
      <c r="A8780" t="s">
        <v>13125</v>
      </c>
      <c r="B8780" t="s">
        <v>1499</v>
      </c>
      <c r="C8780">
        <v>1</v>
      </c>
      <c r="D8780">
        <v>0</v>
      </c>
    </row>
    <row r="8781" spans="1:4" x14ac:dyDescent="0.25">
      <c r="A8781" t="s">
        <v>13126</v>
      </c>
      <c r="B8781" t="s">
        <v>1001</v>
      </c>
      <c r="C8781">
        <v>1</v>
      </c>
      <c r="D8781">
        <v>0</v>
      </c>
    </row>
    <row r="8782" spans="1:4" x14ac:dyDescent="0.25">
      <c r="A8782" t="s">
        <v>13127</v>
      </c>
      <c r="B8782" t="s">
        <v>13128</v>
      </c>
      <c r="C8782">
        <v>0</v>
      </c>
      <c r="D8782">
        <v>0</v>
      </c>
    </row>
    <row r="8783" spans="1:4" x14ac:dyDescent="0.25">
      <c r="A8783" t="s">
        <v>13129</v>
      </c>
      <c r="B8783" t="s">
        <v>5713</v>
      </c>
      <c r="C8783">
        <v>1</v>
      </c>
      <c r="D8783">
        <v>0</v>
      </c>
    </row>
    <row r="8784" spans="1:4" x14ac:dyDescent="0.25">
      <c r="A8784" t="s">
        <v>13130</v>
      </c>
      <c r="B8784" t="s">
        <v>13131</v>
      </c>
      <c r="C8784">
        <v>0</v>
      </c>
      <c r="D8784">
        <v>0</v>
      </c>
    </row>
    <row r="8785" spans="1:4" x14ac:dyDescent="0.25">
      <c r="A8785" t="s">
        <v>13130</v>
      </c>
      <c r="B8785" t="s">
        <v>13132</v>
      </c>
      <c r="C8785">
        <v>1</v>
      </c>
      <c r="D8785">
        <v>0</v>
      </c>
    </row>
    <row r="8786" spans="1:4" x14ac:dyDescent="0.25">
      <c r="A8786" t="s">
        <v>13133</v>
      </c>
      <c r="B8786" t="s">
        <v>13134</v>
      </c>
      <c r="C8786">
        <v>1</v>
      </c>
      <c r="D8786">
        <v>0</v>
      </c>
    </row>
    <row r="8787" spans="1:4" x14ac:dyDescent="0.25">
      <c r="A8787" t="s">
        <v>13135</v>
      </c>
      <c r="B8787" t="s">
        <v>13136</v>
      </c>
      <c r="C8787">
        <v>0</v>
      </c>
      <c r="D8787">
        <v>0</v>
      </c>
    </row>
    <row r="8788" spans="1:4" x14ac:dyDescent="0.25">
      <c r="A8788" t="s">
        <v>13137</v>
      </c>
      <c r="B8788" t="s">
        <v>13138</v>
      </c>
      <c r="C8788">
        <v>1</v>
      </c>
      <c r="D8788">
        <v>0</v>
      </c>
    </row>
    <row r="8789" spans="1:4" x14ac:dyDescent="0.25">
      <c r="A8789" t="s">
        <v>13137</v>
      </c>
      <c r="B8789" t="s">
        <v>13139</v>
      </c>
      <c r="C8789">
        <v>1</v>
      </c>
      <c r="D8789">
        <v>0</v>
      </c>
    </row>
    <row r="8790" spans="1:4" x14ac:dyDescent="0.25">
      <c r="A8790" t="s">
        <v>13137</v>
      </c>
      <c r="B8790" t="s">
        <v>13140</v>
      </c>
      <c r="C8790">
        <v>2</v>
      </c>
      <c r="D8790">
        <v>0</v>
      </c>
    </row>
    <row r="8791" spans="1:4" x14ac:dyDescent="0.25">
      <c r="A8791" t="s">
        <v>13141</v>
      </c>
      <c r="B8791" t="s">
        <v>13142</v>
      </c>
      <c r="C8791">
        <v>2</v>
      </c>
      <c r="D8791">
        <v>0</v>
      </c>
    </row>
    <row r="8792" spans="1:4" x14ac:dyDescent="0.25">
      <c r="A8792" t="s">
        <v>13143</v>
      </c>
      <c r="B8792" t="s">
        <v>13144</v>
      </c>
      <c r="C8792">
        <v>1</v>
      </c>
      <c r="D8792">
        <v>0</v>
      </c>
    </row>
    <row r="8793" spans="1:4" x14ac:dyDescent="0.25">
      <c r="A8793" t="s">
        <v>13145</v>
      </c>
      <c r="B8793" t="s">
        <v>13146</v>
      </c>
      <c r="C8793">
        <v>1</v>
      </c>
      <c r="D8793">
        <v>0</v>
      </c>
    </row>
    <row r="8794" spans="1:4" x14ac:dyDescent="0.25">
      <c r="A8794" t="s">
        <v>13147</v>
      </c>
      <c r="B8794" t="s">
        <v>13148</v>
      </c>
      <c r="C8794">
        <v>1</v>
      </c>
      <c r="D8794">
        <v>0</v>
      </c>
    </row>
    <row r="8795" spans="1:4" x14ac:dyDescent="0.25">
      <c r="A8795" t="s">
        <v>13149</v>
      </c>
      <c r="B8795" t="s">
        <v>13150</v>
      </c>
      <c r="C8795">
        <v>2</v>
      </c>
      <c r="D8795">
        <v>0</v>
      </c>
    </row>
    <row r="8796" spans="1:4" x14ac:dyDescent="0.25">
      <c r="A8796" t="s">
        <v>13151</v>
      </c>
      <c r="B8796" t="s">
        <v>13152</v>
      </c>
      <c r="C8796">
        <v>0</v>
      </c>
      <c r="D8796">
        <v>0</v>
      </c>
    </row>
    <row r="8797" spans="1:4" x14ac:dyDescent="0.25">
      <c r="A8797" t="s">
        <v>13151</v>
      </c>
      <c r="B8797" t="s">
        <v>13153</v>
      </c>
      <c r="C8797">
        <v>1</v>
      </c>
      <c r="D8797">
        <v>0</v>
      </c>
    </row>
    <row r="8798" spans="1:4" x14ac:dyDescent="0.25">
      <c r="A8798" t="s">
        <v>13154</v>
      </c>
      <c r="B8798" t="s">
        <v>13155</v>
      </c>
      <c r="C8798">
        <v>0</v>
      </c>
      <c r="D8798">
        <v>0</v>
      </c>
    </row>
    <row r="8799" spans="1:4" x14ac:dyDescent="0.25">
      <c r="A8799" t="s">
        <v>13156</v>
      </c>
      <c r="B8799" t="s">
        <v>13157</v>
      </c>
      <c r="C8799">
        <v>1</v>
      </c>
      <c r="D8799">
        <v>0</v>
      </c>
    </row>
    <row r="8800" spans="1:4" x14ac:dyDescent="0.25">
      <c r="A8800" t="s">
        <v>13158</v>
      </c>
      <c r="B8800" t="s">
        <v>13159</v>
      </c>
      <c r="C8800">
        <v>1</v>
      </c>
      <c r="D8800">
        <v>0</v>
      </c>
    </row>
    <row r="8801" spans="1:4" x14ac:dyDescent="0.25">
      <c r="A8801" t="s">
        <v>13158</v>
      </c>
      <c r="B8801" t="s">
        <v>13160</v>
      </c>
      <c r="C8801">
        <v>1</v>
      </c>
      <c r="D8801">
        <v>0</v>
      </c>
    </row>
    <row r="8802" spans="1:4" x14ac:dyDescent="0.25">
      <c r="A8802" t="s">
        <v>13161</v>
      </c>
      <c r="B8802" t="s">
        <v>13162</v>
      </c>
      <c r="C8802">
        <v>1</v>
      </c>
      <c r="D8802">
        <v>0</v>
      </c>
    </row>
    <row r="8803" spans="1:4" x14ac:dyDescent="0.25">
      <c r="A8803" t="s">
        <v>13163</v>
      </c>
      <c r="B8803" t="s">
        <v>13164</v>
      </c>
      <c r="C8803">
        <v>1</v>
      </c>
      <c r="D8803">
        <v>0</v>
      </c>
    </row>
    <row r="8804" spans="1:4" x14ac:dyDescent="0.25">
      <c r="A8804" t="s">
        <v>13165</v>
      </c>
      <c r="B8804" t="s">
        <v>13166</v>
      </c>
      <c r="C8804">
        <v>1</v>
      </c>
      <c r="D8804">
        <v>0</v>
      </c>
    </row>
    <row r="8805" spans="1:4" x14ac:dyDescent="0.25">
      <c r="A8805" t="s">
        <v>13167</v>
      </c>
      <c r="B8805" t="s">
        <v>13168</v>
      </c>
      <c r="C8805">
        <v>1</v>
      </c>
      <c r="D8805">
        <v>0</v>
      </c>
    </row>
    <row r="8806" spans="1:4" x14ac:dyDescent="0.25">
      <c r="A8806" t="s">
        <v>13169</v>
      </c>
      <c r="B8806" t="s">
        <v>13170</v>
      </c>
      <c r="C8806">
        <v>1</v>
      </c>
      <c r="D8806">
        <v>0</v>
      </c>
    </row>
    <row r="8807" spans="1:4" x14ac:dyDescent="0.25">
      <c r="A8807" t="s">
        <v>13171</v>
      </c>
      <c r="B8807" t="s">
        <v>13172</v>
      </c>
      <c r="C8807">
        <v>1</v>
      </c>
      <c r="D8807">
        <v>0</v>
      </c>
    </row>
    <row r="8808" spans="1:4" x14ac:dyDescent="0.25">
      <c r="A8808" t="s">
        <v>13173</v>
      </c>
      <c r="B8808" t="s">
        <v>13174</v>
      </c>
      <c r="C8808">
        <v>0</v>
      </c>
      <c r="D8808">
        <v>0</v>
      </c>
    </row>
    <row r="8809" spans="1:4" x14ac:dyDescent="0.25">
      <c r="A8809" t="s">
        <v>13175</v>
      </c>
      <c r="B8809" t="s">
        <v>398</v>
      </c>
      <c r="C8809">
        <v>0</v>
      </c>
      <c r="D8809">
        <v>0</v>
      </c>
    </row>
    <row r="8810" spans="1:4" x14ac:dyDescent="0.25">
      <c r="A8810" t="s">
        <v>13176</v>
      </c>
      <c r="B8810" t="s">
        <v>13177</v>
      </c>
      <c r="C8810">
        <v>0</v>
      </c>
      <c r="D8810">
        <v>0</v>
      </c>
    </row>
    <row r="8811" spans="1:4" x14ac:dyDescent="0.25">
      <c r="A8811" t="s">
        <v>13178</v>
      </c>
      <c r="B8811" t="s">
        <v>945</v>
      </c>
      <c r="C8811">
        <v>1</v>
      </c>
      <c r="D8811">
        <v>0</v>
      </c>
    </row>
    <row r="8812" spans="1:4" x14ac:dyDescent="0.25">
      <c r="A8812" t="s">
        <v>13179</v>
      </c>
      <c r="B8812" t="s">
        <v>13180</v>
      </c>
      <c r="C8812">
        <v>0</v>
      </c>
      <c r="D8812">
        <v>0</v>
      </c>
    </row>
    <row r="8813" spans="1:4" x14ac:dyDescent="0.25">
      <c r="A8813" t="s">
        <v>13181</v>
      </c>
      <c r="B8813" t="s">
        <v>13182</v>
      </c>
      <c r="C8813">
        <v>1</v>
      </c>
      <c r="D8813">
        <v>0</v>
      </c>
    </row>
    <row r="8814" spans="1:4" x14ac:dyDescent="0.25">
      <c r="A8814" t="s">
        <v>13183</v>
      </c>
      <c r="B8814" t="s">
        <v>13184</v>
      </c>
      <c r="C8814">
        <v>1</v>
      </c>
      <c r="D8814">
        <v>0</v>
      </c>
    </row>
    <row r="8815" spans="1:4" x14ac:dyDescent="0.25">
      <c r="A8815" t="s">
        <v>13185</v>
      </c>
      <c r="B8815" t="s">
        <v>13186</v>
      </c>
      <c r="C8815">
        <v>0</v>
      </c>
      <c r="D8815">
        <v>0</v>
      </c>
    </row>
    <row r="8816" spans="1:4" x14ac:dyDescent="0.25">
      <c r="A8816" t="s">
        <v>13187</v>
      </c>
      <c r="B8816" t="s">
        <v>13188</v>
      </c>
      <c r="C8816">
        <v>1</v>
      </c>
      <c r="D8816">
        <v>0</v>
      </c>
    </row>
    <row r="8817" spans="1:4" x14ac:dyDescent="0.25">
      <c r="A8817" t="s">
        <v>13187</v>
      </c>
      <c r="B8817" t="s">
        <v>13189</v>
      </c>
      <c r="C8817">
        <v>0</v>
      </c>
      <c r="D8817">
        <v>0</v>
      </c>
    </row>
    <row r="8818" spans="1:4" x14ac:dyDescent="0.25">
      <c r="A8818" t="s">
        <v>13190</v>
      </c>
      <c r="B8818" t="s">
        <v>9177</v>
      </c>
      <c r="C8818">
        <v>0</v>
      </c>
      <c r="D8818">
        <v>0</v>
      </c>
    </row>
    <row r="8819" spans="1:4" x14ac:dyDescent="0.25">
      <c r="A8819" t="s">
        <v>13190</v>
      </c>
      <c r="B8819" t="s">
        <v>1001</v>
      </c>
      <c r="C8819">
        <v>1</v>
      </c>
      <c r="D8819">
        <v>0</v>
      </c>
    </row>
    <row r="8820" spans="1:4" x14ac:dyDescent="0.25">
      <c r="A8820" t="s">
        <v>13191</v>
      </c>
      <c r="B8820" t="s">
        <v>13192</v>
      </c>
      <c r="C8820">
        <v>0</v>
      </c>
      <c r="D8820">
        <v>0</v>
      </c>
    </row>
    <row r="8821" spans="1:4" x14ac:dyDescent="0.25">
      <c r="A8821" t="s">
        <v>13191</v>
      </c>
      <c r="B8821" t="s">
        <v>13193</v>
      </c>
      <c r="C8821">
        <v>1</v>
      </c>
      <c r="D8821">
        <v>0</v>
      </c>
    </row>
    <row r="8822" spans="1:4" x14ac:dyDescent="0.25">
      <c r="A8822" t="s">
        <v>13194</v>
      </c>
      <c r="B8822" t="s">
        <v>13195</v>
      </c>
      <c r="C8822">
        <v>0</v>
      </c>
      <c r="D8822">
        <v>0</v>
      </c>
    </row>
    <row r="8823" spans="1:4" x14ac:dyDescent="0.25">
      <c r="A8823" t="s">
        <v>13194</v>
      </c>
      <c r="B8823" t="s">
        <v>852</v>
      </c>
      <c r="C8823">
        <v>0</v>
      </c>
      <c r="D8823">
        <v>0</v>
      </c>
    </row>
    <row r="8824" spans="1:4" x14ac:dyDescent="0.25">
      <c r="A8824" t="s">
        <v>13194</v>
      </c>
      <c r="B8824" t="s">
        <v>13196</v>
      </c>
      <c r="C8824">
        <v>0</v>
      </c>
      <c r="D8824">
        <v>0</v>
      </c>
    </row>
    <row r="8825" spans="1:4" x14ac:dyDescent="0.25">
      <c r="A8825" t="s">
        <v>13197</v>
      </c>
      <c r="B8825" t="s">
        <v>13198</v>
      </c>
      <c r="C8825">
        <v>0</v>
      </c>
      <c r="D8825">
        <v>0</v>
      </c>
    </row>
    <row r="8826" spans="1:4" x14ac:dyDescent="0.25">
      <c r="A8826" t="s">
        <v>13197</v>
      </c>
      <c r="B8826" t="s">
        <v>13199</v>
      </c>
      <c r="C8826">
        <v>1</v>
      </c>
      <c r="D8826">
        <v>0</v>
      </c>
    </row>
    <row r="8827" spans="1:4" x14ac:dyDescent="0.25">
      <c r="A8827" t="s">
        <v>13200</v>
      </c>
      <c r="B8827" t="s">
        <v>13201</v>
      </c>
      <c r="C8827">
        <v>0</v>
      </c>
      <c r="D8827">
        <v>0</v>
      </c>
    </row>
    <row r="8828" spans="1:4" x14ac:dyDescent="0.25">
      <c r="A8828" t="s">
        <v>13200</v>
      </c>
      <c r="B8828" t="s">
        <v>13202</v>
      </c>
      <c r="C8828">
        <v>0</v>
      </c>
      <c r="D8828">
        <v>0</v>
      </c>
    </row>
    <row r="8829" spans="1:4" x14ac:dyDescent="0.25">
      <c r="A8829" t="s">
        <v>13203</v>
      </c>
      <c r="B8829" t="s">
        <v>8126</v>
      </c>
      <c r="C8829">
        <v>1</v>
      </c>
      <c r="D8829">
        <v>0</v>
      </c>
    </row>
    <row r="8830" spans="1:4" x14ac:dyDescent="0.25">
      <c r="A8830" t="s">
        <v>13203</v>
      </c>
      <c r="B8830" t="s">
        <v>13204</v>
      </c>
      <c r="C8830">
        <v>1</v>
      </c>
      <c r="D8830">
        <v>0</v>
      </c>
    </row>
    <row r="8831" spans="1:4" x14ac:dyDescent="0.25">
      <c r="A8831" t="s">
        <v>13203</v>
      </c>
      <c r="B8831" t="s">
        <v>8125</v>
      </c>
      <c r="C8831">
        <v>1</v>
      </c>
      <c r="D8831">
        <v>0</v>
      </c>
    </row>
    <row r="8832" spans="1:4" x14ac:dyDescent="0.25">
      <c r="A8832" t="s">
        <v>13205</v>
      </c>
      <c r="B8832" t="s">
        <v>13206</v>
      </c>
      <c r="C8832">
        <v>1</v>
      </c>
      <c r="D8832">
        <v>0</v>
      </c>
    </row>
    <row r="8833" spans="1:4" x14ac:dyDescent="0.25">
      <c r="A8833" t="s">
        <v>13207</v>
      </c>
      <c r="B8833" t="s">
        <v>13208</v>
      </c>
      <c r="C8833">
        <v>1</v>
      </c>
      <c r="D8833">
        <v>0</v>
      </c>
    </row>
    <row r="8834" spans="1:4" x14ac:dyDescent="0.25">
      <c r="A8834" t="s">
        <v>13207</v>
      </c>
      <c r="B8834" t="s">
        <v>13209</v>
      </c>
      <c r="C8834">
        <v>1</v>
      </c>
      <c r="D8834">
        <v>0</v>
      </c>
    </row>
    <row r="8835" spans="1:4" x14ac:dyDescent="0.25">
      <c r="A8835" t="s">
        <v>13207</v>
      </c>
      <c r="B8835" t="s">
        <v>13210</v>
      </c>
      <c r="C8835">
        <v>1</v>
      </c>
      <c r="D8835">
        <v>0</v>
      </c>
    </row>
    <row r="8836" spans="1:4" x14ac:dyDescent="0.25">
      <c r="A8836" t="s">
        <v>13211</v>
      </c>
      <c r="B8836" t="s">
        <v>13212</v>
      </c>
      <c r="C8836">
        <v>1</v>
      </c>
      <c r="D8836">
        <v>0</v>
      </c>
    </row>
    <row r="8837" spans="1:4" x14ac:dyDescent="0.25">
      <c r="A8837" t="s">
        <v>13213</v>
      </c>
      <c r="B8837" t="s">
        <v>4923</v>
      </c>
      <c r="C8837">
        <v>1</v>
      </c>
      <c r="D8837">
        <v>0</v>
      </c>
    </row>
    <row r="8838" spans="1:4" x14ac:dyDescent="0.25">
      <c r="A8838" t="s">
        <v>13213</v>
      </c>
      <c r="B8838" t="s">
        <v>13214</v>
      </c>
      <c r="C8838">
        <v>0</v>
      </c>
      <c r="D8838">
        <v>0</v>
      </c>
    </row>
    <row r="8839" spans="1:4" x14ac:dyDescent="0.25">
      <c r="A8839" t="s">
        <v>13215</v>
      </c>
      <c r="B8839" t="s">
        <v>13216</v>
      </c>
      <c r="C8839">
        <v>2</v>
      </c>
      <c r="D8839">
        <v>0</v>
      </c>
    </row>
    <row r="8840" spans="1:4" x14ac:dyDescent="0.25">
      <c r="A8840" t="s">
        <v>13215</v>
      </c>
      <c r="B8840" t="s">
        <v>13217</v>
      </c>
      <c r="C8840">
        <v>0</v>
      </c>
      <c r="D8840">
        <v>0</v>
      </c>
    </row>
    <row r="8841" spans="1:4" x14ac:dyDescent="0.25">
      <c r="A8841" t="s">
        <v>13215</v>
      </c>
      <c r="B8841" t="s">
        <v>13218</v>
      </c>
      <c r="C8841">
        <v>1</v>
      </c>
      <c r="D8841">
        <v>0</v>
      </c>
    </row>
    <row r="8842" spans="1:4" x14ac:dyDescent="0.25">
      <c r="A8842" t="s">
        <v>13219</v>
      </c>
      <c r="B8842" t="s">
        <v>13220</v>
      </c>
      <c r="C8842">
        <v>1</v>
      </c>
      <c r="D8842">
        <v>0</v>
      </c>
    </row>
    <row r="8843" spans="1:4" x14ac:dyDescent="0.25">
      <c r="A8843" t="s">
        <v>13219</v>
      </c>
      <c r="B8843" t="s">
        <v>13221</v>
      </c>
      <c r="C8843">
        <v>0</v>
      </c>
      <c r="D8843">
        <v>0</v>
      </c>
    </row>
    <row r="8844" spans="1:4" x14ac:dyDescent="0.25">
      <c r="A8844" t="s">
        <v>13222</v>
      </c>
      <c r="B8844" t="s">
        <v>13223</v>
      </c>
      <c r="C8844">
        <v>0</v>
      </c>
      <c r="D8844">
        <v>0</v>
      </c>
    </row>
    <row r="8845" spans="1:4" x14ac:dyDescent="0.25">
      <c r="A8845" t="s">
        <v>13224</v>
      </c>
      <c r="B8845" t="s">
        <v>13225</v>
      </c>
      <c r="C8845">
        <v>0</v>
      </c>
      <c r="D8845">
        <v>0</v>
      </c>
    </row>
    <row r="8846" spans="1:4" x14ac:dyDescent="0.25">
      <c r="A8846" t="s">
        <v>13224</v>
      </c>
      <c r="B8846" t="s">
        <v>13226</v>
      </c>
      <c r="C8846">
        <v>1</v>
      </c>
      <c r="D8846">
        <v>0</v>
      </c>
    </row>
    <row r="8847" spans="1:4" x14ac:dyDescent="0.25">
      <c r="A8847" t="s">
        <v>13224</v>
      </c>
      <c r="B8847" t="s">
        <v>13227</v>
      </c>
      <c r="C8847">
        <v>1</v>
      </c>
      <c r="D8847">
        <v>0</v>
      </c>
    </row>
    <row r="8848" spans="1:4" x14ac:dyDescent="0.25">
      <c r="A8848" t="s">
        <v>13228</v>
      </c>
      <c r="B8848" t="s">
        <v>13229</v>
      </c>
      <c r="C8848">
        <v>1</v>
      </c>
      <c r="D8848">
        <v>0</v>
      </c>
    </row>
    <row r="8849" spans="1:4" x14ac:dyDescent="0.25">
      <c r="A8849" t="s">
        <v>13230</v>
      </c>
      <c r="B8849" t="s">
        <v>13231</v>
      </c>
      <c r="C8849">
        <v>1</v>
      </c>
      <c r="D8849">
        <v>0</v>
      </c>
    </row>
    <row r="8850" spans="1:4" x14ac:dyDescent="0.25">
      <c r="A8850" t="s">
        <v>13230</v>
      </c>
      <c r="B8850" t="s">
        <v>13232</v>
      </c>
      <c r="C8850">
        <v>2</v>
      </c>
      <c r="D8850">
        <v>0</v>
      </c>
    </row>
    <row r="8851" spans="1:4" x14ac:dyDescent="0.25">
      <c r="A8851" t="s">
        <v>13230</v>
      </c>
      <c r="B8851" t="s">
        <v>13233</v>
      </c>
      <c r="C8851">
        <v>1</v>
      </c>
      <c r="D8851">
        <v>0</v>
      </c>
    </row>
    <row r="8852" spans="1:4" x14ac:dyDescent="0.25">
      <c r="A8852" t="s">
        <v>13234</v>
      </c>
      <c r="B8852" t="s">
        <v>13235</v>
      </c>
      <c r="C8852">
        <v>1</v>
      </c>
      <c r="D8852">
        <v>0</v>
      </c>
    </row>
    <row r="8853" spans="1:4" x14ac:dyDescent="0.25">
      <c r="A8853" t="s">
        <v>13234</v>
      </c>
      <c r="B8853" t="s">
        <v>13236</v>
      </c>
      <c r="C8853">
        <v>1</v>
      </c>
      <c r="D8853">
        <v>0</v>
      </c>
    </row>
    <row r="8854" spans="1:4" x14ac:dyDescent="0.25">
      <c r="A8854" t="s">
        <v>13234</v>
      </c>
      <c r="B8854" t="s">
        <v>13237</v>
      </c>
      <c r="C8854">
        <v>1</v>
      </c>
      <c r="D8854">
        <v>0</v>
      </c>
    </row>
    <row r="8855" spans="1:4" x14ac:dyDescent="0.25">
      <c r="A8855" t="s">
        <v>13238</v>
      </c>
      <c r="B8855" t="s">
        <v>13239</v>
      </c>
      <c r="C8855">
        <v>1</v>
      </c>
      <c r="D8855">
        <v>0</v>
      </c>
    </row>
    <row r="8856" spans="1:4" x14ac:dyDescent="0.25">
      <c r="A8856" t="s">
        <v>13238</v>
      </c>
      <c r="B8856" t="s">
        <v>13240</v>
      </c>
      <c r="C8856">
        <v>0</v>
      </c>
      <c r="D8856">
        <v>0</v>
      </c>
    </row>
    <row r="8857" spans="1:4" x14ac:dyDescent="0.25">
      <c r="A8857" t="s">
        <v>13241</v>
      </c>
      <c r="B8857" t="s">
        <v>13242</v>
      </c>
      <c r="C8857">
        <v>0</v>
      </c>
      <c r="D8857">
        <v>0</v>
      </c>
    </row>
    <row r="8858" spans="1:4" x14ac:dyDescent="0.25">
      <c r="A8858" t="s">
        <v>13241</v>
      </c>
      <c r="B8858" t="s">
        <v>13243</v>
      </c>
      <c r="C8858">
        <v>0</v>
      </c>
      <c r="D8858">
        <v>0</v>
      </c>
    </row>
    <row r="8859" spans="1:4" x14ac:dyDescent="0.25">
      <c r="A8859" t="s">
        <v>13241</v>
      </c>
      <c r="B8859" t="s">
        <v>13244</v>
      </c>
      <c r="C8859">
        <v>1</v>
      </c>
      <c r="D8859">
        <v>0</v>
      </c>
    </row>
    <row r="8860" spans="1:4" x14ac:dyDescent="0.25">
      <c r="A8860" t="s">
        <v>13245</v>
      </c>
      <c r="B8860" t="s">
        <v>13246</v>
      </c>
      <c r="C8860">
        <v>2</v>
      </c>
      <c r="D8860">
        <v>0</v>
      </c>
    </row>
    <row r="8861" spans="1:4" x14ac:dyDescent="0.25">
      <c r="A8861" t="s">
        <v>13247</v>
      </c>
      <c r="B8861" t="s">
        <v>13248</v>
      </c>
      <c r="C8861">
        <v>1</v>
      </c>
      <c r="D8861">
        <v>0</v>
      </c>
    </row>
    <row r="8862" spans="1:4" x14ac:dyDescent="0.25">
      <c r="A8862" t="s">
        <v>13249</v>
      </c>
      <c r="B8862" t="s">
        <v>13250</v>
      </c>
      <c r="C8862">
        <v>2</v>
      </c>
      <c r="D8862">
        <v>0</v>
      </c>
    </row>
    <row r="8863" spans="1:4" x14ac:dyDescent="0.25">
      <c r="A8863" t="s">
        <v>13249</v>
      </c>
      <c r="B8863" t="s">
        <v>13251</v>
      </c>
      <c r="C8863">
        <v>0</v>
      </c>
      <c r="D8863">
        <v>0</v>
      </c>
    </row>
    <row r="8864" spans="1:4" x14ac:dyDescent="0.25">
      <c r="A8864" t="s">
        <v>13252</v>
      </c>
      <c r="B8864" t="s">
        <v>13253</v>
      </c>
      <c r="C8864">
        <v>2</v>
      </c>
      <c r="D8864">
        <v>0</v>
      </c>
    </row>
    <row r="8865" spans="1:4" x14ac:dyDescent="0.25">
      <c r="A8865" t="s">
        <v>13252</v>
      </c>
      <c r="B8865" t="s">
        <v>13254</v>
      </c>
      <c r="C8865">
        <v>2</v>
      </c>
      <c r="D8865">
        <v>0</v>
      </c>
    </row>
    <row r="8866" spans="1:4" x14ac:dyDescent="0.25">
      <c r="A8866" t="s">
        <v>13255</v>
      </c>
      <c r="B8866" t="s">
        <v>13256</v>
      </c>
      <c r="C8866">
        <v>0</v>
      </c>
      <c r="D8866">
        <v>0</v>
      </c>
    </row>
    <row r="8867" spans="1:4" x14ac:dyDescent="0.25">
      <c r="A8867" t="s">
        <v>13257</v>
      </c>
      <c r="B8867" t="s">
        <v>13258</v>
      </c>
      <c r="C8867">
        <v>2</v>
      </c>
      <c r="D8867">
        <v>0</v>
      </c>
    </row>
    <row r="8868" spans="1:4" x14ac:dyDescent="0.25">
      <c r="A8868" t="s">
        <v>13257</v>
      </c>
      <c r="B8868" t="s">
        <v>13259</v>
      </c>
      <c r="C8868">
        <v>1</v>
      </c>
      <c r="D8868">
        <v>0</v>
      </c>
    </row>
    <row r="8869" spans="1:4" x14ac:dyDescent="0.25">
      <c r="A8869" t="s">
        <v>13257</v>
      </c>
      <c r="B8869" t="s">
        <v>13260</v>
      </c>
      <c r="C8869">
        <v>1</v>
      </c>
      <c r="D8869">
        <v>0</v>
      </c>
    </row>
    <row r="8870" spans="1:4" x14ac:dyDescent="0.25">
      <c r="A8870" t="s">
        <v>13261</v>
      </c>
      <c r="B8870" t="s">
        <v>13262</v>
      </c>
      <c r="C8870">
        <v>0</v>
      </c>
      <c r="D8870">
        <v>0</v>
      </c>
    </row>
    <row r="8871" spans="1:4" x14ac:dyDescent="0.25">
      <c r="A8871" t="s">
        <v>13263</v>
      </c>
      <c r="B8871" t="s">
        <v>13264</v>
      </c>
      <c r="C8871">
        <v>2</v>
      </c>
      <c r="D8871">
        <v>0</v>
      </c>
    </row>
    <row r="8872" spans="1:4" x14ac:dyDescent="0.25">
      <c r="A8872" t="s">
        <v>13265</v>
      </c>
      <c r="B8872" t="s">
        <v>13266</v>
      </c>
      <c r="C8872">
        <v>0</v>
      </c>
      <c r="D8872">
        <v>0</v>
      </c>
    </row>
    <row r="8873" spans="1:4" x14ac:dyDescent="0.25">
      <c r="A8873" t="s">
        <v>13267</v>
      </c>
      <c r="B8873" t="s">
        <v>13268</v>
      </c>
      <c r="C8873">
        <v>1</v>
      </c>
      <c r="D8873">
        <v>0</v>
      </c>
    </row>
    <row r="8874" spans="1:4" x14ac:dyDescent="0.25">
      <c r="A8874" t="s">
        <v>13269</v>
      </c>
      <c r="B8874" t="s">
        <v>13270</v>
      </c>
      <c r="C8874">
        <v>1</v>
      </c>
      <c r="D8874">
        <v>0</v>
      </c>
    </row>
    <row r="8875" spans="1:4" x14ac:dyDescent="0.25">
      <c r="A8875" t="s">
        <v>13271</v>
      </c>
      <c r="B8875" t="s">
        <v>1001</v>
      </c>
      <c r="C8875">
        <v>1</v>
      </c>
      <c r="D8875">
        <v>0</v>
      </c>
    </row>
    <row r="8876" spans="1:4" x14ac:dyDescent="0.25">
      <c r="A8876" t="s">
        <v>13271</v>
      </c>
      <c r="B8876" t="s">
        <v>969</v>
      </c>
      <c r="C8876">
        <v>0</v>
      </c>
      <c r="D8876">
        <v>0</v>
      </c>
    </row>
    <row r="8877" spans="1:4" x14ac:dyDescent="0.25">
      <c r="A8877" t="s">
        <v>13272</v>
      </c>
      <c r="B8877" t="s">
        <v>1499</v>
      </c>
      <c r="C8877">
        <v>1</v>
      </c>
      <c r="D8877">
        <v>0</v>
      </c>
    </row>
    <row r="8878" spans="1:4" x14ac:dyDescent="0.25">
      <c r="A8878" t="s">
        <v>13273</v>
      </c>
      <c r="B8878" t="s">
        <v>1246</v>
      </c>
      <c r="C8878">
        <v>0</v>
      </c>
      <c r="D8878">
        <v>0</v>
      </c>
    </row>
    <row r="8879" spans="1:4" x14ac:dyDescent="0.25">
      <c r="A8879" t="s">
        <v>13274</v>
      </c>
      <c r="B8879" t="s">
        <v>5713</v>
      </c>
      <c r="C8879">
        <v>1</v>
      </c>
      <c r="D8879">
        <v>0</v>
      </c>
    </row>
    <row r="8880" spans="1:4" x14ac:dyDescent="0.25">
      <c r="A8880" t="s">
        <v>13275</v>
      </c>
      <c r="B8880" t="s">
        <v>13276</v>
      </c>
      <c r="C8880">
        <v>2</v>
      </c>
      <c r="D8880">
        <v>0</v>
      </c>
    </row>
    <row r="8881" spans="1:4" x14ac:dyDescent="0.25">
      <c r="A8881" t="s">
        <v>13275</v>
      </c>
      <c r="B8881" t="s">
        <v>13277</v>
      </c>
      <c r="C8881">
        <v>1</v>
      </c>
      <c r="D8881">
        <v>0</v>
      </c>
    </row>
    <row r="8882" spans="1:4" x14ac:dyDescent="0.25">
      <c r="A8882" t="s">
        <v>13275</v>
      </c>
      <c r="B8882" t="s">
        <v>13278</v>
      </c>
      <c r="C8882">
        <v>1</v>
      </c>
      <c r="D8882">
        <v>0</v>
      </c>
    </row>
    <row r="8883" spans="1:4" x14ac:dyDescent="0.25">
      <c r="A8883" t="s">
        <v>13279</v>
      </c>
      <c r="B8883" t="s">
        <v>13280</v>
      </c>
      <c r="C8883">
        <v>1</v>
      </c>
      <c r="D8883">
        <v>0</v>
      </c>
    </row>
    <row r="8884" spans="1:4" x14ac:dyDescent="0.25">
      <c r="A8884" t="s">
        <v>13281</v>
      </c>
      <c r="B8884" t="s">
        <v>13282</v>
      </c>
      <c r="C8884">
        <v>2</v>
      </c>
      <c r="D8884">
        <v>0</v>
      </c>
    </row>
    <row r="8885" spans="1:4" x14ac:dyDescent="0.25">
      <c r="A8885" t="s">
        <v>13281</v>
      </c>
      <c r="B8885" t="s">
        <v>13283</v>
      </c>
      <c r="C8885">
        <v>0</v>
      </c>
      <c r="D8885">
        <v>0</v>
      </c>
    </row>
    <row r="8886" spans="1:4" x14ac:dyDescent="0.25">
      <c r="A8886" t="s">
        <v>13281</v>
      </c>
      <c r="B8886" t="s">
        <v>13284</v>
      </c>
      <c r="C8886">
        <v>0</v>
      </c>
      <c r="D8886">
        <v>0</v>
      </c>
    </row>
    <row r="8887" spans="1:4" x14ac:dyDescent="0.25">
      <c r="A8887" t="s">
        <v>13285</v>
      </c>
      <c r="B8887" t="s">
        <v>13286</v>
      </c>
      <c r="C8887">
        <v>0</v>
      </c>
      <c r="D8887">
        <v>0</v>
      </c>
    </row>
    <row r="8888" spans="1:4" x14ac:dyDescent="0.25">
      <c r="A8888" t="s">
        <v>13285</v>
      </c>
      <c r="B8888" t="s">
        <v>13287</v>
      </c>
      <c r="C8888">
        <v>1</v>
      </c>
      <c r="D8888">
        <v>0</v>
      </c>
    </row>
    <row r="8889" spans="1:4" x14ac:dyDescent="0.25">
      <c r="A8889" t="s">
        <v>13285</v>
      </c>
      <c r="B8889" t="s">
        <v>13288</v>
      </c>
      <c r="C8889">
        <v>0</v>
      </c>
      <c r="D8889">
        <v>0</v>
      </c>
    </row>
    <row r="8890" spans="1:4" x14ac:dyDescent="0.25">
      <c r="A8890" t="s">
        <v>13289</v>
      </c>
      <c r="B8890" t="s">
        <v>13290</v>
      </c>
      <c r="C8890">
        <v>1</v>
      </c>
      <c r="D8890">
        <v>0</v>
      </c>
    </row>
    <row r="8891" spans="1:4" x14ac:dyDescent="0.25">
      <c r="A8891" t="s">
        <v>13289</v>
      </c>
      <c r="B8891" t="s">
        <v>13291</v>
      </c>
      <c r="C8891">
        <v>2</v>
      </c>
      <c r="D8891">
        <v>0</v>
      </c>
    </row>
    <row r="8892" spans="1:4" x14ac:dyDescent="0.25">
      <c r="A8892" t="s">
        <v>13292</v>
      </c>
      <c r="B8892" t="s">
        <v>13293</v>
      </c>
      <c r="C8892">
        <v>2</v>
      </c>
      <c r="D8892">
        <v>0</v>
      </c>
    </row>
    <row r="8893" spans="1:4" x14ac:dyDescent="0.25">
      <c r="A8893" t="s">
        <v>13292</v>
      </c>
      <c r="B8893" t="s">
        <v>13294</v>
      </c>
      <c r="C8893">
        <v>0</v>
      </c>
      <c r="D8893">
        <v>0</v>
      </c>
    </row>
    <row r="8894" spans="1:4" x14ac:dyDescent="0.25">
      <c r="A8894" t="s">
        <v>13292</v>
      </c>
      <c r="B8894" t="s">
        <v>13295</v>
      </c>
      <c r="C8894">
        <v>0</v>
      </c>
      <c r="D8894">
        <v>0</v>
      </c>
    </row>
    <row r="8895" spans="1:4" x14ac:dyDescent="0.25">
      <c r="A8895" t="s">
        <v>13296</v>
      </c>
      <c r="B8895" t="s">
        <v>13297</v>
      </c>
      <c r="C8895">
        <v>1</v>
      </c>
      <c r="D8895">
        <v>0</v>
      </c>
    </row>
    <row r="8896" spans="1:4" x14ac:dyDescent="0.25">
      <c r="A8896" t="s">
        <v>13298</v>
      </c>
      <c r="B8896" t="s">
        <v>13299</v>
      </c>
      <c r="C8896">
        <v>1</v>
      </c>
      <c r="D8896">
        <v>0</v>
      </c>
    </row>
    <row r="8897" spans="1:4" x14ac:dyDescent="0.25">
      <c r="A8897" t="s">
        <v>13298</v>
      </c>
      <c r="B8897" t="s">
        <v>13300</v>
      </c>
      <c r="C8897">
        <v>2</v>
      </c>
      <c r="D8897">
        <v>0</v>
      </c>
    </row>
    <row r="8898" spans="1:4" x14ac:dyDescent="0.25">
      <c r="A8898" t="s">
        <v>13298</v>
      </c>
      <c r="B8898" t="s">
        <v>13301</v>
      </c>
      <c r="C8898">
        <v>0</v>
      </c>
      <c r="D8898">
        <v>0</v>
      </c>
    </row>
    <row r="8899" spans="1:4" x14ac:dyDescent="0.25">
      <c r="A8899" t="s">
        <v>13302</v>
      </c>
      <c r="B8899" t="s">
        <v>13303</v>
      </c>
      <c r="C8899">
        <v>0</v>
      </c>
      <c r="D8899">
        <v>0</v>
      </c>
    </row>
    <row r="8900" spans="1:4" x14ac:dyDescent="0.25">
      <c r="A8900" t="s">
        <v>13302</v>
      </c>
      <c r="B8900" t="s">
        <v>13304</v>
      </c>
      <c r="C8900">
        <v>2</v>
      </c>
      <c r="D8900">
        <v>0</v>
      </c>
    </row>
    <row r="8901" spans="1:4" x14ac:dyDescent="0.25">
      <c r="A8901" t="s">
        <v>13305</v>
      </c>
      <c r="B8901" t="s">
        <v>13306</v>
      </c>
      <c r="C8901">
        <v>0</v>
      </c>
      <c r="D8901">
        <v>0</v>
      </c>
    </row>
    <row r="8902" spans="1:4" x14ac:dyDescent="0.25">
      <c r="A8902" t="s">
        <v>13305</v>
      </c>
      <c r="B8902" t="s">
        <v>13307</v>
      </c>
      <c r="C8902">
        <v>0</v>
      </c>
      <c r="D8902">
        <v>0</v>
      </c>
    </row>
    <row r="8903" spans="1:4" x14ac:dyDescent="0.25">
      <c r="A8903" t="s">
        <v>13308</v>
      </c>
      <c r="B8903" t="s">
        <v>13309</v>
      </c>
      <c r="C8903">
        <v>2</v>
      </c>
      <c r="D8903">
        <v>0</v>
      </c>
    </row>
    <row r="8904" spans="1:4" x14ac:dyDescent="0.25">
      <c r="A8904" t="s">
        <v>13310</v>
      </c>
      <c r="B8904" t="s">
        <v>1246</v>
      </c>
      <c r="C8904">
        <v>0</v>
      </c>
      <c r="D8904">
        <v>0</v>
      </c>
    </row>
    <row r="8905" spans="1:4" x14ac:dyDescent="0.25">
      <c r="A8905" t="s">
        <v>13311</v>
      </c>
      <c r="B8905" t="s">
        <v>13312</v>
      </c>
      <c r="C8905">
        <v>1</v>
      </c>
      <c r="D8905">
        <v>0</v>
      </c>
    </row>
    <row r="8906" spans="1:4" x14ac:dyDescent="0.25">
      <c r="A8906" t="s">
        <v>13311</v>
      </c>
      <c r="B8906" t="s">
        <v>13313</v>
      </c>
      <c r="C8906">
        <v>0</v>
      </c>
      <c r="D8906">
        <v>0</v>
      </c>
    </row>
    <row r="8907" spans="1:4" x14ac:dyDescent="0.25">
      <c r="A8907" t="s">
        <v>13314</v>
      </c>
      <c r="B8907" t="s">
        <v>13315</v>
      </c>
      <c r="C8907">
        <v>2</v>
      </c>
      <c r="D8907">
        <v>0</v>
      </c>
    </row>
    <row r="8908" spans="1:4" x14ac:dyDescent="0.25">
      <c r="A8908" t="s">
        <v>13314</v>
      </c>
      <c r="B8908" t="s">
        <v>13316</v>
      </c>
      <c r="C8908">
        <v>2</v>
      </c>
      <c r="D8908">
        <v>0</v>
      </c>
    </row>
    <row r="8909" spans="1:4" x14ac:dyDescent="0.25">
      <c r="A8909" t="s">
        <v>13317</v>
      </c>
      <c r="B8909" t="s">
        <v>13318</v>
      </c>
      <c r="C8909">
        <v>1</v>
      </c>
      <c r="D8909">
        <v>0</v>
      </c>
    </row>
    <row r="8910" spans="1:4" x14ac:dyDescent="0.25">
      <c r="A8910" t="s">
        <v>13319</v>
      </c>
      <c r="B8910" t="s">
        <v>13320</v>
      </c>
      <c r="C8910">
        <v>1</v>
      </c>
      <c r="D8910">
        <v>0</v>
      </c>
    </row>
    <row r="8911" spans="1:4" x14ac:dyDescent="0.25">
      <c r="A8911" t="s">
        <v>13319</v>
      </c>
      <c r="B8911" t="s">
        <v>13321</v>
      </c>
      <c r="C8911">
        <v>2</v>
      </c>
      <c r="D8911">
        <v>0</v>
      </c>
    </row>
    <row r="8912" spans="1:4" x14ac:dyDescent="0.25">
      <c r="A8912" t="s">
        <v>13319</v>
      </c>
      <c r="B8912" t="s">
        <v>13322</v>
      </c>
      <c r="C8912">
        <v>1</v>
      </c>
      <c r="D8912">
        <v>0</v>
      </c>
    </row>
    <row r="8913" spans="1:4" x14ac:dyDescent="0.25">
      <c r="A8913" t="s">
        <v>13323</v>
      </c>
      <c r="B8913" t="s">
        <v>13324</v>
      </c>
      <c r="C8913">
        <v>1</v>
      </c>
      <c r="D8913">
        <v>0</v>
      </c>
    </row>
    <row r="8914" spans="1:4" x14ac:dyDescent="0.25">
      <c r="A8914" t="s">
        <v>13323</v>
      </c>
      <c r="B8914" t="s">
        <v>13325</v>
      </c>
      <c r="C8914">
        <v>1</v>
      </c>
      <c r="D8914">
        <v>0</v>
      </c>
    </row>
    <row r="8915" spans="1:4" x14ac:dyDescent="0.25">
      <c r="A8915" t="s">
        <v>13326</v>
      </c>
      <c r="B8915" t="s">
        <v>13327</v>
      </c>
      <c r="C8915">
        <v>0</v>
      </c>
      <c r="D8915">
        <v>0</v>
      </c>
    </row>
    <row r="8916" spans="1:4" x14ac:dyDescent="0.25">
      <c r="A8916" t="s">
        <v>13328</v>
      </c>
      <c r="B8916" t="s">
        <v>13329</v>
      </c>
      <c r="C8916">
        <v>2</v>
      </c>
      <c r="D8916">
        <v>0</v>
      </c>
    </row>
    <row r="8917" spans="1:4" x14ac:dyDescent="0.25">
      <c r="A8917" t="s">
        <v>13330</v>
      </c>
      <c r="B8917" t="s">
        <v>13331</v>
      </c>
      <c r="C8917">
        <v>1</v>
      </c>
      <c r="D8917">
        <v>0</v>
      </c>
    </row>
    <row r="8918" spans="1:4" x14ac:dyDescent="0.25">
      <c r="A8918" t="s">
        <v>13332</v>
      </c>
      <c r="B8918" t="s">
        <v>13333</v>
      </c>
      <c r="C8918">
        <v>2</v>
      </c>
      <c r="D8918">
        <v>0</v>
      </c>
    </row>
    <row r="8919" spans="1:4" x14ac:dyDescent="0.25">
      <c r="A8919" t="s">
        <v>13332</v>
      </c>
      <c r="B8919" t="s">
        <v>13334</v>
      </c>
      <c r="C8919">
        <v>2</v>
      </c>
      <c r="D8919">
        <v>0</v>
      </c>
    </row>
    <row r="8920" spans="1:4" x14ac:dyDescent="0.25">
      <c r="A8920" t="s">
        <v>13335</v>
      </c>
      <c r="B8920" t="s">
        <v>13336</v>
      </c>
      <c r="C8920">
        <v>2</v>
      </c>
      <c r="D8920">
        <v>0</v>
      </c>
    </row>
    <row r="8921" spans="1:4" x14ac:dyDescent="0.25">
      <c r="A8921" t="s">
        <v>13335</v>
      </c>
      <c r="B8921" t="s">
        <v>13337</v>
      </c>
      <c r="C8921">
        <v>2</v>
      </c>
      <c r="D8921">
        <v>0</v>
      </c>
    </row>
    <row r="8922" spans="1:4" x14ac:dyDescent="0.25">
      <c r="A8922" t="s">
        <v>13335</v>
      </c>
      <c r="B8922" t="s">
        <v>13338</v>
      </c>
      <c r="C8922">
        <v>1</v>
      </c>
      <c r="D8922">
        <v>0</v>
      </c>
    </row>
    <row r="8923" spans="1:4" x14ac:dyDescent="0.25">
      <c r="A8923" t="s">
        <v>13339</v>
      </c>
      <c r="B8923" t="s">
        <v>13340</v>
      </c>
      <c r="C8923">
        <v>0</v>
      </c>
      <c r="D8923">
        <v>0</v>
      </c>
    </row>
    <row r="8924" spans="1:4" x14ac:dyDescent="0.25">
      <c r="A8924" t="s">
        <v>13341</v>
      </c>
      <c r="B8924" t="s">
        <v>13342</v>
      </c>
      <c r="C8924">
        <v>1</v>
      </c>
      <c r="D8924">
        <v>0</v>
      </c>
    </row>
    <row r="8925" spans="1:4" x14ac:dyDescent="0.25">
      <c r="A8925" t="s">
        <v>13343</v>
      </c>
      <c r="B8925" t="s">
        <v>13344</v>
      </c>
      <c r="C8925">
        <v>1</v>
      </c>
      <c r="D8925">
        <v>0</v>
      </c>
    </row>
    <row r="8926" spans="1:4" x14ac:dyDescent="0.25">
      <c r="A8926" t="s">
        <v>13343</v>
      </c>
      <c r="B8926" t="s">
        <v>13345</v>
      </c>
      <c r="C8926">
        <v>1</v>
      </c>
      <c r="D8926">
        <v>0</v>
      </c>
    </row>
    <row r="8927" spans="1:4" x14ac:dyDescent="0.25">
      <c r="A8927" t="s">
        <v>13346</v>
      </c>
      <c r="B8927" t="s">
        <v>13347</v>
      </c>
      <c r="C8927">
        <v>1</v>
      </c>
      <c r="D8927">
        <v>0</v>
      </c>
    </row>
    <row r="8928" spans="1:4" x14ac:dyDescent="0.25">
      <c r="A8928" t="s">
        <v>13348</v>
      </c>
      <c r="B8928" t="s">
        <v>13349</v>
      </c>
      <c r="C8928">
        <v>1</v>
      </c>
      <c r="D8928">
        <v>0</v>
      </c>
    </row>
    <row r="8929" spans="1:4" x14ac:dyDescent="0.25">
      <c r="A8929" t="s">
        <v>13348</v>
      </c>
      <c r="B8929" t="s">
        <v>13350</v>
      </c>
      <c r="C8929">
        <v>0</v>
      </c>
      <c r="D8929">
        <v>0</v>
      </c>
    </row>
    <row r="8930" spans="1:4" x14ac:dyDescent="0.25">
      <c r="A8930" t="s">
        <v>13348</v>
      </c>
      <c r="B8930" t="s">
        <v>13351</v>
      </c>
      <c r="C8930">
        <v>0</v>
      </c>
      <c r="D8930">
        <v>0</v>
      </c>
    </row>
    <row r="8931" spans="1:4" x14ac:dyDescent="0.25">
      <c r="A8931" t="s">
        <v>13352</v>
      </c>
      <c r="B8931" t="s">
        <v>13353</v>
      </c>
      <c r="C8931">
        <v>1</v>
      </c>
      <c r="D8931">
        <v>0</v>
      </c>
    </row>
    <row r="8932" spans="1:4" x14ac:dyDescent="0.25">
      <c r="A8932" t="s">
        <v>13354</v>
      </c>
      <c r="B8932" t="s">
        <v>1001</v>
      </c>
      <c r="C8932">
        <v>1</v>
      </c>
      <c r="D8932">
        <v>0</v>
      </c>
    </row>
    <row r="8933" spans="1:4" x14ac:dyDescent="0.25">
      <c r="A8933" t="s">
        <v>13355</v>
      </c>
      <c r="B8933" t="s">
        <v>13356</v>
      </c>
      <c r="C8933">
        <v>2</v>
      </c>
      <c r="D8933">
        <v>0</v>
      </c>
    </row>
    <row r="8934" spans="1:4" x14ac:dyDescent="0.25">
      <c r="A8934" t="s">
        <v>13355</v>
      </c>
      <c r="B8934" t="s">
        <v>13357</v>
      </c>
      <c r="C8934">
        <v>1</v>
      </c>
      <c r="D8934">
        <v>0</v>
      </c>
    </row>
    <row r="8935" spans="1:4" x14ac:dyDescent="0.25">
      <c r="A8935" t="s">
        <v>13358</v>
      </c>
      <c r="B8935" t="s">
        <v>13359</v>
      </c>
      <c r="C8935">
        <v>1</v>
      </c>
      <c r="D8935">
        <v>0</v>
      </c>
    </row>
    <row r="8936" spans="1:4" x14ac:dyDescent="0.25">
      <c r="A8936" t="s">
        <v>13358</v>
      </c>
      <c r="B8936" t="s">
        <v>13360</v>
      </c>
      <c r="C8936">
        <v>1</v>
      </c>
      <c r="D8936">
        <v>0</v>
      </c>
    </row>
    <row r="8937" spans="1:4" x14ac:dyDescent="0.25">
      <c r="A8937" t="s">
        <v>13358</v>
      </c>
      <c r="B8937" t="s">
        <v>13361</v>
      </c>
      <c r="C8937">
        <v>0</v>
      </c>
      <c r="D8937">
        <v>0</v>
      </c>
    </row>
    <row r="8938" spans="1:4" x14ac:dyDescent="0.25">
      <c r="A8938" t="s">
        <v>13362</v>
      </c>
      <c r="B8938" t="s">
        <v>13363</v>
      </c>
      <c r="C8938">
        <v>2</v>
      </c>
      <c r="D8938">
        <v>0</v>
      </c>
    </row>
    <row r="8939" spans="1:4" x14ac:dyDescent="0.25">
      <c r="A8939" t="s">
        <v>13364</v>
      </c>
      <c r="B8939" t="s">
        <v>13365</v>
      </c>
      <c r="C8939">
        <v>2</v>
      </c>
      <c r="D8939">
        <v>0</v>
      </c>
    </row>
    <row r="8940" spans="1:4" x14ac:dyDescent="0.25">
      <c r="A8940" t="s">
        <v>13366</v>
      </c>
      <c r="B8940" t="s">
        <v>13367</v>
      </c>
      <c r="C8940">
        <v>0</v>
      </c>
      <c r="D8940">
        <v>0</v>
      </c>
    </row>
    <row r="8941" spans="1:4" x14ac:dyDescent="0.25">
      <c r="A8941" t="s">
        <v>13368</v>
      </c>
      <c r="B8941" t="s">
        <v>13369</v>
      </c>
      <c r="C8941">
        <v>1</v>
      </c>
      <c r="D8941">
        <v>0</v>
      </c>
    </row>
    <row r="8942" spans="1:4" x14ac:dyDescent="0.25">
      <c r="A8942" t="s">
        <v>13368</v>
      </c>
      <c r="B8942" t="s">
        <v>13370</v>
      </c>
      <c r="C8942">
        <v>1</v>
      </c>
      <c r="D8942">
        <v>0</v>
      </c>
    </row>
    <row r="8943" spans="1:4" x14ac:dyDescent="0.25">
      <c r="A8943" t="s">
        <v>13371</v>
      </c>
      <c r="B8943" t="s">
        <v>13372</v>
      </c>
      <c r="C8943">
        <v>1</v>
      </c>
      <c r="D8943">
        <v>0</v>
      </c>
    </row>
    <row r="8944" spans="1:4" x14ac:dyDescent="0.25">
      <c r="A8944" t="s">
        <v>13373</v>
      </c>
      <c r="B8944" t="s">
        <v>13374</v>
      </c>
      <c r="C8944">
        <v>0</v>
      </c>
      <c r="D8944">
        <v>0</v>
      </c>
    </row>
    <row r="8945" spans="1:4" x14ac:dyDescent="0.25">
      <c r="A8945" t="s">
        <v>13375</v>
      </c>
      <c r="B8945" t="s">
        <v>11083</v>
      </c>
      <c r="C8945">
        <v>0</v>
      </c>
      <c r="D8945">
        <v>0</v>
      </c>
    </row>
    <row r="8946" spans="1:4" x14ac:dyDescent="0.25">
      <c r="A8946" t="s">
        <v>13375</v>
      </c>
      <c r="B8946" t="s">
        <v>13376</v>
      </c>
      <c r="C8946">
        <v>0</v>
      </c>
      <c r="D8946">
        <v>0</v>
      </c>
    </row>
    <row r="8947" spans="1:4" x14ac:dyDescent="0.25">
      <c r="A8947" t="s">
        <v>13377</v>
      </c>
      <c r="B8947" t="s">
        <v>3347</v>
      </c>
      <c r="C8947">
        <v>0</v>
      </c>
      <c r="D8947">
        <v>0</v>
      </c>
    </row>
    <row r="8948" spans="1:4" x14ac:dyDescent="0.25">
      <c r="A8948" t="s">
        <v>13378</v>
      </c>
      <c r="B8948" t="s">
        <v>13379</v>
      </c>
      <c r="C8948">
        <v>0</v>
      </c>
      <c r="D8948">
        <v>0</v>
      </c>
    </row>
    <row r="8949" spans="1:4" x14ac:dyDescent="0.25">
      <c r="A8949" t="s">
        <v>13380</v>
      </c>
      <c r="B8949" t="s">
        <v>13381</v>
      </c>
      <c r="C8949">
        <v>1</v>
      </c>
      <c r="D8949">
        <v>0</v>
      </c>
    </row>
    <row r="8950" spans="1:4" x14ac:dyDescent="0.25">
      <c r="A8950" t="s">
        <v>13382</v>
      </c>
      <c r="B8950" t="s">
        <v>13383</v>
      </c>
      <c r="C8950">
        <v>0</v>
      </c>
      <c r="D8950">
        <v>0</v>
      </c>
    </row>
    <row r="8951" spans="1:4" x14ac:dyDescent="0.25">
      <c r="A8951" t="s">
        <v>13384</v>
      </c>
      <c r="B8951" t="s">
        <v>13385</v>
      </c>
      <c r="C8951">
        <v>0</v>
      </c>
      <c r="D8951">
        <v>0</v>
      </c>
    </row>
    <row r="8952" spans="1:4" x14ac:dyDescent="0.25">
      <c r="A8952" t="s">
        <v>13384</v>
      </c>
      <c r="B8952" t="s">
        <v>13386</v>
      </c>
      <c r="C8952">
        <v>1</v>
      </c>
      <c r="D8952">
        <v>0</v>
      </c>
    </row>
    <row r="8953" spans="1:4" x14ac:dyDescent="0.25">
      <c r="A8953" t="s">
        <v>13384</v>
      </c>
      <c r="B8953" t="s">
        <v>13387</v>
      </c>
      <c r="C8953">
        <v>0</v>
      </c>
      <c r="D8953">
        <v>0</v>
      </c>
    </row>
    <row r="8954" spans="1:4" x14ac:dyDescent="0.25">
      <c r="A8954" t="s">
        <v>13388</v>
      </c>
      <c r="B8954" t="s">
        <v>795</v>
      </c>
      <c r="C8954">
        <v>0</v>
      </c>
      <c r="D8954">
        <v>0</v>
      </c>
    </row>
    <row r="8955" spans="1:4" x14ac:dyDescent="0.25">
      <c r="A8955" t="s">
        <v>13388</v>
      </c>
      <c r="B8955" t="s">
        <v>13389</v>
      </c>
      <c r="C8955">
        <v>1</v>
      </c>
      <c r="D8955">
        <v>0</v>
      </c>
    </row>
    <row r="8956" spans="1:4" x14ac:dyDescent="0.25">
      <c r="A8956" t="s">
        <v>13390</v>
      </c>
      <c r="B8956" t="s">
        <v>13391</v>
      </c>
      <c r="C8956">
        <v>0</v>
      </c>
      <c r="D8956">
        <v>0</v>
      </c>
    </row>
    <row r="8957" spans="1:4" x14ac:dyDescent="0.25">
      <c r="A8957" t="s">
        <v>13392</v>
      </c>
      <c r="B8957" t="s">
        <v>13393</v>
      </c>
      <c r="C8957">
        <v>1</v>
      </c>
      <c r="D8957">
        <v>0</v>
      </c>
    </row>
    <row r="8958" spans="1:4" x14ac:dyDescent="0.25">
      <c r="A8958" t="s">
        <v>13392</v>
      </c>
      <c r="B8958" t="s">
        <v>13394</v>
      </c>
      <c r="C8958">
        <v>0</v>
      </c>
      <c r="D8958">
        <v>0</v>
      </c>
    </row>
    <row r="8959" spans="1:4" x14ac:dyDescent="0.25">
      <c r="A8959" t="s">
        <v>13395</v>
      </c>
      <c r="B8959" t="s">
        <v>13396</v>
      </c>
      <c r="C8959">
        <v>0</v>
      </c>
      <c r="D8959">
        <v>0</v>
      </c>
    </row>
    <row r="8960" spans="1:4" x14ac:dyDescent="0.25">
      <c r="A8960" t="s">
        <v>13397</v>
      </c>
      <c r="B8960" t="s">
        <v>13398</v>
      </c>
      <c r="C8960">
        <v>2</v>
      </c>
      <c r="D8960">
        <v>0</v>
      </c>
    </row>
    <row r="8961" spans="1:4" x14ac:dyDescent="0.25">
      <c r="A8961" t="s">
        <v>13397</v>
      </c>
      <c r="B8961" t="s">
        <v>13399</v>
      </c>
      <c r="C8961">
        <v>2</v>
      </c>
      <c r="D8961">
        <v>0</v>
      </c>
    </row>
    <row r="8962" spans="1:4" x14ac:dyDescent="0.25">
      <c r="A8962" t="s">
        <v>13397</v>
      </c>
      <c r="B8962" t="s">
        <v>13400</v>
      </c>
      <c r="C8962">
        <v>2</v>
      </c>
      <c r="D8962">
        <v>0</v>
      </c>
    </row>
    <row r="8963" spans="1:4" x14ac:dyDescent="0.25">
      <c r="A8963" t="s">
        <v>13401</v>
      </c>
      <c r="B8963" t="s">
        <v>13402</v>
      </c>
      <c r="C8963">
        <v>0</v>
      </c>
      <c r="D8963">
        <v>0</v>
      </c>
    </row>
    <row r="8964" spans="1:4" x14ac:dyDescent="0.25">
      <c r="A8964" t="s">
        <v>13401</v>
      </c>
      <c r="B8964" t="s">
        <v>13403</v>
      </c>
      <c r="C8964">
        <v>0</v>
      </c>
      <c r="D8964">
        <v>0</v>
      </c>
    </row>
    <row r="8965" spans="1:4" x14ac:dyDescent="0.25">
      <c r="A8965" t="s">
        <v>13404</v>
      </c>
      <c r="B8965" t="s">
        <v>13405</v>
      </c>
      <c r="C8965">
        <v>1</v>
      </c>
      <c r="D8965">
        <v>0</v>
      </c>
    </row>
    <row r="8966" spans="1:4" x14ac:dyDescent="0.25">
      <c r="A8966" t="s">
        <v>13404</v>
      </c>
      <c r="B8966" t="s">
        <v>13406</v>
      </c>
      <c r="C8966">
        <v>0</v>
      </c>
      <c r="D8966">
        <v>0</v>
      </c>
    </row>
    <row r="8967" spans="1:4" x14ac:dyDescent="0.25">
      <c r="A8967" t="s">
        <v>13407</v>
      </c>
      <c r="B8967" t="s">
        <v>13408</v>
      </c>
      <c r="C8967">
        <v>1</v>
      </c>
      <c r="D8967">
        <v>0</v>
      </c>
    </row>
    <row r="8968" spans="1:4" x14ac:dyDescent="0.25">
      <c r="A8968" t="s">
        <v>13409</v>
      </c>
      <c r="B8968" t="s">
        <v>13410</v>
      </c>
      <c r="C8968">
        <v>0</v>
      </c>
      <c r="D8968">
        <v>0</v>
      </c>
    </row>
    <row r="8969" spans="1:4" x14ac:dyDescent="0.25">
      <c r="A8969" t="s">
        <v>13409</v>
      </c>
      <c r="B8969" t="s">
        <v>13411</v>
      </c>
      <c r="C8969">
        <v>0</v>
      </c>
      <c r="D8969">
        <v>0</v>
      </c>
    </row>
    <row r="8970" spans="1:4" x14ac:dyDescent="0.25">
      <c r="A8970" t="s">
        <v>13409</v>
      </c>
      <c r="B8970" t="s">
        <v>13412</v>
      </c>
      <c r="C8970">
        <v>0</v>
      </c>
      <c r="D8970">
        <v>0</v>
      </c>
    </row>
    <row r="8971" spans="1:4" x14ac:dyDescent="0.25">
      <c r="A8971" t="s">
        <v>13413</v>
      </c>
      <c r="B8971" t="s">
        <v>13414</v>
      </c>
      <c r="C8971">
        <v>1</v>
      </c>
      <c r="D8971">
        <v>0</v>
      </c>
    </row>
    <row r="8972" spans="1:4" x14ac:dyDescent="0.25">
      <c r="A8972" t="s">
        <v>13413</v>
      </c>
      <c r="B8972" t="s">
        <v>13415</v>
      </c>
      <c r="C8972">
        <v>0</v>
      </c>
      <c r="D8972">
        <v>0</v>
      </c>
    </row>
    <row r="8973" spans="1:4" x14ac:dyDescent="0.25">
      <c r="A8973" t="s">
        <v>13413</v>
      </c>
      <c r="B8973" t="s">
        <v>13416</v>
      </c>
      <c r="C8973">
        <v>1</v>
      </c>
      <c r="D8973">
        <v>0</v>
      </c>
    </row>
    <row r="8974" spans="1:4" x14ac:dyDescent="0.25">
      <c r="A8974" t="s">
        <v>13417</v>
      </c>
      <c r="B8974" t="s">
        <v>3266</v>
      </c>
      <c r="C8974">
        <v>1</v>
      </c>
      <c r="D8974">
        <v>0</v>
      </c>
    </row>
    <row r="8975" spans="1:4" x14ac:dyDescent="0.25">
      <c r="A8975" t="s">
        <v>13417</v>
      </c>
      <c r="B8975" t="s">
        <v>852</v>
      </c>
      <c r="C8975">
        <v>0</v>
      </c>
      <c r="D8975">
        <v>0</v>
      </c>
    </row>
    <row r="8976" spans="1:4" x14ac:dyDescent="0.25">
      <c r="A8976" t="s">
        <v>13418</v>
      </c>
      <c r="B8976" t="s">
        <v>13419</v>
      </c>
      <c r="C8976">
        <v>2</v>
      </c>
      <c r="D8976">
        <v>0</v>
      </c>
    </row>
    <row r="8977" spans="1:4" x14ac:dyDescent="0.25">
      <c r="A8977" t="s">
        <v>13420</v>
      </c>
      <c r="B8977" t="s">
        <v>13421</v>
      </c>
      <c r="C8977">
        <v>1</v>
      </c>
      <c r="D8977">
        <v>0</v>
      </c>
    </row>
    <row r="8978" spans="1:4" x14ac:dyDescent="0.25">
      <c r="A8978" t="s">
        <v>13422</v>
      </c>
      <c r="B8978" t="s">
        <v>13423</v>
      </c>
      <c r="C8978">
        <v>2</v>
      </c>
      <c r="D8978">
        <v>0</v>
      </c>
    </row>
    <row r="8979" spans="1:4" x14ac:dyDescent="0.25">
      <c r="A8979" t="s">
        <v>13424</v>
      </c>
      <c r="B8979" t="s">
        <v>13425</v>
      </c>
      <c r="C8979">
        <v>1</v>
      </c>
      <c r="D8979">
        <v>0</v>
      </c>
    </row>
    <row r="8980" spans="1:4" x14ac:dyDescent="0.25">
      <c r="A8980" t="s">
        <v>13424</v>
      </c>
      <c r="B8980" t="s">
        <v>13426</v>
      </c>
      <c r="C8980">
        <v>1</v>
      </c>
      <c r="D8980">
        <v>0</v>
      </c>
    </row>
    <row r="8981" spans="1:4" x14ac:dyDescent="0.25">
      <c r="A8981" t="s">
        <v>13424</v>
      </c>
      <c r="B8981" t="s">
        <v>13427</v>
      </c>
      <c r="C8981">
        <v>0</v>
      </c>
      <c r="D8981">
        <v>0</v>
      </c>
    </row>
    <row r="8982" spans="1:4" x14ac:dyDescent="0.25">
      <c r="A8982" t="s">
        <v>13428</v>
      </c>
      <c r="B8982" t="s">
        <v>8967</v>
      </c>
      <c r="C8982">
        <v>1</v>
      </c>
      <c r="D8982">
        <v>0</v>
      </c>
    </row>
    <row r="8983" spans="1:4" x14ac:dyDescent="0.25">
      <c r="A8983" t="s">
        <v>13428</v>
      </c>
      <c r="B8983" t="s">
        <v>13429</v>
      </c>
      <c r="C8983">
        <v>0</v>
      </c>
      <c r="D8983">
        <v>0</v>
      </c>
    </row>
    <row r="8984" spans="1:4" x14ac:dyDescent="0.25">
      <c r="A8984" t="s">
        <v>13430</v>
      </c>
      <c r="B8984" t="s">
        <v>13431</v>
      </c>
      <c r="C8984">
        <v>0</v>
      </c>
      <c r="D8984">
        <v>0</v>
      </c>
    </row>
    <row r="8985" spans="1:4" x14ac:dyDescent="0.25">
      <c r="A8985" t="s">
        <v>13430</v>
      </c>
      <c r="B8985" t="s">
        <v>13432</v>
      </c>
      <c r="C8985">
        <v>0</v>
      </c>
      <c r="D8985">
        <v>0</v>
      </c>
    </row>
    <row r="8986" spans="1:4" x14ac:dyDescent="0.25">
      <c r="A8986" t="s">
        <v>13433</v>
      </c>
      <c r="B8986" t="s">
        <v>13434</v>
      </c>
      <c r="C8986">
        <v>1</v>
      </c>
      <c r="D8986">
        <v>0</v>
      </c>
    </row>
    <row r="8987" spans="1:4" x14ac:dyDescent="0.25">
      <c r="A8987" t="s">
        <v>13433</v>
      </c>
      <c r="B8987" t="s">
        <v>13435</v>
      </c>
      <c r="C8987">
        <v>0</v>
      </c>
      <c r="D8987">
        <v>0</v>
      </c>
    </row>
    <row r="8988" spans="1:4" x14ac:dyDescent="0.25">
      <c r="A8988" t="s">
        <v>13433</v>
      </c>
      <c r="B8988" t="s">
        <v>13436</v>
      </c>
      <c r="C8988">
        <v>2</v>
      </c>
      <c r="D8988">
        <v>0</v>
      </c>
    </row>
    <row r="8989" spans="1:4" x14ac:dyDescent="0.25">
      <c r="A8989" t="s">
        <v>13437</v>
      </c>
      <c r="B8989" t="s">
        <v>13438</v>
      </c>
      <c r="C8989">
        <v>0</v>
      </c>
      <c r="D8989">
        <v>0</v>
      </c>
    </row>
    <row r="8990" spans="1:4" x14ac:dyDescent="0.25">
      <c r="A8990" t="s">
        <v>13437</v>
      </c>
      <c r="B8990" t="s">
        <v>13439</v>
      </c>
      <c r="C8990">
        <v>1</v>
      </c>
      <c r="D8990">
        <v>0</v>
      </c>
    </row>
    <row r="8991" spans="1:4" x14ac:dyDescent="0.25">
      <c r="A8991" t="s">
        <v>13437</v>
      </c>
      <c r="B8991" t="s">
        <v>13440</v>
      </c>
      <c r="C8991">
        <v>0</v>
      </c>
      <c r="D8991">
        <v>0</v>
      </c>
    </row>
    <row r="8992" spans="1:4" x14ac:dyDescent="0.25">
      <c r="A8992" t="s">
        <v>13441</v>
      </c>
      <c r="B8992" t="s">
        <v>13442</v>
      </c>
      <c r="C8992">
        <v>1</v>
      </c>
      <c r="D8992">
        <v>0</v>
      </c>
    </row>
    <row r="8993" spans="1:4" x14ac:dyDescent="0.25">
      <c r="A8993" t="s">
        <v>13443</v>
      </c>
      <c r="B8993" t="s">
        <v>13444</v>
      </c>
      <c r="C8993">
        <v>1</v>
      </c>
      <c r="D8993">
        <v>0</v>
      </c>
    </row>
    <row r="8994" spans="1:4" x14ac:dyDescent="0.25">
      <c r="A8994" t="s">
        <v>13445</v>
      </c>
      <c r="B8994" t="s">
        <v>13446</v>
      </c>
      <c r="C8994">
        <v>0</v>
      </c>
      <c r="D8994">
        <v>0</v>
      </c>
    </row>
    <row r="8995" spans="1:4" x14ac:dyDescent="0.25">
      <c r="A8995" t="s">
        <v>13447</v>
      </c>
      <c r="B8995" t="s">
        <v>13448</v>
      </c>
      <c r="C8995">
        <v>0</v>
      </c>
      <c r="D8995">
        <v>0</v>
      </c>
    </row>
    <row r="8996" spans="1:4" x14ac:dyDescent="0.25">
      <c r="A8996" t="s">
        <v>13449</v>
      </c>
      <c r="B8996" t="s">
        <v>13450</v>
      </c>
      <c r="C8996">
        <v>1</v>
      </c>
      <c r="D8996">
        <v>0</v>
      </c>
    </row>
    <row r="8997" spans="1:4" x14ac:dyDescent="0.25">
      <c r="A8997" t="s">
        <v>13451</v>
      </c>
      <c r="B8997" t="s">
        <v>13452</v>
      </c>
      <c r="C8997">
        <v>1</v>
      </c>
      <c r="D8997">
        <v>0</v>
      </c>
    </row>
    <row r="8998" spans="1:4" x14ac:dyDescent="0.25">
      <c r="A8998" t="s">
        <v>13453</v>
      </c>
      <c r="B8998" t="s">
        <v>13454</v>
      </c>
      <c r="C8998">
        <v>0</v>
      </c>
      <c r="D8998">
        <v>0</v>
      </c>
    </row>
    <row r="8999" spans="1:4" x14ac:dyDescent="0.25">
      <c r="A8999" t="s">
        <v>13455</v>
      </c>
      <c r="B8999" t="s">
        <v>13456</v>
      </c>
      <c r="C8999">
        <v>1</v>
      </c>
      <c r="D8999">
        <v>0</v>
      </c>
    </row>
    <row r="9000" spans="1:4" x14ac:dyDescent="0.25">
      <c r="A9000" t="s">
        <v>13455</v>
      </c>
      <c r="B9000" t="s">
        <v>13457</v>
      </c>
      <c r="C9000">
        <v>0</v>
      </c>
      <c r="D9000">
        <v>0</v>
      </c>
    </row>
    <row r="9001" spans="1:4" x14ac:dyDescent="0.25">
      <c r="A9001" t="s">
        <v>13458</v>
      </c>
      <c r="B9001" t="s">
        <v>13459</v>
      </c>
      <c r="C9001">
        <v>1</v>
      </c>
      <c r="D9001">
        <v>0</v>
      </c>
    </row>
    <row r="9002" spans="1:4" x14ac:dyDescent="0.25">
      <c r="A9002" t="s">
        <v>13460</v>
      </c>
      <c r="B9002" t="s">
        <v>13461</v>
      </c>
      <c r="C9002">
        <v>2</v>
      </c>
      <c r="D9002">
        <v>0</v>
      </c>
    </row>
    <row r="9003" spans="1:4" x14ac:dyDescent="0.25">
      <c r="A9003" t="s">
        <v>13460</v>
      </c>
      <c r="B9003" t="s">
        <v>13462</v>
      </c>
      <c r="C9003">
        <v>1</v>
      </c>
      <c r="D9003">
        <v>0</v>
      </c>
    </row>
    <row r="9004" spans="1:4" x14ac:dyDescent="0.25">
      <c r="A9004" t="s">
        <v>13460</v>
      </c>
      <c r="B9004" t="s">
        <v>13463</v>
      </c>
      <c r="C9004">
        <v>0</v>
      </c>
      <c r="D9004">
        <v>0</v>
      </c>
    </row>
    <row r="9005" spans="1:4" x14ac:dyDescent="0.25">
      <c r="A9005" t="s">
        <v>13464</v>
      </c>
      <c r="B9005" t="s">
        <v>13465</v>
      </c>
      <c r="C9005">
        <v>1</v>
      </c>
      <c r="D9005">
        <v>0</v>
      </c>
    </row>
    <row r="9006" spans="1:4" x14ac:dyDescent="0.25">
      <c r="A9006" t="s">
        <v>13466</v>
      </c>
      <c r="B9006" t="s">
        <v>13467</v>
      </c>
      <c r="C9006">
        <v>0</v>
      </c>
      <c r="D9006">
        <v>0</v>
      </c>
    </row>
    <row r="9007" spans="1:4" x14ac:dyDescent="0.25">
      <c r="A9007" t="s">
        <v>13468</v>
      </c>
      <c r="B9007" t="s">
        <v>13469</v>
      </c>
      <c r="C9007">
        <v>2</v>
      </c>
      <c r="D9007">
        <v>0</v>
      </c>
    </row>
    <row r="9008" spans="1:4" x14ac:dyDescent="0.25">
      <c r="A9008" t="s">
        <v>13470</v>
      </c>
      <c r="B9008" t="s">
        <v>13471</v>
      </c>
      <c r="C9008">
        <v>2</v>
      </c>
      <c r="D9008">
        <v>0</v>
      </c>
    </row>
    <row r="9009" spans="1:4" x14ac:dyDescent="0.25">
      <c r="A9009" t="s">
        <v>13472</v>
      </c>
      <c r="B9009" t="s">
        <v>13473</v>
      </c>
      <c r="C9009">
        <v>1</v>
      </c>
      <c r="D9009">
        <v>0</v>
      </c>
    </row>
    <row r="9010" spans="1:4" x14ac:dyDescent="0.25">
      <c r="A9010" t="s">
        <v>13472</v>
      </c>
      <c r="B9010" t="s">
        <v>13474</v>
      </c>
      <c r="C9010">
        <v>0</v>
      </c>
      <c r="D9010">
        <v>0</v>
      </c>
    </row>
    <row r="9011" spans="1:4" x14ac:dyDescent="0.25">
      <c r="A9011" t="s">
        <v>13475</v>
      </c>
      <c r="B9011" t="s">
        <v>1001</v>
      </c>
      <c r="C9011">
        <v>1</v>
      </c>
      <c r="D9011">
        <v>0</v>
      </c>
    </row>
    <row r="9012" spans="1:4" x14ac:dyDescent="0.25">
      <c r="A9012" t="s">
        <v>13476</v>
      </c>
      <c r="B9012" t="s">
        <v>1912</v>
      </c>
      <c r="C9012">
        <v>0</v>
      </c>
      <c r="D9012">
        <v>0</v>
      </c>
    </row>
    <row r="9013" spans="1:4" x14ac:dyDescent="0.25">
      <c r="A9013" t="s">
        <v>13476</v>
      </c>
      <c r="B9013" t="s">
        <v>13477</v>
      </c>
      <c r="C9013">
        <v>2</v>
      </c>
      <c r="D9013">
        <v>0</v>
      </c>
    </row>
    <row r="9014" spans="1:4" x14ac:dyDescent="0.25">
      <c r="A9014" t="s">
        <v>13476</v>
      </c>
      <c r="B9014" t="s">
        <v>13478</v>
      </c>
      <c r="C9014">
        <v>1</v>
      </c>
      <c r="D9014">
        <v>0</v>
      </c>
    </row>
    <row r="9015" spans="1:4" x14ac:dyDescent="0.25">
      <c r="A9015" t="s">
        <v>13479</v>
      </c>
      <c r="B9015" t="s">
        <v>13480</v>
      </c>
      <c r="C9015">
        <v>2</v>
      </c>
      <c r="D9015">
        <v>0</v>
      </c>
    </row>
    <row r="9016" spans="1:4" x14ac:dyDescent="0.25">
      <c r="A9016" t="s">
        <v>13479</v>
      </c>
      <c r="B9016" t="s">
        <v>13481</v>
      </c>
      <c r="C9016">
        <v>0</v>
      </c>
      <c r="D9016">
        <v>0</v>
      </c>
    </row>
    <row r="9017" spans="1:4" x14ac:dyDescent="0.25">
      <c r="A9017" t="s">
        <v>13482</v>
      </c>
      <c r="B9017" t="s">
        <v>13483</v>
      </c>
      <c r="C9017">
        <v>0</v>
      </c>
      <c r="D9017">
        <v>0</v>
      </c>
    </row>
    <row r="9018" spans="1:4" x14ac:dyDescent="0.25">
      <c r="A9018" t="s">
        <v>13482</v>
      </c>
      <c r="B9018" t="s">
        <v>13484</v>
      </c>
      <c r="C9018">
        <v>2</v>
      </c>
      <c r="D9018">
        <v>0</v>
      </c>
    </row>
    <row r="9019" spans="1:4" x14ac:dyDescent="0.25">
      <c r="A9019" t="s">
        <v>13482</v>
      </c>
      <c r="B9019" t="s">
        <v>13485</v>
      </c>
      <c r="C9019">
        <v>0</v>
      </c>
      <c r="D9019">
        <v>0</v>
      </c>
    </row>
    <row r="9020" spans="1:4" x14ac:dyDescent="0.25">
      <c r="A9020" t="s">
        <v>13486</v>
      </c>
      <c r="B9020" t="s">
        <v>13487</v>
      </c>
      <c r="C9020">
        <v>2</v>
      </c>
      <c r="D9020">
        <v>0</v>
      </c>
    </row>
    <row r="9021" spans="1:4" x14ac:dyDescent="0.25">
      <c r="A9021" t="s">
        <v>13488</v>
      </c>
      <c r="B9021" t="s">
        <v>13489</v>
      </c>
      <c r="C9021">
        <v>0</v>
      </c>
      <c r="D9021">
        <v>0</v>
      </c>
    </row>
    <row r="9022" spans="1:4" x14ac:dyDescent="0.25">
      <c r="A9022" t="s">
        <v>13488</v>
      </c>
      <c r="B9022" t="s">
        <v>13490</v>
      </c>
      <c r="C9022">
        <v>1</v>
      </c>
      <c r="D9022">
        <v>0</v>
      </c>
    </row>
    <row r="9023" spans="1:4" x14ac:dyDescent="0.25">
      <c r="A9023" t="s">
        <v>13488</v>
      </c>
      <c r="B9023" t="s">
        <v>13491</v>
      </c>
      <c r="C9023">
        <v>0</v>
      </c>
      <c r="D9023">
        <v>0</v>
      </c>
    </row>
    <row r="9024" spans="1:4" x14ac:dyDescent="0.25">
      <c r="A9024" t="s">
        <v>13492</v>
      </c>
      <c r="B9024" t="s">
        <v>13493</v>
      </c>
      <c r="C9024">
        <v>1</v>
      </c>
      <c r="D9024">
        <v>0</v>
      </c>
    </row>
    <row r="9025" spans="1:4" x14ac:dyDescent="0.25">
      <c r="A9025" t="s">
        <v>13492</v>
      </c>
      <c r="B9025" t="s">
        <v>13494</v>
      </c>
      <c r="C9025">
        <v>1</v>
      </c>
      <c r="D9025">
        <v>0</v>
      </c>
    </row>
    <row r="9026" spans="1:4" x14ac:dyDescent="0.25">
      <c r="A9026" t="s">
        <v>13492</v>
      </c>
      <c r="B9026" t="s">
        <v>13495</v>
      </c>
      <c r="C9026">
        <v>2</v>
      </c>
      <c r="D9026">
        <v>0</v>
      </c>
    </row>
    <row r="9027" spans="1:4" x14ac:dyDescent="0.25">
      <c r="A9027" t="s">
        <v>13496</v>
      </c>
      <c r="B9027" t="s">
        <v>13497</v>
      </c>
      <c r="C9027">
        <v>1</v>
      </c>
      <c r="D9027">
        <v>0</v>
      </c>
    </row>
    <row r="9028" spans="1:4" x14ac:dyDescent="0.25">
      <c r="A9028" t="s">
        <v>13496</v>
      </c>
      <c r="B9028" t="s">
        <v>13498</v>
      </c>
      <c r="C9028">
        <v>1</v>
      </c>
      <c r="D9028">
        <v>0</v>
      </c>
    </row>
    <row r="9029" spans="1:4" x14ac:dyDescent="0.25">
      <c r="A9029" t="s">
        <v>13496</v>
      </c>
      <c r="B9029" t="s">
        <v>13499</v>
      </c>
      <c r="C9029">
        <v>1</v>
      </c>
      <c r="D9029">
        <v>0</v>
      </c>
    </row>
    <row r="9030" spans="1:4" x14ac:dyDescent="0.25">
      <c r="A9030" t="s">
        <v>13500</v>
      </c>
      <c r="B9030" t="s">
        <v>13501</v>
      </c>
      <c r="C9030">
        <v>1</v>
      </c>
      <c r="D9030">
        <v>0</v>
      </c>
    </row>
    <row r="9031" spans="1:4" x14ac:dyDescent="0.25">
      <c r="A9031" t="s">
        <v>13502</v>
      </c>
      <c r="B9031" t="s">
        <v>13503</v>
      </c>
      <c r="C9031">
        <v>0</v>
      </c>
      <c r="D9031">
        <v>0</v>
      </c>
    </row>
    <row r="9032" spans="1:4" x14ac:dyDescent="0.25">
      <c r="A9032" t="s">
        <v>13502</v>
      </c>
      <c r="B9032" t="s">
        <v>13504</v>
      </c>
      <c r="C9032">
        <v>0</v>
      </c>
      <c r="D9032">
        <v>0</v>
      </c>
    </row>
    <row r="9033" spans="1:4" x14ac:dyDescent="0.25">
      <c r="A9033" t="s">
        <v>13505</v>
      </c>
      <c r="B9033" t="s">
        <v>12335</v>
      </c>
      <c r="C9033">
        <v>0</v>
      </c>
      <c r="D9033">
        <v>0</v>
      </c>
    </row>
    <row r="9034" spans="1:4" x14ac:dyDescent="0.25">
      <c r="A9034" t="s">
        <v>13506</v>
      </c>
      <c r="B9034" t="s">
        <v>13507</v>
      </c>
      <c r="C9034">
        <v>1</v>
      </c>
      <c r="D9034">
        <v>0</v>
      </c>
    </row>
    <row r="9035" spans="1:4" x14ac:dyDescent="0.25">
      <c r="A9035" t="s">
        <v>13508</v>
      </c>
      <c r="B9035" t="s">
        <v>13509</v>
      </c>
      <c r="C9035">
        <v>0</v>
      </c>
      <c r="D9035">
        <v>0</v>
      </c>
    </row>
    <row r="9036" spans="1:4" x14ac:dyDescent="0.25">
      <c r="A9036" t="s">
        <v>13508</v>
      </c>
      <c r="B9036" t="s">
        <v>13510</v>
      </c>
      <c r="C9036">
        <v>2</v>
      </c>
      <c r="D9036">
        <v>0</v>
      </c>
    </row>
    <row r="9037" spans="1:4" x14ac:dyDescent="0.25">
      <c r="A9037" t="s">
        <v>13511</v>
      </c>
      <c r="B9037" t="s">
        <v>13512</v>
      </c>
      <c r="C9037">
        <v>0</v>
      </c>
      <c r="D9037">
        <v>0</v>
      </c>
    </row>
    <row r="9038" spans="1:4" x14ac:dyDescent="0.25">
      <c r="A9038" t="s">
        <v>13513</v>
      </c>
      <c r="B9038" t="s">
        <v>852</v>
      </c>
      <c r="C9038">
        <v>0</v>
      </c>
      <c r="D9038">
        <v>0</v>
      </c>
    </row>
    <row r="9039" spans="1:4" x14ac:dyDescent="0.25">
      <c r="A9039" t="s">
        <v>13514</v>
      </c>
      <c r="B9039" t="s">
        <v>13515</v>
      </c>
      <c r="C9039">
        <v>0</v>
      </c>
      <c r="D9039">
        <v>0</v>
      </c>
    </row>
    <row r="9040" spans="1:4" x14ac:dyDescent="0.25">
      <c r="A9040" t="s">
        <v>13516</v>
      </c>
      <c r="B9040" t="s">
        <v>13517</v>
      </c>
      <c r="C9040">
        <v>0</v>
      </c>
      <c r="D9040">
        <v>0</v>
      </c>
    </row>
    <row r="9041" spans="1:4" x14ac:dyDescent="0.25">
      <c r="A9041" t="s">
        <v>13518</v>
      </c>
      <c r="B9041" t="s">
        <v>13519</v>
      </c>
      <c r="C9041">
        <v>0</v>
      </c>
      <c r="D9041">
        <v>0</v>
      </c>
    </row>
    <row r="9042" spans="1:4" x14ac:dyDescent="0.25">
      <c r="A9042" t="s">
        <v>13518</v>
      </c>
      <c r="B9042" t="s">
        <v>13520</v>
      </c>
      <c r="C9042">
        <v>2</v>
      </c>
      <c r="D9042">
        <v>0</v>
      </c>
    </row>
    <row r="9043" spans="1:4" x14ac:dyDescent="0.25">
      <c r="A9043" t="s">
        <v>13521</v>
      </c>
      <c r="B9043" t="s">
        <v>13522</v>
      </c>
      <c r="C9043">
        <v>1</v>
      </c>
      <c r="D9043">
        <v>0</v>
      </c>
    </row>
    <row r="9044" spans="1:4" x14ac:dyDescent="0.25">
      <c r="A9044" t="s">
        <v>13521</v>
      </c>
      <c r="B9044" t="s">
        <v>13523</v>
      </c>
      <c r="C9044">
        <v>0</v>
      </c>
      <c r="D9044">
        <v>0</v>
      </c>
    </row>
    <row r="9045" spans="1:4" x14ac:dyDescent="0.25">
      <c r="A9045" t="s">
        <v>13524</v>
      </c>
      <c r="B9045" t="s">
        <v>13525</v>
      </c>
      <c r="C9045">
        <v>1</v>
      </c>
      <c r="D9045">
        <v>0</v>
      </c>
    </row>
    <row r="9046" spans="1:4" x14ac:dyDescent="0.25">
      <c r="A9046" t="s">
        <v>13526</v>
      </c>
      <c r="B9046" t="s">
        <v>11867</v>
      </c>
      <c r="C9046">
        <v>0</v>
      </c>
      <c r="D9046">
        <v>0</v>
      </c>
    </row>
    <row r="9047" spans="1:4" x14ac:dyDescent="0.25">
      <c r="A9047" t="s">
        <v>13526</v>
      </c>
      <c r="B9047" t="s">
        <v>13527</v>
      </c>
      <c r="C9047">
        <v>2</v>
      </c>
      <c r="D9047">
        <v>0</v>
      </c>
    </row>
    <row r="9048" spans="1:4" x14ac:dyDescent="0.25">
      <c r="A9048" t="s">
        <v>13526</v>
      </c>
      <c r="B9048" t="s">
        <v>13528</v>
      </c>
      <c r="C9048">
        <v>0</v>
      </c>
      <c r="D9048">
        <v>0</v>
      </c>
    </row>
    <row r="9049" spans="1:4" x14ac:dyDescent="0.25">
      <c r="A9049" t="s">
        <v>13529</v>
      </c>
      <c r="B9049" t="s">
        <v>13530</v>
      </c>
      <c r="C9049">
        <v>1</v>
      </c>
      <c r="D9049">
        <v>0</v>
      </c>
    </row>
    <row r="9050" spans="1:4" x14ac:dyDescent="0.25">
      <c r="A9050" t="s">
        <v>13529</v>
      </c>
      <c r="B9050" t="s">
        <v>13531</v>
      </c>
      <c r="C9050">
        <v>1</v>
      </c>
      <c r="D9050">
        <v>0</v>
      </c>
    </row>
    <row r="9051" spans="1:4" x14ac:dyDescent="0.25">
      <c r="A9051" t="s">
        <v>13532</v>
      </c>
      <c r="B9051" t="s">
        <v>13533</v>
      </c>
      <c r="C9051">
        <v>1</v>
      </c>
      <c r="D9051">
        <v>0</v>
      </c>
    </row>
    <row r="9052" spans="1:4" x14ac:dyDescent="0.25">
      <c r="A9052" t="s">
        <v>13532</v>
      </c>
      <c r="B9052" t="s">
        <v>13534</v>
      </c>
      <c r="C9052">
        <v>1</v>
      </c>
      <c r="D9052">
        <v>0</v>
      </c>
    </row>
    <row r="9053" spans="1:4" x14ac:dyDescent="0.25">
      <c r="A9053" t="s">
        <v>13532</v>
      </c>
      <c r="B9053" t="s">
        <v>13535</v>
      </c>
      <c r="C9053">
        <v>1</v>
      </c>
      <c r="D9053">
        <v>0</v>
      </c>
    </row>
    <row r="9054" spans="1:4" x14ac:dyDescent="0.25">
      <c r="A9054" t="s">
        <v>13536</v>
      </c>
      <c r="B9054" t="s">
        <v>1567</v>
      </c>
      <c r="C9054">
        <v>0</v>
      </c>
      <c r="D9054">
        <v>0</v>
      </c>
    </row>
    <row r="9055" spans="1:4" x14ac:dyDescent="0.25">
      <c r="A9055" t="s">
        <v>13536</v>
      </c>
      <c r="B9055" t="s">
        <v>13537</v>
      </c>
      <c r="C9055">
        <v>2</v>
      </c>
      <c r="D9055">
        <v>0</v>
      </c>
    </row>
    <row r="9056" spans="1:4" x14ac:dyDescent="0.25">
      <c r="A9056" t="s">
        <v>13538</v>
      </c>
      <c r="B9056" t="s">
        <v>13539</v>
      </c>
      <c r="C9056">
        <v>1</v>
      </c>
      <c r="D9056">
        <v>0</v>
      </c>
    </row>
    <row r="9057" spans="1:4" x14ac:dyDescent="0.25">
      <c r="A9057" t="s">
        <v>13538</v>
      </c>
      <c r="B9057" t="s">
        <v>13540</v>
      </c>
      <c r="C9057">
        <v>0</v>
      </c>
      <c r="D9057">
        <v>0</v>
      </c>
    </row>
    <row r="9058" spans="1:4" x14ac:dyDescent="0.25">
      <c r="A9058" t="s">
        <v>13538</v>
      </c>
      <c r="B9058" t="s">
        <v>13541</v>
      </c>
      <c r="C9058">
        <v>0</v>
      </c>
      <c r="D9058">
        <v>0</v>
      </c>
    </row>
    <row r="9059" spans="1:4" x14ac:dyDescent="0.25">
      <c r="A9059" t="s">
        <v>13542</v>
      </c>
      <c r="B9059" t="s">
        <v>13543</v>
      </c>
      <c r="C9059">
        <v>1</v>
      </c>
      <c r="D9059">
        <v>0</v>
      </c>
    </row>
    <row r="9060" spans="1:4" x14ac:dyDescent="0.25">
      <c r="A9060" t="s">
        <v>13544</v>
      </c>
      <c r="B9060" t="s">
        <v>13545</v>
      </c>
      <c r="C9060">
        <v>2</v>
      </c>
      <c r="D9060">
        <v>0</v>
      </c>
    </row>
    <row r="9061" spans="1:4" x14ac:dyDescent="0.25">
      <c r="A9061" t="s">
        <v>13544</v>
      </c>
      <c r="B9061" t="s">
        <v>13546</v>
      </c>
      <c r="C9061">
        <v>0</v>
      </c>
      <c r="D9061">
        <v>0</v>
      </c>
    </row>
    <row r="9062" spans="1:4" x14ac:dyDescent="0.25">
      <c r="A9062" t="s">
        <v>13547</v>
      </c>
      <c r="B9062" t="s">
        <v>13548</v>
      </c>
      <c r="C9062">
        <v>0</v>
      </c>
      <c r="D9062">
        <v>0</v>
      </c>
    </row>
    <row r="9063" spans="1:4" x14ac:dyDescent="0.25">
      <c r="A9063" t="s">
        <v>13547</v>
      </c>
      <c r="B9063" t="s">
        <v>1151</v>
      </c>
      <c r="C9063">
        <v>1</v>
      </c>
      <c r="D9063">
        <v>0</v>
      </c>
    </row>
    <row r="9064" spans="1:4" x14ac:dyDescent="0.25">
      <c r="A9064" t="s">
        <v>13547</v>
      </c>
      <c r="B9064" t="s">
        <v>13549</v>
      </c>
      <c r="C9064">
        <v>2</v>
      </c>
      <c r="D9064">
        <v>0</v>
      </c>
    </row>
    <row r="9065" spans="1:4" x14ac:dyDescent="0.25">
      <c r="A9065" t="s">
        <v>13550</v>
      </c>
      <c r="B9065" t="s">
        <v>13551</v>
      </c>
      <c r="C9065">
        <v>0</v>
      </c>
      <c r="D9065">
        <v>0</v>
      </c>
    </row>
    <row r="9066" spans="1:4" x14ac:dyDescent="0.25">
      <c r="A9066" t="s">
        <v>13550</v>
      </c>
      <c r="B9066" t="s">
        <v>13552</v>
      </c>
      <c r="C9066">
        <v>0</v>
      </c>
      <c r="D9066">
        <v>0</v>
      </c>
    </row>
    <row r="9067" spans="1:4" x14ac:dyDescent="0.25">
      <c r="A9067" t="s">
        <v>13553</v>
      </c>
      <c r="B9067" t="s">
        <v>3831</v>
      </c>
      <c r="C9067">
        <v>0</v>
      </c>
      <c r="D9067">
        <v>0</v>
      </c>
    </row>
    <row r="9068" spans="1:4" x14ac:dyDescent="0.25">
      <c r="A9068" t="s">
        <v>13554</v>
      </c>
      <c r="B9068" t="s">
        <v>13555</v>
      </c>
      <c r="C9068">
        <v>1</v>
      </c>
      <c r="D9068">
        <v>0</v>
      </c>
    </row>
    <row r="9069" spans="1:4" x14ac:dyDescent="0.25">
      <c r="A9069" t="s">
        <v>13556</v>
      </c>
      <c r="B9069" t="s">
        <v>13557</v>
      </c>
      <c r="C9069">
        <v>2</v>
      </c>
      <c r="D9069">
        <v>0</v>
      </c>
    </row>
    <row r="9070" spans="1:4" x14ac:dyDescent="0.25">
      <c r="A9070" t="s">
        <v>13556</v>
      </c>
      <c r="B9070" t="s">
        <v>13558</v>
      </c>
      <c r="C9070">
        <v>1</v>
      </c>
      <c r="D9070">
        <v>0</v>
      </c>
    </row>
    <row r="9071" spans="1:4" x14ac:dyDescent="0.25">
      <c r="A9071" t="s">
        <v>13559</v>
      </c>
      <c r="B9071" t="s">
        <v>13560</v>
      </c>
      <c r="C9071">
        <v>0</v>
      </c>
      <c r="D9071">
        <v>0</v>
      </c>
    </row>
    <row r="9072" spans="1:4" x14ac:dyDescent="0.25">
      <c r="A9072" t="s">
        <v>13561</v>
      </c>
      <c r="B9072" t="s">
        <v>13562</v>
      </c>
      <c r="C9072">
        <v>1</v>
      </c>
      <c r="D9072">
        <v>0</v>
      </c>
    </row>
    <row r="9073" spans="1:4" x14ac:dyDescent="0.25">
      <c r="A9073" t="s">
        <v>13563</v>
      </c>
      <c r="B9073" t="s">
        <v>13564</v>
      </c>
      <c r="C9073">
        <v>0</v>
      </c>
      <c r="D9073">
        <v>0</v>
      </c>
    </row>
    <row r="9074" spans="1:4" x14ac:dyDescent="0.25">
      <c r="A9074" t="s">
        <v>13563</v>
      </c>
      <c r="B9074" t="s">
        <v>13565</v>
      </c>
      <c r="C9074">
        <v>1</v>
      </c>
      <c r="D9074">
        <v>0</v>
      </c>
    </row>
    <row r="9075" spans="1:4" x14ac:dyDescent="0.25">
      <c r="A9075" t="s">
        <v>13563</v>
      </c>
      <c r="B9075" t="s">
        <v>13566</v>
      </c>
      <c r="C9075">
        <v>0</v>
      </c>
      <c r="D9075">
        <v>0</v>
      </c>
    </row>
    <row r="9076" spans="1:4" x14ac:dyDescent="0.25">
      <c r="A9076" t="s">
        <v>13567</v>
      </c>
      <c r="B9076" t="s">
        <v>13568</v>
      </c>
      <c r="C9076">
        <v>0</v>
      </c>
      <c r="D9076">
        <v>0</v>
      </c>
    </row>
    <row r="9077" spans="1:4" x14ac:dyDescent="0.25">
      <c r="A9077" t="s">
        <v>13569</v>
      </c>
      <c r="B9077" t="s">
        <v>13570</v>
      </c>
      <c r="C9077">
        <v>2</v>
      </c>
      <c r="D9077">
        <v>0</v>
      </c>
    </row>
    <row r="9078" spans="1:4" x14ac:dyDescent="0.25">
      <c r="A9078" t="s">
        <v>13569</v>
      </c>
      <c r="B9078" t="s">
        <v>13571</v>
      </c>
      <c r="C9078">
        <v>2</v>
      </c>
      <c r="D9078">
        <v>0</v>
      </c>
    </row>
    <row r="9079" spans="1:4" x14ac:dyDescent="0.25">
      <c r="A9079" t="s">
        <v>13569</v>
      </c>
      <c r="B9079" t="s">
        <v>13572</v>
      </c>
      <c r="C9079">
        <v>2</v>
      </c>
      <c r="D9079">
        <v>0</v>
      </c>
    </row>
    <row r="9080" spans="1:4" x14ac:dyDescent="0.25">
      <c r="A9080" t="s">
        <v>13573</v>
      </c>
      <c r="B9080" t="s">
        <v>13574</v>
      </c>
      <c r="C9080">
        <v>2</v>
      </c>
      <c r="D9080">
        <v>0</v>
      </c>
    </row>
    <row r="9081" spans="1:4" x14ac:dyDescent="0.25">
      <c r="A9081" t="s">
        <v>13573</v>
      </c>
      <c r="B9081" t="s">
        <v>13575</v>
      </c>
      <c r="C9081">
        <v>1</v>
      </c>
      <c r="D9081">
        <v>0</v>
      </c>
    </row>
    <row r="9082" spans="1:4" x14ac:dyDescent="0.25">
      <c r="A9082" t="s">
        <v>13576</v>
      </c>
      <c r="B9082" t="s">
        <v>13577</v>
      </c>
      <c r="C9082">
        <v>0</v>
      </c>
      <c r="D9082">
        <v>0</v>
      </c>
    </row>
    <row r="9083" spans="1:4" x14ac:dyDescent="0.25">
      <c r="A9083" t="s">
        <v>13576</v>
      </c>
      <c r="B9083" t="s">
        <v>13578</v>
      </c>
      <c r="C9083">
        <v>0</v>
      </c>
      <c r="D9083">
        <v>0</v>
      </c>
    </row>
    <row r="9084" spans="1:4" x14ac:dyDescent="0.25">
      <c r="A9084" t="s">
        <v>13579</v>
      </c>
      <c r="B9084" t="s">
        <v>13580</v>
      </c>
      <c r="C9084">
        <v>1</v>
      </c>
      <c r="D9084">
        <v>0</v>
      </c>
    </row>
    <row r="9085" spans="1:4" x14ac:dyDescent="0.25">
      <c r="A9085" t="s">
        <v>13579</v>
      </c>
      <c r="B9085" t="s">
        <v>13581</v>
      </c>
      <c r="C9085">
        <v>2</v>
      </c>
      <c r="D9085">
        <v>0</v>
      </c>
    </row>
    <row r="9086" spans="1:4" x14ac:dyDescent="0.25">
      <c r="A9086" t="s">
        <v>13579</v>
      </c>
      <c r="B9086" t="s">
        <v>13582</v>
      </c>
      <c r="C9086">
        <v>1</v>
      </c>
      <c r="D9086">
        <v>0</v>
      </c>
    </row>
    <row r="9087" spans="1:4" x14ac:dyDescent="0.25">
      <c r="A9087" t="s">
        <v>13583</v>
      </c>
      <c r="B9087" t="s">
        <v>398</v>
      </c>
      <c r="C9087">
        <v>0</v>
      </c>
      <c r="D9087">
        <v>0</v>
      </c>
    </row>
    <row r="9088" spans="1:4" x14ac:dyDescent="0.25">
      <c r="A9088" t="s">
        <v>13584</v>
      </c>
      <c r="B9088" t="s">
        <v>13585</v>
      </c>
      <c r="C9088">
        <v>0</v>
      </c>
      <c r="D9088">
        <v>0</v>
      </c>
    </row>
    <row r="9089" spans="1:4" x14ac:dyDescent="0.25">
      <c r="A9089" t="s">
        <v>13584</v>
      </c>
      <c r="B9089" t="s">
        <v>13586</v>
      </c>
      <c r="C9089">
        <v>1</v>
      </c>
      <c r="D9089">
        <v>0</v>
      </c>
    </row>
    <row r="9090" spans="1:4" x14ac:dyDescent="0.25">
      <c r="A9090" t="s">
        <v>13584</v>
      </c>
      <c r="B9090" t="s">
        <v>13587</v>
      </c>
      <c r="C9090">
        <v>2</v>
      </c>
      <c r="D9090">
        <v>0</v>
      </c>
    </row>
    <row r="9091" spans="1:4" x14ac:dyDescent="0.25">
      <c r="A9091" t="s">
        <v>13588</v>
      </c>
      <c r="B9091" t="s">
        <v>1499</v>
      </c>
      <c r="C9091">
        <v>1</v>
      </c>
      <c r="D9091">
        <v>0</v>
      </c>
    </row>
    <row r="9092" spans="1:4" x14ac:dyDescent="0.25">
      <c r="A9092" t="s">
        <v>13589</v>
      </c>
      <c r="B9092" t="s">
        <v>13590</v>
      </c>
      <c r="C9092">
        <v>1</v>
      </c>
      <c r="D9092">
        <v>0</v>
      </c>
    </row>
    <row r="9093" spans="1:4" x14ac:dyDescent="0.25">
      <c r="A9093" t="s">
        <v>13591</v>
      </c>
      <c r="B9093" t="s">
        <v>13592</v>
      </c>
      <c r="C9093">
        <v>1</v>
      </c>
      <c r="D9093">
        <v>0</v>
      </c>
    </row>
    <row r="9094" spans="1:4" x14ac:dyDescent="0.25">
      <c r="A9094" t="s">
        <v>13593</v>
      </c>
      <c r="B9094" t="s">
        <v>13594</v>
      </c>
      <c r="C9094">
        <v>1</v>
      </c>
      <c r="D9094">
        <v>0</v>
      </c>
    </row>
    <row r="9095" spans="1:4" x14ac:dyDescent="0.25">
      <c r="A9095" t="s">
        <v>13593</v>
      </c>
      <c r="B9095" t="s">
        <v>13595</v>
      </c>
      <c r="C9095">
        <v>1</v>
      </c>
      <c r="D9095">
        <v>0</v>
      </c>
    </row>
    <row r="9096" spans="1:4" x14ac:dyDescent="0.25">
      <c r="A9096" t="s">
        <v>13593</v>
      </c>
      <c r="B9096" t="s">
        <v>13596</v>
      </c>
      <c r="C9096">
        <v>0</v>
      </c>
      <c r="D9096">
        <v>0</v>
      </c>
    </row>
    <row r="9097" spans="1:4" x14ac:dyDescent="0.25">
      <c r="A9097" t="s">
        <v>13597</v>
      </c>
      <c r="B9097" t="s">
        <v>13598</v>
      </c>
      <c r="C9097">
        <v>0</v>
      </c>
      <c r="D9097">
        <v>0</v>
      </c>
    </row>
    <row r="9098" spans="1:4" x14ac:dyDescent="0.25">
      <c r="A9098" t="s">
        <v>13597</v>
      </c>
      <c r="B9098" t="s">
        <v>13599</v>
      </c>
      <c r="C9098">
        <v>0</v>
      </c>
      <c r="D9098">
        <v>0</v>
      </c>
    </row>
    <row r="9099" spans="1:4" x14ac:dyDescent="0.25">
      <c r="A9099" t="s">
        <v>13597</v>
      </c>
      <c r="B9099" t="s">
        <v>13600</v>
      </c>
      <c r="C9099">
        <v>0</v>
      </c>
      <c r="D9099">
        <v>0</v>
      </c>
    </row>
    <row r="9100" spans="1:4" x14ac:dyDescent="0.25">
      <c r="A9100" t="s">
        <v>13601</v>
      </c>
      <c r="B9100" t="s">
        <v>13602</v>
      </c>
      <c r="C9100">
        <v>1</v>
      </c>
      <c r="D9100">
        <v>0</v>
      </c>
    </row>
    <row r="9101" spans="1:4" x14ac:dyDescent="0.25">
      <c r="A9101" t="s">
        <v>13603</v>
      </c>
      <c r="B9101" t="s">
        <v>945</v>
      </c>
      <c r="C9101">
        <v>1</v>
      </c>
      <c r="D9101">
        <v>0</v>
      </c>
    </row>
    <row r="9102" spans="1:4" x14ac:dyDescent="0.25">
      <c r="A9102" t="s">
        <v>13604</v>
      </c>
      <c r="B9102" t="s">
        <v>13605</v>
      </c>
      <c r="C9102">
        <v>1</v>
      </c>
      <c r="D9102">
        <v>0</v>
      </c>
    </row>
    <row r="9103" spans="1:4" x14ac:dyDescent="0.25">
      <c r="A9103" t="s">
        <v>13606</v>
      </c>
      <c r="B9103" t="s">
        <v>13607</v>
      </c>
      <c r="C9103">
        <v>1</v>
      </c>
      <c r="D9103">
        <v>0</v>
      </c>
    </row>
    <row r="9104" spans="1:4" x14ac:dyDescent="0.25">
      <c r="A9104" t="s">
        <v>13606</v>
      </c>
      <c r="B9104" t="s">
        <v>13608</v>
      </c>
      <c r="C9104">
        <v>0</v>
      </c>
      <c r="D9104">
        <v>0</v>
      </c>
    </row>
    <row r="9105" spans="1:4" x14ac:dyDescent="0.25">
      <c r="A9105" t="s">
        <v>13609</v>
      </c>
      <c r="B9105" t="s">
        <v>2953</v>
      </c>
      <c r="C9105">
        <v>0</v>
      </c>
      <c r="D9105">
        <v>0</v>
      </c>
    </row>
    <row r="9106" spans="1:4" x14ac:dyDescent="0.25">
      <c r="A9106" t="s">
        <v>13610</v>
      </c>
      <c r="B9106" t="s">
        <v>13611</v>
      </c>
      <c r="C9106">
        <v>1</v>
      </c>
      <c r="D9106">
        <v>0</v>
      </c>
    </row>
    <row r="9107" spans="1:4" x14ac:dyDescent="0.25">
      <c r="A9107" t="s">
        <v>13612</v>
      </c>
      <c r="B9107" t="s">
        <v>13613</v>
      </c>
      <c r="C9107">
        <v>1</v>
      </c>
      <c r="D9107">
        <v>0</v>
      </c>
    </row>
    <row r="9108" spans="1:4" x14ac:dyDescent="0.25">
      <c r="A9108" t="s">
        <v>13612</v>
      </c>
      <c r="B9108" t="s">
        <v>13614</v>
      </c>
      <c r="C9108">
        <v>0</v>
      </c>
      <c r="D9108">
        <v>0</v>
      </c>
    </row>
    <row r="9109" spans="1:4" x14ac:dyDescent="0.25">
      <c r="A9109" t="s">
        <v>13615</v>
      </c>
      <c r="B9109" t="s">
        <v>13616</v>
      </c>
      <c r="C9109">
        <v>0</v>
      </c>
      <c r="D9109">
        <v>0</v>
      </c>
    </row>
    <row r="9110" spans="1:4" x14ac:dyDescent="0.25">
      <c r="A9110" t="s">
        <v>13615</v>
      </c>
      <c r="B9110" t="s">
        <v>13617</v>
      </c>
      <c r="C9110">
        <v>1</v>
      </c>
      <c r="D9110">
        <v>0</v>
      </c>
    </row>
    <row r="9111" spans="1:4" x14ac:dyDescent="0.25">
      <c r="A9111" t="s">
        <v>13618</v>
      </c>
      <c r="B9111" t="s">
        <v>13619</v>
      </c>
      <c r="C9111">
        <v>2</v>
      </c>
      <c r="D9111">
        <v>0</v>
      </c>
    </row>
    <row r="9112" spans="1:4" x14ac:dyDescent="0.25">
      <c r="A9112" t="s">
        <v>13620</v>
      </c>
      <c r="B9112" t="s">
        <v>13621</v>
      </c>
      <c r="C9112">
        <v>0</v>
      </c>
      <c r="D9112">
        <v>0</v>
      </c>
    </row>
    <row r="9113" spans="1:4" x14ac:dyDescent="0.25">
      <c r="A9113" t="s">
        <v>13620</v>
      </c>
      <c r="B9113" t="s">
        <v>13622</v>
      </c>
      <c r="C9113">
        <v>2</v>
      </c>
      <c r="D9113">
        <v>0</v>
      </c>
    </row>
    <row r="9114" spans="1:4" x14ac:dyDescent="0.25">
      <c r="A9114" t="s">
        <v>13623</v>
      </c>
      <c r="B9114" t="s">
        <v>13624</v>
      </c>
      <c r="C9114">
        <v>1</v>
      </c>
      <c r="D9114">
        <v>0</v>
      </c>
    </row>
    <row r="9115" spans="1:4" x14ac:dyDescent="0.25">
      <c r="A9115" t="s">
        <v>13625</v>
      </c>
      <c r="B9115" t="s">
        <v>13626</v>
      </c>
      <c r="C9115">
        <v>1</v>
      </c>
      <c r="D9115">
        <v>0</v>
      </c>
    </row>
    <row r="9116" spans="1:4" x14ac:dyDescent="0.25">
      <c r="A9116" t="s">
        <v>13627</v>
      </c>
      <c r="B9116" t="s">
        <v>13628</v>
      </c>
      <c r="C9116">
        <v>2</v>
      </c>
      <c r="D9116">
        <v>0</v>
      </c>
    </row>
    <row r="9117" spans="1:4" x14ac:dyDescent="0.25">
      <c r="A9117" t="s">
        <v>13627</v>
      </c>
      <c r="B9117" t="s">
        <v>13629</v>
      </c>
      <c r="C9117">
        <v>1</v>
      </c>
      <c r="D9117">
        <v>0</v>
      </c>
    </row>
    <row r="9118" spans="1:4" x14ac:dyDescent="0.25">
      <c r="A9118" t="s">
        <v>13627</v>
      </c>
      <c r="B9118" t="s">
        <v>13630</v>
      </c>
      <c r="C9118">
        <v>2</v>
      </c>
      <c r="D9118">
        <v>0</v>
      </c>
    </row>
    <row r="9119" spans="1:4" x14ac:dyDescent="0.25">
      <c r="A9119" t="s">
        <v>13631</v>
      </c>
      <c r="B9119" t="s">
        <v>13632</v>
      </c>
      <c r="C9119">
        <v>1</v>
      </c>
      <c r="D9119">
        <v>0</v>
      </c>
    </row>
    <row r="9120" spans="1:4" x14ac:dyDescent="0.25">
      <c r="A9120" t="s">
        <v>13631</v>
      </c>
      <c r="B9120" t="s">
        <v>13633</v>
      </c>
      <c r="C9120">
        <v>1</v>
      </c>
      <c r="D9120">
        <v>0</v>
      </c>
    </row>
    <row r="9121" spans="1:4" x14ac:dyDescent="0.25">
      <c r="A9121" t="s">
        <v>13634</v>
      </c>
      <c r="B9121" t="s">
        <v>13635</v>
      </c>
      <c r="C9121">
        <v>2</v>
      </c>
      <c r="D9121">
        <v>0</v>
      </c>
    </row>
    <row r="9122" spans="1:4" x14ac:dyDescent="0.25">
      <c r="A9122" t="s">
        <v>13634</v>
      </c>
      <c r="B9122" t="s">
        <v>13636</v>
      </c>
      <c r="C9122">
        <v>2</v>
      </c>
      <c r="D9122">
        <v>0</v>
      </c>
    </row>
    <row r="9123" spans="1:4" x14ac:dyDescent="0.25">
      <c r="A9123" t="s">
        <v>13634</v>
      </c>
      <c r="B9123" t="s">
        <v>13637</v>
      </c>
      <c r="C9123">
        <v>1</v>
      </c>
      <c r="D9123">
        <v>0</v>
      </c>
    </row>
    <row r="9124" spans="1:4" x14ac:dyDescent="0.25">
      <c r="A9124" t="s">
        <v>13638</v>
      </c>
      <c r="B9124" t="s">
        <v>13639</v>
      </c>
      <c r="C9124">
        <v>1</v>
      </c>
      <c r="D9124">
        <v>0</v>
      </c>
    </row>
    <row r="9125" spans="1:4" x14ac:dyDescent="0.25">
      <c r="A9125" t="s">
        <v>13638</v>
      </c>
      <c r="B9125" t="s">
        <v>13640</v>
      </c>
      <c r="C9125">
        <v>1</v>
      </c>
      <c r="D9125">
        <v>0</v>
      </c>
    </row>
    <row r="9126" spans="1:4" x14ac:dyDescent="0.25">
      <c r="A9126" t="s">
        <v>13641</v>
      </c>
      <c r="B9126" t="s">
        <v>13642</v>
      </c>
      <c r="C9126">
        <v>1</v>
      </c>
      <c r="D9126">
        <v>0</v>
      </c>
    </row>
    <row r="9127" spans="1:4" x14ac:dyDescent="0.25">
      <c r="A9127" t="s">
        <v>13641</v>
      </c>
      <c r="B9127" t="s">
        <v>13643</v>
      </c>
      <c r="C9127">
        <v>2</v>
      </c>
      <c r="D9127">
        <v>0</v>
      </c>
    </row>
    <row r="9128" spans="1:4" x14ac:dyDescent="0.25">
      <c r="A9128" t="s">
        <v>13644</v>
      </c>
      <c r="B9128" t="s">
        <v>13645</v>
      </c>
      <c r="C9128">
        <v>2</v>
      </c>
      <c r="D9128">
        <v>0</v>
      </c>
    </row>
    <row r="9129" spans="1:4" x14ac:dyDescent="0.25">
      <c r="A9129" t="s">
        <v>13646</v>
      </c>
      <c r="B9129" t="s">
        <v>13647</v>
      </c>
      <c r="C9129">
        <v>2</v>
      </c>
      <c r="D9129">
        <v>0</v>
      </c>
    </row>
    <row r="9130" spans="1:4" x14ac:dyDescent="0.25">
      <c r="A9130" t="s">
        <v>13646</v>
      </c>
      <c r="B9130" t="s">
        <v>13648</v>
      </c>
      <c r="C9130">
        <v>0</v>
      </c>
      <c r="D9130">
        <v>0</v>
      </c>
    </row>
    <row r="9131" spans="1:4" x14ac:dyDescent="0.25">
      <c r="A9131" t="s">
        <v>13649</v>
      </c>
      <c r="B9131" t="s">
        <v>13650</v>
      </c>
      <c r="C9131">
        <v>1</v>
      </c>
      <c r="D9131">
        <v>0</v>
      </c>
    </row>
    <row r="9132" spans="1:4" x14ac:dyDescent="0.25">
      <c r="A9132" t="s">
        <v>13651</v>
      </c>
      <c r="B9132" t="s">
        <v>4862</v>
      </c>
      <c r="C9132">
        <v>1</v>
      </c>
      <c r="D9132">
        <v>0</v>
      </c>
    </row>
    <row r="9133" spans="1:4" x14ac:dyDescent="0.25">
      <c r="A9133" t="s">
        <v>13651</v>
      </c>
      <c r="B9133" t="s">
        <v>13652</v>
      </c>
      <c r="C9133">
        <v>0</v>
      </c>
      <c r="D9133">
        <v>0</v>
      </c>
    </row>
    <row r="9134" spans="1:4" x14ac:dyDescent="0.25">
      <c r="A9134" t="s">
        <v>13653</v>
      </c>
      <c r="B9134" t="s">
        <v>13654</v>
      </c>
      <c r="C9134">
        <v>0</v>
      </c>
      <c r="D9134">
        <v>0</v>
      </c>
    </row>
    <row r="9135" spans="1:4" x14ac:dyDescent="0.25">
      <c r="A9135" t="s">
        <v>13653</v>
      </c>
      <c r="B9135" t="s">
        <v>13655</v>
      </c>
      <c r="C9135">
        <v>1</v>
      </c>
      <c r="D9135">
        <v>0</v>
      </c>
    </row>
    <row r="9136" spans="1:4" x14ac:dyDescent="0.25">
      <c r="A9136" t="s">
        <v>13653</v>
      </c>
      <c r="B9136" t="s">
        <v>13656</v>
      </c>
      <c r="C9136">
        <v>2</v>
      </c>
      <c r="D9136">
        <v>0</v>
      </c>
    </row>
    <row r="9137" spans="1:4" x14ac:dyDescent="0.25">
      <c r="A9137" t="s">
        <v>13657</v>
      </c>
      <c r="B9137" t="s">
        <v>13658</v>
      </c>
      <c r="C9137">
        <v>1</v>
      </c>
      <c r="D9137">
        <v>0</v>
      </c>
    </row>
    <row r="9138" spans="1:4" x14ac:dyDescent="0.25">
      <c r="A9138" t="s">
        <v>13657</v>
      </c>
      <c r="B9138" t="s">
        <v>13659</v>
      </c>
      <c r="C9138">
        <v>1</v>
      </c>
      <c r="D9138">
        <v>0</v>
      </c>
    </row>
    <row r="9139" spans="1:4" x14ac:dyDescent="0.25">
      <c r="A9139" t="s">
        <v>13657</v>
      </c>
      <c r="B9139" t="s">
        <v>13660</v>
      </c>
      <c r="C9139">
        <v>0</v>
      </c>
      <c r="D9139">
        <v>0</v>
      </c>
    </row>
    <row r="9140" spans="1:4" x14ac:dyDescent="0.25">
      <c r="A9140" t="s">
        <v>13661</v>
      </c>
      <c r="B9140" t="s">
        <v>13662</v>
      </c>
      <c r="C9140">
        <v>1</v>
      </c>
      <c r="D9140">
        <v>0</v>
      </c>
    </row>
    <row r="9141" spans="1:4" x14ac:dyDescent="0.25">
      <c r="A9141" t="s">
        <v>13663</v>
      </c>
      <c r="B9141" t="s">
        <v>13664</v>
      </c>
      <c r="C9141">
        <v>1</v>
      </c>
      <c r="D9141">
        <v>0</v>
      </c>
    </row>
    <row r="9142" spans="1:4" x14ac:dyDescent="0.25">
      <c r="A9142" t="s">
        <v>13663</v>
      </c>
      <c r="B9142" t="s">
        <v>13665</v>
      </c>
      <c r="C9142">
        <v>1</v>
      </c>
      <c r="D9142">
        <v>0</v>
      </c>
    </row>
    <row r="9143" spans="1:4" x14ac:dyDescent="0.25">
      <c r="A9143" t="s">
        <v>13663</v>
      </c>
      <c r="B9143" t="s">
        <v>888</v>
      </c>
      <c r="C9143">
        <v>1</v>
      </c>
      <c r="D9143">
        <v>0</v>
      </c>
    </row>
    <row r="9144" spans="1:4" x14ac:dyDescent="0.25">
      <c r="A9144" t="s">
        <v>13666</v>
      </c>
      <c r="B9144" t="s">
        <v>13667</v>
      </c>
      <c r="C9144">
        <v>1</v>
      </c>
      <c r="D9144">
        <v>0</v>
      </c>
    </row>
    <row r="9145" spans="1:4" x14ac:dyDescent="0.25">
      <c r="A9145" t="s">
        <v>13666</v>
      </c>
      <c r="B9145" t="s">
        <v>13668</v>
      </c>
      <c r="C9145">
        <v>1</v>
      </c>
      <c r="D9145">
        <v>0</v>
      </c>
    </row>
    <row r="9146" spans="1:4" x14ac:dyDescent="0.25">
      <c r="A9146" t="s">
        <v>13669</v>
      </c>
      <c r="B9146" t="s">
        <v>923</v>
      </c>
      <c r="C9146">
        <v>0</v>
      </c>
      <c r="D9146">
        <v>0</v>
      </c>
    </row>
    <row r="9147" spans="1:4" x14ac:dyDescent="0.25">
      <c r="A9147" t="s">
        <v>13669</v>
      </c>
      <c r="B9147" t="s">
        <v>13670</v>
      </c>
      <c r="C9147">
        <v>2</v>
      </c>
      <c r="D9147">
        <v>0</v>
      </c>
    </row>
    <row r="9148" spans="1:4" x14ac:dyDescent="0.25">
      <c r="A9148" t="s">
        <v>13671</v>
      </c>
      <c r="B9148" t="s">
        <v>969</v>
      </c>
      <c r="C9148">
        <v>0</v>
      </c>
      <c r="D9148">
        <v>0</v>
      </c>
    </row>
    <row r="9149" spans="1:4" x14ac:dyDescent="0.25">
      <c r="A9149" t="s">
        <v>13671</v>
      </c>
      <c r="B9149" t="s">
        <v>13672</v>
      </c>
      <c r="C9149">
        <v>1</v>
      </c>
      <c r="D9149">
        <v>0</v>
      </c>
    </row>
    <row r="9150" spans="1:4" x14ac:dyDescent="0.25">
      <c r="A9150" t="s">
        <v>13671</v>
      </c>
      <c r="B9150" t="s">
        <v>1001</v>
      </c>
      <c r="C9150">
        <v>1</v>
      </c>
      <c r="D9150">
        <v>0</v>
      </c>
    </row>
    <row r="9151" spans="1:4" x14ac:dyDescent="0.25">
      <c r="A9151" t="s">
        <v>13673</v>
      </c>
      <c r="B9151" t="s">
        <v>13674</v>
      </c>
      <c r="C9151">
        <v>1</v>
      </c>
      <c r="D9151">
        <v>0</v>
      </c>
    </row>
    <row r="9152" spans="1:4" x14ac:dyDescent="0.25">
      <c r="A9152" t="s">
        <v>13675</v>
      </c>
      <c r="B9152" t="s">
        <v>13676</v>
      </c>
      <c r="C9152">
        <v>1</v>
      </c>
      <c r="D9152">
        <v>0</v>
      </c>
    </row>
    <row r="9153" spans="1:4" x14ac:dyDescent="0.25">
      <c r="A9153" t="s">
        <v>13675</v>
      </c>
      <c r="B9153" t="s">
        <v>13677</v>
      </c>
      <c r="C9153">
        <v>1</v>
      </c>
      <c r="D9153">
        <v>0</v>
      </c>
    </row>
    <row r="9154" spans="1:4" x14ac:dyDescent="0.25">
      <c r="A9154" t="s">
        <v>13675</v>
      </c>
      <c r="B9154" t="s">
        <v>13678</v>
      </c>
      <c r="C9154">
        <v>1</v>
      </c>
      <c r="D9154">
        <v>0</v>
      </c>
    </row>
    <row r="9155" spans="1:4" x14ac:dyDescent="0.25">
      <c r="A9155" t="s">
        <v>13679</v>
      </c>
      <c r="B9155" t="s">
        <v>13680</v>
      </c>
      <c r="C9155">
        <v>1</v>
      </c>
      <c r="D9155">
        <v>0</v>
      </c>
    </row>
    <row r="9156" spans="1:4" x14ac:dyDescent="0.25">
      <c r="A9156" t="s">
        <v>13681</v>
      </c>
      <c r="B9156" t="s">
        <v>13682</v>
      </c>
      <c r="C9156">
        <v>0</v>
      </c>
      <c r="D9156">
        <v>0</v>
      </c>
    </row>
    <row r="9157" spans="1:4" x14ac:dyDescent="0.25">
      <c r="A9157" t="s">
        <v>13683</v>
      </c>
      <c r="B9157" t="s">
        <v>969</v>
      </c>
      <c r="C9157">
        <v>0</v>
      </c>
      <c r="D9157">
        <v>0</v>
      </c>
    </row>
    <row r="9158" spans="1:4" x14ac:dyDescent="0.25">
      <c r="A9158" t="s">
        <v>13684</v>
      </c>
      <c r="B9158" t="s">
        <v>13685</v>
      </c>
      <c r="C9158">
        <v>0</v>
      </c>
      <c r="D9158">
        <v>0</v>
      </c>
    </row>
    <row r="9159" spans="1:4" x14ac:dyDescent="0.25">
      <c r="A9159" t="s">
        <v>13686</v>
      </c>
      <c r="B9159" t="s">
        <v>2825</v>
      </c>
      <c r="C9159">
        <v>1</v>
      </c>
      <c r="D9159">
        <v>0</v>
      </c>
    </row>
    <row r="9160" spans="1:4" x14ac:dyDescent="0.25">
      <c r="A9160" t="s">
        <v>13687</v>
      </c>
      <c r="B9160" t="s">
        <v>13688</v>
      </c>
      <c r="C9160">
        <v>2</v>
      </c>
      <c r="D9160">
        <v>0</v>
      </c>
    </row>
    <row r="9161" spans="1:4" x14ac:dyDescent="0.25">
      <c r="A9161" t="s">
        <v>13687</v>
      </c>
      <c r="B9161" t="s">
        <v>13689</v>
      </c>
      <c r="C9161">
        <v>2</v>
      </c>
      <c r="D9161">
        <v>0</v>
      </c>
    </row>
    <row r="9162" spans="1:4" x14ac:dyDescent="0.25">
      <c r="A9162" t="s">
        <v>13687</v>
      </c>
      <c r="B9162" t="s">
        <v>13690</v>
      </c>
      <c r="C9162">
        <v>2</v>
      </c>
      <c r="D9162">
        <v>0</v>
      </c>
    </row>
    <row r="9163" spans="1:4" x14ac:dyDescent="0.25">
      <c r="A9163" t="s">
        <v>13691</v>
      </c>
      <c r="B9163" t="s">
        <v>13692</v>
      </c>
      <c r="C9163">
        <v>1</v>
      </c>
      <c r="D9163">
        <v>0</v>
      </c>
    </row>
    <row r="9164" spans="1:4" x14ac:dyDescent="0.25">
      <c r="A9164" t="s">
        <v>13693</v>
      </c>
      <c r="B9164" t="s">
        <v>13694</v>
      </c>
      <c r="C9164">
        <v>1</v>
      </c>
      <c r="D9164">
        <v>0</v>
      </c>
    </row>
    <row r="9165" spans="1:4" x14ac:dyDescent="0.25">
      <c r="A9165" t="s">
        <v>13693</v>
      </c>
      <c r="B9165" t="s">
        <v>13695</v>
      </c>
      <c r="C9165">
        <v>1</v>
      </c>
      <c r="D9165">
        <v>0</v>
      </c>
    </row>
    <row r="9166" spans="1:4" x14ac:dyDescent="0.25">
      <c r="A9166" t="s">
        <v>13693</v>
      </c>
      <c r="B9166" t="s">
        <v>13696</v>
      </c>
      <c r="C9166">
        <v>1</v>
      </c>
      <c r="D9166">
        <v>0</v>
      </c>
    </row>
    <row r="9167" spans="1:4" x14ac:dyDescent="0.25">
      <c r="A9167" t="s">
        <v>13697</v>
      </c>
      <c r="B9167" t="s">
        <v>13698</v>
      </c>
      <c r="C9167">
        <v>1</v>
      </c>
      <c r="D9167">
        <v>0</v>
      </c>
    </row>
    <row r="9168" spans="1:4" x14ac:dyDescent="0.25">
      <c r="A9168" t="s">
        <v>13697</v>
      </c>
      <c r="B9168" t="s">
        <v>13699</v>
      </c>
      <c r="C9168">
        <v>1</v>
      </c>
      <c r="D9168">
        <v>0</v>
      </c>
    </row>
    <row r="9169" spans="1:4" x14ac:dyDescent="0.25">
      <c r="A9169" t="s">
        <v>13697</v>
      </c>
      <c r="B9169" t="s">
        <v>13700</v>
      </c>
      <c r="C9169">
        <v>0</v>
      </c>
      <c r="D9169">
        <v>0</v>
      </c>
    </row>
    <row r="9170" spans="1:4" x14ac:dyDescent="0.25">
      <c r="A9170" t="s">
        <v>13701</v>
      </c>
      <c r="B9170" t="s">
        <v>398</v>
      </c>
      <c r="C9170">
        <v>0</v>
      </c>
      <c r="D9170">
        <v>0</v>
      </c>
    </row>
    <row r="9171" spans="1:4" x14ac:dyDescent="0.25">
      <c r="A9171" t="s">
        <v>13702</v>
      </c>
      <c r="B9171" t="s">
        <v>13703</v>
      </c>
      <c r="C9171">
        <v>2</v>
      </c>
      <c r="D9171">
        <v>0</v>
      </c>
    </row>
    <row r="9172" spans="1:4" x14ac:dyDescent="0.25">
      <c r="A9172" t="s">
        <v>13704</v>
      </c>
      <c r="B9172" t="s">
        <v>13705</v>
      </c>
      <c r="C9172">
        <v>1</v>
      </c>
      <c r="D9172">
        <v>0</v>
      </c>
    </row>
    <row r="9173" spans="1:4" x14ac:dyDescent="0.25">
      <c r="A9173" t="s">
        <v>13706</v>
      </c>
      <c r="B9173" t="s">
        <v>13707</v>
      </c>
      <c r="C9173">
        <v>1</v>
      </c>
      <c r="D9173">
        <v>0</v>
      </c>
    </row>
    <row r="9174" spans="1:4" x14ac:dyDescent="0.25">
      <c r="A9174" t="s">
        <v>13708</v>
      </c>
      <c r="B9174" t="s">
        <v>969</v>
      </c>
      <c r="C9174">
        <v>0</v>
      </c>
      <c r="D9174">
        <v>0</v>
      </c>
    </row>
    <row r="9175" spans="1:4" x14ac:dyDescent="0.25">
      <c r="A9175" t="s">
        <v>13709</v>
      </c>
      <c r="B9175" t="s">
        <v>13710</v>
      </c>
      <c r="C9175">
        <v>0</v>
      </c>
      <c r="D9175">
        <v>0</v>
      </c>
    </row>
    <row r="9176" spans="1:4" x14ac:dyDescent="0.25">
      <c r="A9176" t="s">
        <v>13709</v>
      </c>
      <c r="B9176" t="s">
        <v>13711</v>
      </c>
      <c r="C9176">
        <v>1</v>
      </c>
      <c r="D9176">
        <v>0</v>
      </c>
    </row>
    <row r="9177" spans="1:4" x14ac:dyDescent="0.25">
      <c r="A9177" t="s">
        <v>13709</v>
      </c>
      <c r="B9177" t="s">
        <v>13712</v>
      </c>
      <c r="C9177">
        <v>1</v>
      </c>
      <c r="D9177">
        <v>0</v>
      </c>
    </row>
    <row r="9178" spans="1:4" x14ac:dyDescent="0.25">
      <c r="A9178" t="s">
        <v>13713</v>
      </c>
      <c r="B9178" t="s">
        <v>13714</v>
      </c>
      <c r="C9178">
        <v>1</v>
      </c>
      <c r="D9178">
        <v>0</v>
      </c>
    </row>
    <row r="9179" spans="1:4" x14ac:dyDescent="0.25">
      <c r="A9179" t="s">
        <v>13713</v>
      </c>
      <c r="B9179" t="s">
        <v>13715</v>
      </c>
      <c r="C9179">
        <v>1</v>
      </c>
      <c r="D9179">
        <v>0</v>
      </c>
    </row>
    <row r="9180" spans="1:4" x14ac:dyDescent="0.25">
      <c r="A9180" t="s">
        <v>13716</v>
      </c>
      <c r="B9180" t="s">
        <v>13717</v>
      </c>
      <c r="C9180">
        <v>1</v>
      </c>
      <c r="D9180">
        <v>0</v>
      </c>
    </row>
    <row r="9181" spans="1:4" x14ac:dyDescent="0.25">
      <c r="A9181" t="s">
        <v>13716</v>
      </c>
      <c r="B9181" t="s">
        <v>13718</v>
      </c>
      <c r="C9181">
        <v>2</v>
      </c>
      <c r="D9181">
        <v>0</v>
      </c>
    </row>
    <row r="9182" spans="1:4" x14ac:dyDescent="0.25">
      <c r="A9182" t="s">
        <v>13719</v>
      </c>
      <c r="B9182" t="s">
        <v>4557</v>
      </c>
      <c r="C9182">
        <v>1</v>
      </c>
      <c r="D9182">
        <v>0</v>
      </c>
    </row>
    <row r="9183" spans="1:4" x14ac:dyDescent="0.25">
      <c r="A9183" t="s">
        <v>13720</v>
      </c>
      <c r="B9183" t="s">
        <v>13721</v>
      </c>
      <c r="C9183">
        <v>1</v>
      </c>
      <c r="D9183">
        <v>0</v>
      </c>
    </row>
    <row r="9184" spans="1:4" x14ac:dyDescent="0.25">
      <c r="A9184" t="s">
        <v>13722</v>
      </c>
      <c r="B9184" t="s">
        <v>1499</v>
      </c>
      <c r="C9184">
        <v>1</v>
      </c>
      <c r="D9184">
        <v>0</v>
      </c>
    </row>
    <row r="9185" spans="1:4" x14ac:dyDescent="0.25">
      <c r="A9185" t="s">
        <v>13723</v>
      </c>
      <c r="B9185" t="s">
        <v>398</v>
      </c>
      <c r="C9185">
        <v>0</v>
      </c>
      <c r="D9185">
        <v>0</v>
      </c>
    </row>
    <row r="9186" spans="1:4" x14ac:dyDescent="0.25">
      <c r="A9186" t="s">
        <v>13724</v>
      </c>
      <c r="B9186" t="s">
        <v>13725</v>
      </c>
      <c r="C9186">
        <v>2</v>
      </c>
      <c r="D9186">
        <v>0</v>
      </c>
    </row>
    <row r="9187" spans="1:4" x14ac:dyDescent="0.25">
      <c r="A9187" t="s">
        <v>13724</v>
      </c>
      <c r="B9187" t="s">
        <v>13726</v>
      </c>
      <c r="C9187">
        <v>2</v>
      </c>
      <c r="D9187">
        <v>0</v>
      </c>
    </row>
    <row r="9188" spans="1:4" x14ac:dyDescent="0.25">
      <c r="A9188" t="s">
        <v>13727</v>
      </c>
      <c r="B9188" t="s">
        <v>13728</v>
      </c>
      <c r="C9188">
        <v>0</v>
      </c>
      <c r="D9188">
        <v>0</v>
      </c>
    </row>
    <row r="9189" spans="1:4" x14ac:dyDescent="0.25">
      <c r="A9189" t="s">
        <v>13727</v>
      </c>
      <c r="B9189" t="s">
        <v>13729</v>
      </c>
      <c r="C9189">
        <v>1</v>
      </c>
      <c r="D9189">
        <v>0</v>
      </c>
    </row>
    <row r="9190" spans="1:4" x14ac:dyDescent="0.25">
      <c r="A9190" t="s">
        <v>13730</v>
      </c>
      <c r="B9190" t="s">
        <v>13731</v>
      </c>
      <c r="C9190">
        <v>0</v>
      </c>
      <c r="D9190">
        <v>0</v>
      </c>
    </row>
    <row r="9191" spans="1:4" x14ac:dyDescent="0.25">
      <c r="A9191" t="s">
        <v>13732</v>
      </c>
      <c r="B9191" t="s">
        <v>13733</v>
      </c>
      <c r="C9191">
        <v>1</v>
      </c>
      <c r="D9191">
        <v>0</v>
      </c>
    </row>
    <row r="9192" spans="1:4" x14ac:dyDescent="0.25">
      <c r="A9192" t="s">
        <v>13732</v>
      </c>
      <c r="B9192" t="s">
        <v>13734</v>
      </c>
      <c r="C9192">
        <v>2</v>
      </c>
      <c r="D9192">
        <v>0</v>
      </c>
    </row>
    <row r="9193" spans="1:4" x14ac:dyDescent="0.25">
      <c r="A9193" t="s">
        <v>13735</v>
      </c>
      <c r="B9193" t="s">
        <v>13736</v>
      </c>
      <c r="C9193">
        <v>1</v>
      </c>
      <c r="D9193">
        <v>0</v>
      </c>
    </row>
    <row r="9194" spans="1:4" x14ac:dyDescent="0.25">
      <c r="A9194" t="s">
        <v>13735</v>
      </c>
      <c r="B9194" t="s">
        <v>11996</v>
      </c>
      <c r="C9194">
        <v>0</v>
      </c>
      <c r="D9194">
        <v>0</v>
      </c>
    </row>
    <row r="9195" spans="1:4" x14ac:dyDescent="0.25">
      <c r="A9195" t="s">
        <v>13737</v>
      </c>
      <c r="B9195" t="s">
        <v>852</v>
      </c>
      <c r="C9195">
        <v>0</v>
      </c>
      <c r="D9195">
        <v>0</v>
      </c>
    </row>
    <row r="9196" spans="1:4" x14ac:dyDescent="0.25">
      <c r="A9196" t="s">
        <v>13738</v>
      </c>
      <c r="B9196" t="s">
        <v>9924</v>
      </c>
      <c r="C9196">
        <v>1</v>
      </c>
      <c r="D9196">
        <v>0</v>
      </c>
    </row>
    <row r="9197" spans="1:4" x14ac:dyDescent="0.25">
      <c r="A9197" t="s">
        <v>13739</v>
      </c>
      <c r="B9197" t="s">
        <v>13740</v>
      </c>
      <c r="C9197">
        <v>1</v>
      </c>
      <c r="D9197">
        <v>0</v>
      </c>
    </row>
    <row r="9198" spans="1:4" x14ac:dyDescent="0.25">
      <c r="A9198" t="s">
        <v>13739</v>
      </c>
      <c r="B9198" t="s">
        <v>13741</v>
      </c>
      <c r="C9198">
        <v>0</v>
      </c>
      <c r="D9198">
        <v>0</v>
      </c>
    </row>
    <row r="9199" spans="1:4" x14ac:dyDescent="0.25">
      <c r="A9199" t="s">
        <v>13739</v>
      </c>
      <c r="B9199" t="s">
        <v>13742</v>
      </c>
      <c r="C9199">
        <v>1</v>
      </c>
      <c r="D9199">
        <v>0</v>
      </c>
    </row>
    <row r="9200" spans="1:4" x14ac:dyDescent="0.25">
      <c r="A9200" t="s">
        <v>13743</v>
      </c>
      <c r="B9200" t="s">
        <v>13744</v>
      </c>
      <c r="C9200">
        <v>0</v>
      </c>
      <c r="D9200">
        <v>0</v>
      </c>
    </row>
    <row r="9201" spans="1:4" x14ac:dyDescent="0.25">
      <c r="A9201" t="s">
        <v>13743</v>
      </c>
      <c r="B9201" t="s">
        <v>13745</v>
      </c>
      <c r="C9201">
        <v>2</v>
      </c>
      <c r="D9201">
        <v>0</v>
      </c>
    </row>
    <row r="9202" spans="1:4" x14ac:dyDescent="0.25">
      <c r="A9202" t="s">
        <v>13746</v>
      </c>
      <c r="B9202" t="s">
        <v>13747</v>
      </c>
      <c r="C9202">
        <v>1</v>
      </c>
      <c r="D9202">
        <v>0</v>
      </c>
    </row>
    <row r="9203" spans="1:4" x14ac:dyDescent="0.25">
      <c r="A9203" t="s">
        <v>13748</v>
      </c>
      <c r="B9203" t="s">
        <v>13749</v>
      </c>
      <c r="C9203">
        <v>0</v>
      </c>
      <c r="D9203">
        <v>0</v>
      </c>
    </row>
    <row r="9204" spans="1:4" x14ac:dyDescent="0.25">
      <c r="A9204" t="s">
        <v>13748</v>
      </c>
      <c r="B9204" t="s">
        <v>13750</v>
      </c>
      <c r="C9204">
        <v>1</v>
      </c>
      <c r="D9204">
        <v>0</v>
      </c>
    </row>
    <row r="9205" spans="1:4" x14ac:dyDescent="0.25">
      <c r="A9205" t="s">
        <v>13748</v>
      </c>
      <c r="B9205" t="s">
        <v>13751</v>
      </c>
      <c r="C9205">
        <v>2</v>
      </c>
      <c r="D9205">
        <v>0</v>
      </c>
    </row>
    <row r="9206" spans="1:4" x14ac:dyDescent="0.25">
      <c r="A9206" t="s">
        <v>13752</v>
      </c>
      <c r="B9206" t="s">
        <v>13753</v>
      </c>
      <c r="C9206">
        <v>1</v>
      </c>
      <c r="D9206">
        <v>0</v>
      </c>
    </row>
    <row r="9207" spans="1:4" x14ac:dyDescent="0.25">
      <c r="A9207" t="s">
        <v>13754</v>
      </c>
      <c r="B9207" t="s">
        <v>13755</v>
      </c>
      <c r="C9207">
        <v>2</v>
      </c>
      <c r="D9207">
        <v>0</v>
      </c>
    </row>
    <row r="9208" spans="1:4" x14ac:dyDescent="0.25">
      <c r="A9208" t="s">
        <v>13756</v>
      </c>
      <c r="B9208" t="s">
        <v>13757</v>
      </c>
      <c r="C9208">
        <v>1</v>
      </c>
      <c r="D9208">
        <v>0</v>
      </c>
    </row>
    <row r="9209" spans="1:4" x14ac:dyDescent="0.25">
      <c r="A9209" t="s">
        <v>13758</v>
      </c>
      <c r="B9209" t="s">
        <v>13759</v>
      </c>
      <c r="C9209">
        <v>2</v>
      </c>
      <c r="D9209">
        <v>0</v>
      </c>
    </row>
    <row r="9210" spans="1:4" x14ac:dyDescent="0.25">
      <c r="A9210" t="s">
        <v>13758</v>
      </c>
      <c r="B9210" t="s">
        <v>13760</v>
      </c>
      <c r="C9210">
        <v>1</v>
      </c>
      <c r="D9210">
        <v>0</v>
      </c>
    </row>
    <row r="9211" spans="1:4" x14ac:dyDescent="0.25">
      <c r="A9211" t="s">
        <v>13761</v>
      </c>
      <c r="B9211" t="s">
        <v>13762</v>
      </c>
      <c r="C9211">
        <v>0</v>
      </c>
      <c r="D9211">
        <v>0</v>
      </c>
    </row>
    <row r="9212" spans="1:4" x14ac:dyDescent="0.25">
      <c r="A9212" t="s">
        <v>13763</v>
      </c>
      <c r="B9212" t="s">
        <v>13764</v>
      </c>
      <c r="C9212">
        <v>1</v>
      </c>
      <c r="D9212">
        <v>0</v>
      </c>
    </row>
    <row r="9213" spans="1:4" x14ac:dyDescent="0.25">
      <c r="A9213" t="s">
        <v>13765</v>
      </c>
      <c r="B9213" t="s">
        <v>398</v>
      </c>
      <c r="C9213">
        <v>0</v>
      </c>
      <c r="D9213">
        <v>0</v>
      </c>
    </row>
    <row r="9214" spans="1:4" x14ac:dyDescent="0.25">
      <c r="A9214" t="s">
        <v>13765</v>
      </c>
      <c r="B9214" t="s">
        <v>13766</v>
      </c>
      <c r="C9214">
        <v>1</v>
      </c>
      <c r="D9214">
        <v>0</v>
      </c>
    </row>
    <row r="9215" spans="1:4" x14ac:dyDescent="0.25">
      <c r="A9215" t="s">
        <v>13767</v>
      </c>
      <c r="B9215" t="s">
        <v>13768</v>
      </c>
      <c r="C9215">
        <v>0</v>
      </c>
      <c r="D9215">
        <v>0</v>
      </c>
    </row>
    <row r="9216" spans="1:4" x14ac:dyDescent="0.25">
      <c r="A9216" t="s">
        <v>13769</v>
      </c>
      <c r="B9216" t="s">
        <v>852</v>
      </c>
      <c r="C9216">
        <v>0</v>
      </c>
      <c r="D9216">
        <v>0</v>
      </c>
    </row>
    <row r="9217" spans="1:4" x14ac:dyDescent="0.25">
      <c r="A9217" t="s">
        <v>13770</v>
      </c>
      <c r="B9217" t="s">
        <v>13771</v>
      </c>
      <c r="C9217">
        <v>1</v>
      </c>
      <c r="D9217">
        <v>0</v>
      </c>
    </row>
    <row r="9218" spans="1:4" x14ac:dyDescent="0.25">
      <c r="A9218" t="s">
        <v>13772</v>
      </c>
      <c r="B9218" t="s">
        <v>13773</v>
      </c>
      <c r="C9218">
        <v>0</v>
      </c>
      <c r="D9218">
        <v>0</v>
      </c>
    </row>
    <row r="9219" spans="1:4" x14ac:dyDescent="0.25">
      <c r="A9219" t="s">
        <v>13772</v>
      </c>
      <c r="B9219" t="s">
        <v>13774</v>
      </c>
      <c r="C9219">
        <v>1</v>
      </c>
      <c r="D9219">
        <v>0</v>
      </c>
    </row>
    <row r="9220" spans="1:4" x14ac:dyDescent="0.25">
      <c r="A9220" t="s">
        <v>13775</v>
      </c>
      <c r="B9220" t="s">
        <v>13776</v>
      </c>
      <c r="C9220">
        <v>1</v>
      </c>
      <c r="D9220">
        <v>0</v>
      </c>
    </row>
    <row r="9221" spans="1:4" x14ac:dyDescent="0.25">
      <c r="A9221" t="s">
        <v>13775</v>
      </c>
      <c r="B9221" t="s">
        <v>13777</v>
      </c>
      <c r="C9221">
        <v>0</v>
      </c>
      <c r="D9221">
        <v>0</v>
      </c>
    </row>
    <row r="9222" spans="1:4" x14ac:dyDescent="0.25">
      <c r="A9222" t="s">
        <v>13778</v>
      </c>
      <c r="B9222" t="s">
        <v>1001</v>
      </c>
      <c r="C9222">
        <v>1</v>
      </c>
      <c r="D9222">
        <v>0</v>
      </c>
    </row>
    <row r="9223" spans="1:4" x14ac:dyDescent="0.25">
      <c r="A9223" t="s">
        <v>13779</v>
      </c>
      <c r="B9223" t="s">
        <v>13780</v>
      </c>
      <c r="C9223">
        <v>2</v>
      </c>
      <c r="D9223">
        <v>0</v>
      </c>
    </row>
    <row r="9224" spans="1:4" x14ac:dyDescent="0.25">
      <c r="A9224" t="s">
        <v>13779</v>
      </c>
      <c r="B9224" t="s">
        <v>13781</v>
      </c>
      <c r="C9224">
        <v>0</v>
      </c>
      <c r="D9224">
        <v>0</v>
      </c>
    </row>
    <row r="9225" spans="1:4" x14ac:dyDescent="0.25">
      <c r="A9225" t="s">
        <v>13779</v>
      </c>
      <c r="B9225" t="s">
        <v>13782</v>
      </c>
      <c r="C9225">
        <v>1</v>
      </c>
      <c r="D9225">
        <v>0</v>
      </c>
    </row>
    <row r="9226" spans="1:4" x14ac:dyDescent="0.25">
      <c r="A9226" t="s">
        <v>13783</v>
      </c>
      <c r="B9226" t="s">
        <v>13784</v>
      </c>
      <c r="C9226">
        <v>2</v>
      </c>
      <c r="D9226">
        <v>0</v>
      </c>
    </row>
    <row r="9227" spans="1:4" x14ac:dyDescent="0.25">
      <c r="A9227" t="s">
        <v>13785</v>
      </c>
      <c r="B9227" t="s">
        <v>13786</v>
      </c>
      <c r="C9227">
        <v>1</v>
      </c>
      <c r="D9227">
        <v>0</v>
      </c>
    </row>
    <row r="9228" spans="1:4" x14ac:dyDescent="0.25">
      <c r="A9228" t="s">
        <v>13787</v>
      </c>
      <c r="B9228" t="s">
        <v>13788</v>
      </c>
      <c r="C9228">
        <v>0</v>
      </c>
      <c r="D9228">
        <v>0</v>
      </c>
    </row>
    <row r="9229" spans="1:4" x14ac:dyDescent="0.25">
      <c r="A9229" t="s">
        <v>13787</v>
      </c>
      <c r="B9229" t="s">
        <v>13789</v>
      </c>
      <c r="C9229">
        <v>2</v>
      </c>
      <c r="D9229">
        <v>0</v>
      </c>
    </row>
    <row r="9230" spans="1:4" x14ac:dyDescent="0.25">
      <c r="A9230" t="s">
        <v>13790</v>
      </c>
      <c r="B9230" t="s">
        <v>13791</v>
      </c>
      <c r="C9230">
        <v>2</v>
      </c>
      <c r="D9230">
        <v>0</v>
      </c>
    </row>
    <row r="9231" spans="1:4" x14ac:dyDescent="0.25">
      <c r="A9231" t="s">
        <v>13792</v>
      </c>
      <c r="B9231" t="s">
        <v>13793</v>
      </c>
      <c r="C9231">
        <v>0</v>
      </c>
      <c r="D9231">
        <v>0</v>
      </c>
    </row>
    <row r="9232" spans="1:4" x14ac:dyDescent="0.25">
      <c r="A9232" t="s">
        <v>13794</v>
      </c>
      <c r="B9232" t="s">
        <v>13795</v>
      </c>
      <c r="C9232">
        <v>2</v>
      </c>
      <c r="D9232">
        <v>0</v>
      </c>
    </row>
    <row r="9233" spans="1:4" x14ac:dyDescent="0.25">
      <c r="A9233" t="s">
        <v>13794</v>
      </c>
      <c r="B9233" t="s">
        <v>13796</v>
      </c>
      <c r="C9233">
        <v>2</v>
      </c>
      <c r="D9233">
        <v>0</v>
      </c>
    </row>
    <row r="9234" spans="1:4" x14ac:dyDescent="0.25">
      <c r="A9234" t="s">
        <v>13794</v>
      </c>
      <c r="B9234" t="s">
        <v>13797</v>
      </c>
      <c r="C9234">
        <v>1</v>
      </c>
      <c r="D9234">
        <v>0</v>
      </c>
    </row>
    <row r="9235" spans="1:4" x14ac:dyDescent="0.25">
      <c r="A9235" t="s">
        <v>13798</v>
      </c>
      <c r="B9235" t="s">
        <v>13799</v>
      </c>
      <c r="C9235">
        <v>0</v>
      </c>
      <c r="D9235">
        <v>0</v>
      </c>
    </row>
    <row r="9236" spans="1:4" x14ac:dyDescent="0.25">
      <c r="A9236" t="s">
        <v>13798</v>
      </c>
      <c r="B9236" t="s">
        <v>13800</v>
      </c>
      <c r="C9236">
        <v>2</v>
      </c>
      <c r="D9236">
        <v>0</v>
      </c>
    </row>
    <row r="9237" spans="1:4" x14ac:dyDescent="0.25">
      <c r="A9237" t="s">
        <v>13801</v>
      </c>
      <c r="B9237" t="s">
        <v>13802</v>
      </c>
      <c r="C9237">
        <v>2</v>
      </c>
      <c r="D9237">
        <v>0</v>
      </c>
    </row>
    <row r="9238" spans="1:4" x14ac:dyDescent="0.25">
      <c r="A9238" t="s">
        <v>13801</v>
      </c>
      <c r="B9238" t="s">
        <v>13803</v>
      </c>
      <c r="C9238">
        <v>1</v>
      </c>
      <c r="D9238">
        <v>0</v>
      </c>
    </row>
    <row r="9239" spans="1:4" x14ac:dyDescent="0.25">
      <c r="A9239" t="s">
        <v>13804</v>
      </c>
      <c r="B9239" t="s">
        <v>13805</v>
      </c>
      <c r="C9239">
        <v>1</v>
      </c>
      <c r="D9239">
        <v>0</v>
      </c>
    </row>
    <row r="9240" spans="1:4" x14ac:dyDescent="0.25">
      <c r="A9240" t="s">
        <v>13806</v>
      </c>
      <c r="B9240" t="s">
        <v>843</v>
      </c>
      <c r="C9240">
        <v>1</v>
      </c>
      <c r="D9240">
        <v>0</v>
      </c>
    </row>
    <row r="9241" spans="1:4" x14ac:dyDescent="0.25">
      <c r="A9241" t="s">
        <v>13807</v>
      </c>
      <c r="B9241" t="s">
        <v>13808</v>
      </c>
      <c r="C9241">
        <v>0</v>
      </c>
      <c r="D9241">
        <v>0</v>
      </c>
    </row>
    <row r="9242" spans="1:4" x14ac:dyDescent="0.25">
      <c r="A9242" t="s">
        <v>13809</v>
      </c>
      <c r="B9242" t="s">
        <v>13810</v>
      </c>
      <c r="C9242">
        <v>1</v>
      </c>
      <c r="D9242">
        <v>0</v>
      </c>
    </row>
    <row r="9243" spans="1:4" x14ac:dyDescent="0.25">
      <c r="A9243" t="s">
        <v>13811</v>
      </c>
      <c r="B9243" t="s">
        <v>13812</v>
      </c>
      <c r="C9243">
        <v>2</v>
      </c>
      <c r="D9243">
        <v>0</v>
      </c>
    </row>
    <row r="9244" spans="1:4" x14ac:dyDescent="0.25">
      <c r="A9244" t="s">
        <v>13813</v>
      </c>
      <c r="B9244" t="s">
        <v>13814</v>
      </c>
      <c r="C9244">
        <v>2</v>
      </c>
      <c r="D9244">
        <v>0</v>
      </c>
    </row>
    <row r="9245" spans="1:4" x14ac:dyDescent="0.25">
      <c r="A9245" t="s">
        <v>13815</v>
      </c>
      <c r="B9245" t="s">
        <v>13816</v>
      </c>
      <c r="C9245">
        <v>2</v>
      </c>
      <c r="D9245">
        <v>0</v>
      </c>
    </row>
    <row r="9246" spans="1:4" x14ac:dyDescent="0.25">
      <c r="A9246" t="s">
        <v>13815</v>
      </c>
      <c r="B9246" t="s">
        <v>11070</v>
      </c>
      <c r="C9246">
        <v>1</v>
      </c>
      <c r="D9246">
        <v>0</v>
      </c>
    </row>
    <row r="9247" spans="1:4" x14ac:dyDescent="0.25">
      <c r="A9247" t="s">
        <v>13817</v>
      </c>
      <c r="B9247" t="s">
        <v>13818</v>
      </c>
      <c r="C9247">
        <v>1</v>
      </c>
      <c r="D9247">
        <v>0</v>
      </c>
    </row>
    <row r="9248" spans="1:4" x14ac:dyDescent="0.25">
      <c r="A9248" t="s">
        <v>13817</v>
      </c>
      <c r="B9248" t="s">
        <v>13819</v>
      </c>
      <c r="C9248">
        <v>0</v>
      </c>
      <c r="D9248">
        <v>0</v>
      </c>
    </row>
    <row r="9249" spans="1:4" x14ac:dyDescent="0.25">
      <c r="A9249" t="s">
        <v>13820</v>
      </c>
      <c r="B9249" t="s">
        <v>1001</v>
      </c>
      <c r="C9249">
        <v>1</v>
      </c>
      <c r="D9249">
        <v>0</v>
      </c>
    </row>
    <row r="9250" spans="1:4" x14ac:dyDescent="0.25">
      <c r="A9250" t="s">
        <v>13821</v>
      </c>
      <c r="B9250" t="s">
        <v>1938</v>
      </c>
      <c r="C9250">
        <v>0</v>
      </c>
      <c r="D9250">
        <v>0</v>
      </c>
    </row>
    <row r="9251" spans="1:4" x14ac:dyDescent="0.25">
      <c r="A9251" t="s">
        <v>13822</v>
      </c>
      <c r="B9251" t="s">
        <v>10719</v>
      </c>
      <c r="C9251">
        <v>1</v>
      </c>
      <c r="D9251">
        <v>0</v>
      </c>
    </row>
    <row r="9252" spans="1:4" x14ac:dyDescent="0.25">
      <c r="A9252" t="s">
        <v>13823</v>
      </c>
      <c r="B9252" t="s">
        <v>13824</v>
      </c>
      <c r="C9252">
        <v>1</v>
      </c>
      <c r="D9252">
        <v>0</v>
      </c>
    </row>
    <row r="9253" spans="1:4" x14ac:dyDescent="0.25">
      <c r="A9253" t="s">
        <v>13825</v>
      </c>
      <c r="B9253" t="s">
        <v>13826</v>
      </c>
      <c r="C9253">
        <v>1</v>
      </c>
      <c r="D9253">
        <v>0</v>
      </c>
    </row>
    <row r="9254" spans="1:4" x14ac:dyDescent="0.25">
      <c r="A9254" t="s">
        <v>13827</v>
      </c>
      <c r="B9254" t="s">
        <v>13828</v>
      </c>
      <c r="C9254">
        <v>1</v>
      </c>
      <c r="D9254">
        <v>0</v>
      </c>
    </row>
    <row r="9255" spans="1:4" x14ac:dyDescent="0.25">
      <c r="A9255" t="s">
        <v>13829</v>
      </c>
      <c r="B9255" t="s">
        <v>1526</v>
      </c>
      <c r="C9255">
        <v>1</v>
      </c>
      <c r="D9255">
        <v>0</v>
      </c>
    </row>
    <row r="9256" spans="1:4" x14ac:dyDescent="0.25">
      <c r="A9256" t="s">
        <v>13830</v>
      </c>
      <c r="B9256" t="s">
        <v>13831</v>
      </c>
      <c r="C9256">
        <v>1</v>
      </c>
      <c r="D9256">
        <v>0</v>
      </c>
    </row>
    <row r="9257" spans="1:4" x14ac:dyDescent="0.25">
      <c r="A9257" t="s">
        <v>13832</v>
      </c>
      <c r="B9257" t="s">
        <v>1001</v>
      </c>
      <c r="C9257">
        <v>1</v>
      </c>
      <c r="D9257">
        <v>0</v>
      </c>
    </row>
    <row r="9258" spans="1:4" x14ac:dyDescent="0.25">
      <c r="A9258" t="s">
        <v>13833</v>
      </c>
      <c r="B9258" t="s">
        <v>13834</v>
      </c>
      <c r="C9258">
        <v>2</v>
      </c>
      <c r="D9258">
        <v>0</v>
      </c>
    </row>
    <row r="9259" spans="1:4" x14ac:dyDescent="0.25">
      <c r="A9259" t="s">
        <v>13835</v>
      </c>
      <c r="B9259" t="s">
        <v>13836</v>
      </c>
      <c r="C9259">
        <v>1</v>
      </c>
      <c r="D9259">
        <v>0</v>
      </c>
    </row>
    <row r="9260" spans="1:4" x14ac:dyDescent="0.25">
      <c r="A9260" t="s">
        <v>13837</v>
      </c>
      <c r="B9260" t="s">
        <v>13838</v>
      </c>
      <c r="C9260">
        <v>0</v>
      </c>
      <c r="D9260">
        <v>0</v>
      </c>
    </row>
    <row r="9261" spans="1:4" x14ac:dyDescent="0.25">
      <c r="A9261" t="s">
        <v>13837</v>
      </c>
      <c r="B9261" t="s">
        <v>13839</v>
      </c>
      <c r="C9261">
        <v>0</v>
      </c>
      <c r="D9261">
        <v>0</v>
      </c>
    </row>
    <row r="9262" spans="1:4" x14ac:dyDescent="0.25">
      <c r="A9262" t="s">
        <v>13840</v>
      </c>
      <c r="B9262" t="s">
        <v>13841</v>
      </c>
      <c r="C9262">
        <v>0</v>
      </c>
      <c r="D9262">
        <v>0</v>
      </c>
    </row>
    <row r="9263" spans="1:4" x14ac:dyDescent="0.25">
      <c r="A9263" t="s">
        <v>13840</v>
      </c>
      <c r="B9263" t="s">
        <v>13842</v>
      </c>
      <c r="C9263">
        <v>0</v>
      </c>
      <c r="D9263">
        <v>0</v>
      </c>
    </row>
    <row r="9264" spans="1:4" x14ac:dyDescent="0.25">
      <c r="A9264" t="s">
        <v>13843</v>
      </c>
      <c r="B9264" t="s">
        <v>13844</v>
      </c>
      <c r="C9264">
        <v>1</v>
      </c>
      <c r="D9264">
        <v>0</v>
      </c>
    </row>
    <row r="9265" spans="1:4" x14ac:dyDescent="0.25">
      <c r="A9265" t="s">
        <v>13845</v>
      </c>
      <c r="B9265" t="s">
        <v>13846</v>
      </c>
      <c r="C9265">
        <v>1</v>
      </c>
      <c r="D9265">
        <v>0</v>
      </c>
    </row>
    <row r="9266" spans="1:4" x14ac:dyDescent="0.25">
      <c r="A9266" t="s">
        <v>13847</v>
      </c>
      <c r="B9266" t="s">
        <v>13848</v>
      </c>
      <c r="C9266">
        <v>0</v>
      </c>
      <c r="D9266">
        <v>0</v>
      </c>
    </row>
    <row r="9267" spans="1:4" x14ac:dyDescent="0.25">
      <c r="A9267" t="s">
        <v>13849</v>
      </c>
      <c r="B9267" t="s">
        <v>13850</v>
      </c>
      <c r="C9267">
        <v>2</v>
      </c>
      <c r="D9267">
        <v>0</v>
      </c>
    </row>
    <row r="9268" spans="1:4" x14ac:dyDescent="0.25">
      <c r="A9268" t="s">
        <v>13849</v>
      </c>
      <c r="B9268" t="s">
        <v>2708</v>
      </c>
      <c r="C9268">
        <v>0</v>
      </c>
      <c r="D9268">
        <v>0</v>
      </c>
    </row>
    <row r="9269" spans="1:4" x14ac:dyDescent="0.25">
      <c r="A9269" t="s">
        <v>13851</v>
      </c>
      <c r="B9269" t="s">
        <v>816</v>
      </c>
      <c r="C9269">
        <v>1</v>
      </c>
      <c r="D9269">
        <v>0</v>
      </c>
    </row>
    <row r="9270" spans="1:4" x14ac:dyDescent="0.25">
      <c r="A9270" t="s">
        <v>13852</v>
      </c>
      <c r="B9270" t="s">
        <v>13853</v>
      </c>
      <c r="C9270">
        <v>1</v>
      </c>
      <c r="D9270">
        <v>0</v>
      </c>
    </row>
    <row r="9271" spans="1:4" x14ac:dyDescent="0.25">
      <c r="A9271" t="s">
        <v>13852</v>
      </c>
      <c r="B9271" t="s">
        <v>13854</v>
      </c>
      <c r="C9271">
        <v>1</v>
      </c>
      <c r="D9271">
        <v>0</v>
      </c>
    </row>
    <row r="9272" spans="1:4" x14ac:dyDescent="0.25">
      <c r="A9272" t="s">
        <v>13855</v>
      </c>
      <c r="B9272" t="s">
        <v>13856</v>
      </c>
      <c r="C9272">
        <v>1</v>
      </c>
      <c r="D9272">
        <v>0</v>
      </c>
    </row>
    <row r="9273" spans="1:4" x14ac:dyDescent="0.25">
      <c r="A9273" t="s">
        <v>13857</v>
      </c>
      <c r="B9273" t="s">
        <v>13858</v>
      </c>
      <c r="C9273">
        <v>1</v>
      </c>
      <c r="D9273">
        <v>0</v>
      </c>
    </row>
    <row r="9274" spans="1:4" x14ac:dyDescent="0.25">
      <c r="A9274" t="s">
        <v>13859</v>
      </c>
      <c r="B9274" t="s">
        <v>2061</v>
      </c>
      <c r="C9274">
        <v>0</v>
      </c>
      <c r="D9274">
        <v>0</v>
      </c>
    </row>
    <row r="9275" spans="1:4" x14ac:dyDescent="0.25">
      <c r="A9275" t="s">
        <v>13860</v>
      </c>
      <c r="B9275" t="s">
        <v>13861</v>
      </c>
      <c r="C9275">
        <v>0</v>
      </c>
      <c r="D9275">
        <v>0</v>
      </c>
    </row>
    <row r="9276" spans="1:4" x14ac:dyDescent="0.25">
      <c r="A9276" t="s">
        <v>13862</v>
      </c>
      <c r="B9276" t="s">
        <v>13863</v>
      </c>
      <c r="C9276">
        <v>1</v>
      </c>
      <c r="D9276">
        <v>0</v>
      </c>
    </row>
    <row r="9277" spans="1:4" x14ac:dyDescent="0.25">
      <c r="A9277" t="s">
        <v>13864</v>
      </c>
      <c r="B9277" t="s">
        <v>13865</v>
      </c>
      <c r="C9277">
        <v>2</v>
      </c>
      <c r="D9277">
        <v>0</v>
      </c>
    </row>
    <row r="9278" spans="1:4" x14ac:dyDescent="0.25">
      <c r="A9278" t="s">
        <v>13864</v>
      </c>
      <c r="B9278" t="s">
        <v>13866</v>
      </c>
      <c r="C9278">
        <v>0</v>
      </c>
      <c r="D9278">
        <v>0</v>
      </c>
    </row>
    <row r="9279" spans="1:4" x14ac:dyDescent="0.25">
      <c r="A9279" t="s">
        <v>13867</v>
      </c>
      <c r="B9279" t="s">
        <v>13868</v>
      </c>
      <c r="C9279">
        <v>0</v>
      </c>
      <c r="D9279">
        <v>0</v>
      </c>
    </row>
    <row r="9280" spans="1:4" x14ac:dyDescent="0.25">
      <c r="A9280" t="s">
        <v>13869</v>
      </c>
      <c r="B9280" t="s">
        <v>1294</v>
      </c>
      <c r="C9280">
        <v>1</v>
      </c>
      <c r="D9280">
        <v>0</v>
      </c>
    </row>
    <row r="9281" spans="1:4" x14ac:dyDescent="0.25">
      <c r="A9281" t="s">
        <v>13870</v>
      </c>
      <c r="B9281" t="s">
        <v>5697</v>
      </c>
      <c r="C9281">
        <v>1</v>
      </c>
      <c r="D9281">
        <v>0</v>
      </c>
    </row>
    <row r="9282" spans="1:4" x14ac:dyDescent="0.25">
      <c r="A9282" t="s">
        <v>13870</v>
      </c>
      <c r="B9282" t="s">
        <v>13871</v>
      </c>
      <c r="C9282">
        <v>0</v>
      </c>
      <c r="D9282">
        <v>0</v>
      </c>
    </row>
    <row r="9283" spans="1:4" x14ac:dyDescent="0.25">
      <c r="A9283" t="s">
        <v>13872</v>
      </c>
      <c r="B9283" t="s">
        <v>13873</v>
      </c>
      <c r="C9283">
        <v>1</v>
      </c>
      <c r="D9283">
        <v>0</v>
      </c>
    </row>
    <row r="9284" spans="1:4" x14ac:dyDescent="0.25">
      <c r="A9284" t="s">
        <v>13872</v>
      </c>
      <c r="B9284" t="s">
        <v>13874</v>
      </c>
      <c r="C9284">
        <v>0</v>
      </c>
      <c r="D9284">
        <v>0</v>
      </c>
    </row>
    <row r="9285" spans="1:4" x14ac:dyDescent="0.25">
      <c r="A9285" t="s">
        <v>13875</v>
      </c>
      <c r="B9285" t="s">
        <v>13876</v>
      </c>
      <c r="C9285">
        <v>2</v>
      </c>
      <c r="D9285">
        <v>0</v>
      </c>
    </row>
    <row r="9286" spans="1:4" x14ac:dyDescent="0.25">
      <c r="A9286" t="s">
        <v>13877</v>
      </c>
      <c r="B9286" t="s">
        <v>13878</v>
      </c>
      <c r="C9286">
        <v>1</v>
      </c>
      <c r="D9286">
        <v>0</v>
      </c>
    </row>
    <row r="9287" spans="1:4" x14ac:dyDescent="0.25">
      <c r="A9287" t="s">
        <v>13877</v>
      </c>
      <c r="B9287" t="s">
        <v>13879</v>
      </c>
      <c r="C9287">
        <v>1</v>
      </c>
      <c r="D9287">
        <v>0</v>
      </c>
    </row>
    <row r="9288" spans="1:4" x14ac:dyDescent="0.25">
      <c r="A9288" t="s">
        <v>13880</v>
      </c>
      <c r="B9288" t="s">
        <v>13881</v>
      </c>
      <c r="C9288">
        <v>1</v>
      </c>
      <c r="D9288">
        <v>0</v>
      </c>
    </row>
    <row r="9289" spans="1:4" x14ac:dyDescent="0.25">
      <c r="A9289" t="s">
        <v>13880</v>
      </c>
      <c r="B9289" t="s">
        <v>13882</v>
      </c>
      <c r="C9289">
        <v>1</v>
      </c>
      <c r="D9289">
        <v>0</v>
      </c>
    </row>
    <row r="9290" spans="1:4" x14ac:dyDescent="0.25">
      <c r="A9290" t="s">
        <v>13883</v>
      </c>
      <c r="B9290" t="s">
        <v>13884</v>
      </c>
      <c r="C9290">
        <v>1</v>
      </c>
      <c r="D9290">
        <v>0</v>
      </c>
    </row>
    <row r="9291" spans="1:4" x14ac:dyDescent="0.25">
      <c r="A9291" t="s">
        <v>13883</v>
      </c>
      <c r="B9291" t="s">
        <v>13885</v>
      </c>
      <c r="C9291">
        <v>1</v>
      </c>
      <c r="D9291">
        <v>0</v>
      </c>
    </row>
    <row r="9292" spans="1:4" x14ac:dyDescent="0.25">
      <c r="A9292" t="s">
        <v>13886</v>
      </c>
      <c r="B9292" t="s">
        <v>13887</v>
      </c>
      <c r="C9292">
        <v>2</v>
      </c>
      <c r="D9292">
        <v>0</v>
      </c>
    </row>
    <row r="9293" spans="1:4" x14ac:dyDescent="0.25">
      <c r="A9293" t="s">
        <v>13886</v>
      </c>
      <c r="B9293" t="s">
        <v>13888</v>
      </c>
      <c r="C9293">
        <v>1</v>
      </c>
      <c r="D9293">
        <v>0</v>
      </c>
    </row>
    <row r="9294" spans="1:4" x14ac:dyDescent="0.25">
      <c r="A9294" t="s">
        <v>13889</v>
      </c>
      <c r="B9294" t="s">
        <v>13890</v>
      </c>
      <c r="C9294">
        <v>2</v>
      </c>
      <c r="D9294">
        <v>0</v>
      </c>
    </row>
    <row r="9295" spans="1:4" x14ac:dyDescent="0.25">
      <c r="A9295" t="s">
        <v>13889</v>
      </c>
      <c r="B9295" t="s">
        <v>13891</v>
      </c>
      <c r="C9295">
        <v>2</v>
      </c>
      <c r="D9295">
        <v>0</v>
      </c>
    </row>
    <row r="9296" spans="1:4" x14ac:dyDescent="0.25">
      <c r="A9296" t="s">
        <v>13892</v>
      </c>
      <c r="B9296" t="s">
        <v>13893</v>
      </c>
      <c r="C9296">
        <v>0</v>
      </c>
      <c r="D9296">
        <v>0</v>
      </c>
    </row>
    <row r="9297" spans="1:4" x14ac:dyDescent="0.25">
      <c r="A9297" t="s">
        <v>13894</v>
      </c>
      <c r="B9297" t="s">
        <v>13895</v>
      </c>
      <c r="C9297">
        <v>0</v>
      </c>
      <c r="D9297">
        <v>0</v>
      </c>
    </row>
    <row r="9298" spans="1:4" x14ac:dyDescent="0.25">
      <c r="A9298" t="s">
        <v>13896</v>
      </c>
      <c r="B9298" t="s">
        <v>13897</v>
      </c>
      <c r="C9298">
        <v>0</v>
      </c>
      <c r="D9298">
        <v>0</v>
      </c>
    </row>
    <row r="9299" spans="1:4" x14ac:dyDescent="0.25">
      <c r="A9299" t="s">
        <v>13898</v>
      </c>
      <c r="B9299" t="s">
        <v>13899</v>
      </c>
      <c r="C9299">
        <v>1</v>
      </c>
      <c r="D9299">
        <v>0</v>
      </c>
    </row>
    <row r="9300" spans="1:4" x14ac:dyDescent="0.25">
      <c r="A9300" t="s">
        <v>13900</v>
      </c>
      <c r="B9300" t="s">
        <v>13901</v>
      </c>
      <c r="C9300">
        <v>0</v>
      </c>
      <c r="D9300">
        <v>0</v>
      </c>
    </row>
    <row r="9301" spans="1:4" x14ac:dyDescent="0.25">
      <c r="A9301" t="s">
        <v>13902</v>
      </c>
      <c r="B9301" t="s">
        <v>13903</v>
      </c>
      <c r="C9301">
        <v>0</v>
      </c>
      <c r="D9301">
        <v>0</v>
      </c>
    </row>
    <row r="9302" spans="1:4" x14ac:dyDescent="0.25">
      <c r="A9302" t="s">
        <v>13904</v>
      </c>
      <c r="B9302" t="s">
        <v>13905</v>
      </c>
      <c r="C9302">
        <v>1</v>
      </c>
      <c r="D9302">
        <v>0</v>
      </c>
    </row>
    <row r="9303" spans="1:4" x14ac:dyDescent="0.25">
      <c r="A9303" t="s">
        <v>13904</v>
      </c>
      <c r="B9303" t="s">
        <v>951</v>
      </c>
      <c r="C9303">
        <v>1</v>
      </c>
      <c r="D9303">
        <v>0</v>
      </c>
    </row>
    <row r="9304" spans="1:4" x14ac:dyDescent="0.25">
      <c r="A9304" t="s">
        <v>13906</v>
      </c>
      <c r="B9304" t="s">
        <v>13907</v>
      </c>
      <c r="C9304">
        <v>0</v>
      </c>
      <c r="D9304">
        <v>0</v>
      </c>
    </row>
    <row r="9305" spans="1:4" x14ac:dyDescent="0.25">
      <c r="A9305" t="s">
        <v>13908</v>
      </c>
      <c r="B9305" t="s">
        <v>13909</v>
      </c>
      <c r="C9305">
        <v>1</v>
      </c>
      <c r="D9305">
        <v>0</v>
      </c>
    </row>
    <row r="9306" spans="1:4" x14ac:dyDescent="0.25">
      <c r="A9306" t="s">
        <v>13910</v>
      </c>
      <c r="B9306" t="s">
        <v>4179</v>
      </c>
      <c r="C9306">
        <v>1</v>
      </c>
      <c r="D9306">
        <v>0</v>
      </c>
    </row>
    <row r="9307" spans="1:4" x14ac:dyDescent="0.25">
      <c r="A9307" t="s">
        <v>13911</v>
      </c>
      <c r="B9307" t="s">
        <v>13912</v>
      </c>
      <c r="C9307">
        <v>0</v>
      </c>
      <c r="D9307">
        <v>0</v>
      </c>
    </row>
    <row r="9308" spans="1:4" x14ac:dyDescent="0.25">
      <c r="A9308" t="s">
        <v>13911</v>
      </c>
      <c r="B9308" t="s">
        <v>13913</v>
      </c>
      <c r="C9308">
        <v>2</v>
      </c>
      <c r="D9308">
        <v>0</v>
      </c>
    </row>
    <row r="9309" spans="1:4" x14ac:dyDescent="0.25">
      <c r="A9309" t="s">
        <v>13911</v>
      </c>
      <c r="B9309" t="s">
        <v>13914</v>
      </c>
      <c r="C9309">
        <v>0</v>
      </c>
      <c r="D9309">
        <v>0</v>
      </c>
    </row>
    <row r="9310" spans="1:4" x14ac:dyDescent="0.25">
      <c r="A9310" t="s">
        <v>13915</v>
      </c>
      <c r="B9310" t="s">
        <v>13916</v>
      </c>
      <c r="C9310">
        <v>0</v>
      </c>
      <c r="D9310">
        <v>0</v>
      </c>
    </row>
    <row r="9311" spans="1:4" x14ac:dyDescent="0.25">
      <c r="A9311" t="s">
        <v>13917</v>
      </c>
      <c r="B9311" t="s">
        <v>13918</v>
      </c>
      <c r="C9311">
        <v>0</v>
      </c>
      <c r="D9311">
        <v>0</v>
      </c>
    </row>
    <row r="9312" spans="1:4" x14ac:dyDescent="0.25">
      <c r="A9312" t="s">
        <v>13919</v>
      </c>
      <c r="B9312" t="s">
        <v>13920</v>
      </c>
      <c r="C9312">
        <v>2</v>
      </c>
      <c r="D9312">
        <v>0</v>
      </c>
    </row>
    <row r="9313" spans="1:4" x14ac:dyDescent="0.25">
      <c r="A9313" t="s">
        <v>13921</v>
      </c>
      <c r="B9313" t="s">
        <v>13922</v>
      </c>
      <c r="C9313">
        <v>1</v>
      </c>
      <c r="D9313">
        <v>0</v>
      </c>
    </row>
    <row r="9314" spans="1:4" x14ac:dyDescent="0.25">
      <c r="A9314" t="s">
        <v>13923</v>
      </c>
      <c r="B9314" t="s">
        <v>888</v>
      </c>
      <c r="C9314">
        <v>1</v>
      </c>
      <c r="D9314">
        <v>0</v>
      </c>
    </row>
    <row r="9315" spans="1:4" x14ac:dyDescent="0.25">
      <c r="A9315" t="s">
        <v>13923</v>
      </c>
      <c r="B9315" t="s">
        <v>13924</v>
      </c>
      <c r="C9315">
        <v>1</v>
      </c>
      <c r="D9315">
        <v>0</v>
      </c>
    </row>
    <row r="9316" spans="1:4" x14ac:dyDescent="0.25">
      <c r="A9316" t="s">
        <v>13923</v>
      </c>
      <c r="B9316" t="s">
        <v>13925</v>
      </c>
      <c r="C9316">
        <v>0</v>
      </c>
      <c r="D9316">
        <v>0</v>
      </c>
    </row>
    <row r="9317" spans="1:4" x14ac:dyDescent="0.25">
      <c r="A9317" t="s">
        <v>13926</v>
      </c>
      <c r="B9317" t="s">
        <v>968</v>
      </c>
      <c r="C9317">
        <v>1</v>
      </c>
      <c r="D9317">
        <v>0</v>
      </c>
    </row>
    <row r="9318" spans="1:4" x14ac:dyDescent="0.25">
      <c r="A9318" t="s">
        <v>13926</v>
      </c>
      <c r="B9318" t="s">
        <v>13927</v>
      </c>
      <c r="C9318">
        <v>2</v>
      </c>
      <c r="D9318">
        <v>0</v>
      </c>
    </row>
    <row r="9319" spans="1:4" x14ac:dyDescent="0.25">
      <c r="A9319" t="s">
        <v>13928</v>
      </c>
      <c r="B9319" t="s">
        <v>13929</v>
      </c>
      <c r="C9319">
        <v>2</v>
      </c>
      <c r="D9319">
        <v>0</v>
      </c>
    </row>
    <row r="9320" spans="1:4" x14ac:dyDescent="0.25">
      <c r="A9320" t="s">
        <v>13928</v>
      </c>
      <c r="B9320" t="s">
        <v>13930</v>
      </c>
      <c r="C9320">
        <v>1</v>
      </c>
      <c r="D9320">
        <v>0</v>
      </c>
    </row>
    <row r="9321" spans="1:4" x14ac:dyDescent="0.25">
      <c r="A9321" t="s">
        <v>13931</v>
      </c>
      <c r="B9321" t="s">
        <v>13932</v>
      </c>
      <c r="C9321">
        <v>0</v>
      </c>
      <c r="D9321">
        <v>0</v>
      </c>
    </row>
    <row r="9322" spans="1:4" x14ac:dyDescent="0.25">
      <c r="A9322" t="s">
        <v>13933</v>
      </c>
      <c r="B9322" t="s">
        <v>13934</v>
      </c>
      <c r="C9322">
        <v>1</v>
      </c>
      <c r="D9322">
        <v>0</v>
      </c>
    </row>
    <row r="9323" spans="1:4" x14ac:dyDescent="0.25">
      <c r="A9323" t="s">
        <v>13935</v>
      </c>
      <c r="B9323" t="s">
        <v>13936</v>
      </c>
      <c r="C9323">
        <v>1</v>
      </c>
      <c r="D9323">
        <v>0</v>
      </c>
    </row>
    <row r="9324" spans="1:4" x14ac:dyDescent="0.25">
      <c r="A9324" t="s">
        <v>13937</v>
      </c>
      <c r="B9324" t="s">
        <v>13938</v>
      </c>
      <c r="C9324">
        <v>2</v>
      </c>
      <c r="D9324">
        <v>0</v>
      </c>
    </row>
    <row r="9325" spans="1:4" x14ac:dyDescent="0.25">
      <c r="A9325" t="s">
        <v>13939</v>
      </c>
      <c r="B9325" t="s">
        <v>13940</v>
      </c>
      <c r="C9325">
        <v>2</v>
      </c>
      <c r="D9325">
        <v>0</v>
      </c>
    </row>
    <row r="9326" spans="1:4" x14ac:dyDescent="0.25">
      <c r="A9326" t="s">
        <v>13939</v>
      </c>
      <c r="B9326" t="s">
        <v>13941</v>
      </c>
      <c r="C9326">
        <v>1</v>
      </c>
      <c r="D9326">
        <v>0</v>
      </c>
    </row>
    <row r="9327" spans="1:4" x14ac:dyDescent="0.25">
      <c r="A9327" t="s">
        <v>13939</v>
      </c>
      <c r="B9327" t="s">
        <v>13942</v>
      </c>
      <c r="C9327">
        <v>2</v>
      </c>
      <c r="D9327">
        <v>0</v>
      </c>
    </row>
    <row r="9328" spans="1:4" x14ac:dyDescent="0.25">
      <c r="A9328" t="s">
        <v>13943</v>
      </c>
      <c r="B9328" t="s">
        <v>13944</v>
      </c>
      <c r="C9328">
        <v>0</v>
      </c>
      <c r="D9328">
        <v>0</v>
      </c>
    </row>
    <row r="9329" spans="1:4" x14ac:dyDescent="0.25">
      <c r="A9329" t="s">
        <v>13943</v>
      </c>
      <c r="B9329" t="s">
        <v>13945</v>
      </c>
      <c r="C9329">
        <v>2</v>
      </c>
      <c r="D9329">
        <v>0</v>
      </c>
    </row>
    <row r="9330" spans="1:4" x14ac:dyDescent="0.25">
      <c r="A9330" t="s">
        <v>13946</v>
      </c>
      <c r="B9330" t="s">
        <v>1813</v>
      </c>
      <c r="C9330">
        <v>0</v>
      </c>
      <c r="D9330">
        <v>0</v>
      </c>
    </row>
    <row r="9331" spans="1:4" x14ac:dyDescent="0.25">
      <c r="A9331" t="s">
        <v>13947</v>
      </c>
      <c r="B9331" t="s">
        <v>398</v>
      </c>
      <c r="C9331">
        <v>0</v>
      </c>
      <c r="D9331">
        <v>0</v>
      </c>
    </row>
    <row r="9332" spans="1:4" x14ac:dyDescent="0.25">
      <c r="A9332" t="s">
        <v>13947</v>
      </c>
      <c r="B9332" t="s">
        <v>13948</v>
      </c>
      <c r="C9332">
        <v>1</v>
      </c>
      <c r="D9332">
        <v>0</v>
      </c>
    </row>
    <row r="9333" spans="1:4" x14ac:dyDescent="0.25">
      <c r="A9333" t="s">
        <v>13949</v>
      </c>
      <c r="B9333" t="s">
        <v>398</v>
      </c>
      <c r="C9333">
        <v>0</v>
      </c>
      <c r="D9333">
        <v>0</v>
      </c>
    </row>
    <row r="9334" spans="1:4" x14ac:dyDescent="0.25">
      <c r="A9334" t="s">
        <v>13950</v>
      </c>
      <c r="B9334" t="s">
        <v>13951</v>
      </c>
      <c r="C9334">
        <v>0</v>
      </c>
      <c r="D9334">
        <v>0</v>
      </c>
    </row>
    <row r="9335" spans="1:4" x14ac:dyDescent="0.25">
      <c r="A9335" t="s">
        <v>13950</v>
      </c>
      <c r="B9335" t="s">
        <v>13952</v>
      </c>
      <c r="C9335">
        <v>0</v>
      </c>
      <c r="D9335">
        <v>0</v>
      </c>
    </row>
    <row r="9336" spans="1:4" x14ac:dyDescent="0.25">
      <c r="A9336" t="s">
        <v>13953</v>
      </c>
      <c r="B9336" t="s">
        <v>13954</v>
      </c>
      <c r="C9336">
        <v>0</v>
      </c>
      <c r="D9336">
        <v>0</v>
      </c>
    </row>
    <row r="9337" spans="1:4" x14ac:dyDescent="0.25">
      <c r="A9337" t="s">
        <v>13953</v>
      </c>
      <c r="B9337" t="s">
        <v>13955</v>
      </c>
      <c r="C9337">
        <v>1</v>
      </c>
      <c r="D9337">
        <v>0</v>
      </c>
    </row>
    <row r="9338" spans="1:4" x14ac:dyDescent="0.25">
      <c r="A9338" t="s">
        <v>13953</v>
      </c>
      <c r="B9338" t="s">
        <v>13956</v>
      </c>
      <c r="C9338">
        <v>2</v>
      </c>
      <c r="D9338">
        <v>0</v>
      </c>
    </row>
    <row r="9339" spans="1:4" x14ac:dyDescent="0.25">
      <c r="A9339" t="s">
        <v>13957</v>
      </c>
      <c r="B9339" t="s">
        <v>13958</v>
      </c>
      <c r="C9339">
        <v>1</v>
      </c>
      <c r="D9339">
        <v>0</v>
      </c>
    </row>
    <row r="9340" spans="1:4" x14ac:dyDescent="0.25">
      <c r="A9340" t="s">
        <v>13957</v>
      </c>
      <c r="B9340" t="s">
        <v>13959</v>
      </c>
      <c r="C9340">
        <v>1</v>
      </c>
      <c r="D9340">
        <v>0</v>
      </c>
    </row>
    <row r="9341" spans="1:4" x14ac:dyDescent="0.25">
      <c r="A9341" t="s">
        <v>13960</v>
      </c>
      <c r="B9341" t="s">
        <v>13961</v>
      </c>
      <c r="C9341">
        <v>2</v>
      </c>
      <c r="D9341">
        <v>0</v>
      </c>
    </row>
    <row r="9342" spans="1:4" x14ac:dyDescent="0.25">
      <c r="A9342" t="s">
        <v>13960</v>
      </c>
      <c r="B9342" t="s">
        <v>13962</v>
      </c>
      <c r="C9342">
        <v>2</v>
      </c>
      <c r="D9342">
        <v>0</v>
      </c>
    </row>
    <row r="9343" spans="1:4" x14ac:dyDescent="0.25">
      <c r="A9343" t="s">
        <v>13963</v>
      </c>
      <c r="B9343" t="s">
        <v>13964</v>
      </c>
      <c r="C9343">
        <v>0</v>
      </c>
      <c r="D9343">
        <v>0</v>
      </c>
    </row>
    <row r="9344" spans="1:4" x14ac:dyDescent="0.25">
      <c r="A9344" t="s">
        <v>13963</v>
      </c>
      <c r="B9344" t="s">
        <v>13965</v>
      </c>
      <c r="C9344">
        <v>1</v>
      </c>
      <c r="D9344">
        <v>0</v>
      </c>
    </row>
    <row r="9345" spans="1:4" x14ac:dyDescent="0.25">
      <c r="A9345" t="s">
        <v>13966</v>
      </c>
      <c r="B9345" t="s">
        <v>13967</v>
      </c>
      <c r="C9345">
        <v>2</v>
      </c>
      <c r="D9345">
        <v>0</v>
      </c>
    </row>
    <row r="9346" spans="1:4" x14ac:dyDescent="0.25">
      <c r="A9346" t="s">
        <v>13966</v>
      </c>
      <c r="B9346" t="s">
        <v>13968</v>
      </c>
      <c r="C9346">
        <v>1</v>
      </c>
      <c r="D9346">
        <v>0</v>
      </c>
    </row>
    <row r="9347" spans="1:4" x14ac:dyDescent="0.25">
      <c r="A9347" t="s">
        <v>13966</v>
      </c>
      <c r="B9347" t="s">
        <v>13969</v>
      </c>
      <c r="C9347">
        <v>2</v>
      </c>
      <c r="D9347">
        <v>0</v>
      </c>
    </row>
    <row r="9348" spans="1:4" x14ac:dyDescent="0.25">
      <c r="A9348" t="s">
        <v>13970</v>
      </c>
      <c r="B9348" t="s">
        <v>13971</v>
      </c>
      <c r="C9348">
        <v>0</v>
      </c>
      <c r="D9348">
        <v>0</v>
      </c>
    </row>
    <row r="9349" spans="1:4" x14ac:dyDescent="0.25">
      <c r="A9349" t="s">
        <v>13970</v>
      </c>
      <c r="B9349" t="s">
        <v>13972</v>
      </c>
      <c r="C9349">
        <v>0</v>
      </c>
      <c r="D9349">
        <v>0</v>
      </c>
    </row>
    <row r="9350" spans="1:4" x14ac:dyDescent="0.25">
      <c r="A9350" t="s">
        <v>13970</v>
      </c>
      <c r="B9350" t="s">
        <v>13973</v>
      </c>
      <c r="C9350">
        <v>0</v>
      </c>
      <c r="D9350">
        <v>0</v>
      </c>
    </row>
    <row r="9351" spans="1:4" x14ac:dyDescent="0.25">
      <c r="A9351" t="s">
        <v>13974</v>
      </c>
      <c r="B9351" t="s">
        <v>13975</v>
      </c>
      <c r="C9351">
        <v>1</v>
      </c>
      <c r="D9351">
        <v>0</v>
      </c>
    </row>
    <row r="9352" spans="1:4" x14ac:dyDescent="0.25">
      <c r="A9352" t="s">
        <v>13974</v>
      </c>
      <c r="B9352" t="s">
        <v>13976</v>
      </c>
      <c r="C9352">
        <v>1</v>
      </c>
      <c r="D9352">
        <v>0</v>
      </c>
    </row>
    <row r="9353" spans="1:4" x14ac:dyDescent="0.25">
      <c r="A9353" t="s">
        <v>13977</v>
      </c>
      <c r="B9353" t="s">
        <v>13978</v>
      </c>
      <c r="C9353">
        <v>1</v>
      </c>
      <c r="D9353">
        <v>0</v>
      </c>
    </row>
    <row r="9354" spans="1:4" x14ac:dyDescent="0.25">
      <c r="A9354" t="s">
        <v>13977</v>
      </c>
      <c r="B9354" t="s">
        <v>13979</v>
      </c>
      <c r="C9354">
        <v>0</v>
      </c>
      <c r="D9354">
        <v>0</v>
      </c>
    </row>
    <row r="9355" spans="1:4" x14ac:dyDescent="0.25">
      <c r="A9355" t="s">
        <v>13977</v>
      </c>
      <c r="B9355" t="s">
        <v>13980</v>
      </c>
      <c r="C9355">
        <v>1</v>
      </c>
      <c r="D9355">
        <v>0</v>
      </c>
    </row>
    <row r="9356" spans="1:4" x14ac:dyDescent="0.25">
      <c r="A9356" t="s">
        <v>13981</v>
      </c>
      <c r="B9356" t="s">
        <v>13982</v>
      </c>
      <c r="C9356">
        <v>1</v>
      </c>
      <c r="D9356">
        <v>0</v>
      </c>
    </row>
    <row r="9357" spans="1:4" x14ac:dyDescent="0.25">
      <c r="A9357" t="s">
        <v>13981</v>
      </c>
      <c r="B9357" t="s">
        <v>13983</v>
      </c>
      <c r="C9357">
        <v>2</v>
      </c>
      <c r="D9357">
        <v>0</v>
      </c>
    </row>
    <row r="9358" spans="1:4" x14ac:dyDescent="0.25">
      <c r="A9358" t="s">
        <v>13984</v>
      </c>
      <c r="B9358" t="s">
        <v>13985</v>
      </c>
      <c r="C9358">
        <v>2</v>
      </c>
      <c r="D9358">
        <v>0</v>
      </c>
    </row>
    <row r="9359" spans="1:4" x14ac:dyDescent="0.25">
      <c r="A9359" t="s">
        <v>13986</v>
      </c>
      <c r="B9359" t="s">
        <v>969</v>
      </c>
      <c r="C9359">
        <v>0</v>
      </c>
      <c r="D9359">
        <v>0</v>
      </c>
    </row>
    <row r="9360" spans="1:4" x14ac:dyDescent="0.25">
      <c r="A9360" t="s">
        <v>13987</v>
      </c>
      <c r="B9360" t="s">
        <v>13988</v>
      </c>
      <c r="C9360">
        <v>2</v>
      </c>
      <c r="D9360">
        <v>0</v>
      </c>
    </row>
    <row r="9361" spans="1:4" x14ac:dyDescent="0.25">
      <c r="A9361" t="s">
        <v>13989</v>
      </c>
      <c r="B9361" t="s">
        <v>13990</v>
      </c>
      <c r="C9361">
        <v>1</v>
      </c>
      <c r="D9361">
        <v>0</v>
      </c>
    </row>
    <row r="9362" spans="1:4" x14ac:dyDescent="0.25">
      <c r="A9362" t="s">
        <v>13991</v>
      </c>
      <c r="B9362" t="s">
        <v>13992</v>
      </c>
      <c r="C9362">
        <v>1</v>
      </c>
      <c r="D9362">
        <v>0</v>
      </c>
    </row>
    <row r="9363" spans="1:4" x14ac:dyDescent="0.25">
      <c r="A9363" t="s">
        <v>13993</v>
      </c>
      <c r="B9363" t="s">
        <v>13994</v>
      </c>
      <c r="C9363">
        <v>2</v>
      </c>
      <c r="D9363">
        <v>0</v>
      </c>
    </row>
    <row r="9364" spans="1:4" x14ac:dyDescent="0.25">
      <c r="A9364" t="s">
        <v>13995</v>
      </c>
      <c r="B9364" t="s">
        <v>1617</v>
      </c>
      <c r="C9364">
        <v>2</v>
      </c>
      <c r="D9364">
        <v>0</v>
      </c>
    </row>
    <row r="9365" spans="1:4" x14ac:dyDescent="0.25">
      <c r="A9365" t="s">
        <v>13995</v>
      </c>
      <c r="B9365" t="s">
        <v>13996</v>
      </c>
      <c r="C9365">
        <v>1</v>
      </c>
      <c r="D9365">
        <v>0</v>
      </c>
    </row>
    <row r="9366" spans="1:4" x14ac:dyDescent="0.25">
      <c r="A9366" t="s">
        <v>13995</v>
      </c>
      <c r="B9366" t="s">
        <v>13997</v>
      </c>
      <c r="C9366">
        <v>2</v>
      </c>
      <c r="D9366">
        <v>0</v>
      </c>
    </row>
    <row r="9367" spans="1:4" x14ac:dyDescent="0.25">
      <c r="A9367" t="s">
        <v>13998</v>
      </c>
      <c r="B9367" t="s">
        <v>13999</v>
      </c>
      <c r="C9367">
        <v>0</v>
      </c>
      <c r="D9367">
        <v>0</v>
      </c>
    </row>
    <row r="9368" spans="1:4" x14ac:dyDescent="0.25">
      <c r="A9368" t="s">
        <v>14000</v>
      </c>
      <c r="B9368" t="s">
        <v>1001</v>
      </c>
      <c r="C9368">
        <v>1</v>
      </c>
      <c r="D9368">
        <v>0</v>
      </c>
    </row>
    <row r="9369" spans="1:4" x14ac:dyDescent="0.25">
      <c r="A9369" t="s">
        <v>14001</v>
      </c>
      <c r="B9369" t="s">
        <v>14002</v>
      </c>
      <c r="C9369">
        <v>0</v>
      </c>
      <c r="D9369">
        <v>0</v>
      </c>
    </row>
    <row r="9370" spans="1:4" x14ac:dyDescent="0.25">
      <c r="A9370" t="s">
        <v>14001</v>
      </c>
      <c r="B9370" t="s">
        <v>14003</v>
      </c>
      <c r="C9370">
        <v>0</v>
      </c>
      <c r="D9370">
        <v>0</v>
      </c>
    </row>
    <row r="9371" spans="1:4" x14ac:dyDescent="0.25">
      <c r="A9371" t="s">
        <v>14004</v>
      </c>
      <c r="B9371" t="s">
        <v>969</v>
      </c>
      <c r="C9371">
        <v>0</v>
      </c>
      <c r="D9371">
        <v>0</v>
      </c>
    </row>
    <row r="9372" spans="1:4" x14ac:dyDescent="0.25">
      <c r="A9372" t="s">
        <v>14005</v>
      </c>
      <c r="B9372" t="s">
        <v>14006</v>
      </c>
      <c r="C9372">
        <v>0</v>
      </c>
      <c r="D9372">
        <v>0</v>
      </c>
    </row>
    <row r="9373" spans="1:4" x14ac:dyDescent="0.25">
      <c r="A9373" t="s">
        <v>14005</v>
      </c>
      <c r="B9373" t="s">
        <v>14007</v>
      </c>
      <c r="C9373">
        <v>0</v>
      </c>
      <c r="D9373">
        <v>0</v>
      </c>
    </row>
    <row r="9374" spans="1:4" x14ac:dyDescent="0.25">
      <c r="A9374" t="s">
        <v>14008</v>
      </c>
      <c r="B9374" t="s">
        <v>14009</v>
      </c>
      <c r="C9374">
        <v>0</v>
      </c>
      <c r="D9374">
        <v>0</v>
      </c>
    </row>
    <row r="9375" spans="1:4" x14ac:dyDescent="0.25">
      <c r="A9375" t="s">
        <v>14010</v>
      </c>
      <c r="B9375" t="s">
        <v>14011</v>
      </c>
      <c r="C9375">
        <v>0</v>
      </c>
      <c r="D9375">
        <v>0</v>
      </c>
    </row>
    <row r="9376" spans="1:4" x14ac:dyDescent="0.25">
      <c r="A9376" t="s">
        <v>14012</v>
      </c>
      <c r="B9376" t="s">
        <v>14013</v>
      </c>
      <c r="C9376">
        <v>0</v>
      </c>
      <c r="D9376">
        <v>0</v>
      </c>
    </row>
    <row r="9377" spans="1:4" x14ac:dyDescent="0.25">
      <c r="A9377" t="s">
        <v>14012</v>
      </c>
      <c r="B9377" t="s">
        <v>14014</v>
      </c>
      <c r="C9377">
        <v>0</v>
      </c>
      <c r="D9377">
        <v>0</v>
      </c>
    </row>
    <row r="9378" spans="1:4" x14ac:dyDescent="0.25">
      <c r="A9378" t="s">
        <v>14015</v>
      </c>
      <c r="B9378" t="s">
        <v>14016</v>
      </c>
      <c r="C9378">
        <v>0</v>
      </c>
      <c r="D9378">
        <v>0</v>
      </c>
    </row>
    <row r="9379" spans="1:4" x14ac:dyDescent="0.25">
      <c r="A9379" t="s">
        <v>14017</v>
      </c>
      <c r="B9379" t="s">
        <v>14018</v>
      </c>
      <c r="C9379">
        <v>0</v>
      </c>
      <c r="D9379">
        <v>0</v>
      </c>
    </row>
    <row r="9380" spans="1:4" x14ac:dyDescent="0.25">
      <c r="A9380" t="s">
        <v>14017</v>
      </c>
      <c r="B9380" t="s">
        <v>14019</v>
      </c>
      <c r="C9380">
        <v>0</v>
      </c>
      <c r="D9380">
        <v>0</v>
      </c>
    </row>
    <row r="9381" spans="1:4" x14ac:dyDescent="0.25">
      <c r="A9381" t="s">
        <v>14017</v>
      </c>
      <c r="B9381" t="s">
        <v>14020</v>
      </c>
      <c r="C9381">
        <v>0</v>
      </c>
      <c r="D9381">
        <v>0</v>
      </c>
    </row>
    <row r="9382" spans="1:4" x14ac:dyDescent="0.25">
      <c r="A9382" t="s">
        <v>14021</v>
      </c>
      <c r="B9382" t="s">
        <v>1387</v>
      </c>
      <c r="C9382">
        <v>1</v>
      </c>
      <c r="D9382">
        <v>0</v>
      </c>
    </row>
    <row r="9383" spans="1:4" x14ac:dyDescent="0.25">
      <c r="A9383" t="s">
        <v>14021</v>
      </c>
      <c r="B9383" t="s">
        <v>14022</v>
      </c>
      <c r="C9383">
        <v>0</v>
      </c>
      <c r="D9383">
        <v>0</v>
      </c>
    </row>
    <row r="9384" spans="1:4" x14ac:dyDescent="0.25">
      <c r="A9384" t="s">
        <v>14023</v>
      </c>
      <c r="B9384" t="s">
        <v>14024</v>
      </c>
      <c r="C9384">
        <v>1</v>
      </c>
      <c r="D9384">
        <v>0</v>
      </c>
    </row>
    <row r="9385" spans="1:4" x14ac:dyDescent="0.25">
      <c r="A9385" t="s">
        <v>14023</v>
      </c>
      <c r="B9385" t="s">
        <v>14025</v>
      </c>
      <c r="C9385">
        <v>1</v>
      </c>
      <c r="D9385">
        <v>0</v>
      </c>
    </row>
    <row r="9386" spans="1:4" x14ac:dyDescent="0.25">
      <c r="A9386" t="s">
        <v>14026</v>
      </c>
      <c r="B9386" t="s">
        <v>14027</v>
      </c>
      <c r="C9386">
        <v>0</v>
      </c>
      <c r="D9386">
        <v>0</v>
      </c>
    </row>
    <row r="9387" spans="1:4" x14ac:dyDescent="0.25">
      <c r="A9387" t="s">
        <v>14028</v>
      </c>
      <c r="B9387" t="s">
        <v>14029</v>
      </c>
      <c r="C9387">
        <v>2</v>
      </c>
      <c r="D9387">
        <v>0</v>
      </c>
    </row>
    <row r="9388" spans="1:4" x14ac:dyDescent="0.25">
      <c r="A9388" t="s">
        <v>14028</v>
      </c>
      <c r="B9388" t="s">
        <v>14030</v>
      </c>
      <c r="C9388">
        <v>0</v>
      </c>
      <c r="D9388">
        <v>0</v>
      </c>
    </row>
    <row r="9389" spans="1:4" x14ac:dyDescent="0.25">
      <c r="A9389" t="s">
        <v>14031</v>
      </c>
      <c r="B9389" t="s">
        <v>14032</v>
      </c>
      <c r="C9389">
        <v>1</v>
      </c>
      <c r="D9389">
        <v>0</v>
      </c>
    </row>
    <row r="9390" spans="1:4" x14ac:dyDescent="0.25">
      <c r="A9390" t="s">
        <v>14033</v>
      </c>
      <c r="B9390" t="s">
        <v>14034</v>
      </c>
      <c r="C9390">
        <v>2</v>
      </c>
      <c r="D9390">
        <v>0</v>
      </c>
    </row>
    <row r="9391" spans="1:4" x14ac:dyDescent="0.25">
      <c r="A9391" t="s">
        <v>14033</v>
      </c>
      <c r="B9391" t="s">
        <v>14035</v>
      </c>
      <c r="C9391">
        <v>1</v>
      </c>
      <c r="D9391">
        <v>0</v>
      </c>
    </row>
    <row r="9392" spans="1:4" x14ac:dyDescent="0.25">
      <c r="A9392" t="s">
        <v>14036</v>
      </c>
      <c r="B9392" t="s">
        <v>14037</v>
      </c>
      <c r="C9392">
        <v>0</v>
      </c>
      <c r="D9392">
        <v>0</v>
      </c>
    </row>
    <row r="9393" spans="1:4" x14ac:dyDescent="0.25">
      <c r="A9393" t="s">
        <v>14036</v>
      </c>
      <c r="B9393" t="s">
        <v>14038</v>
      </c>
      <c r="C9393">
        <v>1</v>
      </c>
      <c r="D9393">
        <v>0</v>
      </c>
    </row>
    <row r="9394" spans="1:4" x14ac:dyDescent="0.25">
      <c r="A9394" t="s">
        <v>14036</v>
      </c>
      <c r="B9394" t="s">
        <v>14039</v>
      </c>
      <c r="C9394">
        <v>0</v>
      </c>
      <c r="D9394">
        <v>0</v>
      </c>
    </row>
    <row r="9395" spans="1:4" x14ac:dyDescent="0.25">
      <c r="A9395" t="s">
        <v>14040</v>
      </c>
      <c r="B9395" t="s">
        <v>14041</v>
      </c>
      <c r="C9395">
        <v>0</v>
      </c>
      <c r="D9395">
        <v>0</v>
      </c>
    </row>
    <row r="9396" spans="1:4" x14ac:dyDescent="0.25">
      <c r="A9396" t="s">
        <v>14040</v>
      </c>
      <c r="B9396" t="s">
        <v>14042</v>
      </c>
      <c r="C9396">
        <v>0</v>
      </c>
      <c r="D9396">
        <v>0</v>
      </c>
    </row>
    <row r="9397" spans="1:4" x14ac:dyDescent="0.25">
      <c r="A9397" t="s">
        <v>14040</v>
      </c>
      <c r="B9397" t="s">
        <v>14043</v>
      </c>
      <c r="C9397">
        <v>0</v>
      </c>
      <c r="D9397">
        <v>0</v>
      </c>
    </row>
    <row r="9398" spans="1:4" x14ac:dyDescent="0.25">
      <c r="A9398" t="s">
        <v>14044</v>
      </c>
      <c r="B9398" t="s">
        <v>14045</v>
      </c>
      <c r="C9398">
        <v>0</v>
      </c>
      <c r="D9398">
        <v>0</v>
      </c>
    </row>
    <row r="9399" spans="1:4" x14ac:dyDescent="0.25">
      <c r="A9399" t="s">
        <v>14046</v>
      </c>
      <c r="B9399" t="s">
        <v>14047</v>
      </c>
      <c r="C9399">
        <v>1</v>
      </c>
      <c r="D9399">
        <v>0</v>
      </c>
    </row>
    <row r="9400" spans="1:4" x14ac:dyDescent="0.25">
      <c r="A9400" t="s">
        <v>14048</v>
      </c>
      <c r="B9400" t="s">
        <v>14049</v>
      </c>
      <c r="C9400">
        <v>1</v>
      </c>
      <c r="D9400">
        <v>0</v>
      </c>
    </row>
    <row r="9401" spans="1:4" x14ac:dyDescent="0.25">
      <c r="A9401" t="s">
        <v>14048</v>
      </c>
      <c r="B9401" t="s">
        <v>14050</v>
      </c>
      <c r="C9401">
        <v>1</v>
      </c>
      <c r="D9401">
        <v>0</v>
      </c>
    </row>
    <row r="9402" spans="1:4" x14ac:dyDescent="0.25">
      <c r="A9402" t="s">
        <v>14051</v>
      </c>
      <c r="B9402" t="s">
        <v>14052</v>
      </c>
      <c r="C9402">
        <v>2</v>
      </c>
      <c r="D9402">
        <v>0</v>
      </c>
    </row>
    <row r="9403" spans="1:4" x14ac:dyDescent="0.25">
      <c r="A9403" t="s">
        <v>14051</v>
      </c>
      <c r="B9403" t="s">
        <v>14053</v>
      </c>
      <c r="C9403">
        <v>2</v>
      </c>
      <c r="D9403">
        <v>0</v>
      </c>
    </row>
    <row r="9404" spans="1:4" x14ac:dyDescent="0.25">
      <c r="A9404" t="s">
        <v>14051</v>
      </c>
      <c r="B9404" t="s">
        <v>14054</v>
      </c>
      <c r="C9404">
        <v>2</v>
      </c>
      <c r="D9404">
        <v>0</v>
      </c>
    </row>
    <row r="9405" spans="1:4" x14ac:dyDescent="0.25">
      <c r="A9405" t="s">
        <v>14055</v>
      </c>
      <c r="B9405" t="s">
        <v>1001</v>
      </c>
      <c r="C9405">
        <v>1</v>
      </c>
      <c r="D9405">
        <v>0</v>
      </c>
    </row>
    <row r="9406" spans="1:4" x14ac:dyDescent="0.25">
      <c r="A9406" t="s">
        <v>14055</v>
      </c>
      <c r="B9406" t="s">
        <v>14056</v>
      </c>
      <c r="C9406">
        <v>1</v>
      </c>
      <c r="D9406">
        <v>0</v>
      </c>
    </row>
    <row r="9407" spans="1:4" x14ac:dyDescent="0.25">
      <c r="A9407" t="s">
        <v>14057</v>
      </c>
      <c r="B9407" t="s">
        <v>14058</v>
      </c>
      <c r="C9407">
        <v>1</v>
      </c>
      <c r="D9407">
        <v>0</v>
      </c>
    </row>
    <row r="9408" spans="1:4" x14ac:dyDescent="0.25">
      <c r="A9408" t="s">
        <v>14057</v>
      </c>
      <c r="B9408" t="s">
        <v>14059</v>
      </c>
      <c r="C9408">
        <v>1</v>
      </c>
      <c r="D9408">
        <v>0</v>
      </c>
    </row>
    <row r="9409" spans="1:4" x14ac:dyDescent="0.25">
      <c r="A9409" t="s">
        <v>14060</v>
      </c>
      <c r="B9409" t="s">
        <v>14061</v>
      </c>
      <c r="C9409">
        <v>1</v>
      </c>
      <c r="D9409">
        <v>0</v>
      </c>
    </row>
    <row r="9410" spans="1:4" x14ac:dyDescent="0.25">
      <c r="A9410" t="s">
        <v>14062</v>
      </c>
      <c r="B9410" t="s">
        <v>14063</v>
      </c>
      <c r="C9410">
        <v>0</v>
      </c>
      <c r="D9410">
        <v>0</v>
      </c>
    </row>
    <row r="9411" spans="1:4" x14ac:dyDescent="0.25">
      <c r="A9411" t="s">
        <v>14064</v>
      </c>
      <c r="B9411" t="s">
        <v>14065</v>
      </c>
      <c r="C9411">
        <v>0</v>
      </c>
      <c r="D9411">
        <v>0</v>
      </c>
    </row>
    <row r="9412" spans="1:4" x14ac:dyDescent="0.25">
      <c r="A9412" t="s">
        <v>14064</v>
      </c>
      <c r="B9412" t="s">
        <v>398</v>
      </c>
      <c r="C9412">
        <v>0</v>
      </c>
      <c r="D9412">
        <v>0</v>
      </c>
    </row>
    <row r="9413" spans="1:4" x14ac:dyDescent="0.25">
      <c r="A9413" t="s">
        <v>14066</v>
      </c>
      <c r="B9413" t="s">
        <v>14067</v>
      </c>
      <c r="C9413">
        <v>1</v>
      </c>
      <c r="D9413">
        <v>0</v>
      </c>
    </row>
    <row r="9414" spans="1:4" x14ac:dyDescent="0.25">
      <c r="A9414" t="s">
        <v>14066</v>
      </c>
      <c r="B9414" t="s">
        <v>14068</v>
      </c>
      <c r="C9414">
        <v>1</v>
      </c>
      <c r="D9414">
        <v>0</v>
      </c>
    </row>
    <row r="9415" spans="1:4" x14ac:dyDescent="0.25">
      <c r="A9415" t="s">
        <v>14066</v>
      </c>
      <c r="B9415" t="s">
        <v>14069</v>
      </c>
      <c r="C9415">
        <v>0</v>
      </c>
      <c r="D9415">
        <v>0</v>
      </c>
    </row>
    <row r="9416" spans="1:4" x14ac:dyDescent="0.25">
      <c r="A9416" t="s">
        <v>14070</v>
      </c>
      <c r="B9416" t="s">
        <v>14071</v>
      </c>
      <c r="C9416">
        <v>1</v>
      </c>
      <c r="D9416">
        <v>0</v>
      </c>
    </row>
    <row r="9417" spans="1:4" x14ac:dyDescent="0.25">
      <c r="A9417" t="s">
        <v>14070</v>
      </c>
      <c r="B9417" t="s">
        <v>14072</v>
      </c>
      <c r="C9417">
        <v>0</v>
      </c>
      <c r="D9417">
        <v>0</v>
      </c>
    </row>
    <row r="9418" spans="1:4" x14ac:dyDescent="0.25">
      <c r="A9418" t="s">
        <v>14070</v>
      </c>
      <c r="B9418" t="s">
        <v>14073</v>
      </c>
      <c r="C9418">
        <v>0</v>
      </c>
      <c r="D9418">
        <v>0</v>
      </c>
    </row>
    <row r="9419" spans="1:4" x14ac:dyDescent="0.25">
      <c r="A9419" t="s">
        <v>14074</v>
      </c>
      <c r="B9419" t="s">
        <v>969</v>
      </c>
      <c r="C9419">
        <v>0</v>
      </c>
      <c r="D9419">
        <v>0</v>
      </c>
    </row>
    <row r="9420" spans="1:4" x14ac:dyDescent="0.25">
      <c r="A9420" t="s">
        <v>14075</v>
      </c>
      <c r="B9420" t="s">
        <v>14076</v>
      </c>
      <c r="C9420">
        <v>1</v>
      </c>
      <c r="D9420">
        <v>0</v>
      </c>
    </row>
    <row r="9421" spans="1:4" x14ac:dyDescent="0.25">
      <c r="A9421" t="s">
        <v>14077</v>
      </c>
      <c r="B9421" t="s">
        <v>14078</v>
      </c>
      <c r="C9421">
        <v>1</v>
      </c>
      <c r="D9421">
        <v>0</v>
      </c>
    </row>
    <row r="9422" spans="1:4" x14ac:dyDescent="0.25">
      <c r="A9422" t="s">
        <v>14079</v>
      </c>
      <c r="B9422" t="s">
        <v>14080</v>
      </c>
      <c r="C9422">
        <v>1</v>
      </c>
      <c r="D9422">
        <v>0</v>
      </c>
    </row>
    <row r="9423" spans="1:4" x14ac:dyDescent="0.25">
      <c r="A9423" t="s">
        <v>14079</v>
      </c>
      <c r="B9423" t="s">
        <v>14081</v>
      </c>
      <c r="C9423">
        <v>0</v>
      </c>
      <c r="D9423">
        <v>0</v>
      </c>
    </row>
    <row r="9424" spans="1:4" x14ac:dyDescent="0.25">
      <c r="A9424" t="s">
        <v>14082</v>
      </c>
      <c r="B9424" t="s">
        <v>14083</v>
      </c>
      <c r="C9424">
        <v>0</v>
      </c>
      <c r="D9424">
        <v>0</v>
      </c>
    </row>
    <row r="9425" spans="1:4" x14ac:dyDescent="0.25">
      <c r="A9425" t="s">
        <v>14084</v>
      </c>
      <c r="B9425" t="s">
        <v>14085</v>
      </c>
      <c r="C9425">
        <v>1</v>
      </c>
      <c r="D9425">
        <v>0</v>
      </c>
    </row>
    <row r="9426" spans="1:4" x14ac:dyDescent="0.25">
      <c r="A9426" t="s">
        <v>14084</v>
      </c>
      <c r="B9426" t="s">
        <v>14086</v>
      </c>
      <c r="C9426">
        <v>0</v>
      </c>
      <c r="D9426">
        <v>0</v>
      </c>
    </row>
    <row r="9427" spans="1:4" x14ac:dyDescent="0.25">
      <c r="A9427" t="s">
        <v>14087</v>
      </c>
      <c r="B9427" t="s">
        <v>14088</v>
      </c>
      <c r="C9427">
        <v>1</v>
      </c>
      <c r="D9427">
        <v>0</v>
      </c>
    </row>
    <row r="9428" spans="1:4" x14ac:dyDescent="0.25">
      <c r="A9428" t="s">
        <v>14087</v>
      </c>
      <c r="B9428" t="s">
        <v>14089</v>
      </c>
      <c r="C9428">
        <v>1</v>
      </c>
      <c r="D9428">
        <v>0</v>
      </c>
    </row>
    <row r="9429" spans="1:4" x14ac:dyDescent="0.25">
      <c r="A9429" t="s">
        <v>14090</v>
      </c>
      <c r="B9429" t="s">
        <v>14091</v>
      </c>
      <c r="C9429">
        <v>1</v>
      </c>
      <c r="D9429">
        <v>0</v>
      </c>
    </row>
    <row r="9430" spans="1:4" x14ac:dyDescent="0.25">
      <c r="A9430" t="s">
        <v>14092</v>
      </c>
      <c r="B9430" t="s">
        <v>14093</v>
      </c>
      <c r="C9430">
        <v>2</v>
      </c>
      <c r="D9430">
        <v>0</v>
      </c>
    </row>
    <row r="9431" spans="1:4" x14ac:dyDescent="0.25">
      <c r="A9431" t="s">
        <v>14092</v>
      </c>
      <c r="B9431" t="s">
        <v>14094</v>
      </c>
      <c r="C9431">
        <v>1</v>
      </c>
      <c r="D9431">
        <v>0</v>
      </c>
    </row>
    <row r="9432" spans="1:4" x14ac:dyDescent="0.25">
      <c r="A9432" t="s">
        <v>14092</v>
      </c>
      <c r="B9432" t="s">
        <v>14095</v>
      </c>
      <c r="C9432">
        <v>1</v>
      </c>
      <c r="D9432">
        <v>0</v>
      </c>
    </row>
    <row r="9433" spans="1:4" x14ac:dyDescent="0.25">
      <c r="A9433" t="s">
        <v>14096</v>
      </c>
      <c r="B9433" t="s">
        <v>2651</v>
      </c>
      <c r="C9433">
        <v>0</v>
      </c>
      <c r="D9433">
        <v>0</v>
      </c>
    </row>
    <row r="9434" spans="1:4" x14ac:dyDescent="0.25">
      <c r="A9434" t="s">
        <v>14097</v>
      </c>
      <c r="B9434" t="s">
        <v>969</v>
      </c>
      <c r="C9434">
        <v>0</v>
      </c>
      <c r="D9434">
        <v>0</v>
      </c>
    </row>
    <row r="9435" spans="1:4" x14ac:dyDescent="0.25">
      <c r="A9435" t="s">
        <v>14098</v>
      </c>
      <c r="B9435" t="s">
        <v>14099</v>
      </c>
      <c r="C9435">
        <v>1</v>
      </c>
      <c r="D9435">
        <v>0</v>
      </c>
    </row>
    <row r="9436" spans="1:4" x14ac:dyDescent="0.25">
      <c r="A9436" t="s">
        <v>14100</v>
      </c>
      <c r="B9436" t="s">
        <v>14101</v>
      </c>
      <c r="C9436">
        <v>1</v>
      </c>
      <c r="D9436">
        <v>0</v>
      </c>
    </row>
    <row r="9437" spans="1:4" x14ac:dyDescent="0.25">
      <c r="A9437" t="s">
        <v>14100</v>
      </c>
      <c r="B9437" t="s">
        <v>14102</v>
      </c>
      <c r="C9437">
        <v>1</v>
      </c>
      <c r="D9437">
        <v>0</v>
      </c>
    </row>
    <row r="9438" spans="1:4" x14ac:dyDescent="0.25">
      <c r="A9438" t="s">
        <v>14103</v>
      </c>
      <c r="B9438" t="s">
        <v>14104</v>
      </c>
      <c r="C9438">
        <v>2</v>
      </c>
      <c r="D9438">
        <v>0</v>
      </c>
    </row>
    <row r="9439" spans="1:4" x14ac:dyDescent="0.25">
      <c r="A9439" t="s">
        <v>14105</v>
      </c>
      <c r="B9439" t="s">
        <v>1170</v>
      </c>
      <c r="C9439">
        <v>0</v>
      </c>
      <c r="D9439">
        <v>0</v>
      </c>
    </row>
    <row r="9440" spans="1:4" x14ac:dyDescent="0.25">
      <c r="A9440" t="s">
        <v>14105</v>
      </c>
      <c r="B9440" t="s">
        <v>9112</v>
      </c>
      <c r="C9440">
        <v>1</v>
      </c>
      <c r="D9440">
        <v>0</v>
      </c>
    </row>
    <row r="9441" spans="1:4" x14ac:dyDescent="0.25">
      <c r="A9441" t="s">
        <v>14106</v>
      </c>
      <c r="B9441" t="s">
        <v>14107</v>
      </c>
      <c r="C9441">
        <v>1</v>
      </c>
      <c r="D9441">
        <v>0</v>
      </c>
    </row>
    <row r="9442" spans="1:4" x14ac:dyDescent="0.25">
      <c r="A9442" t="s">
        <v>14106</v>
      </c>
      <c r="B9442" t="s">
        <v>14108</v>
      </c>
      <c r="C9442">
        <v>1</v>
      </c>
      <c r="D9442">
        <v>0</v>
      </c>
    </row>
    <row r="9443" spans="1:4" x14ac:dyDescent="0.25">
      <c r="A9443" t="s">
        <v>14106</v>
      </c>
      <c r="B9443" t="s">
        <v>14109</v>
      </c>
      <c r="C9443">
        <v>1</v>
      </c>
      <c r="D9443">
        <v>0</v>
      </c>
    </row>
    <row r="9444" spans="1:4" x14ac:dyDescent="0.25">
      <c r="A9444" t="s">
        <v>14110</v>
      </c>
      <c r="B9444" t="s">
        <v>14111</v>
      </c>
      <c r="C9444">
        <v>1</v>
      </c>
      <c r="D9444">
        <v>0</v>
      </c>
    </row>
    <row r="9445" spans="1:4" x14ac:dyDescent="0.25">
      <c r="A9445" t="s">
        <v>14112</v>
      </c>
      <c r="B9445" t="s">
        <v>14113</v>
      </c>
      <c r="C9445">
        <v>1</v>
      </c>
      <c r="D9445">
        <v>0</v>
      </c>
    </row>
    <row r="9446" spans="1:4" x14ac:dyDescent="0.25">
      <c r="A9446" t="s">
        <v>14112</v>
      </c>
      <c r="B9446" t="s">
        <v>2061</v>
      </c>
      <c r="C9446">
        <v>0</v>
      </c>
      <c r="D9446">
        <v>0</v>
      </c>
    </row>
    <row r="9447" spans="1:4" x14ac:dyDescent="0.25">
      <c r="A9447" t="s">
        <v>14112</v>
      </c>
      <c r="B9447" t="s">
        <v>1294</v>
      </c>
      <c r="C9447">
        <v>1</v>
      </c>
      <c r="D9447">
        <v>0</v>
      </c>
    </row>
    <row r="9448" spans="1:4" x14ac:dyDescent="0.25">
      <c r="A9448" t="s">
        <v>14114</v>
      </c>
      <c r="B9448" t="s">
        <v>14115</v>
      </c>
      <c r="C9448">
        <v>1</v>
      </c>
      <c r="D9448">
        <v>0</v>
      </c>
    </row>
    <row r="9449" spans="1:4" x14ac:dyDescent="0.25">
      <c r="A9449" t="s">
        <v>14114</v>
      </c>
      <c r="B9449" t="s">
        <v>14116</v>
      </c>
      <c r="C9449">
        <v>1</v>
      </c>
      <c r="D9449">
        <v>0</v>
      </c>
    </row>
    <row r="9450" spans="1:4" x14ac:dyDescent="0.25">
      <c r="A9450" t="s">
        <v>14117</v>
      </c>
      <c r="B9450" t="s">
        <v>14118</v>
      </c>
      <c r="C9450">
        <v>1</v>
      </c>
      <c r="D9450">
        <v>0</v>
      </c>
    </row>
    <row r="9451" spans="1:4" x14ac:dyDescent="0.25">
      <c r="A9451" t="s">
        <v>14117</v>
      </c>
      <c r="B9451" t="s">
        <v>14119</v>
      </c>
      <c r="C9451">
        <v>2</v>
      </c>
      <c r="D9451">
        <v>0</v>
      </c>
    </row>
    <row r="9452" spans="1:4" x14ac:dyDescent="0.25">
      <c r="A9452" t="s">
        <v>14120</v>
      </c>
      <c r="B9452" t="s">
        <v>14121</v>
      </c>
      <c r="C9452">
        <v>0</v>
      </c>
      <c r="D9452">
        <v>0</v>
      </c>
    </row>
    <row r="9453" spans="1:4" x14ac:dyDescent="0.25">
      <c r="A9453" t="s">
        <v>14120</v>
      </c>
      <c r="B9453" t="s">
        <v>14122</v>
      </c>
      <c r="C9453">
        <v>1</v>
      </c>
      <c r="D9453">
        <v>0</v>
      </c>
    </row>
    <row r="9454" spans="1:4" x14ac:dyDescent="0.25">
      <c r="A9454" t="s">
        <v>14123</v>
      </c>
      <c r="B9454" t="s">
        <v>1497</v>
      </c>
      <c r="C9454">
        <v>0</v>
      </c>
      <c r="D9454">
        <v>0</v>
      </c>
    </row>
    <row r="9455" spans="1:4" x14ac:dyDescent="0.25">
      <c r="A9455" t="s">
        <v>14124</v>
      </c>
      <c r="B9455" t="s">
        <v>14125</v>
      </c>
      <c r="C9455">
        <v>0</v>
      </c>
      <c r="D9455">
        <v>0</v>
      </c>
    </row>
    <row r="9456" spans="1:4" x14ac:dyDescent="0.25">
      <c r="A9456" t="s">
        <v>14126</v>
      </c>
      <c r="B9456" t="s">
        <v>14127</v>
      </c>
      <c r="C9456">
        <v>1</v>
      </c>
      <c r="D9456">
        <v>0</v>
      </c>
    </row>
    <row r="9457" spans="1:4" x14ac:dyDescent="0.25">
      <c r="A9457" t="s">
        <v>14128</v>
      </c>
      <c r="B9457" t="s">
        <v>14129</v>
      </c>
      <c r="C9457">
        <v>1</v>
      </c>
      <c r="D9457">
        <v>0</v>
      </c>
    </row>
    <row r="9458" spans="1:4" x14ac:dyDescent="0.25">
      <c r="A9458" t="s">
        <v>14128</v>
      </c>
      <c r="B9458" t="s">
        <v>14130</v>
      </c>
      <c r="C9458">
        <v>0</v>
      </c>
      <c r="D9458">
        <v>0</v>
      </c>
    </row>
    <row r="9459" spans="1:4" x14ac:dyDescent="0.25">
      <c r="A9459" t="s">
        <v>14131</v>
      </c>
      <c r="B9459" t="s">
        <v>14132</v>
      </c>
      <c r="C9459">
        <v>2</v>
      </c>
      <c r="D9459">
        <v>0</v>
      </c>
    </row>
    <row r="9460" spans="1:4" x14ac:dyDescent="0.25">
      <c r="A9460" t="s">
        <v>14131</v>
      </c>
      <c r="B9460" t="s">
        <v>14133</v>
      </c>
      <c r="C9460">
        <v>2</v>
      </c>
      <c r="D9460">
        <v>0</v>
      </c>
    </row>
    <row r="9461" spans="1:4" x14ac:dyDescent="0.25">
      <c r="A9461" t="s">
        <v>14131</v>
      </c>
      <c r="B9461" t="s">
        <v>14134</v>
      </c>
      <c r="C9461">
        <v>0</v>
      </c>
      <c r="D9461">
        <v>0</v>
      </c>
    </row>
    <row r="9462" spans="1:4" x14ac:dyDescent="0.25">
      <c r="A9462" t="s">
        <v>14135</v>
      </c>
      <c r="B9462" t="s">
        <v>14136</v>
      </c>
      <c r="C9462">
        <v>1</v>
      </c>
      <c r="D9462">
        <v>0</v>
      </c>
    </row>
    <row r="9463" spans="1:4" x14ac:dyDescent="0.25">
      <c r="A9463" t="s">
        <v>14137</v>
      </c>
      <c r="B9463" t="s">
        <v>14138</v>
      </c>
      <c r="C9463">
        <v>1</v>
      </c>
      <c r="D9463">
        <v>0</v>
      </c>
    </row>
    <row r="9464" spans="1:4" x14ac:dyDescent="0.25">
      <c r="A9464" t="s">
        <v>14139</v>
      </c>
      <c r="B9464" t="s">
        <v>14140</v>
      </c>
      <c r="C9464">
        <v>1</v>
      </c>
      <c r="D9464">
        <v>0</v>
      </c>
    </row>
    <row r="9465" spans="1:4" x14ac:dyDescent="0.25">
      <c r="A9465" t="s">
        <v>14141</v>
      </c>
      <c r="B9465" t="s">
        <v>1526</v>
      </c>
      <c r="C9465">
        <v>1</v>
      </c>
      <c r="D9465">
        <v>0</v>
      </c>
    </row>
    <row r="9466" spans="1:4" x14ac:dyDescent="0.25">
      <c r="A9466" t="s">
        <v>14142</v>
      </c>
      <c r="B9466" t="s">
        <v>14143</v>
      </c>
      <c r="C9466">
        <v>1</v>
      </c>
      <c r="D9466">
        <v>0</v>
      </c>
    </row>
    <row r="9467" spans="1:4" x14ac:dyDescent="0.25">
      <c r="A9467" t="s">
        <v>14144</v>
      </c>
      <c r="B9467" t="s">
        <v>14145</v>
      </c>
      <c r="C9467">
        <v>2</v>
      </c>
      <c r="D9467">
        <v>0</v>
      </c>
    </row>
    <row r="9468" spans="1:4" x14ac:dyDescent="0.25">
      <c r="A9468" t="s">
        <v>14144</v>
      </c>
      <c r="B9468" t="s">
        <v>14146</v>
      </c>
      <c r="C9468">
        <v>2</v>
      </c>
      <c r="D9468">
        <v>0</v>
      </c>
    </row>
    <row r="9469" spans="1:4" x14ac:dyDescent="0.25">
      <c r="A9469" t="s">
        <v>14144</v>
      </c>
      <c r="B9469" t="s">
        <v>14147</v>
      </c>
      <c r="C9469">
        <v>0</v>
      </c>
      <c r="D9469">
        <v>0</v>
      </c>
    </row>
    <row r="9470" spans="1:4" x14ac:dyDescent="0.25">
      <c r="A9470" t="s">
        <v>14148</v>
      </c>
      <c r="B9470" t="s">
        <v>14149</v>
      </c>
      <c r="C9470">
        <v>0</v>
      </c>
      <c r="D9470">
        <v>0</v>
      </c>
    </row>
    <row r="9471" spans="1:4" x14ac:dyDescent="0.25">
      <c r="A9471" t="s">
        <v>14150</v>
      </c>
      <c r="B9471" t="s">
        <v>14151</v>
      </c>
      <c r="C9471">
        <v>1</v>
      </c>
      <c r="D9471">
        <v>0</v>
      </c>
    </row>
    <row r="9472" spans="1:4" x14ac:dyDescent="0.25">
      <c r="A9472" t="s">
        <v>14152</v>
      </c>
      <c r="B9472" t="s">
        <v>14153</v>
      </c>
      <c r="C9472">
        <v>0</v>
      </c>
      <c r="D9472">
        <v>0</v>
      </c>
    </row>
    <row r="9473" spans="1:4" x14ac:dyDescent="0.25">
      <c r="A9473" t="s">
        <v>14152</v>
      </c>
      <c r="B9473" t="s">
        <v>14154</v>
      </c>
      <c r="C9473">
        <v>0</v>
      </c>
      <c r="D9473">
        <v>0</v>
      </c>
    </row>
    <row r="9474" spans="1:4" x14ac:dyDescent="0.25">
      <c r="A9474" t="s">
        <v>14155</v>
      </c>
      <c r="B9474" t="s">
        <v>14156</v>
      </c>
      <c r="C9474">
        <v>2</v>
      </c>
      <c r="D9474">
        <v>0</v>
      </c>
    </row>
    <row r="9475" spans="1:4" x14ac:dyDescent="0.25">
      <c r="A9475" t="s">
        <v>14155</v>
      </c>
      <c r="B9475" t="s">
        <v>14157</v>
      </c>
      <c r="C9475">
        <v>2</v>
      </c>
      <c r="D9475">
        <v>0</v>
      </c>
    </row>
    <row r="9476" spans="1:4" x14ac:dyDescent="0.25">
      <c r="A9476" t="s">
        <v>14158</v>
      </c>
      <c r="B9476" t="s">
        <v>1499</v>
      </c>
      <c r="C9476">
        <v>1</v>
      </c>
      <c r="D9476">
        <v>0</v>
      </c>
    </row>
    <row r="9477" spans="1:4" x14ac:dyDescent="0.25">
      <c r="A9477" t="s">
        <v>14159</v>
      </c>
      <c r="B9477" t="s">
        <v>14160</v>
      </c>
      <c r="C9477">
        <v>1</v>
      </c>
      <c r="D9477">
        <v>0</v>
      </c>
    </row>
    <row r="9478" spans="1:4" x14ac:dyDescent="0.25">
      <c r="A9478" t="s">
        <v>14159</v>
      </c>
      <c r="B9478" t="s">
        <v>14161</v>
      </c>
      <c r="C9478">
        <v>1</v>
      </c>
      <c r="D9478">
        <v>0</v>
      </c>
    </row>
    <row r="9479" spans="1:4" x14ac:dyDescent="0.25">
      <c r="A9479" t="s">
        <v>14162</v>
      </c>
      <c r="B9479" t="s">
        <v>14163</v>
      </c>
      <c r="C9479">
        <v>2</v>
      </c>
      <c r="D9479">
        <v>0</v>
      </c>
    </row>
    <row r="9480" spans="1:4" x14ac:dyDescent="0.25">
      <c r="A9480" t="s">
        <v>14164</v>
      </c>
      <c r="B9480" t="s">
        <v>14165</v>
      </c>
      <c r="C9480">
        <v>2</v>
      </c>
      <c r="D9480">
        <v>0</v>
      </c>
    </row>
    <row r="9481" spans="1:4" x14ac:dyDescent="0.25">
      <c r="A9481" t="s">
        <v>14164</v>
      </c>
      <c r="B9481" t="s">
        <v>14166</v>
      </c>
      <c r="C9481">
        <v>2</v>
      </c>
      <c r="D9481">
        <v>0</v>
      </c>
    </row>
    <row r="9482" spans="1:4" x14ac:dyDescent="0.25">
      <c r="A9482" t="s">
        <v>14167</v>
      </c>
      <c r="B9482" t="s">
        <v>14168</v>
      </c>
      <c r="C9482">
        <v>1</v>
      </c>
      <c r="D9482">
        <v>0</v>
      </c>
    </row>
    <row r="9483" spans="1:4" x14ac:dyDescent="0.25">
      <c r="A9483" t="s">
        <v>14167</v>
      </c>
      <c r="B9483" t="s">
        <v>14169</v>
      </c>
      <c r="C9483">
        <v>1</v>
      </c>
      <c r="D9483">
        <v>0</v>
      </c>
    </row>
    <row r="9484" spans="1:4" x14ac:dyDescent="0.25">
      <c r="A9484" t="s">
        <v>14170</v>
      </c>
      <c r="B9484" t="s">
        <v>14171</v>
      </c>
      <c r="C9484">
        <v>1</v>
      </c>
      <c r="D9484">
        <v>0</v>
      </c>
    </row>
    <row r="9485" spans="1:4" x14ac:dyDescent="0.25">
      <c r="A9485" t="s">
        <v>14170</v>
      </c>
      <c r="B9485" t="s">
        <v>14172</v>
      </c>
      <c r="C9485">
        <v>2</v>
      </c>
      <c r="D9485">
        <v>0</v>
      </c>
    </row>
    <row r="9486" spans="1:4" x14ac:dyDescent="0.25">
      <c r="A9486" t="s">
        <v>14170</v>
      </c>
      <c r="B9486" t="s">
        <v>14173</v>
      </c>
      <c r="C9486">
        <v>1</v>
      </c>
      <c r="D9486">
        <v>0</v>
      </c>
    </row>
    <row r="9487" spans="1:4" x14ac:dyDescent="0.25">
      <c r="A9487" t="s">
        <v>14174</v>
      </c>
      <c r="B9487" t="s">
        <v>14175</v>
      </c>
      <c r="C9487">
        <v>0</v>
      </c>
      <c r="D9487">
        <v>0</v>
      </c>
    </row>
    <row r="9488" spans="1:4" x14ac:dyDescent="0.25">
      <c r="A9488" t="s">
        <v>14174</v>
      </c>
      <c r="B9488" t="s">
        <v>14176</v>
      </c>
      <c r="C9488">
        <v>0</v>
      </c>
      <c r="D9488">
        <v>0</v>
      </c>
    </row>
    <row r="9489" spans="1:4" x14ac:dyDescent="0.25">
      <c r="A9489" t="s">
        <v>14177</v>
      </c>
      <c r="B9489" t="s">
        <v>14178</v>
      </c>
      <c r="C9489">
        <v>1</v>
      </c>
      <c r="D9489">
        <v>0</v>
      </c>
    </row>
    <row r="9490" spans="1:4" x14ac:dyDescent="0.25">
      <c r="A9490" t="s">
        <v>14177</v>
      </c>
      <c r="B9490" t="s">
        <v>14179</v>
      </c>
      <c r="C9490">
        <v>2</v>
      </c>
      <c r="D9490">
        <v>0</v>
      </c>
    </row>
    <row r="9491" spans="1:4" x14ac:dyDescent="0.25">
      <c r="A9491" t="s">
        <v>14177</v>
      </c>
      <c r="B9491" t="s">
        <v>14180</v>
      </c>
      <c r="C9491">
        <v>2</v>
      </c>
      <c r="D9491">
        <v>0</v>
      </c>
    </row>
    <row r="9492" spans="1:4" x14ac:dyDescent="0.25">
      <c r="A9492" t="s">
        <v>14181</v>
      </c>
      <c r="B9492" t="s">
        <v>14182</v>
      </c>
      <c r="C9492">
        <v>0</v>
      </c>
      <c r="D9492">
        <v>0</v>
      </c>
    </row>
    <row r="9493" spans="1:4" x14ac:dyDescent="0.25">
      <c r="A9493" t="s">
        <v>14181</v>
      </c>
      <c r="B9493" t="s">
        <v>14183</v>
      </c>
      <c r="C9493">
        <v>1</v>
      </c>
      <c r="D9493">
        <v>0</v>
      </c>
    </row>
    <row r="9494" spans="1:4" x14ac:dyDescent="0.25">
      <c r="A9494" t="s">
        <v>14181</v>
      </c>
      <c r="B9494" t="s">
        <v>14184</v>
      </c>
      <c r="C9494">
        <v>0</v>
      </c>
      <c r="D9494">
        <v>0</v>
      </c>
    </row>
    <row r="9495" spans="1:4" x14ac:dyDescent="0.25">
      <c r="A9495" t="s">
        <v>14185</v>
      </c>
      <c r="B9495" t="s">
        <v>14186</v>
      </c>
      <c r="C9495">
        <v>2</v>
      </c>
      <c r="D9495">
        <v>0</v>
      </c>
    </row>
    <row r="9496" spans="1:4" x14ac:dyDescent="0.25">
      <c r="A9496" t="s">
        <v>14185</v>
      </c>
      <c r="B9496" t="s">
        <v>14187</v>
      </c>
      <c r="C9496">
        <v>1</v>
      </c>
      <c r="D9496">
        <v>0</v>
      </c>
    </row>
    <row r="9497" spans="1:4" x14ac:dyDescent="0.25">
      <c r="A9497" t="s">
        <v>14188</v>
      </c>
      <c r="B9497" t="s">
        <v>14189</v>
      </c>
      <c r="C9497">
        <v>1</v>
      </c>
      <c r="D9497">
        <v>0</v>
      </c>
    </row>
    <row r="9498" spans="1:4" x14ac:dyDescent="0.25">
      <c r="A9498" t="s">
        <v>14190</v>
      </c>
      <c r="B9498" t="s">
        <v>14191</v>
      </c>
      <c r="C9498">
        <v>2</v>
      </c>
      <c r="D9498">
        <v>0</v>
      </c>
    </row>
    <row r="9499" spans="1:4" x14ac:dyDescent="0.25">
      <c r="A9499" t="s">
        <v>14190</v>
      </c>
      <c r="B9499" t="s">
        <v>14192</v>
      </c>
      <c r="C9499">
        <v>2</v>
      </c>
      <c r="D9499">
        <v>0</v>
      </c>
    </row>
    <row r="9500" spans="1:4" x14ac:dyDescent="0.25">
      <c r="A9500" t="s">
        <v>14190</v>
      </c>
      <c r="B9500" t="s">
        <v>14193</v>
      </c>
      <c r="C9500">
        <v>1</v>
      </c>
      <c r="D9500">
        <v>0</v>
      </c>
    </row>
    <row r="9501" spans="1:4" x14ac:dyDescent="0.25">
      <c r="A9501" t="s">
        <v>14194</v>
      </c>
      <c r="B9501" t="s">
        <v>14195</v>
      </c>
      <c r="C9501">
        <v>1</v>
      </c>
      <c r="D9501">
        <v>0</v>
      </c>
    </row>
    <row r="9502" spans="1:4" x14ac:dyDescent="0.25">
      <c r="A9502" t="s">
        <v>14194</v>
      </c>
      <c r="B9502" t="s">
        <v>14196</v>
      </c>
      <c r="C9502">
        <v>2</v>
      </c>
      <c r="D9502">
        <v>0</v>
      </c>
    </row>
    <row r="9503" spans="1:4" x14ac:dyDescent="0.25">
      <c r="A9503" t="s">
        <v>14194</v>
      </c>
      <c r="B9503" t="s">
        <v>14197</v>
      </c>
      <c r="C9503">
        <v>1</v>
      </c>
      <c r="D9503">
        <v>0</v>
      </c>
    </row>
    <row r="9504" spans="1:4" x14ac:dyDescent="0.25">
      <c r="A9504" t="s">
        <v>14198</v>
      </c>
      <c r="B9504" t="s">
        <v>14199</v>
      </c>
      <c r="C9504">
        <v>1</v>
      </c>
      <c r="D9504">
        <v>0</v>
      </c>
    </row>
    <row r="9505" spans="1:4" x14ac:dyDescent="0.25">
      <c r="A9505" t="s">
        <v>14200</v>
      </c>
      <c r="B9505" t="s">
        <v>14201</v>
      </c>
      <c r="C9505">
        <v>1</v>
      </c>
      <c r="D9505">
        <v>0</v>
      </c>
    </row>
    <row r="9506" spans="1:4" x14ac:dyDescent="0.25">
      <c r="A9506" t="s">
        <v>14200</v>
      </c>
      <c r="B9506" t="s">
        <v>14202</v>
      </c>
      <c r="C9506">
        <v>2</v>
      </c>
      <c r="D9506">
        <v>0</v>
      </c>
    </row>
    <row r="9507" spans="1:4" x14ac:dyDescent="0.25">
      <c r="A9507" t="s">
        <v>14200</v>
      </c>
      <c r="B9507" t="s">
        <v>14203</v>
      </c>
      <c r="C9507">
        <v>1</v>
      </c>
      <c r="D9507">
        <v>0</v>
      </c>
    </row>
    <row r="9508" spans="1:4" x14ac:dyDescent="0.25">
      <c r="A9508" t="s">
        <v>14204</v>
      </c>
      <c r="B9508" t="s">
        <v>14205</v>
      </c>
      <c r="C9508">
        <v>1</v>
      </c>
      <c r="D9508">
        <v>0</v>
      </c>
    </row>
    <row r="9509" spans="1:4" x14ac:dyDescent="0.25">
      <c r="A9509" t="s">
        <v>14206</v>
      </c>
      <c r="B9509" t="s">
        <v>14207</v>
      </c>
      <c r="C9509">
        <v>1</v>
      </c>
      <c r="D9509">
        <v>0</v>
      </c>
    </row>
    <row r="9510" spans="1:4" x14ac:dyDescent="0.25">
      <c r="A9510" t="s">
        <v>14206</v>
      </c>
      <c r="B9510" t="s">
        <v>14208</v>
      </c>
      <c r="C9510">
        <v>1</v>
      </c>
      <c r="D9510">
        <v>0</v>
      </c>
    </row>
    <row r="9511" spans="1:4" x14ac:dyDescent="0.25">
      <c r="A9511" t="s">
        <v>14206</v>
      </c>
      <c r="B9511" t="s">
        <v>14209</v>
      </c>
      <c r="C9511">
        <v>1</v>
      </c>
      <c r="D9511">
        <v>0</v>
      </c>
    </row>
    <row r="9512" spans="1:4" x14ac:dyDescent="0.25">
      <c r="A9512" t="s">
        <v>14210</v>
      </c>
      <c r="B9512" t="s">
        <v>14211</v>
      </c>
      <c r="C9512">
        <v>0</v>
      </c>
      <c r="D9512">
        <v>0</v>
      </c>
    </row>
    <row r="9513" spans="1:4" x14ac:dyDescent="0.25">
      <c r="A9513" t="s">
        <v>14212</v>
      </c>
      <c r="B9513" t="s">
        <v>14213</v>
      </c>
      <c r="C9513">
        <v>1</v>
      </c>
      <c r="D9513">
        <v>0</v>
      </c>
    </row>
    <row r="9514" spans="1:4" x14ac:dyDescent="0.25">
      <c r="A9514" t="s">
        <v>14212</v>
      </c>
      <c r="B9514" t="s">
        <v>14214</v>
      </c>
      <c r="C9514">
        <v>1</v>
      </c>
      <c r="D9514">
        <v>0</v>
      </c>
    </row>
    <row r="9515" spans="1:4" x14ac:dyDescent="0.25">
      <c r="A9515" t="s">
        <v>14215</v>
      </c>
      <c r="B9515" t="s">
        <v>14216</v>
      </c>
      <c r="C9515">
        <v>0</v>
      </c>
      <c r="D9515">
        <v>0</v>
      </c>
    </row>
    <row r="9516" spans="1:4" x14ac:dyDescent="0.25">
      <c r="A9516" t="s">
        <v>14217</v>
      </c>
      <c r="B9516" t="s">
        <v>14218</v>
      </c>
      <c r="C9516">
        <v>1</v>
      </c>
      <c r="D9516">
        <v>0</v>
      </c>
    </row>
    <row r="9517" spans="1:4" x14ac:dyDescent="0.25">
      <c r="A9517" t="s">
        <v>14217</v>
      </c>
      <c r="B9517" t="s">
        <v>14219</v>
      </c>
      <c r="C9517">
        <v>0</v>
      </c>
      <c r="D9517">
        <v>0</v>
      </c>
    </row>
    <row r="9518" spans="1:4" x14ac:dyDescent="0.25">
      <c r="A9518" t="s">
        <v>14217</v>
      </c>
      <c r="B9518" t="s">
        <v>14220</v>
      </c>
      <c r="C9518">
        <v>1</v>
      </c>
      <c r="D9518">
        <v>0</v>
      </c>
    </row>
    <row r="9519" spans="1:4" x14ac:dyDescent="0.25">
      <c r="A9519" t="s">
        <v>14221</v>
      </c>
      <c r="B9519" t="s">
        <v>14222</v>
      </c>
      <c r="C9519">
        <v>1</v>
      </c>
      <c r="D9519">
        <v>0</v>
      </c>
    </row>
    <row r="9520" spans="1:4" x14ac:dyDescent="0.25">
      <c r="A9520" t="s">
        <v>14221</v>
      </c>
      <c r="B9520" t="s">
        <v>14223</v>
      </c>
      <c r="C9520">
        <v>1</v>
      </c>
      <c r="D9520">
        <v>0</v>
      </c>
    </row>
    <row r="9521" spans="1:4" x14ac:dyDescent="0.25">
      <c r="A9521" t="s">
        <v>14224</v>
      </c>
      <c r="B9521" t="s">
        <v>2052</v>
      </c>
      <c r="C9521">
        <v>0</v>
      </c>
      <c r="D9521">
        <v>0</v>
      </c>
    </row>
    <row r="9522" spans="1:4" x14ac:dyDescent="0.25">
      <c r="A9522" t="s">
        <v>14225</v>
      </c>
      <c r="B9522" t="s">
        <v>14226</v>
      </c>
      <c r="C9522">
        <v>1</v>
      </c>
      <c r="D9522">
        <v>0</v>
      </c>
    </row>
    <row r="9523" spans="1:4" x14ac:dyDescent="0.25">
      <c r="A9523" t="s">
        <v>14227</v>
      </c>
      <c r="B9523" t="s">
        <v>14228</v>
      </c>
      <c r="C9523">
        <v>0</v>
      </c>
      <c r="D9523">
        <v>0</v>
      </c>
    </row>
    <row r="9524" spans="1:4" x14ac:dyDescent="0.25">
      <c r="A9524" t="s">
        <v>14227</v>
      </c>
      <c r="B9524" t="s">
        <v>14229</v>
      </c>
      <c r="C9524">
        <v>0</v>
      </c>
      <c r="D9524">
        <v>0</v>
      </c>
    </row>
    <row r="9525" spans="1:4" x14ac:dyDescent="0.25">
      <c r="A9525" t="s">
        <v>14227</v>
      </c>
      <c r="B9525" t="s">
        <v>14230</v>
      </c>
      <c r="C9525">
        <v>2</v>
      </c>
      <c r="D9525">
        <v>0</v>
      </c>
    </row>
    <row r="9526" spans="1:4" x14ac:dyDescent="0.25">
      <c r="A9526" t="s">
        <v>14231</v>
      </c>
      <c r="B9526" t="s">
        <v>14232</v>
      </c>
      <c r="C9526">
        <v>1</v>
      </c>
      <c r="D9526">
        <v>0</v>
      </c>
    </row>
    <row r="9527" spans="1:4" x14ac:dyDescent="0.25">
      <c r="A9527" t="s">
        <v>14233</v>
      </c>
      <c r="B9527" t="s">
        <v>2061</v>
      </c>
      <c r="C9527">
        <v>0</v>
      </c>
      <c r="D9527">
        <v>0</v>
      </c>
    </row>
    <row r="9528" spans="1:4" x14ac:dyDescent="0.25">
      <c r="A9528" t="s">
        <v>14234</v>
      </c>
      <c r="B9528" t="s">
        <v>14235</v>
      </c>
      <c r="C9528">
        <v>0</v>
      </c>
      <c r="D9528">
        <v>0</v>
      </c>
    </row>
    <row r="9529" spans="1:4" x14ac:dyDescent="0.25">
      <c r="A9529" t="s">
        <v>14236</v>
      </c>
      <c r="B9529" t="s">
        <v>1283</v>
      </c>
      <c r="C9529">
        <v>0</v>
      </c>
      <c r="D9529">
        <v>0</v>
      </c>
    </row>
    <row r="9530" spans="1:4" x14ac:dyDescent="0.25">
      <c r="A9530" t="s">
        <v>14237</v>
      </c>
      <c r="B9530" t="s">
        <v>14238</v>
      </c>
      <c r="C9530">
        <v>2</v>
      </c>
      <c r="D9530">
        <v>0</v>
      </c>
    </row>
    <row r="9531" spans="1:4" x14ac:dyDescent="0.25">
      <c r="A9531" t="s">
        <v>14239</v>
      </c>
      <c r="B9531" t="s">
        <v>14240</v>
      </c>
      <c r="C9531">
        <v>1</v>
      </c>
      <c r="D9531">
        <v>0</v>
      </c>
    </row>
    <row r="9532" spans="1:4" x14ac:dyDescent="0.25">
      <c r="A9532" t="s">
        <v>14241</v>
      </c>
      <c r="B9532" t="s">
        <v>14242</v>
      </c>
      <c r="C9532">
        <v>1</v>
      </c>
      <c r="D9532">
        <v>0</v>
      </c>
    </row>
    <row r="9533" spans="1:4" x14ac:dyDescent="0.25">
      <c r="A9533" t="s">
        <v>14241</v>
      </c>
      <c r="B9533" t="s">
        <v>14243</v>
      </c>
      <c r="C9533">
        <v>2</v>
      </c>
      <c r="D9533">
        <v>0</v>
      </c>
    </row>
    <row r="9534" spans="1:4" x14ac:dyDescent="0.25">
      <c r="A9534" t="s">
        <v>14244</v>
      </c>
      <c r="B9534" t="s">
        <v>14245</v>
      </c>
      <c r="C9534">
        <v>0</v>
      </c>
      <c r="D9534">
        <v>0</v>
      </c>
    </row>
    <row r="9535" spans="1:4" x14ac:dyDescent="0.25">
      <c r="A9535" t="s">
        <v>14244</v>
      </c>
      <c r="B9535" t="s">
        <v>14246</v>
      </c>
      <c r="C9535">
        <v>1</v>
      </c>
      <c r="D9535">
        <v>0</v>
      </c>
    </row>
    <row r="9536" spans="1:4" x14ac:dyDescent="0.25">
      <c r="A9536" t="s">
        <v>14247</v>
      </c>
      <c r="B9536" t="s">
        <v>14248</v>
      </c>
      <c r="C9536">
        <v>1</v>
      </c>
      <c r="D9536">
        <v>0</v>
      </c>
    </row>
    <row r="9537" spans="1:4" x14ac:dyDescent="0.25">
      <c r="A9537" t="s">
        <v>14249</v>
      </c>
      <c r="B9537" t="s">
        <v>14250</v>
      </c>
      <c r="C9537">
        <v>0</v>
      </c>
      <c r="D9537">
        <v>0</v>
      </c>
    </row>
    <row r="9538" spans="1:4" x14ac:dyDescent="0.25">
      <c r="A9538" t="s">
        <v>14249</v>
      </c>
      <c r="B9538" t="s">
        <v>14251</v>
      </c>
      <c r="C9538">
        <v>1</v>
      </c>
      <c r="D9538">
        <v>0</v>
      </c>
    </row>
    <row r="9539" spans="1:4" x14ac:dyDescent="0.25">
      <c r="A9539" t="s">
        <v>14252</v>
      </c>
      <c r="B9539" t="s">
        <v>1499</v>
      </c>
      <c r="C9539">
        <v>1</v>
      </c>
      <c r="D9539">
        <v>0</v>
      </c>
    </row>
    <row r="9540" spans="1:4" x14ac:dyDescent="0.25">
      <c r="A9540" t="s">
        <v>14253</v>
      </c>
      <c r="B9540" t="s">
        <v>969</v>
      </c>
      <c r="C9540">
        <v>0</v>
      </c>
      <c r="D9540">
        <v>0</v>
      </c>
    </row>
    <row r="9541" spans="1:4" x14ac:dyDescent="0.25">
      <c r="A9541" t="s">
        <v>14254</v>
      </c>
      <c r="B9541" t="s">
        <v>14255</v>
      </c>
      <c r="C9541">
        <v>2</v>
      </c>
      <c r="D9541">
        <v>0</v>
      </c>
    </row>
    <row r="9542" spans="1:4" x14ac:dyDescent="0.25">
      <c r="A9542" t="s">
        <v>14256</v>
      </c>
      <c r="B9542" t="s">
        <v>14257</v>
      </c>
      <c r="C9542">
        <v>1</v>
      </c>
      <c r="D9542">
        <v>0</v>
      </c>
    </row>
    <row r="9543" spans="1:4" x14ac:dyDescent="0.25">
      <c r="A9543" t="s">
        <v>14256</v>
      </c>
      <c r="B9543" t="s">
        <v>14258</v>
      </c>
      <c r="C9543">
        <v>1</v>
      </c>
      <c r="D9543">
        <v>0</v>
      </c>
    </row>
    <row r="9544" spans="1:4" x14ac:dyDescent="0.25">
      <c r="A9544" t="s">
        <v>14259</v>
      </c>
      <c r="B9544" t="s">
        <v>14260</v>
      </c>
      <c r="C9544">
        <v>1</v>
      </c>
      <c r="D9544">
        <v>0</v>
      </c>
    </row>
    <row r="9545" spans="1:4" x14ac:dyDescent="0.25">
      <c r="A9545" t="s">
        <v>14259</v>
      </c>
      <c r="B9545" t="s">
        <v>14261</v>
      </c>
      <c r="C9545">
        <v>1</v>
      </c>
      <c r="D9545">
        <v>0</v>
      </c>
    </row>
    <row r="9546" spans="1:4" x14ac:dyDescent="0.25">
      <c r="A9546" t="s">
        <v>14259</v>
      </c>
      <c r="B9546" t="s">
        <v>14262</v>
      </c>
      <c r="C9546">
        <v>1</v>
      </c>
      <c r="D9546">
        <v>0</v>
      </c>
    </row>
    <row r="9547" spans="1:4" x14ac:dyDescent="0.25">
      <c r="A9547" t="s">
        <v>14263</v>
      </c>
      <c r="B9547" t="s">
        <v>14264</v>
      </c>
      <c r="C9547">
        <v>0</v>
      </c>
      <c r="D9547">
        <v>0</v>
      </c>
    </row>
    <row r="9548" spans="1:4" x14ac:dyDescent="0.25">
      <c r="A9548" t="s">
        <v>14265</v>
      </c>
      <c r="B9548" t="s">
        <v>14266</v>
      </c>
      <c r="C9548">
        <v>0</v>
      </c>
      <c r="D9548">
        <v>0</v>
      </c>
    </row>
    <row r="9549" spans="1:4" x14ac:dyDescent="0.25">
      <c r="A9549" t="s">
        <v>14267</v>
      </c>
      <c r="B9549" t="s">
        <v>14268</v>
      </c>
      <c r="C9549">
        <v>2</v>
      </c>
      <c r="D9549">
        <v>0</v>
      </c>
    </row>
    <row r="9550" spans="1:4" x14ac:dyDescent="0.25">
      <c r="A9550" t="s">
        <v>14269</v>
      </c>
      <c r="B9550" t="s">
        <v>14270</v>
      </c>
      <c r="C9550">
        <v>0</v>
      </c>
      <c r="D9550">
        <v>0</v>
      </c>
    </row>
    <row r="9551" spans="1:4" x14ac:dyDescent="0.25">
      <c r="A9551" t="s">
        <v>14269</v>
      </c>
      <c r="B9551" t="s">
        <v>14271</v>
      </c>
      <c r="C9551">
        <v>0</v>
      </c>
      <c r="D9551">
        <v>0</v>
      </c>
    </row>
    <row r="9552" spans="1:4" x14ac:dyDescent="0.25">
      <c r="A9552" t="s">
        <v>14272</v>
      </c>
      <c r="B9552" t="s">
        <v>14273</v>
      </c>
      <c r="C9552">
        <v>0</v>
      </c>
      <c r="D9552">
        <v>0</v>
      </c>
    </row>
    <row r="9553" spans="1:4" x14ac:dyDescent="0.25">
      <c r="A9553" t="s">
        <v>14272</v>
      </c>
      <c r="B9553" t="s">
        <v>14274</v>
      </c>
      <c r="C9553">
        <v>0</v>
      </c>
      <c r="D9553">
        <v>0</v>
      </c>
    </row>
    <row r="9554" spans="1:4" x14ac:dyDescent="0.25">
      <c r="A9554" t="s">
        <v>14275</v>
      </c>
      <c r="B9554" t="s">
        <v>1499</v>
      </c>
      <c r="C9554">
        <v>1</v>
      </c>
      <c r="D9554">
        <v>0</v>
      </c>
    </row>
    <row r="9555" spans="1:4" x14ac:dyDescent="0.25">
      <c r="A9555" t="s">
        <v>14276</v>
      </c>
      <c r="B9555" t="s">
        <v>14277</v>
      </c>
      <c r="C9555">
        <v>0</v>
      </c>
      <c r="D9555">
        <v>0</v>
      </c>
    </row>
    <row r="9556" spans="1:4" x14ac:dyDescent="0.25">
      <c r="A9556" t="s">
        <v>14278</v>
      </c>
      <c r="B9556" t="s">
        <v>14279</v>
      </c>
      <c r="C9556">
        <v>1</v>
      </c>
      <c r="D9556">
        <v>0</v>
      </c>
    </row>
    <row r="9557" spans="1:4" x14ac:dyDescent="0.25">
      <c r="A9557" t="s">
        <v>14278</v>
      </c>
      <c r="B9557" t="s">
        <v>4365</v>
      </c>
      <c r="C9557">
        <v>2</v>
      </c>
      <c r="D9557">
        <v>0</v>
      </c>
    </row>
    <row r="9558" spans="1:4" x14ac:dyDescent="0.25">
      <c r="A9558" t="s">
        <v>14278</v>
      </c>
      <c r="B9558" t="s">
        <v>969</v>
      </c>
      <c r="C9558">
        <v>0</v>
      </c>
      <c r="D9558">
        <v>0</v>
      </c>
    </row>
    <row r="9559" spans="1:4" x14ac:dyDescent="0.25">
      <c r="A9559" t="s">
        <v>14280</v>
      </c>
      <c r="B9559" t="s">
        <v>14281</v>
      </c>
      <c r="C9559">
        <v>0</v>
      </c>
      <c r="D9559">
        <v>0</v>
      </c>
    </row>
    <row r="9560" spans="1:4" x14ac:dyDescent="0.25">
      <c r="A9560" t="s">
        <v>14282</v>
      </c>
      <c r="B9560" t="s">
        <v>14283</v>
      </c>
      <c r="C9560">
        <v>0</v>
      </c>
      <c r="D9560">
        <v>0</v>
      </c>
    </row>
    <row r="9561" spans="1:4" x14ac:dyDescent="0.25">
      <c r="A9561" t="s">
        <v>14282</v>
      </c>
      <c r="B9561" t="s">
        <v>14284</v>
      </c>
      <c r="C9561">
        <v>0</v>
      </c>
      <c r="D9561">
        <v>0</v>
      </c>
    </row>
    <row r="9562" spans="1:4" x14ac:dyDescent="0.25">
      <c r="A9562" t="s">
        <v>14282</v>
      </c>
      <c r="B9562" t="s">
        <v>14285</v>
      </c>
      <c r="C9562">
        <v>0</v>
      </c>
      <c r="D9562">
        <v>0</v>
      </c>
    </row>
    <row r="9563" spans="1:4" x14ac:dyDescent="0.25">
      <c r="A9563" t="s">
        <v>14286</v>
      </c>
      <c r="B9563" t="s">
        <v>14287</v>
      </c>
      <c r="C9563">
        <v>0</v>
      </c>
      <c r="D9563">
        <v>0</v>
      </c>
    </row>
    <row r="9564" spans="1:4" x14ac:dyDescent="0.25">
      <c r="A9564" t="s">
        <v>14288</v>
      </c>
      <c r="B9564" t="s">
        <v>816</v>
      </c>
      <c r="C9564">
        <v>1</v>
      </c>
      <c r="D9564">
        <v>0</v>
      </c>
    </row>
    <row r="9565" spans="1:4" x14ac:dyDescent="0.25">
      <c r="A9565" t="s">
        <v>14288</v>
      </c>
      <c r="B9565" t="s">
        <v>14289</v>
      </c>
      <c r="C9565">
        <v>1</v>
      </c>
      <c r="D9565">
        <v>0</v>
      </c>
    </row>
    <row r="9566" spans="1:4" x14ac:dyDescent="0.25">
      <c r="A9566" t="s">
        <v>14290</v>
      </c>
      <c r="B9566" t="s">
        <v>14291</v>
      </c>
      <c r="C9566">
        <v>0</v>
      </c>
      <c r="D9566">
        <v>0</v>
      </c>
    </row>
    <row r="9567" spans="1:4" x14ac:dyDescent="0.25">
      <c r="A9567" t="s">
        <v>14292</v>
      </c>
      <c r="B9567" t="s">
        <v>14293</v>
      </c>
      <c r="C9567">
        <v>2</v>
      </c>
      <c r="D9567">
        <v>0</v>
      </c>
    </row>
    <row r="9568" spans="1:4" x14ac:dyDescent="0.25">
      <c r="A9568" t="s">
        <v>14294</v>
      </c>
      <c r="B9568" t="s">
        <v>14295</v>
      </c>
      <c r="C9568">
        <v>0</v>
      </c>
      <c r="D9568">
        <v>0</v>
      </c>
    </row>
    <row r="9569" spans="1:4" x14ac:dyDescent="0.25">
      <c r="A9569" t="s">
        <v>14296</v>
      </c>
      <c r="B9569" t="s">
        <v>888</v>
      </c>
      <c r="C9569">
        <v>1</v>
      </c>
      <c r="D9569">
        <v>0</v>
      </c>
    </row>
    <row r="9570" spans="1:4" x14ac:dyDescent="0.25">
      <c r="A9570" t="s">
        <v>14297</v>
      </c>
      <c r="B9570" t="s">
        <v>14298</v>
      </c>
      <c r="C9570">
        <v>1</v>
      </c>
      <c r="D9570">
        <v>0</v>
      </c>
    </row>
    <row r="9571" spans="1:4" x14ac:dyDescent="0.25">
      <c r="A9571" t="s">
        <v>14299</v>
      </c>
      <c r="B9571" t="s">
        <v>14300</v>
      </c>
      <c r="C9571">
        <v>0</v>
      </c>
      <c r="D9571">
        <v>0</v>
      </c>
    </row>
    <row r="9572" spans="1:4" x14ac:dyDescent="0.25">
      <c r="A9572" t="s">
        <v>14299</v>
      </c>
      <c r="B9572" t="s">
        <v>14301</v>
      </c>
      <c r="C9572">
        <v>1</v>
      </c>
      <c r="D9572">
        <v>0</v>
      </c>
    </row>
    <row r="9573" spans="1:4" x14ac:dyDescent="0.25">
      <c r="A9573" t="s">
        <v>14302</v>
      </c>
      <c r="B9573" t="s">
        <v>14303</v>
      </c>
      <c r="C9573">
        <v>2</v>
      </c>
      <c r="D9573">
        <v>0</v>
      </c>
    </row>
    <row r="9574" spans="1:4" x14ac:dyDescent="0.25">
      <c r="A9574" t="s">
        <v>14302</v>
      </c>
      <c r="B9574" t="s">
        <v>14304</v>
      </c>
      <c r="C9574">
        <v>2</v>
      </c>
      <c r="D9574">
        <v>0</v>
      </c>
    </row>
    <row r="9575" spans="1:4" x14ac:dyDescent="0.25">
      <c r="A9575" t="s">
        <v>14302</v>
      </c>
      <c r="B9575" t="s">
        <v>14305</v>
      </c>
      <c r="C9575">
        <v>2</v>
      </c>
      <c r="D9575">
        <v>0</v>
      </c>
    </row>
    <row r="9576" spans="1:4" x14ac:dyDescent="0.25">
      <c r="A9576" t="s">
        <v>14306</v>
      </c>
      <c r="B9576" t="s">
        <v>14307</v>
      </c>
      <c r="C9576">
        <v>2</v>
      </c>
      <c r="D9576">
        <v>0</v>
      </c>
    </row>
    <row r="9577" spans="1:4" x14ac:dyDescent="0.25">
      <c r="A9577" t="s">
        <v>14308</v>
      </c>
      <c r="B9577" t="s">
        <v>14309</v>
      </c>
      <c r="C9577">
        <v>1</v>
      </c>
      <c r="D9577">
        <v>0</v>
      </c>
    </row>
    <row r="9578" spans="1:4" x14ac:dyDescent="0.25">
      <c r="A9578" t="s">
        <v>14308</v>
      </c>
      <c r="B9578" t="s">
        <v>14310</v>
      </c>
      <c r="C9578">
        <v>1</v>
      </c>
      <c r="D9578">
        <v>0</v>
      </c>
    </row>
    <row r="9579" spans="1:4" x14ac:dyDescent="0.25">
      <c r="A9579" t="s">
        <v>14308</v>
      </c>
      <c r="B9579" t="s">
        <v>14311</v>
      </c>
      <c r="C9579">
        <v>1</v>
      </c>
      <c r="D9579">
        <v>0</v>
      </c>
    </row>
    <row r="9580" spans="1:4" x14ac:dyDescent="0.25">
      <c r="A9580" t="s">
        <v>14312</v>
      </c>
      <c r="B9580" t="s">
        <v>14313</v>
      </c>
      <c r="C9580">
        <v>0</v>
      </c>
      <c r="D9580">
        <v>0</v>
      </c>
    </row>
    <row r="9581" spans="1:4" x14ac:dyDescent="0.25">
      <c r="A9581" t="s">
        <v>14312</v>
      </c>
      <c r="B9581" t="s">
        <v>14314</v>
      </c>
      <c r="C9581">
        <v>1</v>
      </c>
      <c r="D9581">
        <v>0</v>
      </c>
    </row>
    <row r="9582" spans="1:4" x14ac:dyDescent="0.25">
      <c r="A9582" t="s">
        <v>14315</v>
      </c>
      <c r="B9582" t="s">
        <v>1499</v>
      </c>
      <c r="C9582">
        <v>1</v>
      </c>
      <c r="D9582">
        <v>0</v>
      </c>
    </row>
    <row r="9583" spans="1:4" x14ac:dyDescent="0.25">
      <c r="A9583" t="s">
        <v>14316</v>
      </c>
      <c r="B9583" t="s">
        <v>14317</v>
      </c>
      <c r="C9583">
        <v>0</v>
      </c>
      <c r="D9583">
        <v>0</v>
      </c>
    </row>
    <row r="9584" spans="1:4" x14ac:dyDescent="0.25">
      <c r="A9584" t="s">
        <v>14318</v>
      </c>
      <c r="B9584" t="s">
        <v>14319</v>
      </c>
      <c r="C9584">
        <v>0</v>
      </c>
      <c r="D9584">
        <v>0</v>
      </c>
    </row>
    <row r="9585" spans="1:4" x14ac:dyDescent="0.25">
      <c r="A9585" t="s">
        <v>14318</v>
      </c>
      <c r="B9585" t="s">
        <v>14320</v>
      </c>
      <c r="C9585">
        <v>1</v>
      </c>
      <c r="D9585">
        <v>0</v>
      </c>
    </row>
    <row r="9586" spans="1:4" x14ac:dyDescent="0.25">
      <c r="A9586" t="s">
        <v>14321</v>
      </c>
      <c r="B9586" t="s">
        <v>14322</v>
      </c>
      <c r="C9586">
        <v>0</v>
      </c>
      <c r="D9586">
        <v>0</v>
      </c>
    </row>
    <row r="9587" spans="1:4" x14ac:dyDescent="0.25">
      <c r="A9587" t="s">
        <v>14323</v>
      </c>
      <c r="B9587" t="s">
        <v>14324</v>
      </c>
      <c r="C9587">
        <v>1</v>
      </c>
      <c r="D9587">
        <v>0</v>
      </c>
    </row>
    <row r="9588" spans="1:4" x14ac:dyDescent="0.25">
      <c r="A9588" t="s">
        <v>14325</v>
      </c>
      <c r="B9588" t="s">
        <v>14326</v>
      </c>
      <c r="C9588">
        <v>1</v>
      </c>
      <c r="D9588">
        <v>0</v>
      </c>
    </row>
    <row r="9589" spans="1:4" x14ac:dyDescent="0.25">
      <c r="A9589" t="s">
        <v>14325</v>
      </c>
      <c r="B9589" t="s">
        <v>14327</v>
      </c>
      <c r="C9589">
        <v>1</v>
      </c>
      <c r="D9589">
        <v>0</v>
      </c>
    </row>
    <row r="9590" spans="1:4" x14ac:dyDescent="0.25">
      <c r="A9590" t="s">
        <v>14328</v>
      </c>
      <c r="B9590" t="s">
        <v>14329</v>
      </c>
      <c r="C9590">
        <v>2</v>
      </c>
      <c r="D9590">
        <v>0</v>
      </c>
    </row>
    <row r="9591" spans="1:4" x14ac:dyDescent="0.25">
      <c r="A9591" t="s">
        <v>14330</v>
      </c>
      <c r="B9591" t="s">
        <v>14331</v>
      </c>
      <c r="C9591">
        <v>2</v>
      </c>
      <c r="D9591">
        <v>0</v>
      </c>
    </row>
    <row r="9592" spans="1:4" x14ac:dyDescent="0.25">
      <c r="A9592" t="s">
        <v>14330</v>
      </c>
      <c r="B9592" t="s">
        <v>14332</v>
      </c>
      <c r="C9592">
        <v>1</v>
      </c>
      <c r="D9592">
        <v>0</v>
      </c>
    </row>
    <row r="9593" spans="1:4" x14ac:dyDescent="0.25">
      <c r="A9593" t="s">
        <v>14330</v>
      </c>
      <c r="B9593" t="s">
        <v>14333</v>
      </c>
      <c r="C9593">
        <v>2</v>
      </c>
      <c r="D9593">
        <v>0</v>
      </c>
    </row>
    <row r="9594" spans="1:4" x14ac:dyDescent="0.25">
      <c r="A9594" t="s">
        <v>14334</v>
      </c>
      <c r="B9594" t="s">
        <v>14335</v>
      </c>
      <c r="C9594">
        <v>0</v>
      </c>
      <c r="D9594">
        <v>0</v>
      </c>
    </row>
    <row r="9595" spans="1:4" x14ac:dyDescent="0.25">
      <c r="A9595" t="s">
        <v>14336</v>
      </c>
      <c r="B9595" t="s">
        <v>14337</v>
      </c>
      <c r="C9595">
        <v>2</v>
      </c>
      <c r="D9595">
        <v>0</v>
      </c>
    </row>
    <row r="9596" spans="1:4" x14ac:dyDescent="0.25">
      <c r="A9596" t="s">
        <v>14336</v>
      </c>
      <c r="B9596" t="s">
        <v>14338</v>
      </c>
      <c r="C9596">
        <v>2</v>
      </c>
      <c r="D9596">
        <v>0</v>
      </c>
    </row>
    <row r="9597" spans="1:4" x14ac:dyDescent="0.25">
      <c r="A9597" t="s">
        <v>14339</v>
      </c>
      <c r="B9597" t="s">
        <v>14340</v>
      </c>
      <c r="C9597">
        <v>1</v>
      </c>
      <c r="D9597">
        <v>0</v>
      </c>
    </row>
    <row r="9598" spans="1:4" x14ac:dyDescent="0.25">
      <c r="A9598" t="s">
        <v>14341</v>
      </c>
      <c r="B9598" t="s">
        <v>6061</v>
      </c>
      <c r="C9598">
        <v>0</v>
      </c>
      <c r="D9598">
        <v>0</v>
      </c>
    </row>
    <row r="9599" spans="1:4" x14ac:dyDescent="0.25">
      <c r="A9599" t="s">
        <v>14341</v>
      </c>
      <c r="B9599" t="s">
        <v>816</v>
      </c>
      <c r="C9599">
        <v>1</v>
      </c>
      <c r="D9599">
        <v>0</v>
      </c>
    </row>
    <row r="9600" spans="1:4" x14ac:dyDescent="0.25">
      <c r="A9600" t="s">
        <v>14342</v>
      </c>
      <c r="B9600" t="s">
        <v>3410</v>
      </c>
      <c r="C9600">
        <v>1</v>
      </c>
      <c r="D9600">
        <v>0</v>
      </c>
    </row>
    <row r="9601" spans="1:4" x14ac:dyDescent="0.25">
      <c r="A9601" t="s">
        <v>14343</v>
      </c>
      <c r="B9601" t="s">
        <v>14344</v>
      </c>
      <c r="C9601">
        <v>0</v>
      </c>
      <c r="D9601">
        <v>0</v>
      </c>
    </row>
    <row r="9602" spans="1:4" x14ac:dyDescent="0.25">
      <c r="A9602" t="s">
        <v>14343</v>
      </c>
      <c r="B9602" t="s">
        <v>14345</v>
      </c>
      <c r="C9602">
        <v>2</v>
      </c>
      <c r="D9602">
        <v>0</v>
      </c>
    </row>
    <row r="9603" spans="1:4" x14ac:dyDescent="0.25">
      <c r="A9603" t="s">
        <v>14343</v>
      </c>
      <c r="B9603" t="s">
        <v>14346</v>
      </c>
      <c r="C9603">
        <v>2</v>
      </c>
      <c r="D9603">
        <v>0</v>
      </c>
    </row>
    <row r="9604" spans="1:4" x14ac:dyDescent="0.25">
      <c r="A9604" t="s">
        <v>14347</v>
      </c>
      <c r="B9604" t="s">
        <v>14348</v>
      </c>
      <c r="C9604">
        <v>1</v>
      </c>
      <c r="D9604">
        <v>0</v>
      </c>
    </row>
    <row r="9605" spans="1:4" x14ac:dyDescent="0.25">
      <c r="A9605" t="s">
        <v>14347</v>
      </c>
      <c r="B9605" t="s">
        <v>14349</v>
      </c>
      <c r="C9605">
        <v>1</v>
      </c>
      <c r="D9605">
        <v>0</v>
      </c>
    </row>
    <row r="9606" spans="1:4" x14ac:dyDescent="0.25">
      <c r="A9606" t="s">
        <v>14350</v>
      </c>
      <c r="B9606" t="s">
        <v>14351</v>
      </c>
      <c r="C9606">
        <v>0</v>
      </c>
      <c r="D9606">
        <v>0</v>
      </c>
    </row>
    <row r="9607" spans="1:4" x14ac:dyDescent="0.25">
      <c r="A9607" t="s">
        <v>14350</v>
      </c>
      <c r="B9607" t="s">
        <v>14352</v>
      </c>
      <c r="C9607">
        <v>0</v>
      </c>
      <c r="D9607">
        <v>0</v>
      </c>
    </row>
    <row r="9608" spans="1:4" x14ac:dyDescent="0.25">
      <c r="A9608" t="s">
        <v>14350</v>
      </c>
      <c r="B9608" t="s">
        <v>14353</v>
      </c>
      <c r="C9608">
        <v>0</v>
      </c>
      <c r="D9608">
        <v>0</v>
      </c>
    </row>
    <row r="9609" spans="1:4" x14ac:dyDescent="0.25">
      <c r="A9609" t="s">
        <v>14354</v>
      </c>
      <c r="B9609" t="s">
        <v>14355</v>
      </c>
      <c r="C9609">
        <v>1</v>
      </c>
      <c r="D9609">
        <v>0</v>
      </c>
    </row>
    <row r="9610" spans="1:4" x14ac:dyDescent="0.25">
      <c r="A9610" t="s">
        <v>14356</v>
      </c>
      <c r="B9610" t="s">
        <v>14357</v>
      </c>
      <c r="C9610">
        <v>2</v>
      </c>
      <c r="D9610">
        <v>0</v>
      </c>
    </row>
    <row r="9611" spans="1:4" x14ac:dyDescent="0.25">
      <c r="A9611" t="s">
        <v>14356</v>
      </c>
      <c r="B9611" t="s">
        <v>14358</v>
      </c>
      <c r="C9611">
        <v>2</v>
      </c>
      <c r="D9611">
        <v>0</v>
      </c>
    </row>
    <row r="9612" spans="1:4" x14ac:dyDescent="0.25">
      <c r="A9612" t="s">
        <v>14356</v>
      </c>
      <c r="B9612" t="s">
        <v>14359</v>
      </c>
      <c r="C9612">
        <v>2</v>
      </c>
      <c r="D9612">
        <v>0</v>
      </c>
    </row>
    <row r="9613" spans="1:4" x14ac:dyDescent="0.25">
      <c r="A9613" t="s">
        <v>14360</v>
      </c>
      <c r="B9613" t="s">
        <v>14361</v>
      </c>
      <c r="C9613">
        <v>1</v>
      </c>
      <c r="D9613">
        <v>0</v>
      </c>
    </row>
    <row r="9614" spans="1:4" x14ac:dyDescent="0.25">
      <c r="A9614" t="s">
        <v>14360</v>
      </c>
      <c r="B9614" t="s">
        <v>14362</v>
      </c>
      <c r="C9614">
        <v>1</v>
      </c>
      <c r="D9614">
        <v>0</v>
      </c>
    </row>
    <row r="9615" spans="1:4" x14ac:dyDescent="0.25">
      <c r="A9615" t="s">
        <v>14360</v>
      </c>
      <c r="B9615" t="s">
        <v>14363</v>
      </c>
      <c r="C9615">
        <v>1</v>
      </c>
      <c r="D9615">
        <v>0</v>
      </c>
    </row>
    <row r="9616" spans="1:4" x14ac:dyDescent="0.25">
      <c r="A9616" t="s">
        <v>14364</v>
      </c>
      <c r="B9616" t="s">
        <v>14365</v>
      </c>
      <c r="C9616">
        <v>2</v>
      </c>
      <c r="D9616">
        <v>0</v>
      </c>
    </row>
    <row r="9617" spans="1:4" x14ac:dyDescent="0.25">
      <c r="A9617" t="s">
        <v>14366</v>
      </c>
      <c r="B9617" t="s">
        <v>14367</v>
      </c>
      <c r="C9617">
        <v>0</v>
      </c>
      <c r="D9617">
        <v>0</v>
      </c>
    </row>
    <row r="9618" spans="1:4" x14ac:dyDescent="0.25">
      <c r="A9618" t="s">
        <v>14368</v>
      </c>
      <c r="B9618" t="s">
        <v>14369</v>
      </c>
      <c r="C9618">
        <v>0</v>
      </c>
      <c r="D9618">
        <v>0</v>
      </c>
    </row>
    <row r="9619" spans="1:4" x14ac:dyDescent="0.25">
      <c r="A9619" t="s">
        <v>14368</v>
      </c>
      <c r="B9619" t="s">
        <v>2537</v>
      </c>
      <c r="C9619">
        <v>1</v>
      </c>
      <c r="D9619">
        <v>0</v>
      </c>
    </row>
    <row r="9620" spans="1:4" x14ac:dyDescent="0.25">
      <c r="A9620" t="s">
        <v>14370</v>
      </c>
      <c r="B9620" t="s">
        <v>14371</v>
      </c>
      <c r="C9620">
        <v>0</v>
      </c>
      <c r="D9620">
        <v>0</v>
      </c>
    </row>
    <row r="9621" spans="1:4" x14ac:dyDescent="0.25">
      <c r="A9621" t="s">
        <v>14372</v>
      </c>
      <c r="B9621" t="s">
        <v>14373</v>
      </c>
      <c r="C9621">
        <v>1</v>
      </c>
      <c r="D9621">
        <v>0</v>
      </c>
    </row>
    <row r="9622" spans="1:4" x14ac:dyDescent="0.25">
      <c r="A9622" t="s">
        <v>14372</v>
      </c>
      <c r="B9622" t="s">
        <v>14374</v>
      </c>
      <c r="C9622">
        <v>2</v>
      </c>
      <c r="D9622">
        <v>0</v>
      </c>
    </row>
    <row r="9623" spans="1:4" x14ac:dyDescent="0.25">
      <c r="A9623" t="s">
        <v>14372</v>
      </c>
      <c r="B9623" t="s">
        <v>14375</v>
      </c>
      <c r="C9623">
        <v>1</v>
      </c>
      <c r="D9623">
        <v>0</v>
      </c>
    </row>
    <row r="9624" spans="1:4" x14ac:dyDescent="0.25">
      <c r="A9624" t="s">
        <v>14376</v>
      </c>
      <c r="B9624" t="s">
        <v>14377</v>
      </c>
      <c r="C9624">
        <v>0</v>
      </c>
      <c r="D9624">
        <v>0</v>
      </c>
    </row>
    <row r="9625" spans="1:4" x14ac:dyDescent="0.25">
      <c r="A9625" t="s">
        <v>14376</v>
      </c>
      <c r="B9625" t="s">
        <v>14378</v>
      </c>
      <c r="C9625">
        <v>2</v>
      </c>
      <c r="D9625">
        <v>0</v>
      </c>
    </row>
    <row r="9626" spans="1:4" x14ac:dyDescent="0.25">
      <c r="A9626" t="s">
        <v>14379</v>
      </c>
      <c r="B9626" t="s">
        <v>14380</v>
      </c>
      <c r="C9626">
        <v>0</v>
      </c>
      <c r="D9626">
        <v>0</v>
      </c>
    </row>
    <row r="9627" spans="1:4" x14ac:dyDescent="0.25">
      <c r="A9627" t="s">
        <v>14381</v>
      </c>
      <c r="B9627" t="s">
        <v>14382</v>
      </c>
      <c r="C9627">
        <v>1</v>
      </c>
      <c r="D9627">
        <v>0</v>
      </c>
    </row>
    <row r="9628" spans="1:4" x14ac:dyDescent="0.25">
      <c r="A9628" t="s">
        <v>14383</v>
      </c>
      <c r="B9628" t="s">
        <v>12217</v>
      </c>
      <c r="C9628">
        <v>1</v>
      </c>
      <c r="D9628">
        <v>0</v>
      </c>
    </row>
    <row r="9629" spans="1:4" x14ac:dyDescent="0.25">
      <c r="A9629" t="s">
        <v>14384</v>
      </c>
      <c r="B9629" t="s">
        <v>14385</v>
      </c>
      <c r="C9629">
        <v>1</v>
      </c>
      <c r="D9629">
        <v>0</v>
      </c>
    </row>
    <row r="9630" spans="1:4" x14ac:dyDescent="0.25">
      <c r="A9630" t="s">
        <v>14384</v>
      </c>
      <c r="B9630" t="s">
        <v>14386</v>
      </c>
      <c r="C9630">
        <v>1</v>
      </c>
      <c r="D9630">
        <v>0</v>
      </c>
    </row>
    <row r="9631" spans="1:4" x14ac:dyDescent="0.25">
      <c r="A9631" t="s">
        <v>14387</v>
      </c>
      <c r="B9631" t="s">
        <v>14388</v>
      </c>
      <c r="C9631">
        <v>1</v>
      </c>
      <c r="D9631">
        <v>0</v>
      </c>
    </row>
    <row r="9632" spans="1:4" x14ac:dyDescent="0.25">
      <c r="A9632" t="s">
        <v>14387</v>
      </c>
      <c r="B9632" t="s">
        <v>14389</v>
      </c>
      <c r="C9632">
        <v>1</v>
      </c>
      <c r="D9632">
        <v>0</v>
      </c>
    </row>
    <row r="9633" spans="1:4" x14ac:dyDescent="0.25">
      <c r="A9633" t="s">
        <v>14387</v>
      </c>
      <c r="B9633" t="s">
        <v>14390</v>
      </c>
      <c r="C9633">
        <v>1</v>
      </c>
      <c r="D9633">
        <v>0</v>
      </c>
    </row>
    <row r="9634" spans="1:4" x14ac:dyDescent="0.25">
      <c r="A9634" t="s">
        <v>14391</v>
      </c>
      <c r="B9634" t="s">
        <v>14392</v>
      </c>
      <c r="C9634">
        <v>1</v>
      </c>
      <c r="D9634">
        <v>0</v>
      </c>
    </row>
    <row r="9635" spans="1:4" x14ac:dyDescent="0.25">
      <c r="A9635" t="s">
        <v>14391</v>
      </c>
      <c r="B9635" t="s">
        <v>14393</v>
      </c>
      <c r="C9635">
        <v>1</v>
      </c>
      <c r="D9635">
        <v>0</v>
      </c>
    </row>
    <row r="9636" spans="1:4" x14ac:dyDescent="0.25">
      <c r="A9636" t="s">
        <v>14394</v>
      </c>
      <c r="B9636" t="s">
        <v>14395</v>
      </c>
      <c r="C9636">
        <v>1</v>
      </c>
      <c r="D9636">
        <v>0</v>
      </c>
    </row>
    <row r="9637" spans="1:4" x14ac:dyDescent="0.25">
      <c r="A9637" t="s">
        <v>14394</v>
      </c>
      <c r="B9637" t="s">
        <v>14396</v>
      </c>
      <c r="C9637">
        <v>2</v>
      </c>
      <c r="D9637">
        <v>0</v>
      </c>
    </row>
    <row r="9638" spans="1:4" x14ac:dyDescent="0.25">
      <c r="A9638" t="s">
        <v>14394</v>
      </c>
      <c r="B9638" t="s">
        <v>14397</v>
      </c>
      <c r="C9638">
        <v>0</v>
      </c>
      <c r="D9638">
        <v>0</v>
      </c>
    </row>
    <row r="9639" spans="1:4" x14ac:dyDescent="0.25">
      <c r="A9639" t="s">
        <v>14398</v>
      </c>
      <c r="B9639" t="s">
        <v>14399</v>
      </c>
      <c r="C9639">
        <v>1</v>
      </c>
      <c r="D9639">
        <v>0</v>
      </c>
    </row>
    <row r="9640" spans="1:4" x14ac:dyDescent="0.25">
      <c r="A9640" t="s">
        <v>14398</v>
      </c>
      <c r="B9640" t="s">
        <v>14400</v>
      </c>
      <c r="C9640">
        <v>1</v>
      </c>
      <c r="D9640">
        <v>0</v>
      </c>
    </row>
    <row r="9641" spans="1:4" x14ac:dyDescent="0.25">
      <c r="A9641" t="s">
        <v>14398</v>
      </c>
      <c r="B9641" t="s">
        <v>14401</v>
      </c>
      <c r="C9641">
        <v>1</v>
      </c>
      <c r="D9641">
        <v>0</v>
      </c>
    </row>
    <row r="9642" spans="1:4" x14ac:dyDescent="0.25">
      <c r="A9642" t="s">
        <v>14402</v>
      </c>
      <c r="B9642" t="s">
        <v>14403</v>
      </c>
      <c r="C9642">
        <v>1</v>
      </c>
      <c r="D9642">
        <v>0</v>
      </c>
    </row>
    <row r="9643" spans="1:4" x14ac:dyDescent="0.25">
      <c r="A9643" t="s">
        <v>14402</v>
      </c>
      <c r="B9643" t="s">
        <v>14404</v>
      </c>
      <c r="C9643">
        <v>1</v>
      </c>
      <c r="D9643">
        <v>0</v>
      </c>
    </row>
    <row r="9644" spans="1:4" x14ac:dyDescent="0.25">
      <c r="A9644" t="s">
        <v>14405</v>
      </c>
      <c r="B9644" t="s">
        <v>14406</v>
      </c>
      <c r="C9644">
        <v>2</v>
      </c>
      <c r="D9644">
        <v>0</v>
      </c>
    </row>
    <row r="9645" spans="1:4" x14ac:dyDescent="0.25">
      <c r="A9645" t="s">
        <v>14407</v>
      </c>
      <c r="B9645" t="s">
        <v>14408</v>
      </c>
      <c r="C9645">
        <v>2</v>
      </c>
      <c r="D9645">
        <v>0</v>
      </c>
    </row>
    <row r="9646" spans="1:4" x14ac:dyDescent="0.25">
      <c r="A9646" t="s">
        <v>14407</v>
      </c>
      <c r="B9646" t="s">
        <v>14409</v>
      </c>
      <c r="C9646">
        <v>1</v>
      </c>
      <c r="D9646">
        <v>0</v>
      </c>
    </row>
    <row r="9647" spans="1:4" x14ac:dyDescent="0.25">
      <c r="A9647" t="s">
        <v>14407</v>
      </c>
      <c r="B9647" t="s">
        <v>14410</v>
      </c>
      <c r="C9647">
        <v>1</v>
      </c>
      <c r="D9647">
        <v>0</v>
      </c>
    </row>
    <row r="9648" spans="1:4" x14ac:dyDescent="0.25">
      <c r="A9648" t="s">
        <v>14411</v>
      </c>
      <c r="B9648" t="s">
        <v>14412</v>
      </c>
      <c r="C9648">
        <v>2</v>
      </c>
      <c r="D9648">
        <v>0</v>
      </c>
    </row>
    <row r="9649" spans="1:4" x14ac:dyDescent="0.25">
      <c r="A9649" t="s">
        <v>14411</v>
      </c>
      <c r="B9649" t="s">
        <v>14413</v>
      </c>
      <c r="C9649">
        <v>1</v>
      </c>
      <c r="D9649">
        <v>0</v>
      </c>
    </row>
    <row r="9650" spans="1:4" x14ac:dyDescent="0.25">
      <c r="A9650" t="s">
        <v>14414</v>
      </c>
      <c r="B9650" t="s">
        <v>14415</v>
      </c>
      <c r="C9650">
        <v>1</v>
      </c>
      <c r="D9650">
        <v>0</v>
      </c>
    </row>
    <row r="9651" spans="1:4" x14ac:dyDescent="0.25">
      <c r="A9651" t="s">
        <v>14414</v>
      </c>
      <c r="B9651" t="s">
        <v>14416</v>
      </c>
      <c r="C9651">
        <v>1</v>
      </c>
      <c r="D9651">
        <v>0</v>
      </c>
    </row>
    <row r="9652" spans="1:4" x14ac:dyDescent="0.25">
      <c r="A9652" t="s">
        <v>14417</v>
      </c>
      <c r="B9652" t="s">
        <v>14418</v>
      </c>
      <c r="C9652">
        <v>1</v>
      </c>
      <c r="D9652">
        <v>0</v>
      </c>
    </row>
    <row r="9653" spans="1:4" x14ac:dyDescent="0.25">
      <c r="A9653" t="s">
        <v>14417</v>
      </c>
      <c r="B9653" t="s">
        <v>14419</v>
      </c>
      <c r="C9653">
        <v>0</v>
      </c>
      <c r="D9653">
        <v>0</v>
      </c>
    </row>
    <row r="9654" spans="1:4" x14ac:dyDescent="0.25">
      <c r="A9654" t="s">
        <v>14417</v>
      </c>
      <c r="B9654" t="s">
        <v>14420</v>
      </c>
      <c r="C9654">
        <v>0</v>
      </c>
      <c r="D9654">
        <v>0</v>
      </c>
    </row>
    <row r="9655" spans="1:4" x14ac:dyDescent="0.25">
      <c r="A9655" t="s">
        <v>14421</v>
      </c>
      <c r="B9655" t="s">
        <v>14422</v>
      </c>
      <c r="C9655">
        <v>0</v>
      </c>
      <c r="D9655">
        <v>0</v>
      </c>
    </row>
    <row r="9656" spans="1:4" x14ac:dyDescent="0.25">
      <c r="A9656" t="s">
        <v>14423</v>
      </c>
      <c r="B9656" t="s">
        <v>14424</v>
      </c>
      <c r="C9656">
        <v>0</v>
      </c>
      <c r="D9656">
        <v>0</v>
      </c>
    </row>
    <row r="9657" spans="1:4" x14ac:dyDescent="0.25">
      <c r="A9657" t="s">
        <v>14423</v>
      </c>
      <c r="B9657" t="s">
        <v>14425</v>
      </c>
      <c r="C9657">
        <v>2</v>
      </c>
      <c r="D9657">
        <v>0</v>
      </c>
    </row>
    <row r="9658" spans="1:4" x14ac:dyDescent="0.25">
      <c r="A9658" t="s">
        <v>14426</v>
      </c>
      <c r="B9658" t="s">
        <v>14427</v>
      </c>
      <c r="C9658">
        <v>1</v>
      </c>
      <c r="D9658">
        <v>0</v>
      </c>
    </row>
    <row r="9659" spans="1:4" x14ac:dyDescent="0.25">
      <c r="A9659" t="s">
        <v>14428</v>
      </c>
      <c r="B9659" t="s">
        <v>14429</v>
      </c>
      <c r="C9659">
        <v>1</v>
      </c>
      <c r="D9659">
        <v>0</v>
      </c>
    </row>
    <row r="9660" spans="1:4" x14ac:dyDescent="0.25">
      <c r="A9660" t="s">
        <v>14430</v>
      </c>
      <c r="B9660" t="s">
        <v>1526</v>
      </c>
      <c r="C9660">
        <v>1</v>
      </c>
      <c r="D9660">
        <v>0</v>
      </c>
    </row>
    <row r="9661" spans="1:4" x14ac:dyDescent="0.25">
      <c r="A9661" t="s">
        <v>14431</v>
      </c>
      <c r="B9661" t="s">
        <v>14432</v>
      </c>
      <c r="C9661">
        <v>1</v>
      </c>
      <c r="D9661">
        <v>0</v>
      </c>
    </row>
    <row r="9662" spans="1:4" x14ac:dyDescent="0.25">
      <c r="A9662" t="s">
        <v>14431</v>
      </c>
      <c r="B9662" t="s">
        <v>14433</v>
      </c>
      <c r="C9662">
        <v>2</v>
      </c>
      <c r="D9662">
        <v>0</v>
      </c>
    </row>
    <row r="9663" spans="1:4" x14ac:dyDescent="0.25">
      <c r="A9663" t="s">
        <v>14431</v>
      </c>
      <c r="B9663" t="s">
        <v>14434</v>
      </c>
      <c r="C9663">
        <v>2</v>
      </c>
      <c r="D9663">
        <v>0</v>
      </c>
    </row>
    <row r="9664" spans="1:4" x14ac:dyDescent="0.25">
      <c r="A9664" t="s">
        <v>14435</v>
      </c>
      <c r="B9664" t="s">
        <v>14436</v>
      </c>
      <c r="C9664">
        <v>2</v>
      </c>
      <c r="D9664">
        <v>0</v>
      </c>
    </row>
    <row r="9665" spans="1:4" x14ac:dyDescent="0.25">
      <c r="A9665" t="s">
        <v>14437</v>
      </c>
      <c r="B9665" t="s">
        <v>852</v>
      </c>
      <c r="C9665">
        <v>0</v>
      </c>
      <c r="D9665">
        <v>0</v>
      </c>
    </row>
    <row r="9666" spans="1:4" x14ac:dyDescent="0.25">
      <c r="A9666" t="s">
        <v>14438</v>
      </c>
      <c r="B9666" t="s">
        <v>14439</v>
      </c>
      <c r="C9666">
        <v>2</v>
      </c>
      <c r="D9666">
        <v>0</v>
      </c>
    </row>
    <row r="9667" spans="1:4" x14ac:dyDescent="0.25">
      <c r="A9667" t="s">
        <v>14440</v>
      </c>
      <c r="B9667" t="s">
        <v>14441</v>
      </c>
      <c r="C9667">
        <v>2</v>
      </c>
      <c r="D9667">
        <v>0</v>
      </c>
    </row>
    <row r="9668" spans="1:4" x14ac:dyDescent="0.25">
      <c r="A9668" t="s">
        <v>14442</v>
      </c>
      <c r="B9668" t="s">
        <v>14443</v>
      </c>
      <c r="C9668">
        <v>1</v>
      </c>
      <c r="D9668">
        <v>0</v>
      </c>
    </row>
    <row r="9669" spans="1:4" x14ac:dyDescent="0.25">
      <c r="A9669" t="s">
        <v>14444</v>
      </c>
      <c r="B9669" t="s">
        <v>14445</v>
      </c>
      <c r="C9669">
        <v>1</v>
      </c>
      <c r="D9669">
        <v>0</v>
      </c>
    </row>
    <row r="9670" spans="1:4" x14ac:dyDescent="0.25">
      <c r="A9670" t="s">
        <v>14446</v>
      </c>
      <c r="B9670" t="s">
        <v>843</v>
      </c>
      <c r="C9670">
        <v>1</v>
      </c>
      <c r="D9670">
        <v>0</v>
      </c>
    </row>
    <row r="9671" spans="1:4" x14ac:dyDescent="0.25">
      <c r="A9671" t="s">
        <v>14447</v>
      </c>
      <c r="B9671" t="s">
        <v>14448</v>
      </c>
      <c r="C9671">
        <v>1</v>
      </c>
      <c r="D9671">
        <v>0</v>
      </c>
    </row>
    <row r="9672" spans="1:4" x14ac:dyDescent="0.25">
      <c r="A9672" t="s">
        <v>14447</v>
      </c>
      <c r="B9672" t="s">
        <v>14449</v>
      </c>
      <c r="C9672">
        <v>2</v>
      </c>
      <c r="D9672">
        <v>0</v>
      </c>
    </row>
    <row r="9673" spans="1:4" x14ac:dyDescent="0.25">
      <c r="A9673" t="s">
        <v>14447</v>
      </c>
      <c r="B9673" t="s">
        <v>14450</v>
      </c>
      <c r="C9673">
        <v>1</v>
      </c>
      <c r="D9673">
        <v>0</v>
      </c>
    </row>
    <row r="9674" spans="1:4" x14ac:dyDescent="0.25">
      <c r="A9674" t="s">
        <v>14451</v>
      </c>
      <c r="B9674" t="s">
        <v>14452</v>
      </c>
      <c r="C9674">
        <v>2</v>
      </c>
      <c r="D9674">
        <v>0</v>
      </c>
    </row>
    <row r="9675" spans="1:4" x14ac:dyDescent="0.25">
      <c r="A9675" t="s">
        <v>14451</v>
      </c>
      <c r="B9675" t="s">
        <v>14453</v>
      </c>
      <c r="C9675">
        <v>2</v>
      </c>
      <c r="D9675">
        <v>0</v>
      </c>
    </row>
    <row r="9676" spans="1:4" x14ac:dyDescent="0.25">
      <c r="A9676" t="s">
        <v>14451</v>
      </c>
      <c r="B9676" t="s">
        <v>14454</v>
      </c>
      <c r="C9676">
        <v>0</v>
      </c>
      <c r="D9676">
        <v>0</v>
      </c>
    </row>
    <row r="9677" spans="1:4" x14ac:dyDescent="0.25">
      <c r="A9677" t="s">
        <v>14455</v>
      </c>
      <c r="B9677" t="s">
        <v>1001</v>
      </c>
      <c r="C9677">
        <v>1</v>
      </c>
      <c r="D9677">
        <v>0</v>
      </c>
    </row>
    <row r="9678" spans="1:4" x14ac:dyDescent="0.25">
      <c r="A9678" t="s">
        <v>14456</v>
      </c>
      <c r="B9678" t="s">
        <v>14457</v>
      </c>
      <c r="C9678">
        <v>1</v>
      </c>
      <c r="D9678">
        <v>0</v>
      </c>
    </row>
    <row r="9679" spans="1:4" x14ac:dyDescent="0.25">
      <c r="A9679" t="s">
        <v>14458</v>
      </c>
      <c r="B9679" t="s">
        <v>14459</v>
      </c>
      <c r="C9679">
        <v>1</v>
      </c>
      <c r="D9679">
        <v>0</v>
      </c>
    </row>
    <row r="9680" spans="1:4" x14ac:dyDescent="0.25">
      <c r="A9680" t="s">
        <v>14460</v>
      </c>
      <c r="B9680" t="s">
        <v>14461</v>
      </c>
      <c r="C9680">
        <v>1</v>
      </c>
      <c r="D9680">
        <v>0</v>
      </c>
    </row>
    <row r="9681" spans="1:4" x14ac:dyDescent="0.25">
      <c r="A9681" t="s">
        <v>14462</v>
      </c>
      <c r="B9681" t="s">
        <v>9425</v>
      </c>
      <c r="C9681">
        <v>0</v>
      </c>
      <c r="D9681">
        <v>0</v>
      </c>
    </row>
    <row r="9682" spans="1:4" x14ac:dyDescent="0.25">
      <c r="A9682" t="s">
        <v>14463</v>
      </c>
      <c r="B9682" t="s">
        <v>14464</v>
      </c>
      <c r="C9682">
        <v>0</v>
      </c>
      <c r="D9682">
        <v>0</v>
      </c>
    </row>
    <row r="9683" spans="1:4" x14ac:dyDescent="0.25">
      <c r="A9683" t="s">
        <v>14465</v>
      </c>
      <c r="B9683" t="s">
        <v>14466</v>
      </c>
      <c r="C9683">
        <v>0</v>
      </c>
      <c r="D9683">
        <v>0</v>
      </c>
    </row>
    <row r="9684" spans="1:4" x14ac:dyDescent="0.25">
      <c r="A9684" t="s">
        <v>14465</v>
      </c>
      <c r="B9684" t="s">
        <v>14467</v>
      </c>
      <c r="C9684">
        <v>2</v>
      </c>
      <c r="D9684">
        <v>0</v>
      </c>
    </row>
    <row r="9685" spans="1:4" x14ac:dyDescent="0.25">
      <c r="A9685" t="s">
        <v>14468</v>
      </c>
      <c r="B9685" t="s">
        <v>14469</v>
      </c>
      <c r="C9685">
        <v>0</v>
      </c>
      <c r="D9685">
        <v>0</v>
      </c>
    </row>
    <row r="9686" spans="1:4" x14ac:dyDescent="0.25">
      <c r="A9686" t="s">
        <v>14468</v>
      </c>
      <c r="B9686" t="s">
        <v>1294</v>
      </c>
      <c r="C9686">
        <v>1</v>
      </c>
      <c r="D9686">
        <v>0</v>
      </c>
    </row>
    <row r="9687" spans="1:4" x14ac:dyDescent="0.25">
      <c r="A9687" t="s">
        <v>14468</v>
      </c>
      <c r="B9687" t="s">
        <v>14470</v>
      </c>
      <c r="C9687">
        <v>1</v>
      </c>
      <c r="D9687">
        <v>0</v>
      </c>
    </row>
    <row r="9688" spans="1:4" x14ac:dyDescent="0.25">
      <c r="A9688" t="s">
        <v>14471</v>
      </c>
      <c r="B9688" t="s">
        <v>2267</v>
      </c>
      <c r="C9688">
        <v>0</v>
      </c>
      <c r="D9688">
        <v>0</v>
      </c>
    </row>
    <row r="9689" spans="1:4" x14ac:dyDescent="0.25">
      <c r="A9689" t="s">
        <v>14471</v>
      </c>
      <c r="B9689" t="s">
        <v>1101</v>
      </c>
      <c r="C9689">
        <v>1</v>
      </c>
      <c r="D9689">
        <v>0</v>
      </c>
    </row>
    <row r="9690" spans="1:4" x14ac:dyDescent="0.25">
      <c r="A9690" t="s">
        <v>14472</v>
      </c>
      <c r="B9690" t="s">
        <v>14473</v>
      </c>
      <c r="C9690">
        <v>1</v>
      </c>
      <c r="D9690">
        <v>0</v>
      </c>
    </row>
    <row r="9691" spans="1:4" x14ac:dyDescent="0.25">
      <c r="A9691" t="s">
        <v>14474</v>
      </c>
      <c r="B9691" t="s">
        <v>14475</v>
      </c>
      <c r="C9691">
        <v>0</v>
      </c>
      <c r="D9691">
        <v>0</v>
      </c>
    </row>
    <row r="9692" spans="1:4" x14ac:dyDescent="0.25">
      <c r="A9692" t="s">
        <v>14474</v>
      </c>
      <c r="B9692" t="s">
        <v>14476</v>
      </c>
      <c r="C9692">
        <v>1</v>
      </c>
      <c r="D9692">
        <v>0</v>
      </c>
    </row>
    <row r="9693" spans="1:4" x14ac:dyDescent="0.25">
      <c r="A9693" t="s">
        <v>14474</v>
      </c>
      <c r="B9693" t="s">
        <v>14477</v>
      </c>
      <c r="C9693">
        <v>2</v>
      </c>
      <c r="D9693">
        <v>0</v>
      </c>
    </row>
    <row r="9694" spans="1:4" x14ac:dyDescent="0.25">
      <c r="A9694" t="s">
        <v>14478</v>
      </c>
      <c r="B9694" t="s">
        <v>14479</v>
      </c>
      <c r="C9694">
        <v>0</v>
      </c>
      <c r="D9694">
        <v>0</v>
      </c>
    </row>
    <row r="9695" spans="1:4" x14ac:dyDescent="0.25">
      <c r="A9695" t="s">
        <v>14480</v>
      </c>
      <c r="B9695" t="s">
        <v>14481</v>
      </c>
      <c r="C9695">
        <v>1</v>
      </c>
      <c r="D9695">
        <v>0</v>
      </c>
    </row>
    <row r="9696" spans="1:4" x14ac:dyDescent="0.25">
      <c r="A9696" t="s">
        <v>14482</v>
      </c>
      <c r="B9696" t="s">
        <v>14483</v>
      </c>
      <c r="C9696">
        <v>2</v>
      </c>
      <c r="D9696">
        <v>0</v>
      </c>
    </row>
    <row r="9697" spans="1:4" x14ac:dyDescent="0.25">
      <c r="A9697" t="s">
        <v>14482</v>
      </c>
      <c r="B9697" t="s">
        <v>14484</v>
      </c>
      <c r="C9697">
        <v>2</v>
      </c>
      <c r="D9697">
        <v>0</v>
      </c>
    </row>
    <row r="9698" spans="1:4" x14ac:dyDescent="0.25">
      <c r="A9698" t="s">
        <v>14482</v>
      </c>
      <c r="B9698" t="s">
        <v>14485</v>
      </c>
      <c r="C9698">
        <v>1</v>
      </c>
      <c r="D9698">
        <v>0</v>
      </c>
    </row>
    <row r="9699" spans="1:4" x14ac:dyDescent="0.25">
      <c r="A9699" t="s">
        <v>14486</v>
      </c>
      <c r="B9699" t="s">
        <v>14487</v>
      </c>
      <c r="C9699">
        <v>0</v>
      </c>
      <c r="D9699">
        <v>0</v>
      </c>
    </row>
    <row r="9700" spans="1:4" x14ac:dyDescent="0.25">
      <c r="A9700" t="s">
        <v>14488</v>
      </c>
      <c r="B9700" t="s">
        <v>14489</v>
      </c>
      <c r="C9700">
        <v>0</v>
      </c>
      <c r="D9700">
        <v>0</v>
      </c>
    </row>
    <row r="9701" spans="1:4" x14ac:dyDescent="0.25">
      <c r="A9701" t="s">
        <v>14488</v>
      </c>
      <c r="B9701" t="s">
        <v>14490</v>
      </c>
      <c r="C9701">
        <v>0</v>
      </c>
      <c r="D9701">
        <v>0</v>
      </c>
    </row>
    <row r="9702" spans="1:4" x14ac:dyDescent="0.25">
      <c r="A9702" t="s">
        <v>14488</v>
      </c>
      <c r="B9702" t="s">
        <v>14491</v>
      </c>
      <c r="C9702">
        <v>1</v>
      </c>
      <c r="D9702">
        <v>0</v>
      </c>
    </row>
    <row r="9703" spans="1:4" x14ac:dyDescent="0.25">
      <c r="A9703" t="s">
        <v>14492</v>
      </c>
      <c r="B9703" t="s">
        <v>14493</v>
      </c>
      <c r="C9703">
        <v>1</v>
      </c>
      <c r="D9703">
        <v>0</v>
      </c>
    </row>
    <row r="9704" spans="1:4" x14ac:dyDescent="0.25">
      <c r="A9704" t="s">
        <v>14492</v>
      </c>
      <c r="B9704" t="s">
        <v>14494</v>
      </c>
      <c r="C9704">
        <v>1</v>
      </c>
      <c r="D9704">
        <v>0</v>
      </c>
    </row>
    <row r="9705" spans="1:4" x14ac:dyDescent="0.25">
      <c r="A9705" t="s">
        <v>14495</v>
      </c>
      <c r="B9705" t="s">
        <v>14496</v>
      </c>
      <c r="C9705">
        <v>1</v>
      </c>
      <c r="D9705">
        <v>0</v>
      </c>
    </row>
    <row r="9706" spans="1:4" x14ac:dyDescent="0.25">
      <c r="A9706" t="s">
        <v>14497</v>
      </c>
      <c r="B9706" t="s">
        <v>14498</v>
      </c>
      <c r="C9706">
        <v>1</v>
      </c>
      <c r="D9706">
        <v>0</v>
      </c>
    </row>
    <row r="9707" spans="1:4" x14ac:dyDescent="0.25">
      <c r="A9707" t="s">
        <v>14499</v>
      </c>
      <c r="B9707" t="s">
        <v>2267</v>
      </c>
      <c r="C9707">
        <v>0</v>
      </c>
      <c r="D9707">
        <v>0</v>
      </c>
    </row>
    <row r="9708" spans="1:4" x14ac:dyDescent="0.25">
      <c r="A9708" t="s">
        <v>14500</v>
      </c>
      <c r="B9708" t="s">
        <v>14501</v>
      </c>
      <c r="C9708">
        <v>1</v>
      </c>
      <c r="D9708">
        <v>0</v>
      </c>
    </row>
    <row r="9709" spans="1:4" x14ac:dyDescent="0.25">
      <c r="A9709" t="s">
        <v>14500</v>
      </c>
      <c r="B9709" t="s">
        <v>14502</v>
      </c>
      <c r="C9709">
        <v>1</v>
      </c>
      <c r="D9709">
        <v>0</v>
      </c>
    </row>
    <row r="9710" spans="1:4" x14ac:dyDescent="0.25">
      <c r="A9710" t="s">
        <v>14500</v>
      </c>
      <c r="B9710" t="s">
        <v>14503</v>
      </c>
      <c r="C9710">
        <v>1</v>
      </c>
      <c r="D9710">
        <v>0</v>
      </c>
    </row>
    <row r="9711" spans="1:4" x14ac:dyDescent="0.25">
      <c r="A9711" t="s">
        <v>14504</v>
      </c>
      <c r="B9711" t="s">
        <v>14505</v>
      </c>
      <c r="C9711">
        <v>1</v>
      </c>
      <c r="D9711">
        <v>0</v>
      </c>
    </row>
    <row r="9712" spans="1:4" x14ac:dyDescent="0.25">
      <c r="A9712" t="s">
        <v>14506</v>
      </c>
      <c r="B9712" t="s">
        <v>14507</v>
      </c>
      <c r="C9712">
        <v>2</v>
      </c>
      <c r="D9712">
        <v>0</v>
      </c>
    </row>
    <row r="9713" spans="1:4" x14ac:dyDescent="0.25">
      <c r="A9713" t="s">
        <v>14506</v>
      </c>
      <c r="B9713" t="s">
        <v>14508</v>
      </c>
      <c r="C9713">
        <v>1</v>
      </c>
      <c r="D9713">
        <v>0</v>
      </c>
    </row>
    <row r="9714" spans="1:4" x14ac:dyDescent="0.25">
      <c r="A9714" t="s">
        <v>14509</v>
      </c>
      <c r="B9714" t="s">
        <v>14510</v>
      </c>
      <c r="C9714">
        <v>1</v>
      </c>
      <c r="D9714">
        <v>0</v>
      </c>
    </row>
    <row r="9715" spans="1:4" x14ac:dyDescent="0.25">
      <c r="A9715" t="s">
        <v>14511</v>
      </c>
      <c r="B9715" t="s">
        <v>852</v>
      </c>
      <c r="C9715">
        <v>0</v>
      </c>
      <c r="D9715">
        <v>0</v>
      </c>
    </row>
    <row r="9716" spans="1:4" x14ac:dyDescent="0.25">
      <c r="A9716" t="s">
        <v>14512</v>
      </c>
      <c r="B9716" t="s">
        <v>14513</v>
      </c>
      <c r="C9716">
        <v>1</v>
      </c>
      <c r="D9716">
        <v>0</v>
      </c>
    </row>
    <row r="9717" spans="1:4" x14ac:dyDescent="0.25">
      <c r="A9717" t="s">
        <v>14514</v>
      </c>
      <c r="B9717" t="s">
        <v>14515</v>
      </c>
      <c r="C9717">
        <v>0</v>
      </c>
      <c r="D9717">
        <v>0</v>
      </c>
    </row>
    <row r="9718" spans="1:4" x14ac:dyDescent="0.25">
      <c r="A9718" t="s">
        <v>14514</v>
      </c>
      <c r="B9718" t="s">
        <v>14516</v>
      </c>
      <c r="C9718">
        <v>2</v>
      </c>
      <c r="D9718">
        <v>0</v>
      </c>
    </row>
    <row r="9719" spans="1:4" x14ac:dyDescent="0.25">
      <c r="A9719" t="s">
        <v>14517</v>
      </c>
      <c r="B9719" t="s">
        <v>14518</v>
      </c>
      <c r="C9719">
        <v>1</v>
      </c>
      <c r="D9719">
        <v>0</v>
      </c>
    </row>
    <row r="9720" spans="1:4" x14ac:dyDescent="0.25">
      <c r="A9720" t="s">
        <v>14519</v>
      </c>
      <c r="B9720" t="s">
        <v>14520</v>
      </c>
      <c r="C9720">
        <v>1</v>
      </c>
      <c r="D9720">
        <v>0</v>
      </c>
    </row>
    <row r="9721" spans="1:4" x14ac:dyDescent="0.25">
      <c r="A9721" t="s">
        <v>14521</v>
      </c>
      <c r="B9721" t="s">
        <v>14522</v>
      </c>
      <c r="C9721">
        <v>2</v>
      </c>
      <c r="D9721">
        <v>0</v>
      </c>
    </row>
    <row r="9722" spans="1:4" x14ac:dyDescent="0.25">
      <c r="A9722" t="s">
        <v>14523</v>
      </c>
      <c r="B9722" t="s">
        <v>14524</v>
      </c>
      <c r="C9722">
        <v>1</v>
      </c>
      <c r="D9722">
        <v>0</v>
      </c>
    </row>
    <row r="9723" spans="1:4" x14ac:dyDescent="0.25">
      <c r="A9723" t="s">
        <v>14523</v>
      </c>
      <c r="B9723" t="s">
        <v>398</v>
      </c>
      <c r="C9723">
        <v>0</v>
      </c>
      <c r="D9723">
        <v>0</v>
      </c>
    </row>
    <row r="9724" spans="1:4" x14ac:dyDescent="0.25">
      <c r="A9724" t="s">
        <v>14525</v>
      </c>
      <c r="B9724" t="s">
        <v>14526</v>
      </c>
      <c r="C9724">
        <v>0</v>
      </c>
      <c r="D9724">
        <v>0</v>
      </c>
    </row>
    <row r="9725" spans="1:4" x14ac:dyDescent="0.25">
      <c r="A9725" t="s">
        <v>14527</v>
      </c>
      <c r="B9725" t="s">
        <v>14528</v>
      </c>
      <c r="C9725">
        <v>0</v>
      </c>
      <c r="D9725">
        <v>0</v>
      </c>
    </row>
    <row r="9726" spans="1:4" x14ac:dyDescent="0.25">
      <c r="A9726" t="s">
        <v>14529</v>
      </c>
      <c r="B9726" t="s">
        <v>14530</v>
      </c>
      <c r="C9726">
        <v>1</v>
      </c>
      <c r="D9726">
        <v>0</v>
      </c>
    </row>
    <row r="9727" spans="1:4" x14ac:dyDescent="0.25">
      <c r="A9727" t="s">
        <v>14529</v>
      </c>
      <c r="B9727" t="s">
        <v>14531</v>
      </c>
      <c r="C9727">
        <v>1</v>
      </c>
      <c r="D9727">
        <v>0</v>
      </c>
    </row>
    <row r="9728" spans="1:4" x14ac:dyDescent="0.25">
      <c r="A9728" t="s">
        <v>14532</v>
      </c>
      <c r="B9728" t="s">
        <v>14533</v>
      </c>
      <c r="C9728">
        <v>2</v>
      </c>
      <c r="D9728">
        <v>0</v>
      </c>
    </row>
    <row r="9729" spans="1:4" x14ac:dyDescent="0.25">
      <c r="A9729" t="s">
        <v>14532</v>
      </c>
      <c r="B9729" t="s">
        <v>14534</v>
      </c>
      <c r="C9729">
        <v>0</v>
      </c>
      <c r="D9729">
        <v>0</v>
      </c>
    </row>
    <row r="9730" spans="1:4" x14ac:dyDescent="0.25">
      <c r="A9730" t="s">
        <v>14535</v>
      </c>
      <c r="B9730" t="s">
        <v>14536</v>
      </c>
      <c r="C9730">
        <v>0</v>
      </c>
      <c r="D9730">
        <v>0</v>
      </c>
    </row>
    <row r="9731" spans="1:4" x14ac:dyDescent="0.25">
      <c r="A9731" t="s">
        <v>14535</v>
      </c>
      <c r="B9731" t="s">
        <v>14537</v>
      </c>
      <c r="C9731">
        <v>0</v>
      </c>
      <c r="D9731">
        <v>0</v>
      </c>
    </row>
    <row r="9732" spans="1:4" x14ac:dyDescent="0.25">
      <c r="A9732" t="s">
        <v>14538</v>
      </c>
      <c r="B9732" t="s">
        <v>14539</v>
      </c>
      <c r="C9732">
        <v>1</v>
      </c>
      <c r="D9732">
        <v>0</v>
      </c>
    </row>
    <row r="9733" spans="1:4" x14ac:dyDescent="0.25">
      <c r="A9733" t="s">
        <v>14538</v>
      </c>
      <c r="B9733" t="s">
        <v>14540</v>
      </c>
      <c r="C9733">
        <v>1</v>
      </c>
      <c r="D9733">
        <v>0</v>
      </c>
    </row>
    <row r="9734" spans="1:4" x14ac:dyDescent="0.25">
      <c r="A9734" t="s">
        <v>14538</v>
      </c>
      <c r="B9734" t="s">
        <v>14541</v>
      </c>
      <c r="C9734">
        <v>1</v>
      </c>
      <c r="D9734">
        <v>0</v>
      </c>
    </row>
    <row r="9735" spans="1:4" x14ac:dyDescent="0.25">
      <c r="A9735" t="s">
        <v>14542</v>
      </c>
      <c r="B9735" t="s">
        <v>14543</v>
      </c>
      <c r="C9735">
        <v>1</v>
      </c>
      <c r="D9735">
        <v>0</v>
      </c>
    </row>
    <row r="9736" spans="1:4" x14ac:dyDescent="0.25">
      <c r="A9736" t="s">
        <v>14544</v>
      </c>
      <c r="B9736" t="s">
        <v>14545</v>
      </c>
      <c r="C9736">
        <v>0</v>
      </c>
      <c r="D9736">
        <v>0</v>
      </c>
    </row>
    <row r="9737" spans="1:4" x14ac:dyDescent="0.25">
      <c r="A9737" t="s">
        <v>14546</v>
      </c>
      <c r="B9737" t="s">
        <v>14547</v>
      </c>
      <c r="C9737">
        <v>2</v>
      </c>
      <c r="D9737">
        <v>0</v>
      </c>
    </row>
    <row r="9738" spans="1:4" x14ac:dyDescent="0.25">
      <c r="A9738" t="s">
        <v>14546</v>
      </c>
      <c r="B9738" t="s">
        <v>14548</v>
      </c>
      <c r="C9738">
        <v>2</v>
      </c>
      <c r="D9738">
        <v>0</v>
      </c>
    </row>
    <row r="9739" spans="1:4" x14ac:dyDescent="0.25">
      <c r="A9739" t="s">
        <v>14546</v>
      </c>
      <c r="B9739" t="s">
        <v>14549</v>
      </c>
      <c r="C9739">
        <v>2</v>
      </c>
      <c r="D9739">
        <v>0</v>
      </c>
    </row>
    <row r="9740" spans="1:4" x14ac:dyDescent="0.25">
      <c r="A9740" t="s">
        <v>14550</v>
      </c>
      <c r="B9740" t="s">
        <v>14551</v>
      </c>
      <c r="C9740">
        <v>1</v>
      </c>
      <c r="D9740">
        <v>0</v>
      </c>
    </row>
    <row r="9741" spans="1:4" x14ac:dyDescent="0.25">
      <c r="A9741" t="s">
        <v>14550</v>
      </c>
      <c r="B9741" t="s">
        <v>14552</v>
      </c>
      <c r="C9741">
        <v>2</v>
      </c>
      <c r="D9741">
        <v>0</v>
      </c>
    </row>
    <row r="9742" spans="1:4" x14ac:dyDescent="0.25">
      <c r="A9742" t="s">
        <v>14550</v>
      </c>
      <c r="B9742" t="s">
        <v>14553</v>
      </c>
      <c r="C9742">
        <v>1</v>
      </c>
      <c r="D9742">
        <v>0</v>
      </c>
    </row>
    <row r="9743" spans="1:4" x14ac:dyDescent="0.25">
      <c r="A9743" t="s">
        <v>14554</v>
      </c>
      <c r="B9743" t="s">
        <v>14555</v>
      </c>
      <c r="C9743">
        <v>1</v>
      </c>
      <c r="D9743">
        <v>0</v>
      </c>
    </row>
    <row r="9744" spans="1:4" x14ac:dyDescent="0.25">
      <c r="A9744" t="s">
        <v>14556</v>
      </c>
      <c r="B9744" t="s">
        <v>14557</v>
      </c>
      <c r="C9744">
        <v>0</v>
      </c>
      <c r="D9744">
        <v>0</v>
      </c>
    </row>
    <row r="9745" spans="1:4" x14ac:dyDescent="0.25">
      <c r="A9745" t="s">
        <v>14556</v>
      </c>
      <c r="B9745" t="s">
        <v>14558</v>
      </c>
      <c r="C9745">
        <v>2</v>
      </c>
      <c r="D9745">
        <v>0</v>
      </c>
    </row>
    <row r="9746" spans="1:4" x14ac:dyDescent="0.25">
      <c r="A9746" t="s">
        <v>14559</v>
      </c>
      <c r="B9746" t="s">
        <v>14560</v>
      </c>
      <c r="C9746">
        <v>1</v>
      </c>
      <c r="D9746">
        <v>0</v>
      </c>
    </row>
    <row r="9747" spans="1:4" x14ac:dyDescent="0.25">
      <c r="A9747" t="s">
        <v>14559</v>
      </c>
      <c r="B9747" t="s">
        <v>14561</v>
      </c>
      <c r="C9747">
        <v>1</v>
      </c>
      <c r="D9747">
        <v>0</v>
      </c>
    </row>
    <row r="9748" spans="1:4" x14ac:dyDescent="0.25">
      <c r="A9748" t="s">
        <v>14559</v>
      </c>
      <c r="B9748" t="s">
        <v>14562</v>
      </c>
      <c r="C9748">
        <v>1</v>
      </c>
      <c r="D9748">
        <v>0</v>
      </c>
    </row>
    <row r="9749" spans="1:4" x14ac:dyDescent="0.25">
      <c r="A9749" t="s">
        <v>14563</v>
      </c>
      <c r="B9749" t="s">
        <v>14564</v>
      </c>
      <c r="C9749">
        <v>0</v>
      </c>
      <c r="D9749">
        <v>0</v>
      </c>
    </row>
    <row r="9750" spans="1:4" x14ac:dyDescent="0.25">
      <c r="A9750" t="s">
        <v>14565</v>
      </c>
      <c r="B9750" t="s">
        <v>14566</v>
      </c>
      <c r="C9750">
        <v>0</v>
      </c>
      <c r="D9750">
        <v>0</v>
      </c>
    </row>
    <row r="9751" spans="1:4" x14ac:dyDescent="0.25">
      <c r="A9751" t="s">
        <v>14567</v>
      </c>
      <c r="B9751" t="s">
        <v>14568</v>
      </c>
      <c r="C9751">
        <v>1</v>
      </c>
      <c r="D9751">
        <v>0</v>
      </c>
    </row>
    <row r="9752" spans="1:4" x14ac:dyDescent="0.25">
      <c r="A9752" t="s">
        <v>14569</v>
      </c>
      <c r="B9752" t="s">
        <v>14570</v>
      </c>
      <c r="C9752">
        <v>2</v>
      </c>
      <c r="D9752">
        <v>0</v>
      </c>
    </row>
    <row r="9753" spans="1:4" x14ac:dyDescent="0.25">
      <c r="A9753" t="s">
        <v>14571</v>
      </c>
      <c r="B9753" t="s">
        <v>14572</v>
      </c>
      <c r="C9753">
        <v>0</v>
      </c>
      <c r="D9753">
        <v>0</v>
      </c>
    </row>
    <row r="9754" spans="1:4" x14ac:dyDescent="0.25">
      <c r="A9754" t="s">
        <v>14573</v>
      </c>
      <c r="B9754" t="s">
        <v>14574</v>
      </c>
      <c r="C9754">
        <v>1</v>
      </c>
      <c r="D9754">
        <v>0</v>
      </c>
    </row>
    <row r="9755" spans="1:4" x14ac:dyDescent="0.25">
      <c r="A9755" t="s">
        <v>14575</v>
      </c>
      <c r="B9755" t="s">
        <v>14576</v>
      </c>
      <c r="C9755">
        <v>1</v>
      </c>
      <c r="D9755">
        <v>0</v>
      </c>
    </row>
    <row r="9756" spans="1:4" x14ac:dyDescent="0.25">
      <c r="A9756" t="s">
        <v>14575</v>
      </c>
      <c r="B9756" t="s">
        <v>969</v>
      </c>
      <c r="C9756">
        <v>0</v>
      </c>
      <c r="D9756">
        <v>0</v>
      </c>
    </row>
    <row r="9757" spans="1:4" x14ac:dyDescent="0.25">
      <c r="A9757" t="s">
        <v>14577</v>
      </c>
      <c r="B9757" t="s">
        <v>14578</v>
      </c>
      <c r="C9757">
        <v>0</v>
      </c>
      <c r="D9757">
        <v>0</v>
      </c>
    </row>
    <row r="9758" spans="1:4" x14ac:dyDescent="0.25">
      <c r="A9758" t="s">
        <v>14579</v>
      </c>
      <c r="B9758" t="s">
        <v>14580</v>
      </c>
      <c r="C9758">
        <v>2</v>
      </c>
      <c r="D9758">
        <v>0</v>
      </c>
    </row>
    <row r="9759" spans="1:4" x14ac:dyDescent="0.25">
      <c r="A9759" t="s">
        <v>14579</v>
      </c>
      <c r="B9759" t="s">
        <v>14581</v>
      </c>
      <c r="C9759">
        <v>1</v>
      </c>
      <c r="D9759">
        <v>0</v>
      </c>
    </row>
    <row r="9760" spans="1:4" x14ac:dyDescent="0.25">
      <c r="A9760" t="s">
        <v>14582</v>
      </c>
      <c r="B9760" t="s">
        <v>13874</v>
      </c>
      <c r="C9760">
        <v>0</v>
      </c>
      <c r="D9760">
        <v>0</v>
      </c>
    </row>
    <row r="9761" spans="1:4" x14ac:dyDescent="0.25">
      <c r="A9761" t="s">
        <v>14582</v>
      </c>
      <c r="B9761" t="s">
        <v>14583</v>
      </c>
      <c r="C9761">
        <v>1</v>
      </c>
      <c r="D9761">
        <v>0</v>
      </c>
    </row>
    <row r="9762" spans="1:4" x14ac:dyDescent="0.25">
      <c r="A9762" t="s">
        <v>14584</v>
      </c>
      <c r="B9762" t="s">
        <v>14585</v>
      </c>
      <c r="C9762">
        <v>1</v>
      </c>
      <c r="D9762">
        <v>0</v>
      </c>
    </row>
    <row r="9763" spans="1:4" x14ac:dyDescent="0.25">
      <c r="A9763" t="s">
        <v>14586</v>
      </c>
      <c r="B9763" t="s">
        <v>14587</v>
      </c>
      <c r="C9763">
        <v>2</v>
      </c>
      <c r="D9763">
        <v>0</v>
      </c>
    </row>
    <row r="9764" spans="1:4" x14ac:dyDescent="0.25">
      <c r="A9764" t="s">
        <v>14586</v>
      </c>
      <c r="B9764" t="s">
        <v>14588</v>
      </c>
      <c r="C9764">
        <v>1</v>
      </c>
      <c r="D9764">
        <v>0</v>
      </c>
    </row>
    <row r="9765" spans="1:4" x14ac:dyDescent="0.25">
      <c r="A9765" t="s">
        <v>14586</v>
      </c>
      <c r="B9765" t="s">
        <v>14589</v>
      </c>
      <c r="C9765">
        <v>1</v>
      </c>
      <c r="D9765">
        <v>0</v>
      </c>
    </row>
    <row r="9766" spans="1:4" x14ac:dyDescent="0.25">
      <c r="A9766" t="s">
        <v>14590</v>
      </c>
      <c r="B9766" t="s">
        <v>14591</v>
      </c>
      <c r="C9766">
        <v>1</v>
      </c>
      <c r="D9766">
        <v>0</v>
      </c>
    </row>
    <row r="9767" spans="1:4" x14ac:dyDescent="0.25">
      <c r="A9767" t="s">
        <v>14590</v>
      </c>
      <c r="B9767" t="s">
        <v>14592</v>
      </c>
      <c r="C9767">
        <v>1</v>
      </c>
      <c r="D9767">
        <v>0</v>
      </c>
    </row>
    <row r="9768" spans="1:4" x14ac:dyDescent="0.25">
      <c r="A9768" t="s">
        <v>14593</v>
      </c>
      <c r="B9768" t="s">
        <v>1001</v>
      </c>
      <c r="C9768">
        <v>1</v>
      </c>
      <c r="D9768">
        <v>0</v>
      </c>
    </row>
    <row r="9769" spans="1:4" x14ac:dyDescent="0.25">
      <c r="A9769" t="s">
        <v>14594</v>
      </c>
      <c r="B9769" t="s">
        <v>14595</v>
      </c>
      <c r="C9769">
        <v>0</v>
      </c>
      <c r="D9769">
        <v>0</v>
      </c>
    </row>
    <row r="9770" spans="1:4" x14ac:dyDescent="0.25">
      <c r="A9770" t="s">
        <v>14594</v>
      </c>
      <c r="B9770" t="s">
        <v>14596</v>
      </c>
      <c r="C9770">
        <v>1</v>
      </c>
      <c r="D9770">
        <v>0</v>
      </c>
    </row>
    <row r="9771" spans="1:4" x14ac:dyDescent="0.25">
      <c r="A9771" t="s">
        <v>14594</v>
      </c>
      <c r="B9771" t="s">
        <v>14597</v>
      </c>
      <c r="C9771">
        <v>0</v>
      </c>
      <c r="D9771">
        <v>0</v>
      </c>
    </row>
    <row r="9772" spans="1:4" x14ac:dyDescent="0.25">
      <c r="A9772" t="s">
        <v>14598</v>
      </c>
      <c r="B9772" t="s">
        <v>14599</v>
      </c>
      <c r="C9772">
        <v>1</v>
      </c>
      <c r="D9772">
        <v>0</v>
      </c>
    </row>
    <row r="9773" spans="1:4" x14ac:dyDescent="0.25">
      <c r="A9773" t="s">
        <v>14600</v>
      </c>
      <c r="B9773" t="s">
        <v>14601</v>
      </c>
      <c r="C9773">
        <v>0</v>
      </c>
      <c r="D9773">
        <v>0</v>
      </c>
    </row>
    <row r="9774" spans="1:4" x14ac:dyDescent="0.25">
      <c r="A9774" t="s">
        <v>14600</v>
      </c>
      <c r="B9774" t="s">
        <v>14602</v>
      </c>
      <c r="C9774">
        <v>0</v>
      </c>
      <c r="D9774">
        <v>0</v>
      </c>
    </row>
    <row r="9775" spans="1:4" x14ac:dyDescent="0.25">
      <c r="A9775" t="s">
        <v>14600</v>
      </c>
      <c r="B9775" t="s">
        <v>14603</v>
      </c>
      <c r="C9775">
        <v>1</v>
      </c>
      <c r="D9775">
        <v>0</v>
      </c>
    </row>
    <row r="9776" spans="1:4" x14ac:dyDescent="0.25">
      <c r="A9776" t="s">
        <v>14604</v>
      </c>
      <c r="B9776" t="s">
        <v>14605</v>
      </c>
      <c r="C9776">
        <v>2</v>
      </c>
      <c r="D9776">
        <v>0</v>
      </c>
    </row>
    <row r="9777" spans="1:4" x14ac:dyDescent="0.25">
      <c r="A9777" t="s">
        <v>14604</v>
      </c>
      <c r="B9777" t="s">
        <v>14606</v>
      </c>
      <c r="C9777">
        <v>0</v>
      </c>
      <c r="D9777">
        <v>0</v>
      </c>
    </row>
    <row r="9778" spans="1:4" x14ac:dyDescent="0.25">
      <c r="A9778" t="s">
        <v>14607</v>
      </c>
      <c r="B9778" t="s">
        <v>14608</v>
      </c>
      <c r="C9778">
        <v>2</v>
      </c>
      <c r="D9778">
        <v>0</v>
      </c>
    </row>
    <row r="9779" spans="1:4" x14ac:dyDescent="0.25">
      <c r="A9779" t="s">
        <v>14609</v>
      </c>
      <c r="B9779" t="s">
        <v>14610</v>
      </c>
      <c r="C9779">
        <v>1</v>
      </c>
      <c r="D9779">
        <v>0</v>
      </c>
    </row>
    <row r="9780" spans="1:4" x14ac:dyDescent="0.25">
      <c r="A9780" t="s">
        <v>14609</v>
      </c>
      <c r="B9780" t="s">
        <v>14611</v>
      </c>
      <c r="C9780">
        <v>1</v>
      </c>
      <c r="D9780">
        <v>0</v>
      </c>
    </row>
    <row r="9781" spans="1:4" x14ac:dyDescent="0.25">
      <c r="A9781" t="s">
        <v>14609</v>
      </c>
      <c r="B9781" t="s">
        <v>14612</v>
      </c>
      <c r="C9781">
        <v>1</v>
      </c>
      <c r="D9781">
        <v>0</v>
      </c>
    </row>
    <row r="9782" spans="1:4" x14ac:dyDescent="0.25">
      <c r="A9782" t="s">
        <v>14613</v>
      </c>
      <c r="B9782" t="s">
        <v>1401</v>
      </c>
      <c r="C9782">
        <v>0</v>
      </c>
      <c r="D9782">
        <v>0</v>
      </c>
    </row>
    <row r="9783" spans="1:4" x14ac:dyDescent="0.25">
      <c r="A9783" t="s">
        <v>14613</v>
      </c>
      <c r="B9783" t="s">
        <v>14614</v>
      </c>
      <c r="C9783">
        <v>1</v>
      </c>
      <c r="D9783">
        <v>0</v>
      </c>
    </row>
    <row r="9784" spans="1:4" x14ac:dyDescent="0.25">
      <c r="A9784" t="s">
        <v>14615</v>
      </c>
      <c r="B9784" t="s">
        <v>14616</v>
      </c>
      <c r="C9784">
        <v>2</v>
      </c>
      <c r="D9784">
        <v>0</v>
      </c>
    </row>
    <row r="9785" spans="1:4" x14ac:dyDescent="0.25">
      <c r="A9785" t="s">
        <v>14615</v>
      </c>
      <c r="B9785" t="s">
        <v>14617</v>
      </c>
      <c r="C9785">
        <v>2</v>
      </c>
      <c r="D9785">
        <v>0</v>
      </c>
    </row>
    <row r="9786" spans="1:4" x14ac:dyDescent="0.25">
      <c r="A9786" t="s">
        <v>14618</v>
      </c>
      <c r="B9786" t="s">
        <v>14619</v>
      </c>
      <c r="C9786">
        <v>0</v>
      </c>
      <c r="D9786">
        <v>0</v>
      </c>
    </row>
    <row r="9787" spans="1:4" x14ac:dyDescent="0.25">
      <c r="A9787" t="s">
        <v>14618</v>
      </c>
      <c r="B9787" t="s">
        <v>14620</v>
      </c>
      <c r="C9787">
        <v>0</v>
      </c>
      <c r="D9787">
        <v>0</v>
      </c>
    </row>
    <row r="9788" spans="1:4" x14ac:dyDescent="0.25">
      <c r="A9788" t="s">
        <v>14621</v>
      </c>
      <c r="B9788" t="s">
        <v>14622</v>
      </c>
      <c r="C9788">
        <v>0</v>
      </c>
      <c r="D9788">
        <v>0</v>
      </c>
    </row>
    <row r="9789" spans="1:4" x14ac:dyDescent="0.25">
      <c r="A9789" t="s">
        <v>14623</v>
      </c>
      <c r="B9789" t="s">
        <v>852</v>
      </c>
      <c r="C9789">
        <v>0</v>
      </c>
      <c r="D9789">
        <v>0</v>
      </c>
    </row>
    <row r="9790" spans="1:4" x14ac:dyDescent="0.25">
      <c r="A9790" t="s">
        <v>14624</v>
      </c>
      <c r="B9790" t="s">
        <v>14625</v>
      </c>
      <c r="C9790">
        <v>1</v>
      </c>
      <c r="D9790">
        <v>0</v>
      </c>
    </row>
    <row r="9791" spans="1:4" x14ac:dyDescent="0.25">
      <c r="A9791" t="s">
        <v>14624</v>
      </c>
      <c r="B9791" t="s">
        <v>1246</v>
      </c>
      <c r="C9791">
        <v>0</v>
      </c>
      <c r="D9791">
        <v>0</v>
      </c>
    </row>
    <row r="9792" spans="1:4" x14ac:dyDescent="0.25">
      <c r="A9792" t="s">
        <v>14624</v>
      </c>
      <c r="B9792" t="s">
        <v>14626</v>
      </c>
      <c r="C9792">
        <v>2</v>
      </c>
      <c r="D9792">
        <v>0</v>
      </c>
    </row>
    <row r="9793" spans="1:4" x14ac:dyDescent="0.25">
      <c r="A9793" t="s">
        <v>14627</v>
      </c>
      <c r="B9793" t="s">
        <v>5903</v>
      </c>
      <c r="C9793">
        <v>0</v>
      </c>
      <c r="D9793">
        <v>0</v>
      </c>
    </row>
    <row r="9794" spans="1:4" x14ac:dyDescent="0.25">
      <c r="A9794" t="s">
        <v>14628</v>
      </c>
      <c r="B9794" t="s">
        <v>14629</v>
      </c>
      <c r="C9794">
        <v>1</v>
      </c>
      <c r="D9794">
        <v>0</v>
      </c>
    </row>
    <row r="9795" spans="1:4" x14ac:dyDescent="0.25">
      <c r="A9795" t="s">
        <v>14628</v>
      </c>
      <c r="B9795" t="s">
        <v>14630</v>
      </c>
      <c r="C9795">
        <v>2</v>
      </c>
      <c r="D9795">
        <v>0</v>
      </c>
    </row>
    <row r="9796" spans="1:4" x14ac:dyDescent="0.25">
      <c r="A9796" t="s">
        <v>14628</v>
      </c>
      <c r="B9796" t="s">
        <v>14631</v>
      </c>
      <c r="C9796">
        <v>2</v>
      </c>
      <c r="D9796">
        <v>0</v>
      </c>
    </row>
    <row r="9797" spans="1:4" x14ac:dyDescent="0.25">
      <c r="A9797" t="s">
        <v>14632</v>
      </c>
      <c r="B9797" t="s">
        <v>14633</v>
      </c>
      <c r="C9797">
        <v>0</v>
      </c>
      <c r="D9797">
        <v>0</v>
      </c>
    </row>
    <row r="9798" spans="1:4" x14ac:dyDescent="0.25">
      <c r="A9798" t="s">
        <v>14634</v>
      </c>
      <c r="B9798" t="s">
        <v>14635</v>
      </c>
      <c r="C9798">
        <v>1</v>
      </c>
      <c r="D9798">
        <v>0</v>
      </c>
    </row>
    <row r="9799" spans="1:4" x14ac:dyDescent="0.25">
      <c r="A9799" t="s">
        <v>14636</v>
      </c>
      <c r="B9799" t="s">
        <v>14637</v>
      </c>
      <c r="C9799">
        <v>1</v>
      </c>
      <c r="D9799">
        <v>0</v>
      </c>
    </row>
    <row r="9800" spans="1:4" x14ac:dyDescent="0.25">
      <c r="A9800" t="s">
        <v>14636</v>
      </c>
      <c r="B9800" t="s">
        <v>14638</v>
      </c>
      <c r="C9800">
        <v>2</v>
      </c>
      <c r="D9800">
        <v>0</v>
      </c>
    </row>
    <row r="9801" spans="1:4" x14ac:dyDescent="0.25">
      <c r="A9801" t="s">
        <v>14636</v>
      </c>
      <c r="B9801" t="s">
        <v>14639</v>
      </c>
      <c r="C9801">
        <v>0</v>
      </c>
      <c r="D9801">
        <v>0</v>
      </c>
    </row>
    <row r="9802" spans="1:4" x14ac:dyDescent="0.25">
      <c r="A9802" t="s">
        <v>14640</v>
      </c>
      <c r="B9802" t="s">
        <v>14641</v>
      </c>
      <c r="C9802">
        <v>2</v>
      </c>
      <c r="D9802">
        <v>0</v>
      </c>
    </row>
    <row r="9803" spans="1:4" x14ac:dyDescent="0.25">
      <c r="A9803" t="s">
        <v>14640</v>
      </c>
      <c r="B9803" t="s">
        <v>14642</v>
      </c>
      <c r="C9803">
        <v>2</v>
      </c>
      <c r="D9803">
        <v>0</v>
      </c>
    </row>
    <row r="9804" spans="1:4" x14ac:dyDescent="0.25">
      <c r="A9804" t="s">
        <v>14643</v>
      </c>
      <c r="B9804" t="s">
        <v>14644</v>
      </c>
      <c r="C9804">
        <v>1</v>
      </c>
      <c r="D9804">
        <v>0</v>
      </c>
    </row>
    <row r="9805" spans="1:4" x14ac:dyDescent="0.25">
      <c r="A9805" t="s">
        <v>14643</v>
      </c>
      <c r="B9805" t="s">
        <v>14645</v>
      </c>
      <c r="C9805">
        <v>1</v>
      </c>
      <c r="D9805">
        <v>0</v>
      </c>
    </row>
    <row r="9806" spans="1:4" x14ac:dyDescent="0.25">
      <c r="A9806" t="s">
        <v>14646</v>
      </c>
      <c r="B9806" t="s">
        <v>843</v>
      </c>
      <c r="C9806">
        <v>1</v>
      </c>
      <c r="D9806">
        <v>0</v>
      </c>
    </row>
    <row r="9807" spans="1:4" x14ac:dyDescent="0.25">
      <c r="A9807" t="s">
        <v>14647</v>
      </c>
      <c r="B9807" t="s">
        <v>14648</v>
      </c>
      <c r="C9807">
        <v>1</v>
      </c>
      <c r="D9807">
        <v>0</v>
      </c>
    </row>
    <row r="9808" spans="1:4" x14ac:dyDescent="0.25">
      <c r="A9808" t="s">
        <v>14647</v>
      </c>
      <c r="B9808" t="s">
        <v>14649</v>
      </c>
      <c r="C9808">
        <v>0</v>
      </c>
      <c r="D9808">
        <v>0</v>
      </c>
    </row>
    <row r="9809" spans="1:4" x14ac:dyDescent="0.25">
      <c r="A9809" t="s">
        <v>14650</v>
      </c>
      <c r="B9809" t="s">
        <v>14651</v>
      </c>
      <c r="C9809">
        <v>0</v>
      </c>
      <c r="D9809">
        <v>0</v>
      </c>
    </row>
    <row r="9810" spans="1:4" x14ac:dyDescent="0.25">
      <c r="A9810" t="s">
        <v>14650</v>
      </c>
      <c r="B9810" t="s">
        <v>14652</v>
      </c>
      <c r="C9810">
        <v>0</v>
      </c>
      <c r="D9810">
        <v>0</v>
      </c>
    </row>
    <row r="9811" spans="1:4" x14ac:dyDescent="0.25">
      <c r="A9811" t="s">
        <v>14650</v>
      </c>
      <c r="B9811" t="s">
        <v>14653</v>
      </c>
      <c r="C9811">
        <v>1</v>
      </c>
      <c r="D9811">
        <v>0</v>
      </c>
    </row>
    <row r="9812" spans="1:4" x14ac:dyDescent="0.25">
      <c r="A9812" t="s">
        <v>14654</v>
      </c>
      <c r="B9812" t="s">
        <v>14655</v>
      </c>
      <c r="C9812">
        <v>1</v>
      </c>
      <c r="D9812">
        <v>0</v>
      </c>
    </row>
    <row r="9813" spans="1:4" x14ac:dyDescent="0.25">
      <c r="A9813" t="s">
        <v>14656</v>
      </c>
      <c r="B9813" t="s">
        <v>1526</v>
      </c>
      <c r="C9813">
        <v>1</v>
      </c>
      <c r="D9813">
        <v>0</v>
      </c>
    </row>
    <row r="9814" spans="1:4" x14ac:dyDescent="0.25">
      <c r="A9814" t="s">
        <v>14657</v>
      </c>
      <c r="B9814" t="s">
        <v>888</v>
      </c>
      <c r="C9814">
        <v>1</v>
      </c>
      <c r="D9814">
        <v>0</v>
      </c>
    </row>
    <row r="9815" spans="1:4" x14ac:dyDescent="0.25">
      <c r="A9815" t="s">
        <v>14658</v>
      </c>
      <c r="B9815" t="s">
        <v>1499</v>
      </c>
      <c r="C9815">
        <v>1</v>
      </c>
      <c r="D9815">
        <v>0</v>
      </c>
    </row>
    <row r="9816" spans="1:4" x14ac:dyDescent="0.25">
      <c r="A9816" t="s">
        <v>14659</v>
      </c>
      <c r="B9816" t="s">
        <v>14660</v>
      </c>
      <c r="C9816">
        <v>2</v>
      </c>
      <c r="D9816">
        <v>0</v>
      </c>
    </row>
    <row r="9817" spans="1:4" x14ac:dyDescent="0.25">
      <c r="A9817" t="s">
        <v>14659</v>
      </c>
      <c r="B9817" t="s">
        <v>14661</v>
      </c>
      <c r="C9817">
        <v>0</v>
      </c>
      <c r="D9817">
        <v>0</v>
      </c>
    </row>
    <row r="9818" spans="1:4" x14ac:dyDescent="0.25">
      <c r="A9818" t="s">
        <v>14662</v>
      </c>
      <c r="B9818" t="s">
        <v>14663</v>
      </c>
      <c r="C9818">
        <v>0</v>
      </c>
      <c r="D9818">
        <v>0</v>
      </c>
    </row>
    <row r="9819" spans="1:4" x14ac:dyDescent="0.25">
      <c r="A9819" t="s">
        <v>14664</v>
      </c>
      <c r="B9819" t="s">
        <v>14665</v>
      </c>
      <c r="C9819">
        <v>1</v>
      </c>
      <c r="D9819">
        <v>0</v>
      </c>
    </row>
    <row r="9820" spans="1:4" x14ac:dyDescent="0.25">
      <c r="A9820" t="s">
        <v>14664</v>
      </c>
      <c r="B9820" t="s">
        <v>14666</v>
      </c>
      <c r="C9820">
        <v>1</v>
      </c>
      <c r="D9820">
        <v>0</v>
      </c>
    </row>
    <row r="9821" spans="1:4" x14ac:dyDescent="0.25">
      <c r="A9821" t="s">
        <v>14667</v>
      </c>
      <c r="B9821" t="s">
        <v>816</v>
      </c>
      <c r="C9821">
        <v>1</v>
      </c>
      <c r="D9821">
        <v>0</v>
      </c>
    </row>
    <row r="9822" spans="1:4" x14ac:dyDescent="0.25">
      <c r="A9822" t="s">
        <v>14668</v>
      </c>
      <c r="B9822" t="s">
        <v>14669</v>
      </c>
      <c r="C9822">
        <v>1</v>
      </c>
      <c r="D9822">
        <v>0</v>
      </c>
    </row>
    <row r="9823" spans="1:4" x14ac:dyDescent="0.25">
      <c r="A9823" t="s">
        <v>14668</v>
      </c>
      <c r="B9823" t="s">
        <v>14670</v>
      </c>
      <c r="C9823">
        <v>2</v>
      </c>
      <c r="D9823">
        <v>0</v>
      </c>
    </row>
    <row r="9824" spans="1:4" x14ac:dyDescent="0.25">
      <c r="A9824" t="s">
        <v>14671</v>
      </c>
      <c r="B9824" t="s">
        <v>14672</v>
      </c>
      <c r="C9824">
        <v>1</v>
      </c>
      <c r="D9824">
        <v>0</v>
      </c>
    </row>
    <row r="9825" spans="1:4" x14ac:dyDescent="0.25">
      <c r="A9825" t="s">
        <v>14671</v>
      </c>
      <c r="B9825" t="s">
        <v>14673</v>
      </c>
      <c r="C9825">
        <v>1</v>
      </c>
      <c r="D9825">
        <v>0</v>
      </c>
    </row>
    <row r="9826" spans="1:4" x14ac:dyDescent="0.25">
      <c r="A9826" t="s">
        <v>14674</v>
      </c>
      <c r="B9826" t="s">
        <v>14675</v>
      </c>
      <c r="C9826">
        <v>2</v>
      </c>
      <c r="D9826">
        <v>0</v>
      </c>
    </row>
    <row r="9827" spans="1:4" x14ac:dyDescent="0.25">
      <c r="A9827" t="s">
        <v>14674</v>
      </c>
      <c r="B9827" t="s">
        <v>14676</v>
      </c>
      <c r="C9827">
        <v>1</v>
      </c>
      <c r="D9827">
        <v>0</v>
      </c>
    </row>
    <row r="9828" spans="1:4" x14ac:dyDescent="0.25">
      <c r="A9828" t="s">
        <v>14674</v>
      </c>
      <c r="B9828" t="s">
        <v>14677</v>
      </c>
      <c r="C9828">
        <v>2</v>
      </c>
      <c r="D9828">
        <v>0</v>
      </c>
    </row>
    <row r="9829" spans="1:4" x14ac:dyDescent="0.25">
      <c r="A9829" t="s">
        <v>14678</v>
      </c>
      <c r="B9829" t="s">
        <v>14679</v>
      </c>
      <c r="C9829">
        <v>1</v>
      </c>
      <c r="D9829">
        <v>0</v>
      </c>
    </row>
    <row r="9830" spans="1:4" x14ac:dyDescent="0.25">
      <c r="A9830" t="s">
        <v>14680</v>
      </c>
      <c r="B9830" t="s">
        <v>14681</v>
      </c>
      <c r="C9830">
        <v>0</v>
      </c>
      <c r="D9830">
        <v>0</v>
      </c>
    </row>
    <row r="9831" spans="1:4" x14ac:dyDescent="0.25">
      <c r="A9831" t="s">
        <v>14682</v>
      </c>
      <c r="B9831" t="s">
        <v>14683</v>
      </c>
      <c r="C9831">
        <v>1</v>
      </c>
      <c r="D9831">
        <v>0</v>
      </c>
    </row>
    <row r="9832" spans="1:4" x14ac:dyDescent="0.25">
      <c r="A9832" t="s">
        <v>14682</v>
      </c>
      <c r="B9832" t="s">
        <v>14684</v>
      </c>
      <c r="C9832">
        <v>1</v>
      </c>
      <c r="D9832">
        <v>0</v>
      </c>
    </row>
    <row r="9833" spans="1:4" x14ac:dyDescent="0.25">
      <c r="A9833" t="s">
        <v>14682</v>
      </c>
      <c r="B9833" t="s">
        <v>14685</v>
      </c>
      <c r="C9833">
        <v>1</v>
      </c>
      <c r="D9833">
        <v>0</v>
      </c>
    </row>
    <row r="9834" spans="1:4" x14ac:dyDescent="0.25">
      <c r="A9834" t="s">
        <v>14686</v>
      </c>
      <c r="B9834" t="s">
        <v>14687</v>
      </c>
      <c r="C9834">
        <v>0</v>
      </c>
      <c r="D9834">
        <v>0</v>
      </c>
    </row>
    <row r="9835" spans="1:4" x14ac:dyDescent="0.25">
      <c r="A9835" t="s">
        <v>14688</v>
      </c>
      <c r="B9835" t="s">
        <v>1526</v>
      </c>
      <c r="C9835">
        <v>1</v>
      </c>
      <c r="D9835">
        <v>0</v>
      </c>
    </row>
    <row r="9836" spans="1:4" x14ac:dyDescent="0.25">
      <c r="A9836" t="s">
        <v>14689</v>
      </c>
      <c r="B9836" t="s">
        <v>14690</v>
      </c>
      <c r="C9836">
        <v>2</v>
      </c>
      <c r="D9836">
        <v>0</v>
      </c>
    </row>
    <row r="9837" spans="1:4" x14ac:dyDescent="0.25">
      <c r="A9837" t="s">
        <v>14691</v>
      </c>
      <c r="B9837" t="s">
        <v>3195</v>
      </c>
      <c r="C9837">
        <v>1</v>
      </c>
      <c r="D9837">
        <v>0</v>
      </c>
    </row>
    <row r="9838" spans="1:4" x14ac:dyDescent="0.25">
      <c r="A9838" t="s">
        <v>14692</v>
      </c>
      <c r="B9838" t="s">
        <v>14693</v>
      </c>
      <c r="C9838">
        <v>2</v>
      </c>
      <c r="D9838">
        <v>0</v>
      </c>
    </row>
    <row r="9839" spans="1:4" x14ac:dyDescent="0.25">
      <c r="A9839" t="s">
        <v>14692</v>
      </c>
      <c r="B9839" t="s">
        <v>14694</v>
      </c>
      <c r="C9839">
        <v>1</v>
      </c>
      <c r="D9839">
        <v>0</v>
      </c>
    </row>
    <row r="9840" spans="1:4" x14ac:dyDescent="0.25">
      <c r="A9840" t="s">
        <v>14692</v>
      </c>
      <c r="B9840" t="s">
        <v>14695</v>
      </c>
      <c r="C9840">
        <v>1</v>
      </c>
      <c r="D9840">
        <v>0</v>
      </c>
    </row>
    <row r="9841" spans="1:4" x14ac:dyDescent="0.25">
      <c r="A9841" t="s">
        <v>14696</v>
      </c>
      <c r="B9841" t="s">
        <v>14697</v>
      </c>
      <c r="C9841">
        <v>1</v>
      </c>
      <c r="D9841">
        <v>0</v>
      </c>
    </row>
    <row r="9842" spans="1:4" x14ac:dyDescent="0.25">
      <c r="A9842" t="s">
        <v>14696</v>
      </c>
      <c r="B9842" t="s">
        <v>14698</v>
      </c>
      <c r="C9842">
        <v>1</v>
      </c>
      <c r="D9842">
        <v>0</v>
      </c>
    </row>
    <row r="9843" spans="1:4" x14ac:dyDescent="0.25">
      <c r="A9843" t="s">
        <v>14699</v>
      </c>
      <c r="B9843" t="s">
        <v>14700</v>
      </c>
      <c r="C9843">
        <v>0</v>
      </c>
      <c r="D9843">
        <v>0</v>
      </c>
    </row>
    <row r="9844" spans="1:4" x14ac:dyDescent="0.25">
      <c r="A9844" t="s">
        <v>14701</v>
      </c>
      <c r="B9844" t="s">
        <v>14702</v>
      </c>
      <c r="C9844">
        <v>0</v>
      </c>
      <c r="D9844">
        <v>0</v>
      </c>
    </row>
    <row r="9845" spans="1:4" x14ac:dyDescent="0.25">
      <c r="A9845" t="s">
        <v>14703</v>
      </c>
      <c r="B9845" t="s">
        <v>14704</v>
      </c>
      <c r="C9845">
        <v>1</v>
      </c>
      <c r="D9845">
        <v>0</v>
      </c>
    </row>
    <row r="9846" spans="1:4" x14ac:dyDescent="0.25">
      <c r="A9846" t="s">
        <v>14705</v>
      </c>
      <c r="B9846" t="s">
        <v>9259</v>
      </c>
      <c r="C9846">
        <v>1</v>
      </c>
      <c r="D9846">
        <v>0</v>
      </c>
    </row>
    <row r="9847" spans="1:4" x14ac:dyDescent="0.25">
      <c r="A9847" t="s">
        <v>14706</v>
      </c>
      <c r="B9847" t="s">
        <v>14707</v>
      </c>
      <c r="C9847">
        <v>2</v>
      </c>
      <c r="D9847">
        <v>0</v>
      </c>
    </row>
    <row r="9848" spans="1:4" x14ac:dyDescent="0.25">
      <c r="A9848" t="s">
        <v>14708</v>
      </c>
      <c r="B9848" t="s">
        <v>14709</v>
      </c>
      <c r="C9848">
        <v>0</v>
      </c>
      <c r="D9848">
        <v>0</v>
      </c>
    </row>
    <row r="9849" spans="1:4" x14ac:dyDescent="0.25">
      <c r="A9849" t="s">
        <v>14710</v>
      </c>
      <c r="B9849" t="s">
        <v>14711</v>
      </c>
      <c r="C9849">
        <v>0</v>
      </c>
      <c r="D9849">
        <v>0</v>
      </c>
    </row>
    <row r="9850" spans="1:4" x14ac:dyDescent="0.25">
      <c r="A9850" t="s">
        <v>14712</v>
      </c>
      <c r="B9850" t="s">
        <v>3410</v>
      </c>
      <c r="C9850">
        <v>1</v>
      </c>
      <c r="D9850">
        <v>0</v>
      </c>
    </row>
    <row r="9851" spans="1:4" x14ac:dyDescent="0.25">
      <c r="A9851" t="s">
        <v>14713</v>
      </c>
      <c r="B9851" t="s">
        <v>14714</v>
      </c>
      <c r="C9851">
        <v>1</v>
      </c>
      <c r="D9851">
        <v>0</v>
      </c>
    </row>
    <row r="9852" spans="1:4" x14ac:dyDescent="0.25">
      <c r="A9852" t="s">
        <v>14715</v>
      </c>
      <c r="B9852" t="s">
        <v>2052</v>
      </c>
      <c r="C9852">
        <v>0</v>
      </c>
      <c r="D9852">
        <v>0</v>
      </c>
    </row>
    <row r="9853" spans="1:4" x14ac:dyDescent="0.25">
      <c r="A9853" t="s">
        <v>14716</v>
      </c>
      <c r="B9853" t="s">
        <v>14717</v>
      </c>
      <c r="C9853">
        <v>0</v>
      </c>
      <c r="D9853">
        <v>0</v>
      </c>
    </row>
    <row r="9854" spans="1:4" x14ac:dyDescent="0.25">
      <c r="A9854" t="s">
        <v>14716</v>
      </c>
      <c r="B9854" t="s">
        <v>14718</v>
      </c>
      <c r="C9854">
        <v>1</v>
      </c>
      <c r="D9854">
        <v>0</v>
      </c>
    </row>
    <row r="9855" spans="1:4" x14ac:dyDescent="0.25">
      <c r="A9855" t="s">
        <v>14719</v>
      </c>
      <c r="B9855" t="s">
        <v>14720</v>
      </c>
      <c r="C9855">
        <v>0</v>
      </c>
      <c r="D9855">
        <v>0</v>
      </c>
    </row>
    <row r="9856" spans="1:4" x14ac:dyDescent="0.25">
      <c r="A9856" t="s">
        <v>14719</v>
      </c>
      <c r="B9856" t="s">
        <v>14721</v>
      </c>
      <c r="C9856">
        <v>2</v>
      </c>
      <c r="D9856">
        <v>0</v>
      </c>
    </row>
    <row r="9857" spans="1:4" x14ac:dyDescent="0.25">
      <c r="A9857" t="s">
        <v>14722</v>
      </c>
      <c r="B9857" t="s">
        <v>14723</v>
      </c>
      <c r="C9857">
        <v>1</v>
      </c>
      <c r="D9857">
        <v>0</v>
      </c>
    </row>
    <row r="9858" spans="1:4" x14ac:dyDescent="0.25">
      <c r="A9858" t="s">
        <v>14724</v>
      </c>
      <c r="B9858" t="s">
        <v>14725</v>
      </c>
      <c r="C9858">
        <v>2</v>
      </c>
      <c r="D9858">
        <v>0</v>
      </c>
    </row>
    <row r="9859" spans="1:4" x14ac:dyDescent="0.25">
      <c r="A9859" t="s">
        <v>14726</v>
      </c>
      <c r="B9859" t="s">
        <v>14727</v>
      </c>
      <c r="C9859">
        <v>1</v>
      </c>
      <c r="D9859">
        <v>0</v>
      </c>
    </row>
    <row r="9860" spans="1:4" x14ac:dyDescent="0.25">
      <c r="A9860" t="s">
        <v>14726</v>
      </c>
      <c r="B9860" t="s">
        <v>14728</v>
      </c>
      <c r="C9860">
        <v>0</v>
      </c>
      <c r="D9860">
        <v>0</v>
      </c>
    </row>
    <row r="9861" spans="1:4" x14ac:dyDescent="0.25">
      <c r="A9861" t="s">
        <v>14726</v>
      </c>
      <c r="B9861" t="s">
        <v>14729</v>
      </c>
      <c r="C9861">
        <v>2</v>
      </c>
      <c r="D9861">
        <v>0</v>
      </c>
    </row>
    <row r="9862" spans="1:4" x14ac:dyDescent="0.25">
      <c r="A9862" t="s">
        <v>14730</v>
      </c>
      <c r="B9862" t="s">
        <v>14731</v>
      </c>
      <c r="C9862">
        <v>2</v>
      </c>
      <c r="D9862">
        <v>0</v>
      </c>
    </row>
    <row r="9863" spans="1:4" x14ac:dyDescent="0.25">
      <c r="A9863" t="s">
        <v>14732</v>
      </c>
      <c r="B9863" t="s">
        <v>14733</v>
      </c>
      <c r="C9863">
        <v>0</v>
      </c>
      <c r="D9863">
        <v>0</v>
      </c>
    </row>
    <row r="9864" spans="1:4" x14ac:dyDescent="0.25">
      <c r="A9864" t="s">
        <v>14732</v>
      </c>
      <c r="B9864" t="s">
        <v>14734</v>
      </c>
      <c r="C9864">
        <v>1</v>
      </c>
      <c r="D9864">
        <v>0</v>
      </c>
    </row>
    <row r="9865" spans="1:4" x14ac:dyDescent="0.25">
      <c r="A9865" t="s">
        <v>14735</v>
      </c>
      <c r="B9865" t="s">
        <v>14736</v>
      </c>
      <c r="C9865">
        <v>0</v>
      </c>
      <c r="D9865">
        <v>0</v>
      </c>
    </row>
    <row r="9866" spans="1:4" x14ac:dyDescent="0.25">
      <c r="A9866" t="s">
        <v>14737</v>
      </c>
      <c r="B9866" t="s">
        <v>14738</v>
      </c>
      <c r="C9866">
        <v>2</v>
      </c>
      <c r="D9866">
        <v>0</v>
      </c>
    </row>
    <row r="9867" spans="1:4" x14ac:dyDescent="0.25">
      <c r="A9867" t="s">
        <v>14737</v>
      </c>
      <c r="B9867" t="s">
        <v>14739</v>
      </c>
      <c r="C9867">
        <v>1</v>
      </c>
      <c r="D9867">
        <v>0</v>
      </c>
    </row>
    <row r="9868" spans="1:4" x14ac:dyDescent="0.25">
      <c r="A9868" t="s">
        <v>14740</v>
      </c>
      <c r="B9868" t="s">
        <v>852</v>
      </c>
      <c r="C9868">
        <v>0</v>
      </c>
      <c r="D9868">
        <v>0</v>
      </c>
    </row>
    <row r="9869" spans="1:4" x14ac:dyDescent="0.25">
      <c r="A9869" t="s">
        <v>14740</v>
      </c>
      <c r="B9869" t="s">
        <v>1499</v>
      </c>
      <c r="C9869">
        <v>1</v>
      </c>
      <c r="D9869">
        <v>0</v>
      </c>
    </row>
    <row r="9870" spans="1:4" x14ac:dyDescent="0.25">
      <c r="A9870" t="s">
        <v>14741</v>
      </c>
      <c r="B9870" t="s">
        <v>3347</v>
      </c>
      <c r="C9870">
        <v>0</v>
      </c>
      <c r="D9870">
        <v>0</v>
      </c>
    </row>
    <row r="9871" spans="1:4" x14ac:dyDescent="0.25">
      <c r="A9871" t="s">
        <v>14741</v>
      </c>
      <c r="B9871" t="s">
        <v>14742</v>
      </c>
      <c r="C9871">
        <v>1</v>
      </c>
      <c r="D9871">
        <v>0</v>
      </c>
    </row>
    <row r="9872" spans="1:4" x14ac:dyDescent="0.25">
      <c r="A9872" t="s">
        <v>14743</v>
      </c>
      <c r="B9872" t="s">
        <v>14744</v>
      </c>
      <c r="C9872">
        <v>0</v>
      </c>
      <c r="D9872">
        <v>0</v>
      </c>
    </row>
    <row r="9873" spans="1:4" x14ac:dyDescent="0.25">
      <c r="A9873" t="s">
        <v>14743</v>
      </c>
      <c r="B9873" t="s">
        <v>14745</v>
      </c>
      <c r="C9873">
        <v>2</v>
      </c>
      <c r="D9873">
        <v>0</v>
      </c>
    </row>
    <row r="9874" spans="1:4" x14ac:dyDescent="0.25">
      <c r="A9874" t="s">
        <v>14746</v>
      </c>
      <c r="B9874" t="s">
        <v>14747</v>
      </c>
      <c r="C9874">
        <v>1</v>
      </c>
      <c r="D9874">
        <v>0</v>
      </c>
    </row>
    <row r="9875" spans="1:4" x14ac:dyDescent="0.25">
      <c r="A9875" t="s">
        <v>14748</v>
      </c>
      <c r="B9875" t="s">
        <v>14749</v>
      </c>
      <c r="C9875">
        <v>2</v>
      </c>
      <c r="D9875">
        <v>0</v>
      </c>
    </row>
    <row r="9876" spans="1:4" x14ac:dyDescent="0.25">
      <c r="A9876" t="s">
        <v>14748</v>
      </c>
      <c r="B9876" t="s">
        <v>14750</v>
      </c>
      <c r="C9876">
        <v>0</v>
      </c>
      <c r="D9876">
        <v>0</v>
      </c>
    </row>
    <row r="9877" spans="1:4" x14ac:dyDescent="0.25">
      <c r="A9877" t="s">
        <v>14751</v>
      </c>
      <c r="B9877" t="s">
        <v>14752</v>
      </c>
      <c r="C9877">
        <v>1</v>
      </c>
      <c r="D9877">
        <v>0</v>
      </c>
    </row>
    <row r="9878" spans="1:4" x14ac:dyDescent="0.25">
      <c r="A9878" t="s">
        <v>14753</v>
      </c>
      <c r="B9878" t="s">
        <v>14754</v>
      </c>
      <c r="C9878">
        <v>0</v>
      </c>
      <c r="D9878">
        <v>0</v>
      </c>
    </row>
    <row r="9879" spans="1:4" x14ac:dyDescent="0.25">
      <c r="A9879" t="s">
        <v>14753</v>
      </c>
      <c r="B9879" t="s">
        <v>14755</v>
      </c>
      <c r="C9879">
        <v>0</v>
      </c>
      <c r="D9879">
        <v>0</v>
      </c>
    </row>
    <row r="9880" spans="1:4" x14ac:dyDescent="0.25">
      <c r="A9880" t="s">
        <v>14756</v>
      </c>
      <c r="B9880" t="s">
        <v>11070</v>
      </c>
      <c r="C9880">
        <v>1</v>
      </c>
      <c r="D9880">
        <v>0</v>
      </c>
    </row>
    <row r="9881" spans="1:4" x14ac:dyDescent="0.25">
      <c r="A9881" t="s">
        <v>14756</v>
      </c>
      <c r="B9881" t="s">
        <v>14757</v>
      </c>
      <c r="C9881">
        <v>0</v>
      </c>
      <c r="D9881">
        <v>0</v>
      </c>
    </row>
    <row r="9882" spans="1:4" x14ac:dyDescent="0.25">
      <c r="A9882" t="s">
        <v>14758</v>
      </c>
      <c r="B9882" t="s">
        <v>14759</v>
      </c>
      <c r="C9882">
        <v>1</v>
      </c>
      <c r="D9882">
        <v>0</v>
      </c>
    </row>
    <row r="9883" spans="1:4" x14ac:dyDescent="0.25">
      <c r="A9883" t="s">
        <v>14760</v>
      </c>
      <c r="B9883" t="s">
        <v>14761</v>
      </c>
      <c r="C9883">
        <v>2</v>
      </c>
      <c r="D9883">
        <v>0</v>
      </c>
    </row>
    <row r="9884" spans="1:4" x14ac:dyDescent="0.25">
      <c r="A9884" t="s">
        <v>14760</v>
      </c>
      <c r="B9884" t="s">
        <v>14762</v>
      </c>
      <c r="C9884">
        <v>1</v>
      </c>
      <c r="D9884">
        <v>0</v>
      </c>
    </row>
    <row r="9885" spans="1:4" x14ac:dyDescent="0.25">
      <c r="A9885" t="s">
        <v>14763</v>
      </c>
      <c r="B9885" t="s">
        <v>14764</v>
      </c>
      <c r="C9885">
        <v>1</v>
      </c>
      <c r="D9885">
        <v>0</v>
      </c>
    </row>
    <row r="9886" spans="1:4" x14ac:dyDescent="0.25">
      <c r="A9886" t="s">
        <v>14765</v>
      </c>
      <c r="B9886" t="s">
        <v>14766</v>
      </c>
      <c r="C9886">
        <v>2</v>
      </c>
      <c r="D9886">
        <v>0</v>
      </c>
    </row>
    <row r="9887" spans="1:4" x14ac:dyDescent="0.25">
      <c r="A9887" t="s">
        <v>14765</v>
      </c>
      <c r="B9887" t="s">
        <v>14767</v>
      </c>
      <c r="C9887">
        <v>2</v>
      </c>
      <c r="D9887">
        <v>0</v>
      </c>
    </row>
    <row r="9888" spans="1:4" x14ac:dyDescent="0.25">
      <c r="A9888" t="s">
        <v>14768</v>
      </c>
      <c r="B9888" t="s">
        <v>14769</v>
      </c>
      <c r="C9888">
        <v>1</v>
      </c>
      <c r="D9888">
        <v>0</v>
      </c>
    </row>
    <row r="9889" spans="1:4" x14ac:dyDescent="0.25">
      <c r="A9889" t="s">
        <v>14770</v>
      </c>
      <c r="B9889" t="s">
        <v>14771</v>
      </c>
      <c r="C9889">
        <v>2</v>
      </c>
      <c r="D9889">
        <v>0</v>
      </c>
    </row>
    <row r="9890" spans="1:4" x14ac:dyDescent="0.25">
      <c r="A9890" t="s">
        <v>14772</v>
      </c>
      <c r="B9890" t="s">
        <v>14773</v>
      </c>
      <c r="C9890">
        <v>2</v>
      </c>
      <c r="D9890">
        <v>0</v>
      </c>
    </row>
    <row r="9891" spans="1:4" x14ac:dyDescent="0.25">
      <c r="A9891" t="s">
        <v>14774</v>
      </c>
      <c r="B9891" t="s">
        <v>14775</v>
      </c>
      <c r="C9891">
        <v>0</v>
      </c>
      <c r="D9891">
        <v>0</v>
      </c>
    </row>
    <row r="9892" spans="1:4" x14ac:dyDescent="0.25">
      <c r="A9892" t="s">
        <v>14774</v>
      </c>
      <c r="B9892" t="s">
        <v>14776</v>
      </c>
      <c r="C9892">
        <v>1</v>
      </c>
      <c r="D9892">
        <v>0</v>
      </c>
    </row>
    <row r="9893" spans="1:4" x14ac:dyDescent="0.25">
      <c r="A9893" t="s">
        <v>14777</v>
      </c>
      <c r="B9893" t="s">
        <v>14778</v>
      </c>
      <c r="C9893">
        <v>0</v>
      </c>
      <c r="D9893">
        <v>0</v>
      </c>
    </row>
    <row r="9894" spans="1:4" x14ac:dyDescent="0.25">
      <c r="A9894" t="s">
        <v>14777</v>
      </c>
      <c r="B9894" t="s">
        <v>14779</v>
      </c>
      <c r="C9894">
        <v>0</v>
      </c>
      <c r="D9894">
        <v>0</v>
      </c>
    </row>
    <row r="9895" spans="1:4" x14ac:dyDescent="0.25">
      <c r="A9895" t="s">
        <v>14780</v>
      </c>
      <c r="B9895" t="s">
        <v>14781</v>
      </c>
      <c r="C9895">
        <v>1</v>
      </c>
      <c r="D9895">
        <v>0</v>
      </c>
    </row>
    <row r="9896" spans="1:4" x14ac:dyDescent="0.25">
      <c r="A9896" t="s">
        <v>14782</v>
      </c>
      <c r="B9896" t="s">
        <v>14783</v>
      </c>
      <c r="C9896">
        <v>0</v>
      </c>
      <c r="D9896">
        <v>0</v>
      </c>
    </row>
    <row r="9897" spans="1:4" x14ac:dyDescent="0.25">
      <c r="A9897" t="s">
        <v>14782</v>
      </c>
      <c r="B9897" t="s">
        <v>14784</v>
      </c>
      <c r="C9897">
        <v>1</v>
      </c>
      <c r="D9897">
        <v>0</v>
      </c>
    </row>
    <row r="9898" spans="1:4" x14ac:dyDescent="0.25">
      <c r="A9898" t="s">
        <v>14785</v>
      </c>
      <c r="B9898" t="s">
        <v>14786</v>
      </c>
      <c r="C9898">
        <v>2</v>
      </c>
      <c r="D9898">
        <v>0</v>
      </c>
    </row>
    <row r="9899" spans="1:4" x14ac:dyDescent="0.25">
      <c r="A9899" t="s">
        <v>14785</v>
      </c>
      <c r="B9899" t="s">
        <v>14787</v>
      </c>
      <c r="C9899">
        <v>2</v>
      </c>
      <c r="D9899">
        <v>0</v>
      </c>
    </row>
    <row r="9900" spans="1:4" x14ac:dyDescent="0.25">
      <c r="A9900" t="s">
        <v>14785</v>
      </c>
      <c r="B9900" t="s">
        <v>14788</v>
      </c>
      <c r="C9900">
        <v>2</v>
      </c>
      <c r="D9900">
        <v>0</v>
      </c>
    </row>
    <row r="9901" spans="1:4" x14ac:dyDescent="0.25">
      <c r="A9901" t="s">
        <v>14789</v>
      </c>
      <c r="B9901" t="s">
        <v>3410</v>
      </c>
      <c r="C9901">
        <v>1</v>
      </c>
      <c r="D9901">
        <v>0</v>
      </c>
    </row>
    <row r="9902" spans="1:4" x14ac:dyDescent="0.25">
      <c r="A9902" t="s">
        <v>14790</v>
      </c>
      <c r="B9902" t="s">
        <v>14791</v>
      </c>
      <c r="C9902">
        <v>1</v>
      </c>
      <c r="D9902">
        <v>0</v>
      </c>
    </row>
    <row r="9903" spans="1:4" x14ac:dyDescent="0.25">
      <c r="A9903" t="s">
        <v>14790</v>
      </c>
      <c r="B9903" t="s">
        <v>14792</v>
      </c>
      <c r="C9903">
        <v>2</v>
      </c>
      <c r="D9903">
        <v>0</v>
      </c>
    </row>
    <row r="9904" spans="1:4" x14ac:dyDescent="0.25">
      <c r="A9904" t="s">
        <v>14793</v>
      </c>
      <c r="B9904" t="s">
        <v>14794</v>
      </c>
      <c r="C9904">
        <v>2</v>
      </c>
      <c r="D9904">
        <v>0</v>
      </c>
    </row>
    <row r="9905" spans="1:4" x14ac:dyDescent="0.25">
      <c r="A9905" t="s">
        <v>14795</v>
      </c>
      <c r="B9905" t="s">
        <v>969</v>
      </c>
      <c r="C9905">
        <v>0</v>
      </c>
      <c r="D9905">
        <v>0</v>
      </c>
    </row>
    <row r="9906" spans="1:4" x14ac:dyDescent="0.25">
      <c r="A9906" t="s">
        <v>14795</v>
      </c>
      <c r="B9906" t="s">
        <v>14796</v>
      </c>
      <c r="C9906">
        <v>1</v>
      </c>
      <c r="D9906">
        <v>0</v>
      </c>
    </row>
    <row r="9907" spans="1:4" x14ac:dyDescent="0.25">
      <c r="A9907" t="s">
        <v>14797</v>
      </c>
      <c r="B9907" t="s">
        <v>14798</v>
      </c>
      <c r="C9907">
        <v>1</v>
      </c>
      <c r="D9907">
        <v>0</v>
      </c>
    </row>
    <row r="9908" spans="1:4" x14ac:dyDescent="0.25">
      <c r="A9908" t="s">
        <v>14799</v>
      </c>
      <c r="B9908" t="s">
        <v>14800</v>
      </c>
      <c r="C9908">
        <v>0</v>
      </c>
      <c r="D9908">
        <v>0</v>
      </c>
    </row>
    <row r="9909" spans="1:4" x14ac:dyDescent="0.25">
      <c r="A9909" t="s">
        <v>14799</v>
      </c>
      <c r="B9909" t="s">
        <v>14801</v>
      </c>
      <c r="C9909">
        <v>1</v>
      </c>
      <c r="D9909">
        <v>0</v>
      </c>
    </row>
    <row r="9910" spans="1:4" x14ac:dyDescent="0.25">
      <c r="A9910" t="s">
        <v>14802</v>
      </c>
      <c r="B9910" t="s">
        <v>996</v>
      </c>
      <c r="C9910">
        <v>1</v>
      </c>
      <c r="D9910">
        <v>0</v>
      </c>
    </row>
    <row r="9911" spans="1:4" x14ac:dyDescent="0.25">
      <c r="A9911" t="s">
        <v>14803</v>
      </c>
      <c r="B9911" t="s">
        <v>398</v>
      </c>
      <c r="C9911">
        <v>0</v>
      </c>
      <c r="D9911">
        <v>0</v>
      </c>
    </row>
    <row r="9912" spans="1:4" x14ac:dyDescent="0.25">
      <c r="A9912" t="s">
        <v>14804</v>
      </c>
      <c r="B9912" t="s">
        <v>14805</v>
      </c>
      <c r="C9912">
        <v>0</v>
      </c>
      <c r="D9912">
        <v>0</v>
      </c>
    </row>
    <row r="9913" spans="1:4" x14ac:dyDescent="0.25">
      <c r="A9913" t="s">
        <v>14804</v>
      </c>
      <c r="B9913" t="s">
        <v>14806</v>
      </c>
      <c r="C9913">
        <v>0</v>
      </c>
      <c r="D9913">
        <v>0</v>
      </c>
    </row>
    <row r="9914" spans="1:4" x14ac:dyDescent="0.25">
      <c r="A9914" t="s">
        <v>14807</v>
      </c>
      <c r="B9914" t="s">
        <v>14808</v>
      </c>
      <c r="C9914">
        <v>0</v>
      </c>
      <c r="D9914">
        <v>0</v>
      </c>
    </row>
    <row r="9915" spans="1:4" x14ac:dyDescent="0.25">
      <c r="A9915" t="s">
        <v>14809</v>
      </c>
      <c r="B9915" t="s">
        <v>14810</v>
      </c>
      <c r="C9915">
        <v>2</v>
      </c>
      <c r="D9915">
        <v>0</v>
      </c>
    </row>
    <row r="9916" spans="1:4" x14ac:dyDescent="0.25">
      <c r="A9916" t="s">
        <v>14809</v>
      </c>
      <c r="B9916" t="s">
        <v>14811</v>
      </c>
      <c r="C9916">
        <v>0</v>
      </c>
      <c r="D9916">
        <v>0</v>
      </c>
    </row>
    <row r="9917" spans="1:4" x14ac:dyDescent="0.25">
      <c r="A9917" t="s">
        <v>14812</v>
      </c>
      <c r="B9917" t="s">
        <v>12472</v>
      </c>
      <c r="C9917">
        <v>1</v>
      </c>
      <c r="D9917">
        <v>0</v>
      </c>
    </row>
    <row r="9918" spans="1:4" x14ac:dyDescent="0.25">
      <c r="A9918" t="s">
        <v>14813</v>
      </c>
      <c r="B9918" t="s">
        <v>14814</v>
      </c>
      <c r="C9918">
        <v>2</v>
      </c>
      <c r="D9918">
        <v>0</v>
      </c>
    </row>
    <row r="9919" spans="1:4" x14ac:dyDescent="0.25">
      <c r="A9919" t="s">
        <v>14815</v>
      </c>
      <c r="B9919" t="s">
        <v>14816</v>
      </c>
      <c r="C9919">
        <v>0</v>
      </c>
      <c r="D9919">
        <v>0</v>
      </c>
    </row>
    <row r="9920" spans="1:4" x14ac:dyDescent="0.25">
      <c r="A9920" t="s">
        <v>14817</v>
      </c>
      <c r="B9920" t="s">
        <v>14818</v>
      </c>
      <c r="C9920">
        <v>1</v>
      </c>
      <c r="D9920">
        <v>0</v>
      </c>
    </row>
    <row r="9921" spans="1:4" x14ac:dyDescent="0.25">
      <c r="A9921" t="s">
        <v>14819</v>
      </c>
      <c r="B9921" t="s">
        <v>14820</v>
      </c>
      <c r="C9921">
        <v>1</v>
      </c>
      <c r="D9921">
        <v>0</v>
      </c>
    </row>
    <row r="9922" spans="1:4" x14ac:dyDescent="0.25">
      <c r="A9922" t="s">
        <v>14819</v>
      </c>
      <c r="B9922" t="s">
        <v>14821</v>
      </c>
      <c r="C9922">
        <v>0</v>
      </c>
      <c r="D9922">
        <v>0</v>
      </c>
    </row>
    <row r="9923" spans="1:4" x14ac:dyDescent="0.25">
      <c r="A9923" t="s">
        <v>14822</v>
      </c>
      <c r="B9923" t="s">
        <v>14823</v>
      </c>
      <c r="C9923">
        <v>1</v>
      </c>
      <c r="D9923">
        <v>0</v>
      </c>
    </row>
    <row r="9924" spans="1:4" x14ac:dyDescent="0.25">
      <c r="A9924" t="s">
        <v>14824</v>
      </c>
      <c r="B9924" t="s">
        <v>1499</v>
      </c>
      <c r="C9924">
        <v>1</v>
      </c>
      <c r="D9924">
        <v>0</v>
      </c>
    </row>
    <row r="9925" spans="1:4" x14ac:dyDescent="0.25">
      <c r="A9925" t="s">
        <v>14824</v>
      </c>
      <c r="B9925" t="s">
        <v>852</v>
      </c>
      <c r="C9925">
        <v>0</v>
      </c>
      <c r="D9925">
        <v>0</v>
      </c>
    </row>
    <row r="9926" spans="1:4" x14ac:dyDescent="0.25">
      <c r="A9926" t="s">
        <v>14825</v>
      </c>
      <c r="B9926" t="s">
        <v>14826</v>
      </c>
      <c r="C9926">
        <v>1</v>
      </c>
      <c r="D9926">
        <v>0</v>
      </c>
    </row>
    <row r="9927" spans="1:4" x14ac:dyDescent="0.25">
      <c r="A9927" t="s">
        <v>14827</v>
      </c>
      <c r="B9927" t="s">
        <v>14828</v>
      </c>
      <c r="C9927">
        <v>0</v>
      </c>
      <c r="D9927">
        <v>0</v>
      </c>
    </row>
    <row r="9928" spans="1:4" x14ac:dyDescent="0.25">
      <c r="A9928" t="s">
        <v>14829</v>
      </c>
      <c r="B9928" t="s">
        <v>14830</v>
      </c>
      <c r="C9928">
        <v>1</v>
      </c>
      <c r="D9928">
        <v>0</v>
      </c>
    </row>
    <row r="9929" spans="1:4" x14ac:dyDescent="0.25">
      <c r="A9929" t="s">
        <v>14829</v>
      </c>
      <c r="B9929" t="s">
        <v>14831</v>
      </c>
      <c r="C9929">
        <v>1</v>
      </c>
      <c r="D9929">
        <v>0</v>
      </c>
    </row>
    <row r="9930" spans="1:4" x14ac:dyDescent="0.25">
      <c r="A9930" t="s">
        <v>14832</v>
      </c>
      <c r="B9930" t="s">
        <v>14833</v>
      </c>
      <c r="C9930">
        <v>1</v>
      </c>
      <c r="D9930">
        <v>0</v>
      </c>
    </row>
    <row r="9931" spans="1:4" x14ac:dyDescent="0.25">
      <c r="A9931" t="s">
        <v>14832</v>
      </c>
      <c r="B9931" t="s">
        <v>14834</v>
      </c>
      <c r="C9931">
        <v>0</v>
      </c>
      <c r="D9931">
        <v>0</v>
      </c>
    </row>
    <row r="9932" spans="1:4" x14ac:dyDescent="0.25">
      <c r="A9932" t="s">
        <v>14835</v>
      </c>
      <c r="B9932" t="s">
        <v>14836</v>
      </c>
      <c r="C9932">
        <v>2</v>
      </c>
      <c r="D9932">
        <v>0</v>
      </c>
    </row>
    <row r="9933" spans="1:4" x14ac:dyDescent="0.25">
      <c r="A9933" t="s">
        <v>14837</v>
      </c>
      <c r="B9933" t="s">
        <v>1629</v>
      </c>
      <c r="C9933">
        <v>1</v>
      </c>
      <c r="D9933">
        <v>0</v>
      </c>
    </row>
    <row r="9934" spans="1:4" x14ac:dyDescent="0.25">
      <c r="A9934" t="s">
        <v>14838</v>
      </c>
      <c r="B9934" t="s">
        <v>968</v>
      </c>
      <c r="C9934">
        <v>1</v>
      </c>
      <c r="D9934">
        <v>0</v>
      </c>
    </row>
    <row r="9935" spans="1:4" x14ac:dyDescent="0.25">
      <c r="A9935" t="s">
        <v>14839</v>
      </c>
      <c r="B9935" t="s">
        <v>14840</v>
      </c>
      <c r="C9935">
        <v>0</v>
      </c>
      <c r="D9935">
        <v>0</v>
      </c>
    </row>
    <row r="9936" spans="1:4" x14ac:dyDescent="0.25">
      <c r="A9936" t="s">
        <v>14841</v>
      </c>
      <c r="B9936" t="s">
        <v>14842</v>
      </c>
      <c r="C9936">
        <v>2</v>
      </c>
      <c r="D9936">
        <v>0</v>
      </c>
    </row>
    <row r="9937" spans="1:4" x14ac:dyDescent="0.25">
      <c r="A9937" t="s">
        <v>14843</v>
      </c>
      <c r="B9937" t="s">
        <v>14844</v>
      </c>
      <c r="C9937">
        <v>1</v>
      </c>
      <c r="D9937">
        <v>0</v>
      </c>
    </row>
    <row r="9938" spans="1:4" x14ac:dyDescent="0.25">
      <c r="A9938" t="s">
        <v>14843</v>
      </c>
      <c r="B9938" t="s">
        <v>2362</v>
      </c>
      <c r="C9938">
        <v>1</v>
      </c>
      <c r="D9938">
        <v>0</v>
      </c>
    </row>
    <row r="9939" spans="1:4" x14ac:dyDescent="0.25">
      <c r="A9939" t="s">
        <v>14843</v>
      </c>
      <c r="B9939" t="s">
        <v>14845</v>
      </c>
      <c r="C9939">
        <v>2</v>
      </c>
      <c r="D9939">
        <v>0</v>
      </c>
    </row>
    <row r="9940" spans="1:4" x14ac:dyDescent="0.25">
      <c r="A9940" t="s">
        <v>14846</v>
      </c>
      <c r="B9940" t="s">
        <v>14847</v>
      </c>
      <c r="C9940">
        <v>0</v>
      </c>
      <c r="D9940">
        <v>0</v>
      </c>
    </row>
    <row r="9941" spans="1:4" x14ac:dyDescent="0.25">
      <c r="A9941" t="s">
        <v>14848</v>
      </c>
      <c r="B9941" t="s">
        <v>14849</v>
      </c>
      <c r="C9941">
        <v>0</v>
      </c>
      <c r="D9941">
        <v>0</v>
      </c>
    </row>
    <row r="9942" spans="1:4" x14ac:dyDescent="0.25">
      <c r="A9942" t="s">
        <v>14848</v>
      </c>
      <c r="B9942" t="s">
        <v>14850</v>
      </c>
      <c r="C9942">
        <v>0</v>
      </c>
      <c r="D9942">
        <v>0</v>
      </c>
    </row>
    <row r="9943" spans="1:4" x14ac:dyDescent="0.25">
      <c r="A9943" t="s">
        <v>14848</v>
      </c>
      <c r="B9943" t="s">
        <v>14851</v>
      </c>
      <c r="C9943">
        <v>0</v>
      </c>
      <c r="D9943">
        <v>0</v>
      </c>
    </row>
    <row r="9944" spans="1:4" x14ac:dyDescent="0.25">
      <c r="A9944" t="s">
        <v>14852</v>
      </c>
      <c r="B9944" t="s">
        <v>1567</v>
      </c>
      <c r="C9944">
        <v>0</v>
      </c>
      <c r="D9944">
        <v>0</v>
      </c>
    </row>
    <row r="9945" spans="1:4" x14ac:dyDescent="0.25">
      <c r="A9945" t="s">
        <v>14853</v>
      </c>
      <c r="B9945" t="s">
        <v>14854</v>
      </c>
      <c r="C9945">
        <v>1</v>
      </c>
      <c r="D9945">
        <v>0</v>
      </c>
    </row>
    <row r="9946" spans="1:4" x14ac:dyDescent="0.25">
      <c r="A9946" t="s">
        <v>14853</v>
      </c>
      <c r="B9946" t="s">
        <v>14855</v>
      </c>
      <c r="C9946">
        <v>1</v>
      </c>
      <c r="D9946">
        <v>0</v>
      </c>
    </row>
    <row r="9947" spans="1:4" x14ac:dyDescent="0.25">
      <c r="A9947" t="s">
        <v>14853</v>
      </c>
      <c r="B9947" t="s">
        <v>14856</v>
      </c>
      <c r="C9947">
        <v>0</v>
      </c>
      <c r="D9947">
        <v>0</v>
      </c>
    </row>
    <row r="9948" spans="1:4" x14ac:dyDescent="0.25">
      <c r="A9948" t="s">
        <v>14857</v>
      </c>
      <c r="B9948" t="s">
        <v>14858</v>
      </c>
      <c r="C9948">
        <v>1</v>
      </c>
      <c r="D9948">
        <v>0</v>
      </c>
    </row>
    <row r="9949" spans="1:4" x14ac:dyDescent="0.25">
      <c r="A9949" t="s">
        <v>14857</v>
      </c>
      <c r="B9949" t="s">
        <v>14859</v>
      </c>
      <c r="C9949">
        <v>1</v>
      </c>
      <c r="D9949">
        <v>0</v>
      </c>
    </row>
    <row r="9950" spans="1:4" x14ac:dyDescent="0.25">
      <c r="A9950" t="s">
        <v>14857</v>
      </c>
      <c r="B9950" t="s">
        <v>14860</v>
      </c>
      <c r="C9950">
        <v>1</v>
      </c>
      <c r="D9950">
        <v>0</v>
      </c>
    </row>
    <row r="9951" spans="1:4" x14ac:dyDescent="0.25">
      <c r="A9951" t="s">
        <v>14861</v>
      </c>
      <c r="B9951" t="s">
        <v>14862</v>
      </c>
      <c r="C9951">
        <v>2</v>
      </c>
      <c r="D9951">
        <v>0</v>
      </c>
    </row>
    <row r="9952" spans="1:4" x14ac:dyDescent="0.25">
      <c r="A9952" t="s">
        <v>14861</v>
      </c>
      <c r="B9952" t="s">
        <v>14863</v>
      </c>
      <c r="C9952">
        <v>1</v>
      </c>
      <c r="D9952">
        <v>0</v>
      </c>
    </row>
    <row r="9953" spans="1:4" x14ac:dyDescent="0.25">
      <c r="A9953" t="s">
        <v>14861</v>
      </c>
      <c r="B9953" t="s">
        <v>14864</v>
      </c>
      <c r="C9953">
        <v>1</v>
      </c>
      <c r="D9953">
        <v>0</v>
      </c>
    </row>
    <row r="9954" spans="1:4" x14ac:dyDescent="0.25">
      <c r="A9954" t="s">
        <v>14865</v>
      </c>
      <c r="B9954" t="s">
        <v>14866</v>
      </c>
      <c r="C9954">
        <v>0</v>
      </c>
      <c r="D9954">
        <v>0</v>
      </c>
    </row>
    <row r="9955" spans="1:4" x14ac:dyDescent="0.25">
      <c r="A9955" t="s">
        <v>14865</v>
      </c>
      <c r="B9955" t="s">
        <v>14867</v>
      </c>
      <c r="C9955">
        <v>1</v>
      </c>
      <c r="D9955">
        <v>0</v>
      </c>
    </row>
    <row r="9956" spans="1:4" x14ac:dyDescent="0.25">
      <c r="A9956" t="s">
        <v>14865</v>
      </c>
      <c r="B9956" t="s">
        <v>14868</v>
      </c>
      <c r="C9956">
        <v>1</v>
      </c>
      <c r="D9956">
        <v>0</v>
      </c>
    </row>
    <row r="9957" spans="1:4" x14ac:dyDescent="0.25">
      <c r="A9957" t="s">
        <v>14869</v>
      </c>
      <c r="B9957" t="s">
        <v>14870</v>
      </c>
      <c r="C9957">
        <v>0</v>
      </c>
      <c r="D9957">
        <v>0</v>
      </c>
    </row>
    <row r="9958" spans="1:4" x14ac:dyDescent="0.25">
      <c r="A9958" t="s">
        <v>14871</v>
      </c>
      <c r="B9958" t="s">
        <v>14872</v>
      </c>
      <c r="C9958">
        <v>1</v>
      </c>
      <c r="D9958">
        <v>0</v>
      </c>
    </row>
    <row r="9959" spans="1:4" x14ac:dyDescent="0.25">
      <c r="A9959" t="s">
        <v>14873</v>
      </c>
      <c r="B9959" t="s">
        <v>14874</v>
      </c>
      <c r="C9959">
        <v>0</v>
      </c>
      <c r="D9959">
        <v>0</v>
      </c>
    </row>
    <row r="9960" spans="1:4" x14ac:dyDescent="0.25">
      <c r="A9960" t="s">
        <v>14875</v>
      </c>
      <c r="B9960" t="s">
        <v>2532</v>
      </c>
      <c r="C9960">
        <v>1</v>
      </c>
      <c r="D9960">
        <v>0</v>
      </c>
    </row>
    <row r="9961" spans="1:4" x14ac:dyDescent="0.25">
      <c r="A9961" t="s">
        <v>14875</v>
      </c>
      <c r="B9961" t="s">
        <v>14397</v>
      </c>
      <c r="C9961">
        <v>0</v>
      </c>
      <c r="D9961">
        <v>0</v>
      </c>
    </row>
    <row r="9962" spans="1:4" x14ac:dyDescent="0.25">
      <c r="A9962" t="s">
        <v>14876</v>
      </c>
      <c r="B9962" t="s">
        <v>14877</v>
      </c>
      <c r="C9962">
        <v>0</v>
      </c>
      <c r="D9962">
        <v>0</v>
      </c>
    </row>
    <row r="9963" spans="1:4" x14ac:dyDescent="0.25">
      <c r="A9963" t="s">
        <v>14876</v>
      </c>
      <c r="B9963" t="s">
        <v>14878</v>
      </c>
      <c r="C9963">
        <v>0</v>
      </c>
      <c r="D9963">
        <v>0</v>
      </c>
    </row>
    <row r="9964" spans="1:4" x14ac:dyDescent="0.25">
      <c r="A9964" t="s">
        <v>14879</v>
      </c>
      <c r="B9964" t="s">
        <v>4680</v>
      </c>
      <c r="C9964">
        <v>0</v>
      </c>
      <c r="D9964">
        <v>0</v>
      </c>
    </row>
    <row r="9965" spans="1:4" x14ac:dyDescent="0.25">
      <c r="A9965" t="s">
        <v>14880</v>
      </c>
      <c r="B9965" t="s">
        <v>1526</v>
      </c>
      <c r="C9965">
        <v>1</v>
      </c>
      <c r="D9965">
        <v>0</v>
      </c>
    </row>
    <row r="9966" spans="1:4" x14ac:dyDescent="0.25">
      <c r="A9966" t="s">
        <v>14881</v>
      </c>
      <c r="B9966" t="s">
        <v>14882</v>
      </c>
      <c r="C9966">
        <v>1</v>
      </c>
      <c r="D9966">
        <v>0</v>
      </c>
    </row>
    <row r="9967" spans="1:4" x14ac:dyDescent="0.25">
      <c r="A9967" t="s">
        <v>14883</v>
      </c>
      <c r="B9967" t="s">
        <v>14884</v>
      </c>
      <c r="C9967">
        <v>1</v>
      </c>
      <c r="D9967">
        <v>0</v>
      </c>
    </row>
    <row r="9968" spans="1:4" x14ac:dyDescent="0.25">
      <c r="A9968" t="s">
        <v>14883</v>
      </c>
      <c r="B9968" t="s">
        <v>14885</v>
      </c>
      <c r="C9968">
        <v>1</v>
      </c>
      <c r="D9968">
        <v>0</v>
      </c>
    </row>
    <row r="9969" spans="1:4" x14ac:dyDescent="0.25">
      <c r="A9969" t="s">
        <v>14886</v>
      </c>
      <c r="B9969" t="s">
        <v>14887</v>
      </c>
      <c r="C9969">
        <v>2</v>
      </c>
      <c r="D9969">
        <v>0</v>
      </c>
    </row>
    <row r="9970" spans="1:4" x14ac:dyDescent="0.25">
      <c r="A9970" t="s">
        <v>14886</v>
      </c>
      <c r="B9970" t="s">
        <v>14888</v>
      </c>
      <c r="C9970">
        <v>1</v>
      </c>
      <c r="D9970">
        <v>0</v>
      </c>
    </row>
    <row r="9971" spans="1:4" x14ac:dyDescent="0.25">
      <c r="A9971" t="s">
        <v>14886</v>
      </c>
      <c r="B9971" t="s">
        <v>14889</v>
      </c>
      <c r="C9971">
        <v>1</v>
      </c>
      <c r="D9971">
        <v>0</v>
      </c>
    </row>
    <row r="9972" spans="1:4" x14ac:dyDescent="0.25">
      <c r="A9972" t="s">
        <v>14890</v>
      </c>
      <c r="B9972" t="s">
        <v>14891</v>
      </c>
      <c r="C9972">
        <v>1</v>
      </c>
      <c r="D9972">
        <v>0</v>
      </c>
    </row>
    <row r="9973" spans="1:4" x14ac:dyDescent="0.25">
      <c r="A9973" t="s">
        <v>14892</v>
      </c>
      <c r="B9973" t="s">
        <v>14893</v>
      </c>
      <c r="C9973">
        <v>1</v>
      </c>
      <c r="D9973">
        <v>0</v>
      </c>
    </row>
    <row r="9974" spans="1:4" x14ac:dyDescent="0.25">
      <c r="A9974" t="s">
        <v>14892</v>
      </c>
      <c r="B9974" t="s">
        <v>14894</v>
      </c>
      <c r="C9974">
        <v>2</v>
      </c>
      <c r="D9974">
        <v>0</v>
      </c>
    </row>
    <row r="9975" spans="1:4" x14ac:dyDescent="0.25">
      <c r="A9975" t="s">
        <v>14892</v>
      </c>
      <c r="B9975" t="s">
        <v>14895</v>
      </c>
      <c r="C9975">
        <v>1</v>
      </c>
      <c r="D9975">
        <v>0</v>
      </c>
    </row>
    <row r="9976" spans="1:4" x14ac:dyDescent="0.25">
      <c r="A9976" t="s">
        <v>14896</v>
      </c>
      <c r="B9976" t="s">
        <v>398</v>
      </c>
      <c r="C9976">
        <v>0</v>
      </c>
      <c r="D9976">
        <v>0</v>
      </c>
    </row>
    <row r="9977" spans="1:4" x14ac:dyDescent="0.25">
      <c r="A9977" t="s">
        <v>14896</v>
      </c>
      <c r="B9977" t="s">
        <v>1769</v>
      </c>
      <c r="C9977">
        <v>1</v>
      </c>
      <c r="D9977">
        <v>0</v>
      </c>
    </row>
    <row r="9978" spans="1:4" x14ac:dyDescent="0.25">
      <c r="A9978" t="s">
        <v>14897</v>
      </c>
      <c r="B9978" t="s">
        <v>14898</v>
      </c>
      <c r="C9978">
        <v>0</v>
      </c>
      <c r="D9978">
        <v>0</v>
      </c>
    </row>
    <row r="9979" spans="1:4" x14ac:dyDescent="0.25">
      <c r="A9979" t="s">
        <v>14897</v>
      </c>
      <c r="B9979" t="s">
        <v>14899</v>
      </c>
      <c r="C9979">
        <v>1</v>
      </c>
      <c r="D9979">
        <v>0</v>
      </c>
    </row>
    <row r="9980" spans="1:4" x14ac:dyDescent="0.25">
      <c r="A9980" t="s">
        <v>14897</v>
      </c>
      <c r="B9980" t="s">
        <v>14900</v>
      </c>
      <c r="C9980">
        <v>0</v>
      </c>
      <c r="D9980">
        <v>0</v>
      </c>
    </row>
    <row r="9981" spans="1:4" x14ac:dyDescent="0.25">
      <c r="A9981" t="s">
        <v>14901</v>
      </c>
      <c r="B9981" t="s">
        <v>3347</v>
      </c>
      <c r="C9981">
        <v>0</v>
      </c>
      <c r="D9981">
        <v>0</v>
      </c>
    </row>
    <row r="9982" spans="1:4" x14ac:dyDescent="0.25">
      <c r="A9982" t="s">
        <v>14901</v>
      </c>
      <c r="B9982" t="s">
        <v>14902</v>
      </c>
      <c r="C9982">
        <v>2</v>
      </c>
      <c r="D9982">
        <v>0</v>
      </c>
    </row>
    <row r="9983" spans="1:4" x14ac:dyDescent="0.25">
      <c r="A9983" t="s">
        <v>14903</v>
      </c>
      <c r="B9983" t="s">
        <v>14904</v>
      </c>
      <c r="C9983">
        <v>1</v>
      </c>
      <c r="D9983">
        <v>0</v>
      </c>
    </row>
    <row r="9984" spans="1:4" x14ac:dyDescent="0.25">
      <c r="A9984" t="s">
        <v>14903</v>
      </c>
      <c r="B9984" t="s">
        <v>14905</v>
      </c>
      <c r="C9984">
        <v>1</v>
      </c>
      <c r="D9984">
        <v>0</v>
      </c>
    </row>
    <row r="9985" spans="1:4" x14ac:dyDescent="0.25">
      <c r="A9985" t="s">
        <v>14906</v>
      </c>
      <c r="B9985" t="s">
        <v>14907</v>
      </c>
      <c r="C9985">
        <v>1</v>
      </c>
      <c r="D9985">
        <v>0</v>
      </c>
    </row>
    <row r="9986" spans="1:4" x14ac:dyDescent="0.25">
      <c r="A9986" t="s">
        <v>14906</v>
      </c>
      <c r="B9986" t="s">
        <v>14908</v>
      </c>
      <c r="C9986">
        <v>1</v>
      </c>
      <c r="D9986">
        <v>0</v>
      </c>
    </row>
    <row r="9987" spans="1:4" x14ac:dyDescent="0.25">
      <c r="A9987" t="s">
        <v>14909</v>
      </c>
      <c r="B9987" t="s">
        <v>14910</v>
      </c>
      <c r="C9987">
        <v>1</v>
      </c>
      <c r="D9987">
        <v>0</v>
      </c>
    </row>
    <row r="9988" spans="1:4" x14ac:dyDescent="0.25">
      <c r="A9988" t="s">
        <v>14911</v>
      </c>
      <c r="B9988" t="s">
        <v>843</v>
      </c>
      <c r="C9988">
        <v>1</v>
      </c>
      <c r="D9988">
        <v>0</v>
      </c>
    </row>
    <row r="9989" spans="1:4" x14ac:dyDescent="0.25">
      <c r="A9989" t="s">
        <v>14912</v>
      </c>
      <c r="B9989" t="s">
        <v>14913</v>
      </c>
      <c r="C9989">
        <v>0</v>
      </c>
      <c r="D9989">
        <v>0</v>
      </c>
    </row>
    <row r="9990" spans="1:4" x14ac:dyDescent="0.25">
      <c r="A9990" t="s">
        <v>14914</v>
      </c>
      <c r="B9990" t="s">
        <v>14915</v>
      </c>
      <c r="C9990">
        <v>1</v>
      </c>
      <c r="D9990">
        <v>0</v>
      </c>
    </row>
    <row r="9991" spans="1:4" x14ac:dyDescent="0.25">
      <c r="A9991" t="s">
        <v>14916</v>
      </c>
      <c r="B9991" t="s">
        <v>14917</v>
      </c>
      <c r="C9991">
        <v>1</v>
      </c>
      <c r="D9991">
        <v>0</v>
      </c>
    </row>
    <row r="9992" spans="1:4" x14ac:dyDescent="0.25">
      <c r="A9992" t="s">
        <v>14918</v>
      </c>
      <c r="B9992" t="s">
        <v>14919</v>
      </c>
      <c r="C9992">
        <v>1</v>
      </c>
      <c r="D9992">
        <v>0</v>
      </c>
    </row>
    <row r="9993" spans="1:4" x14ac:dyDescent="0.25">
      <c r="A9993" t="s">
        <v>14920</v>
      </c>
      <c r="B9993" t="s">
        <v>14921</v>
      </c>
      <c r="C9993">
        <v>1</v>
      </c>
      <c r="D9993">
        <v>0</v>
      </c>
    </row>
    <row r="9994" spans="1:4" x14ac:dyDescent="0.25">
      <c r="A9994" t="s">
        <v>14922</v>
      </c>
      <c r="B9994" t="s">
        <v>14923</v>
      </c>
      <c r="C9994">
        <v>1</v>
      </c>
      <c r="D9994">
        <v>0</v>
      </c>
    </row>
    <row r="9995" spans="1:4" x14ac:dyDescent="0.25">
      <c r="A9995" t="s">
        <v>14924</v>
      </c>
      <c r="B9995" t="s">
        <v>14925</v>
      </c>
      <c r="C9995">
        <v>2</v>
      </c>
      <c r="D9995">
        <v>0</v>
      </c>
    </row>
    <row r="9996" spans="1:4" x14ac:dyDescent="0.25">
      <c r="A9996" t="s">
        <v>14926</v>
      </c>
      <c r="B9996" t="s">
        <v>1526</v>
      </c>
      <c r="C9996">
        <v>1</v>
      </c>
      <c r="D9996">
        <v>0</v>
      </c>
    </row>
    <row r="9997" spans="1:4" x14ac:dyDescent="0.25">
      <c r="A9997" t="s">
        <v>14927</v>
      </c>
      <c r="B9997" t="s">
        <v>14928</v>
      </c>
      <c r="C9997">
        <v>1</v>
      </c>
      <c r="D9997">
        <v>0</v>
      </c>
    </row>
    <row r="9998" spans="1:4" x14ac:dyDescent="0.25">
      <c r="A9998" t="s">
        <v>14929</v>
      </c>
      <c r="B9998" t="s">
        <v>14930</v>
      </c>
      <c r="C9998">
        <v>1</v>
      </c>
      <c r="D9998">
        <v>0</v>
      </c>
    </row>
    <row r="9999" spans="1:4" x14ac:dyDescent="0.25">
      <c r="A9999" t="s">
        <v>14931</v>
      </c>
      <c r="B9999" t="s">
        <v>14932</v>
      </c>
      <c r="C9999">
        <v>1</v>
      </c>
      <c r="D9999">
        <v>0</v>
      </c>
    </row>
    <row r="10000" spans="1:4" x14ac:dyDescent="0.25">
      <c r="A10000" t="s">
        <v>14933</v>
      </c>
      <c r="B10000" t="s">
        <v>14934</v>
      </c>
      <c r="C10000">
        <v>1</v>
      </c>
      <c r="D10000">
        <v>0</v>
      </c>
    </row>
    <row r="10001" spans="1:4" x14ac:dyDescent="0.25">
      <c r="A10001" t="s">
        <v>14935</v>
      </c>
      <c r="B10001" t="s">
        <v>14936</v>
      </c>
      <c r="C10001">
        <v>0</v>
      </c>
      <c r="D10001">
        <v>0</v>
      </c>
    </row>
    <row r="10002" spans="1:4" x14ac:dyDescent="0.25">
      <c r="A10002" t="s">
        <v>14937</v>
      </c>
      <c r="B10002" t="s">
        <v>968</v>
      </c>
      <c r="C10002">
        <v>1</v>
      </c>
      <c r="D10002">
        <v>0</v>
      </c>
    </row>
    <row r="10003" spans="1:4" x14ac:dyDescent="0.25">
      <c r="A10003" t="s">
        <v>14938</v>
      </c>
      <c r="B10003" t="s">
        <v>14939</v>
      </c>
      <c r="C10003">
        <v>1</v>
      </c>
      <c r="D10003">
        <v>0</v>
      </c>
    </row>
    <row r="10004" spans="1:4" x14ac:dyDescent="0.25">
      <c r="A10004" t="s">
        <v>14940</v>
      </c>
      <c r="B10004" t="s">
        <v>14941</v>
      </c>
      <c r="C10004">
        <v>2</v>
      </c>
      <c r="D10004">
        <v>0</v>
      </c>
    </row>
    <row r="10005" spans="1:4" x14ac:dyDescent="0.25">
      <c r="A10005" t="s">
        <v>14942</v>
      </c>
      <c r="B10005" t="s">
        <v>14943</v>
      </c>
      <c r="C10005">
        <v>1</v>
      </c>
      <c r="D10005">
        <v>0</v>
      </c>
    </row>
    <row r="10006" spans="1:4" x14ac:dyDescent="0.25">
      <c r="A10006" t="s">
        <v>14944</v>
      </c>
      <c r="B10006" t="s">
        <v>14945</v>
      </c>
      <c r="C10006">
        <v>2</v>
      </c>
      <c r="D10006">
        <v>0</v>
      </c>
    </row>
    <row r="10007" spans="1:4" x14ac:dyDescent="0.25">
      <c r="A10007" t="s">
        <v>14946</v>
      </c>
      <c r="B10007" t="s">
        <v>14947</v>
      </c>
      <c r="C10007">
        <v>0</v>
      </c>
      <c r="D10007">
        <v>0</v>
      </c>
    </row>
    <row r="10008" spans="1:4" x14ac:dyDescent="0.25">
      <c r="A10008" t="s">
        <v>14948</v>
      </c>
      <c r="B10008" t="s">
        <v>14949</v>
      </c>
      <c r="C10008">
        <v>0</v>
      </c>
      <c r="D10008">
        <v>0</v>
      </c>
    </row>
    <row r="10009" spans="1:4" x14ac:dyDescent="0.25">
      <c r="A10009" t="s">
        <v>14950</v>
      </c>
      <c r="B10009" t="s">
        <v>14951</v>
      </c>
      <c r="C10009">
        <v>2</v>
      </c>
      <c r="D10009">
        <v>0</v>
      </c>
    </row>
    <row r="10010" spans="1:4" x14ac:dyDescent="0.25">
      <c r="A10010" t="s">
        <v>14952</v>
      </c>
      <c r="B10010" t="s">
        <v>14953</v>
      </c>
      <c r="C10010">
        <v>2</v>
      </c>
      <c r="D10010">
        <v>0</v>
      </c>
    </row>
    <row r="10011" spans="1:4" x14ac:dyDescent="0.25">
      <c r="A10011" t="s">
        <v>14954</v>
      </c>
      <c r="B10011" t="s">
        <v>14955</v>
      </c>
      <c r="C10011">
        <v>1</v>
      </c>
      <c r="D10011">
        <v>0</v>
      </c>
    </row>
    <row r="10012" spans="1:4" x14ac:dyDescent="0.25">
      <c r="A10012" t="s">
        <v>14954</v>
      </c>
      <c r="B10012" t="s">
        <v>14956</v>
      </c>
      <c r="C10012">
        <v>2</v>
      </c>
      <c r="D10012">
        <v>0</v>
      </c>
    </row>
    <row r="10013" spans="1:4" x14ac:dyDescent="0.25">
      <c r="A10013" t="s">
        <v>14954</v>
      </c>
      <c r="B10013" t="s">
        <v>14957</v>
      </c>
      <c r="C10013">
        <v>1</v>
      </c>
      <c r="D10013">
        <v>0</v>
      </c>
    </row>
    <row r="10014" spans="1:4" x14ac:dyDescent="0.25">
      <c r="A10014" t="s">
        <v>14958</v>
      </c>
      <c r="B10014" t="s">
        <v>816</v>
      </c>
      <c r="C10014">
        <v>1</v>
      </c>
      <c r="D10014">
        <v>0</v>
      </c>
    </row>
    <row r="10015" spans="1:4" x14ac:dyDescent="0.25">
      <c r="A10015" t="s">
        <v>14958</v>
      </c>
      <c r="B10015" t="s">
        <v>14959</v>
      </c>
      <c r="C10015">
        <v>1</v>
      </c>
      <c r="D10015">
        <v>0</v>
      </c>
    </row>
    <row r="10016" spans="1:4" x14ac:dyDescent="0.25">
      <c r="A10016" t="s">
        <v>14958</v>
      </c>
      <c r="B10016" t="s">
        <v>8331</v>
      </c>
      <c r="C10016">
        <v>2</v>
      </c>
      <c r="D10016">
        <v>0</v>
      </c>
    </row>
    <row r="10017" spans="1:4" x14ac:dyDescent="0.25">
      <c r="A10017" t="s">
        <v>14960</v>
      </c>
      <c r="B10017" t="s">
        <v>14961</v>
      </c>
      <c r="C10017">
        <v>2</v>
      </c>
      <c r="D10017">
        <v>0</v>
      </c>
    </row>
    <row r="10018" spans="1:4" x14ac:dyDescent="0.25">
      <c r="A10018" t="s">
        <v>14960</v>
      </c>
      <c r="B10018" t="s">
        <v>14962</v>
      </c>
      <c r="C10018">
        <v>2</v>
      </c>
      <c r="D10018">
        <v>0</v>
      </c>
    </row>
    <row r="10019" spans="1:4" x14ac:dyDescent="0.25">
      <c r="A10019" t="s">
        <v>14960</v>
      </c>
      <c r="B10019" t="s">
        <v>14963</v>
      </c>
      <c r="C10019">
        <v>1</v>
      </c>
      <c r="D10019">
        <v>0</v>
      </c>
    </row>
    <row r="10020" spans="1:4" x14ac:dyDescent="0.25">
      <c r="A10020" t="s">
        <v>14964</v>
      </c>
      <c r="B10020" t="s">
        <v>13383</v>
      </c>
      <c r="C10020">
        <v>0</v>
      </c>
      <c r="D10020">
        <v>0</v>
      </c>
    </row>
    <row r="10021" spans="1:4" x14ac:dyDescent="0.25">
      <c r="A10021" t="s">
        <v>14965</v>
      </c>
      <c r="B10021" t="s">
        <v>14966</v>
      </c>
      <c r="C10021">
        <v>0</v>
      </c>
      <c r="D10021">
        <v>0</v>
      </c>
    </row>
    <row r="10022" spans="1:4" x14ac:dyDescent="0.25">
      <c r="A10022" t="s">
        <v>14967</v>
      </c>
      <c r="B10022" t="s">
        <v>3858</v>
      </c>
      <c r="C10022">
        <v>1</v>
      </c>
      <c r="D10022">
        <v>0</v>
      </c>
    </row>
    <row r="10023" spans="1:4" x14ac:dyDescent="0.25">
      <c r="A10023" t="s">
        <v>14968</v>
      </c>
      <c r="B10023" t="s">
        <v>398</v>
      </c>
      <c r="C10023">
        <v>0</v>
      </c>
      <c r="D10023">
        <v>0</v>
      </c>
    </row>
    <row r="10024" spans="1:4" x14ac:dyDescent="0.25">
      <c r="A10024" t="s">
        <v>14969</v>
      </c>
      <c r="B10024" t="s">
        <v>2061</v>
      </c>
      <c r="C10024">
        <v>0</v>
      </c>
      <c r="D10024">
        <v>0</v>
      </c>
    </row>
    <row r="10025" spans="1:4" x14ac:dyDescent="0.25">
      <c r="A10025" t="s">
        <v>14969</v>
      </c>
      <c r="B10025" t="s">
        <v>1001</v>
      </c>
      <c r="C10025">
        <v>1</v>
      </c>
      <c r="D10025">
        <v>0</v>
      </c>
    </row>
    <row r="10026" spans="1:4" x14ac:dyDescent="0.25">
      <c r="A10026" t="s">
        <v>14970</v>
      </c>
      <c r="B10026" t="s">
        <v>14971</v>
      </c>
      <c r="C10026">
        <v>1</v>
      </c>
      <c r="D10026">
        <v>0</v>
      </c>
    </row>
    <row r="10027" spans="1:4" x14ac:dyDescent="0.25">
      <c r="A10027" t="s">
        <v>14972</v>
      </c>
      <c r="B10027" t="s">
        <v>5047</v>
      </c>
      <c r="C10027">
        <v>0</v>
      </c>
      <c r="D10027">
        <v>0</v>
      </c>
    </row>
    <row r="10028" spans="1:4" x14ac:dyDescent="0.25">
      <c r="A10028" t="s">
        <v>14972</v>
      </c>
      <c r="B10028" t="s">
        <v>14973</v>
      </c>
      <c r="C10028">
        <v>1</v>
      </c>
      <c r="D10028">
        <v>0</v>
      </c>
    </row>
    <row r="10029" spans="1:4" x14ac:dyDescent="0.25">
      <c r="A10029" t="s">
        <v>14974</v>
      </c>
      <c r="B10029" t="s">
        <v>14975</v>
      </c>
      <c r="C10029">
        <v>1</v>
      </c>
      <c r="D10029">
        <v>0</v>
      </c>
    </row>
    <row r="10030" spans="1:4" x14ac:dyDescent="0.25">
      <c r="A10030" t="s">
        <v>14976</v>
      </c>
      <c r="B10030" t="s">
        <v>14977</v>
      </c>
      <c r="C10030">
        <v>1</v>
      </c>
      <c r="D10030">
        <v>0</v>
      </c>
    </row>
    <row r="10031" spans="1:4" x14ac:dyDescent="0.25">
      <c r="A10031" t="s">
        <v>14976</v>
      </c>
      <c r="B10031" t="s">
        <v>14978</v>
      </c>
      <c r="C10031">
        <v>0</v>
      </c>
      <c r="D10031">
        <v>0</v>
      </c>
    </row>
    <row r="10032" spans="1:4" x14ac:dyDescent="0.25">
      <c r="A10032" t="s">
        <v>14976</v>
      </c>
      <c r="B10032" t="s">
        <v>14979</v>
      </c>
      <c r="C10032">
        <v>1</v>
      </c>
      <c r="D10032">
        <v>0</v>
      </c>
    </row>
    <row r="10033" spans="1:4" x14ac:dyDescent="0.25">
      <c r="A10033" t="s">
        <v>14980</v>
      </c>
      <c r="B10033" t="s">
        <v>14981</v>
      </c>
      <c r="C10033">
        <v>1</v>
      </c>
      <c r="D10033">
        <v>0</v>
      </c>
    </row>
    <row r="10034" spans="1:4" x14ac:dyDescent="0.25">
      <c r="A10034" t="s">
        <v>14980</v>
      </c>
      <c r="B10034" t="s">
        <v>14982</v>
      </c>
      <c r="C10034">
        <v>0</v>
      </c>
      <c r="D10034">
        <v>0</v>
      </c>
    </row>
    <row r="10035" spans="1:4" x14ac:dyDescent="0.25">
      <c r="A10035" t="s">
        <v>14980</v>
      </c>
      <c r="B10035" t="s">
        <v>14983</v>
      </c>
      <c r="C10035">
        <v>2</v>
      </c>
      <c r="D10035">
        <v>0</v>
      </c>
    </row>
    <row r="10036" spans="1:4" x14ac:dyDescent="0.25">
      <c r="A10036" t="s">
        <v>14984</v>
      </c>
      <c r="B10036" t="s">
        <v>1001</v>
      </c>
      <c r="C10036">
        <v>1</v>
      </c>
      <c r="D10036">
        <v>0</v>
      </c>
    </row>
    <row r="10037" spans="1:4" x14ac:dyDescent="0.25">
      <c r="A10037" t="s">
        <v>14985</v>
      </c>
      <c r="B10037" t="s">
        <v>14986</v>
      </c>
      <c r="C10037">
        <v>1</v>
      </c>
      <c r="D10037">
        <v>0</v>
      </c>
    </row>
    <row r="10038" spans="1:4" x14ac:dyDescent="0.25">
      <c r="A10038" t="s">
        <v>14985</v>
      </c>
      <c r="B10038" t="s">
        <v>14987</v>
      </c>
      <c r="C10038">
        <v>1</v>
      </c>
      <c r="D10038">
        <v>0</v>
      </c>
    </row>
    <row r="10039" spans="1:4" x14ac:dyDescent="0.25">
      <c r="A10039" t="s">
        <v>14985</v>
      </c>
      <c r="B10039" t="s">
        <v>14988</v>
      </c>
      <c r="C10039">
        <v>1</v>
      </c>
      <c r="D10039">
        <v>0</v>
      </c>
    </row>
    <row r="10040" spans="1:4" x14ac:dyDescent="0.25">
      <c r="A10040" t="s">
        <v>14989</v>
      </c>
      <c r="B10040" t="s">
        <v>14990</v>
      </c>
      <c r="C10040">
        <v>1</v>
      </c>
      <c r="D10040">
        <v>0</v>
      </c>
    </row>
    <row r="10041" spans="1:4" x14ac:dyDescent="0.25">
      <c r="A10041" t="s">
        <v>14991</v>
      </c>
      <c r="B10041" t="s">
        <v>14992</v>
      </c>
      <c r="C10041">
        <v>1</v>
      </c>
      <c r="D10041">
        <v>0</v>
      </c>
    </row>
    <row r="10042" spans="1:4" x14ac:dyDescent="0.25">
      <c r="A10042" t="s">
        <v>14993</v>
      </c>
      <c r="B10042" t="s">
        <v>2267</v>
      </c>
      <c r="C10042">
        <v>0</v>
      </c>
      <c r="D10042">
        <v>0</v>
      </c>
    </row>
    <row r="10043" spans="1:4" x14ac:dyDescent="0.25">
      <c r="A10043" t="s">
        <v>14994</v>
      </c>
      <c r="B10043" t="s">
        <v>14995</v>
      </c>
      <c r="C10043">
        <v>0</v>
      </c>
      <c r="D10043">
        <v>0</v>
      </c>
    </row>
    <row r="10044" spans="1:4" x14ac:dyDescent="0.25">
      <c r="A10044" t="s">
        <v>14994</v>
      </c>
      <c r="B10044" t="s">
        <v>14996</v>
      </c>
      <c r="C10044">
        <v>0</v>
      </c>
      <c r="D10044">
        <v>0</v>
      </c>
    </row>
    <row r="10045" spans="1:4" x14ac:dyDescent="0.25">
      <c r="A10045" t="s">
        <v>14997</v>
      </c>
      <c r="B10045" t="s">
        <v>14998</v>
      </c>
      <c r="C10045">
        <v>1</v>
      </c>
      <c r="D10045">
        <v>0</v>
      </c>
    </row>
    <row r="10046" spans="1:4" x14ac:dyDescent="0.25">
      <c r="A10046" t="s">
        <v>14999</v>
      </c>
      <c r="B10046" t="s">
        <v>15000</v>
      </c>
      <c r="C10046">
        <v>0</v>
      </c>
      <c r="D10046">
        <v>0</v>
      </c>
    </row>
    <row r="10047" spans="1:4" x14ac:dyDescent="0.25">
      <c r="A10047" t="s">
        <v>14999</v>
      </c>
      <c r="B10047" t="s">
        <v>15001</v>
      </c>
      <c r="C10047">
        <v>2</v>
      </c>
      <c r="D10047">
        <v>0</v>
      </c>
    </row>
    <row r="10048" spans="1:4" x14ac:dyDescent="0.25">
      <c r="A10048" t="s">
        <v>15002</v>
      </c>
      <c r="B10048" t="s">
        <v>398</v>
      </c>
      <c r="C10048">
        <v>0</v>
      </c>
      <c r="D10048">
        <v>0</v>
      </c>
    </row>
    <row r="10049" spans="1:4" x14ac:dyDescent="0.25">
      <c r="A10049" t="s">
        <v>15003</v>
      </c>
      <c r="B10049" t="s">
        <v>15004</v>
      </c>
      <c r="C10049">
        <v>1</v>
      </c>
      <c r="D10049">
        <v>0</v>
      </c>
    </row>
    <row r="10050" spans="1:4" x14ac:dyDescent="0.25">
      <c r="A10050" t="s">
        <v>15003</v>
      </c>
      <c r="B10050" t="s">
        <v>15005</v>
      </c>
      <c r="C10050">
        <v>1</v>
      </c>
      <c r="D10050">
        <v>0</v>
      </c>
    </row>
    <row r="10051" spans="1:4" x14ac:dyDescent="0.25">
      <c r="A10051" t="s">
        <v>15003</v>
      </c>
      <c r="B10051" t="s">
        <v>15006</v>
      </c>
      <c r="C10051">
        <v>1</v>
      </c>
      <c r="D10051">
        <v>0</v>
      </c>
    </row>
    <row r="10052" spans="1:4" x14ac:dyDescent="0.25">
      <c r="A10052" t="s">
        <v>15007</v>
      </c>
      <c r="B10052" t="s">
        <v>15008</v>
      </c>
      <c r="C10052">
        <v>0</v>
      </c>
      <c r="D10052">
        <v>0</v>
      </c>
    </row>
    <row r="10053" spans="1:4" x14ac:dyDescent="0.25">
      <c r="A10053" t="s">
        <v>15007</v>
      </c>
      <c r="B10053" t="s">
        <v>15009</v>
      </c>
      <c r="C10053">
        <v>1</v>
      </c>
      <c r="D10053">
        <v>0</v>
      </c>
    </row>
    <row r="10054" spans="1:4" x14ac:dyDescent="0.25">
      <c r="A10054" t="s">
        <v>15010</v>
      </c>
      <c r="B10054" t="s">
        <v>15011</v>
      </c>
      <c r="C10054">
        <v>2</v>
      </c>
      <c r="D10054">
        <v>0</v>
      </c>
    </row>
    <row r="10055" spans="1:4" x14ac:dyDescent="0.25">
      <c r="A10055" t="s">
        <v>15010</v>
      </c>
      <c r="B10055" t="s">
        <v>15012</v>
      </c>
      <c r="C10055">
        <v>0</v>
      </c>
      <c r="D10055">
        <v>0</v>
      </c>
    </row>
    <row r="10056" spans="1:4" x14ac:dyDescent="0.25">
      <c r="A10056" t="s">
        <v>15010</v>
      </c>
      <c r="B10056" t="s">
        <v>15013</v>
      </c>
      <c r="C10056">
        <v>1</v>
      </c>
      <c r="D10056">
        <v>0</v>
      </c>
    </row>
    <row r="10057" spans="1:4" x14ac:dyDescent="0.25">
      <c r="A10057" t="s">
        <v>15014</v>
      </c>
      <c r="B10057" t="s">
        <v>15015</v>
      </c>
      <c r="C10057">
        <v>0</v>
      </c>
      <c r="D10057">
        <v>0</v>
      </c>
    </row>
    <row r="10058" spans="1:4" x14ac:dyDescent="0.25">
      <c r="A10058" t="s">
        <v>15016</v>
      </c>
      <c r="B10058" t="s">
        <v>15017</v>
      </c>
      <c r="C10058">
        <v>2</v>
      </c>
      <c r="D10058">
        <v>0</v>
      </c>
    </row>
    <row r="10059" spans="1:4" x14ac:dyDescent="0.25">
      <c r="A10059" t="s">
        <v>15018</v>
      </c>
      <c r="B10059" t="s">
        <v>15019</v>
      </c>
      <c r="C10059">
        <v>0</v>
      </c>
      <c r="D10059">
        <v>0</v>
      </c>
    </row>
    <row r="10060" spans="1:4" x14ac:dyDescent="0.25">
      <c r="A10060" t="s">
        <v>15018</v>
      </c>
      <c r="B10060" t="s">
        <v>15020</v>
      </c>
      <c r="C10060">
        <v>2</v>
      </c>
      <c r="D10060">
        <v>0</v>
      </c>
    </row>
    <row r="10061" spans="1:4" x14ac:dyDescent="0.25">
      <c r="A10061" t="s">
        <v>15018</v>
      </c>
      <c r="B10061" t="s">
        <v>15021</v>
      </c>
      <c r="C10061">
        <v>0</v>
      </c>
      <c r="D10061">
        <v>0</v>
      </c>
    </row>
    <row r="10062" spans="1:4" x14ac:dyDescent="0.25">
      <c r="A10062" t="s">
        <v>15022</v>
      </c>
      <c r="B10062" t="s">
        <v>2267</v>
      </c>
      <c r="C10062">
        <v>0</v>
      </c>
      <c r="D10062">
        <v>0</v>
      </c>
    </row>
    <row r="10063" spans="1:4" x14ac:dyDescent="0.25">
      <c r="A10063" t="s">
        <v>15023</v>
      </c>
      <c r="B10063" t="s">
        <v>15024</v>
      </c>
      <c r="C10063">
        <v>0</v>
      </c>
      <c r="D10063">
        <v>0</v>
      </c>
    </row>
    <row r="10064" spans="1:4" x14ac:dyDescent="0.25">
      <c r="A10064" t="s">
        <v>15023</v>
      </c>
      <c r="B10064" t="s">
        <v>15025</v>
      </c>
      <c r="C10064">
        <v>2</v>
      </c>
      <c r="D10064">
        <v>0</v>
      </c>
    </row>
    <row r="10065" spans="1:4" x14ac:dyDescent="0.25">
      <c r="A10065" t="s">
        <v>15023</v>
      </c>
      <c r="B10065" t="s">
        <v>15026</v>
      </c>
      <c r="C10065">
        <v>0</v>
      </c>
      <c r="D10065">
        <v>0</v>
      </c>
    </row>
    <row r="10066" spans="1:4" x14ac:dyDescent="0.25">
      <c r="A10066" t="s">
        <v>15027</v>
      </c>
      <c r="B10066" t="s">
        <v>15028</v>
      </c>
      <c r="C10066">
        <v>2</v>
      </c>
      <c r="D10066">
        <v>0</v>
      </c>
    </row>
    <row r="10067" spans="1:4" x14ac:dyDescent="0.25">
      <c r="A10067" t="s">
        <v>15029</v>
      </c>
      <c r="B10067" t="s">
        <v>15030</v>
      </c>
      <c r="C10067">
        <v>2</v>
      </c>
      <c r="D10067">
        <v>0</v>
      </c>
    </row>
    <row r="10068" spans="1:4" x14ac:dyDescent="0.25">
      <c r="A10068" t="s">
        <v>15029</v>
      </c>
      <c r="B10068" t="s">
        <v>15031</v>
      </c>
      <c r="C10068">
        <v>1</v>
      </c>
      <c r="D10068">
        <v>0</v>
      </c>
    </row>
    <row r="10069" spans="1:4" x14ac:dyDescent="0.25">
      <c r="A10069" t="s">
        <v>15032</v>
      </c>
      <c r="B10069" t="s">
        <v>1499</v>
      </c>
      <c r="C10069">
        <v>1</v>
      </c>
      <c r="D10069">
        <v>0</v>
      </c>
    </row>
    <row r="10070" spans="1:4" x14ac:dyDescent="0.25">
      <c r="A10070" t="s">
        <v>15033</v>
      </c>
      <c r="B10070" t="s">
        <v>11254</v>
      </c>
      <c r="C10070">
        <v>0</v>
      </c>
      <c r="D10070">
        <v>0</v>
      </c>
    </row>
    <row r="10071" spans="1:4" x14ac:dyDescent="0.25">
      <c r="A10071" t="s">
        <v>15033</v>
      </c>
      <c r="B10071" t="s">
        <v>15034</v>
      </c>
      <c r="C10071">
        <v>2</v>
      </c>
      <c r="D10071">
        <v>0</v>
      </c>
    </row>
    <row r="10072" spans="1:4" x14ac:dyDescent="0.25">
      <c r="A10072" t="s">
        <v>15033</v>
      </c>
      <c r="B10072" t="s">
        <v>2825</v>
      </c>
      <c r="C10072">
        <v>1</v>
      </c>
      <c r="D10072">
        <v>0</v>
      </c>
    </row>
    <row r="10073" spans="1:4" x14ac:dyDescent="0.25">
      <c r="A10073" t="s">
        <v>15035</v>
      </c>
      <c r="B10073" t="s">
        <v>15036</v>
      </c>
      <c r="C10073">
        <v>0</v>
      </c>
      <c r="D10073">
        <v>0</v>
      </c>
    </row>
    <row r="10074" spans="1:4" x14ac:dyDescent="0.25">
      <c r="A10074" t="s">
        <v>15035</v>
      </c>
      <c r="B10074" t="s">
        <v>969</v>
      </c>
      <c r="C10074">
        <v>0</v>
      </c>
      <c r="D10074">
        <v>0</v>
      </c>
    </row>
    <row r="10075" spans="1:4" x14ac:dyDescent="0.25">
      <c r="A10075" t="s">
        <v>15037</v>
      </c>
      <c r="B10075" t="s">
        <v>15038</v>
      </c>
      <c r="C10075">
        <v>0</v>
      </c>
      <c r="D10075">
        <v>0</v>
      </c>
    </row>
    <row r="10076" spans="1:4" x14ac:dyDescent="0.25">
      <c r="A10076" t="s">
        <v>15037</v>
      </c>
      <c r="B10076" t="s">
        <v>15039</v>
      </c>
      <c r="C10076">
        <v>0</v>
      </c>
      <c r="D10076">
        <v>0</v>
      </c>
    </row>
    <row r="10077" spans="1:4" x14ac:dyDescent="0.25">
      <c r="A10077" t="s">
        <v>15037</v>
      </c>
      <c r="B10077" t="s">
        <v>15040</v>
      </c>
      <c r="C10077">
        <v>0</v>
      </c>
      <c r="D10077">
        <v>0</v>
      </c>
    </row>
    <row r="10078" spans="1:4" x14ac:dyDescent="0.25">
      <c r="A10078" t="s">
        <v>15041</v>
      </c>
      <c r="B10078" t="s">
        <v>15042</v>
      </c>
      <c r="C10078">
        <v>1</v>
      </c>
      <c r="D10078">
        <v>0</v>
      </c>
    </row>
    <row r="10079" spans="1:4" x14ac:dyDescent="0.25">
      <c r="A10079" t="s">
        <v>15043</v>
      </c>
      <c r="B10079" t="s">
        <v>15044</v>
      </c>
      <c r="C10079">
        <v>2</v>
      </c>
      <c r="D10079">
        <v>0</v>
      </c>
    </row>
    <row r="10080" spans="1:4" x14ac:dyDescent="0.25">
      <c r="A10080" t="s">
        <v>15043</v>
      </c>
      <c r="B10080" t="s">
        <v>15045</v>
      </c>
      <c r="C10080">
        <v>1</v>
      </c>
      <c r="D10080">
        <v>0</v>
      </c>
    </row>
    <row r="10081" spans="1:4" x14ac:dyDescent="0.25">
      <c r="A10081" t="s">
        <v>15046</v>
      </c>
      <c r="B10081" t="s">
        <v>15047</v>
      </c>
      <c r="C10081">
        <v>0</v>
      </c>
      <c r="D10081">
        <v>0</v>
      </c>
    </row>
    <row r="10082" spans="1:4" x14ac:dyDescent="0.25">
      <c r="A10082" t="s">
        <v>15048</v>
      </c>
      <c r="B10082" t="s">
        <v>15049</v>
      </c>
      <c r="C10082">
        <v>1</v>
      </c>
      <c r="D10082">
        <v>0</v>
      </c>
    </row>
    <row r="10083" spans="1:4" x14ac:dyDescent="0.25">
      <c r="A10083" t="s">
        <v>15048</v>
      </c>
      <c r="B10083" t="s">
        <v>15050</v>
      </c>
      <c r="C10083">
        <v>1</v>
      </c>
      <c r="D10083">
        <v>0</v>
      </c>
    </row>
    <row r="10084" spans="1:4" x14ac:dyDescent="0.25">
      <c r="A10084" t="s">
        <v>15048</v>
      </c>
      <c r="B10084" t="s">
        <v>15051</v>
      </c>
      <c r="C10084">
        <v>0</v>
      </c>
      <c r="D10084">
        <v>0</v>
      </c>
    </row>
    <row r="10085" spans="1:4" x14ac:dyDescent="0.25">
      <c r="A10085" t="s">
        <v>15052</v>
      </c>
      <c r="B10085" t="s">
        <v>15053</v>
      </c>
      <c r="C10085">
        <v>1</v>
      </c>
      <c r="D10085">
        <v>0</v>
      </c>
    </row>
    <row r="10086" spans="1:4" x14ac:dyDescent="0.25">
      <c r="A10086" t="s">
        <v>15054</v>
      </c>
      <c r="B10086" t="s">
        <v>15055</v>
      </c>
      <c r="C10086">
        <v>1</v>
      </c>
      <c r="D10086">
        <v>0</v>
      </c>
    </row>
    <row r="10087" spans="1:4" x14ac:dyDescent="0.25">
      <c r="A10087" t="s">
        <v>15054</v>
      </c>
      <c r="B10087" t="s">
        <v>15056</v>
      </c>
      <c r="C10087">
        <v>2</v>
      </c>
      <c r="D10087">
        <v>0</v>
      </c>
    </row>
    <row r="10088" spans="1:4" x14ac:dyDescent="0.25">
      <c r="A10088" t="s">
        <v>15057</v>
      </c>
      <c r="B10088" t="s">
        <v>15058</v>
      </c>
      <c r="C10088">
        <v>0</v>
      </c>
      <c r="D10088">
        <v>0</v>
      </c>
    </row>
    <row r="10089" spans="1:4" x14ac:dyDescent="0.25">
      <c r="A10089" t="s">
        <v>15057</v>
      </c>
      <c r="B10089" t="s">
        <v>15059</v>
      </c>
      <c r="C10089">
        <v>0</v>
      </c>
      <c r="D10089">
        <v>0</v>
      </c>
    </row>
    <row r="10090" spans="1:4" x14ac:dyDescent="0.25">
      <c r="A10090" t="s">
        <v>15057</v>
      </c>
      <c r="B10090" t="s">
        <v>15060</v>
      </c>
      <c r="C10090">
        <v>2</v>
      </c>
      <c r="D10090">
        <v>0</v>
      </c>
    </row>
    <row r="10091" spans="1:4" x14ac:dyDescent="0.25">
      <c r="A10091" t="s">
        <v>15061</v>
      </c>
      <c r="B10091" t="s">
        <v>15062</v>
      </c>
      <c r="C10091">
        <v>0</v>
      </c>
      <c r="D10091">
        <v>0</v>
      </c>
    </row>
    <row r="10092" spans="1:4" x14ac:dyDescent="0.25">
      <c r="A10092" t="s">
        <v>15061</v>
      </c>
      <c r="B10092" t="s">
        <v>15063</v>
      </c>
      <c r="C10092">
        <v>1</v>
      </c>
      <c r="D10092">
        <v>0</v>
      </c>
    </row>
    <row r="10093" spans="1:4" x14ac:dyDescent="0.25">
      <c r="A10093" t="s">
        <v>15064</v>
      </c>
      <c r="B10093" t="s">
        <v>15065</v>
      </c>
      <c r="C10093">
        <v>2</v>
      </c>
      <c r="D10093">
        <v>0</v>
      </c>
    </row>
    <row r="10094" spans="1:4" x14ac:dyDescent="0.25">
      <c r="A10094" t="s">
        <v>15064</v>
      </c>
      <c r="B10094" t="s">
        <v>15066</v>
      </c>
      <c r="C10094">
        <v>0</v>
      </c>
      <c r="D10094">
        <v>0</v>
      </c>
    </row>
    <row r="10095" spans="1:4" x14ac:dyDescent="0.25">
      <c r="A10095" t="s">
        <v>15064</v>
      </c>
      <c r="B10095" t="s">
        <v>15067</v>
      </c>
      <c r="C10095">
        <v>0</v>
      </c>
      <c r="D10095">
        <v>0</v>
      </c>
    </row>
    <row r="10096" spans="1:4" x14ac:dyDescent="0.25">
      <c r="A10096" t="s">
        <v>15068</v>
      </c>
      <c r="B10096" t="s">
        <v>15069</v>
      </c>
      <c r="C10096">
        <v>1</v>
      </c>
      <c r="D10096">
        <v>0</v>
      </c>
    </row>
    <row r="10097" spans="1:4" x14ac:dyDescent="0.25">
      <c r="A10097" t="s">
        <v>15070</v>
      </c>
      <c r="B10097" t="s">
        <v>1294</v>
      </c>
      <c r="C10097">
        <v>1</v>
      </c>
      <c r="D10097">
        <v>0</v>
      </c>
    </row>
    <row r="10098" spans="1:4" x14ac:dyDescent="0.25">
      <c r="A10098" t="s">
        <v>15071</v>
      </c>
      <c r="B10098" t="s">
        <v>15072</v>
      </c>
      <c r="C10098">
        <v>0</v>
      </c>
      <c r="D10098">
        <v>0</v>
      </c>
    </row>
    <row r="10099" spans="1:4" x14ac:dyDescent="0.25">
      <c r="A10099" t="s">
        <v>15071</v>
      </c>
      <c r="B10099" t="s">
        <v>15073</v>
      </c>
      <c r="C10099">
        <v>0</v>
      </c>
      <c r="D10099">
        <v>0</v>
      </c>
    </row>
    <row r="10100" spans="1:4" x14ac:dyDescent="0.25">
      <c r="A10100" t="s">
        <v>15074</v>
      </c>
      <c r="B10100" t="s">
        <v>1023</v>
      </c>
      <c r="C10100">
        <v>1</v>
      </c>
      <c r="D10100">
        <v>0</v>
      </c>
    </row>
    <row r="10101" spans="1:4" x14ac:dyDescent="0.25">
      <c r="A10101" t="s">
        <v>15074</v>
      </c>
      <c r="B10101" t="s">
        <v>15075</v>
      </c>
      <c r="C10101">
        <v>1</v>
      </c>
      <c r="D10101">
        <v>0</v>
      </c>
    </row>
    <row r="10102" spans="1:4" x14ac:dyDescent="0.25">
      <c r="A10102" t="s">
        <v>15076</v>
      </c>
      <c r="B10102" t="s">
        <v>15077</v>
      </c>
      <c r="C10102">
        <v>0</v>
      </c>
      <c r="D10102">
        <v>0</v>
      </c>
    </row>
    <row r="10103" spans="1:4" x14ac:dyDescent="0.25">
      <c r="A10103" t="s">
        <v>15076</v>
      </c>
      <c r="B10103" t="s">
        <v>15078</v>
      </c>
      <c r="C10103">
        <v>2</v>
      </c>
      <c r="D10103">
        <v>0</v>
      </c>
    </row>
    <row r="10104" spans="1:4" x14ac:dyDescent="0.25">
      <c r="A10104" t="s">
        <v>15079</v>
      </c>
      <c r="B10104" t="s">
        <v>15080</v>
      </c>
      <c r="C10104">
        <v>2</v>
      </c>
      <c r="D10104">
        <v>0</v>
      </c>
    </row>
    <row r="10105" spans="1:4" x14ac:dyDescent="0.25">
      <c r="A10105" t="s">
        <v>15081</v>
      </c>
      <c r="B10105" t="s">
        <v>15082</v>
      </c>
      <c r="C10105">
        <v>0</v>
      </c>
      <c r="D10105">
        <v>0</v>
      </c>
    </row>
    <row r="10106" spans="1:4" x14ac:dyDescent="0.25">
      <c r="A10106" t="s">
        <v>15083</v>
      </c>
      <c r="B10106" t="s">
        <v>15084</v>
      </c>
      <c r="C10106">
        <v>2</v>
      </c>
      <c r="D10106">
        <v>0</v>
      </c>
    </row>
    <row r="10107" spans="1:4" x14ac:dyDescent="0.25">
      <c r="A10107" t="s">
        <v>15085</v>
      </c>
      <c r="B10107" t="s">
        <v>2267</v>
      </c>
      <c r="C10107">
        <v>0</v>
      </c>
      <c r="D10107">
        <v>0</v>
      </c>
    </row>
    <row r="10108" spans="1:4" x14ac:dyDescent="0.25">
      <c r="A10108" t="s">
        <v>15085</v>
      </c>
      <c r="B10108" t="s">
        <v>15086</v>
      </c>
      <c r="C10108">
        <v>1</v>
      </c>
      <c r="D10108">
        <v>0</v>
      </c>
    </row>
    <row r="10109" spans="1:4" x14ac:dyDescent="0.25">
      <c r="A10109" t="s">
        <v>15087</v>
      </c>
      <c r="B10109" t="s">
        <v>15088</v>
      </c>
      <c r="C10109">
        <v>1</v>
      </c>
      <c r="D10109">
        <v>0</v>
      </c>
    </row>
    <row r="10110" spans="1:4" x14ac:dyDescent="0.25">
      <c r="A10110" t="s">
        <v>15087</v>
      </c>
      <c r="B10110" t="s">
        <v>15089</v>
      </c>
      <c r="C10110">
        <v>2</v>
      </c>
      <c r="D10110">
        <v>0</v>
      </c>
    </row>
    <row r="10111" spans="1:4" x14ac:dyDescent="0.25">
      <c r="A10111" t="s">
        <v>15087</v>
      </c>
      <c r="B10111" t="s">
        <v>15090</v>
      </c>
      <c r="C10111">
        <v>2</v>
      </c>
      <c r="D10111">
        <v>0</v>
      </c>
    </row>
    <row r="10112" spans="1:4" x14ac:dyDescent="0.25">
      <c r="A10112" t="s">
        <v>15091</v>
      </c>
      <c r="B10112" t="s">
        <v>15092</v>
      </c>
      <c r="C10112">
        <v>2</v>
      </c>
      <c r="D10112">
        <v>0</v>
      </c>
    </row>
    <row r="10113" spans="1:4" x14ac:dyDescent="0.25">
      <c r="A10113" t="s">
        <v>15091</v>
      </c>
      <c r="B10113" t="s">
        <v>15093</v>
      </c>
      <c r="C10113">
        <v>1</v>
      </c>
      <c r="D10113">
        <v>0</v>
      </c>
    </row>
    <row r="10114" spans="1:4" x14ac:dyDescent="0.25">
      <c r="A10114" t="s">
        <v>15091</v>
      </c>
      <c r="B10114" t="s">
        <v>15094</v>
      </c>
      <c r="C10114">
        <v>2</v>
      </c>
      <c r="D10114">
        <v>0</v>
      </c>
    </row>
    <row r="10115" spans="1:4" x14ac:dyDescent="0.25">
      <c r="A10115" t="s">
        <v>15095</v>
      </c>
      <c r="B10115" t="s">
        <v>1499</v>
      </c>
      <c r="C10115">
        <v>1</v>
      </c>
      <c r="D10115">
        <v>0</v>
      </c>
    </row>
    <row r="10116" spans="1:4" x14ac:dyDescent="0.25">
      <c r="A10116" t="s">
        <v>15096</v>
      </c>
      <c r="B10116" t="s">
        <v>852</v>
      </c>
      <c r="C10116">
        <v>0</v>
      </c>
      <c r="D10116">
        <v>0</v>
      </c>
    </row>
    <row r="10117" spans="1:4" x14ac:dyDescent="0.25">
      <c r="A10117" t="s">
        <v>15096</v>
      </c>
      <c r="B10117" t="s">
        <v>15097</v>
      </c>
      <c r="C10117">
        <v>1</v>
      </c>
      <c r="D10117">
        <v>0</v>
      </c>
    </row>
    <row r="10118" spans="1:4" x14ac:dyDescent="0.25">
      <c r="A10118" t="s">
        <v>15098</v>
      </c>
      <c r="B10118" t="s">
        <v>3048</v>
      </c>
      <c r="C10118">
        <v>0</v>
      </c>
      <c r="D10118">
        <v>0</v>
      </c>
    </row>
    <row r="10119" spans="1:4" x14ac:dyDescent="0.25">
      <c r="A10119" t="s">
        <v>15098</v>
      </c>
      <c r="B10119" t="s">
        <v>15099</v>
      </c>
      <c r="C10119">
        <v>2</v>
      </c>
      <c r="D10119">
        <v>0</v>
      </c>
    </row>
    <row r="10120" spans="1:4" x14ac:dyDescent="0.25">
      <c r="A10120" t="s">
        <v>15098</v>
      </c>
      <c r="B10120" t="s">
        <v>15100</v>
      </c>
      <c r="C10120">
        <v>0</v>
      </c>
      <c r="D10120">
        <v>0</v>
      </c>
    </row>
    <row r="10121" spans="1:4" x14ac:dyDescent="0.25">
      <c r="A10121" t="s">
        <v>15101</v>
      </c>
      <c r="B10121" t="s">
        <v>969</v>
      </c>
      <c r="C10121">
        <v>0</v>
      </c>
      <c r="D10121">
        <v>0</v>
      </c>
    </row>
    <row r="10122" spans="1:4" x14ac:dyDescent="0.25">
      <c r="A10122" t="s">
        <v>15101</v>
      </c>
      <c r="B10122" t="s">
        <v>1001</v>
      </c>
      <c r="C10122">
        <v>1</v>
      </c>
      <c r="D10122">
        <v>0</v>
      </c>
    </row>
    <row r="10123" spans="1:4" x14ac:dyDescent="0.25">
      <c r="A10123" t="s">
        <v>15102</v>
      </c>
      <c r="B10123" t="s">
        <v>15103</v>
      </c>
      <c r="C10123">
        <v>1</v>
      </c>
      <c r="D10123">
        <v>0</v>
      </c>
    </row>
    <row r="10124" spans="1:4" x14ac:dyDescent="0.25">
      <c r="A10124" t="s">
        <v>15102</v>
      </c>
      <c r="B10124" t="s">
        <v>15104</v>
      </c>
      <c r="C10124">
        <v>0</v>
      </c>
      <c r="D10124">
        <v>0</v>
      </c>
    </row>
    <row r="10125" spans="1:4" x14ac:dyDescent="0.25">
      <c r="A10125" t="s">
        <v>15105</v>
      </c>
      <c r="B10125" t="s">
        <v>15106</v>
      </c>
      <c r="C10125">
        <v>1</v>
      </c>
      <c r="D10125">
        <v>0</v>
      </c>
    </row>
    <row r="10126" spans="1:4" x14ac:dyDescent="0.25">
      <c r="A10126" t="s">
        <v>15107</v>
      </c>
      <c r="B10126" t="s">
        <v>15108</v>
      </c>
      <c r="C10126">
        <v>1</v>
      </c>
      <c r="D10126">
        <v>0</v>
      </c>
    </row>
    <row r="10127" spans="1:4" x14ac:dyDescent="0.25">
      <c r="A10127" t="s">
        <v>15107</v>
      </c>
      <c r="B10127" t="s">
        <v>15109</v>
      </c>
      <c r="C10127">
        <v>0</v>
      </c>
      <c r="D10127">
        <v>0</v>
      </c>
    </row>
    <row r="10128" spans="1:4" x14ac:dyDescent="0.25">
      <c r="A10128" t="s">
        <v>15110</v>
      </c>
      <c r="B10128" t="s">
        <v>15111</v>
      </c>
      <c r="C10128">
        <v>1</v>
      </c>
      <c r="D10128">
        <v>0</v>
      </c>
    </row>
    <row r="10129" spans="1:4" x14ac:dyDescent="0.25">
      <c r="A10129" t="s">
        <v>15110</v>
      </c>
      <c r="B10129" t="s">
        <v>15112</v>
      </c>
      <c r="C10129">
        <v>1</v>
      </c>
      <c r="D10129">
        <v>0</v>
      </c>
    </row>
    <row r="10130" spans="1:4" x14ac:dyDescent="0.25">
      <c r="A10130" t="s">
        <v>15110</v>
      </c>
      <c r="B10130" t="s">
        <v>15113</v>
      </c>
      <c r="C10130">
        <v>1</v>
      </c>
      <c r="D10130">
        <v>0</v>
      </c>
    </row>
    <row r="10131" spans="1:4" x14ac:dyDescent="0.25">
      <c r="A10131" t="s">
        <v>15114</v>
      </c>
      <c r="B10131" t="s">
        <v>15115</v>
      </c>
      <c r="C10131">
        <v>1</v>
      </c>
      <c r="D10131">
        <v>0</v>
      </c>
    </row>
    <row r="10132" spans="1:4" x14ac:dyDescent="0.25">
      <c r="A10132" t="s">
        <v>15116</v>
      </c>
      <c r="B10132" t="s">
        <v>15117</v>
      </c>
      <c r="C10132">
        <v>2</v>
      </c>
      <c r="D10132">
        <v>0</v>
      </c>
    </row>
    <row r="10133" spans="1:4" x14ac:dyDescent="0.25">
      <c r="A10133" t="s">
        <v>15116</v>
      </c>
      <c r="B10133" t="s">
        <v>15118</v>
      </c>
      <c r="C10133">
        <v>2</v>
      </c>
      <c r="D10133">
        <v>0</v>
      </c>
    </row>
    <row r="10134" spans="1:4" x14ac:dyDescent="0.25">
      <c r="A10134" t="s">
        <v>15116</v>
      </c>
      <c r="B10134" t="s">
        <v>15119</v>
      </c>
      <c r="C10134">
        <v>2</v>
      </c>
      <c r="D10134">
        <v>0</v>
      </c>
    </row>
    <row r="10135" spans="1:4" x14ac:dyDescent="0.25">
      <c r="A10135" t="s">
        <v>15120</v>
      </c>
      <c r="B10135" t="s">
        <v>15121</v>
      </c>
      <c r="C10135">
        <v>1</v>
      </c>
      <c r="D10135">
        <v>0</v>
      </c>
    </row>
    <row r="10136" spans="1:4" x14ac:dyDescent="0.25">
      <c r="A10136" t="s">
        <v>15120</v>
      </c>
      <c r="B10136" t="s">
        <v>15122</v>
      </c>
      <c r="C10136">
        <v>1</v>
      </c>
      <c r="D10136">
        <v>0</v>
      </c>
    </row>
    <row r="10137" spans="1:4" x14ac:dyDescent="0.25">
      <c r="A10137" t="s">
        <v>15123</v>
      </c>
      <c r="B10137" t="s">
        <v>15124</v>
      </c>
      <c r="C10137">
        <v>0</v>
      </c>
      <c r="D10137">
        <v>0</v>
      </c>
    </row>
    <row r="10138" spans="1:4" x14ac:dyDescent="0.25">
      <c r="A10138" t="s">
        <v>15125</v>
      </c>
      <c r="B10138" t="s">
        <v>15126</v>
      </c>
      <c r="C10138">
        <v>2</v>
      </c>
      <c r="D10138">
        <v>0</v>
      </c>
    </row>
    <row r="10139" spans="1:4" x14ac:dyDescent="0.25">
      <c r="A10139" t="s">
        <v>15127</v>
      </c>
      <c r="B10139" t="s">
        <v>15128</v>
      </c>
      <c r="C10139">
        <v>0</v>
      </c>
      <c r="D10139">
        <v>0</v>
      </c>
    </row>
    <row r="10140" spans="1:4" x14ac:dyDescent="0.25">
      <c r="A10140" t="s">
        <v>15129</v>
      </c>
      <c r="B10140" t="s">
        <v>15130</v>
      </c>
      <c r="C10140">
        <v>0</v>
      </c>
      <c r="D10140">
        <v>0</v>
      </c>
    </row>
    <row r="10141" spans="1:4" x14ac:dyDescent="0.25">
      <c r="A10141" t="s">
        <v>15131</v>
      </c>
      <c r="B10141" t="s">
        <v>15132</v>
      </c>
      <c r="C10141">
        <v>0</v>
      </c>
      <c r="D10141">
        <v>0</v>
      </c>
    </row>
    <row r="10142" spans="1:4" x14ac:dyDescent="0.25">
      <c r="A10142" t="s">
        <v>15133</v>
      </c>
      <c r="B10142" t="s">
        <v>15134</v>
      </c>
      <c r="C10142">
        <v>0</v>
      </c>
      <c r="D10142">
        <v>0</v>
      </c>
    </row>
    <row r="10143" spans="1:4" x14ac:dyDescent="0.25">
      <c r="A10143" t="s">
        <v>15135</v>
      </c>
      <c r="B10143" t="s">
        <v>15136</v>
      </c>
      <c r="C10143">
        <v>1</v>
      </c>
      <c r="D10143">
        <v>0</v>
      </c>
    </row>
    <row r="10144" spans="1:4" x14ac:dyDescent="0.25">
      <c r="A10144" t="s">
        <v>15137</v>
      </c>
      <c r="B10144" t="s">
        <v>2267</v>
      </c>
      <c r="C10144">
        <v>0</v>
      </c>
      <c r="D10144">
        <v>0</v>
      </c>
    </row>
    <row r="10145" spans="1:4" x14ac:dyDescent="0.25">
      <c r="A10145" t="s">
        <v>15138</v>
      </c>
      <c r="B10145" t="s">
        <v>1001</v>
      </c>
      <c r="C10145">
        <v>1</v>
      </c>
      <c r="D10145">
        <v>0</v>
      </c>
    </row>
    <row r="10146" spans="1:4" x14ac:dyDescent="0.25">
      <c r="A10146" t="s">
        <v>15139</v>
      </c>
      <c r="B10146" t="s">
        <v>15140</v>
      </c>
      <c r="C10146">
        <v>0</v>
      </c>
      <c r="D10146">
        <v>0</v>
      </c>
    </row>
    <row r="10147" spans="1:4" x14ac:dyDescent="0.25">
      <c r="A10147" t="s">
        <v>15139</v>
      </c>
      <c r="B10147" t="s">
        <v>15141</v>
      </c>
      <c r="C10147">
        <v>1</v>
      </c>
      <c r="D10147">
        <v>0</v>
      </c>
    </row>
    <row r="10148" spans="1:4" x14ac:dyDescent="0.25">
      <c r="A10148" t="s">
        <v>15142</v>
      </c>
      <c r="B10148" t="s">
        <v>15143</v>
      </c>
      <c r="C10148">
        <v>0</v>
      </c>
      <c r="D10148">
        <v>0</v>
      </c>
    </row>
    <row r="10149" spans="1:4" x14ac:dyDescent="0.25">
      <c r="A10149" t="s">
        <v>15144</v>
      </c>
      <c r="B10149" t="s">
        <v>15145</v>
      </c>
      <c r="C10149">
        <v>2</v>
      </c>
      <c r="D10149">
        <v>0</v>
      </c>
    </row>
    <row r="10150" spans="1:4" x14ac:dyDescent="0.25">
      <c r="A10150" t="s">
        <v>15144</v>
      </c>
      <c r="B10150" t="s">
        <v>15146</v>
      </c>
      <c r="C10150">
        <v>2</v>
      </c>
      <c r="D10150">
        <v>0</v>
      </c>
    </row>
    <row r="10151" spans="1:4" x14ac:dyDescent="0.25">
      <c r="A10151" t="s">
        <v>15147</v>
      </c>
      <c r="B10151" t="s">
        <v>15148</v>
      </c>
      <c r="C10151">
        <v>1</v>
      </c>
      <c r="D10151">
        <v>0</v>
      </c>
    </row>
    <row r="10152" spans="1:4" x14ac:dyDescent="0.25">
      <c r="A10152" t="s">
        <v>15147</v>
      </c>
      <c r="B10152" t="s">
        <v>15149</v>
      </c>
      <c r="C10152">
        <v>2</v>
      </c>
      <c r="D10152">
        <v>0</v>
      </c>
    </row>
    <row r="10153" spans="1:4" x14ac:dyDescent="0.25">
      <c r="A10153" t="s">
        <v>15150</v>
      </c>
      <c r="B10153" t="s">
        <v>15151</v>
      </c>
      <c r="C10153">
        <v>1</v>
      </c>
      <c r="D10153">
        <v>0</v>
      </c>
    </row>
    <row r="10154" spans="1:4" x14ac:dyDescent="0.25">
      <c r="A10154" t="s">
        <v>15150</v>
      </c>
      <c r="B10154" t="s">
        <v>15152</v>
      </c>
      <c r="C10154">
        <v>2</v>
      </c>
      <c r="D10154">
        <v>0</v>
      </c>
    </row>
    <row r="10155" spans="1:4" x14ac:dyDescent="0.25">
      <c r="A10155" t="s">
        <v>15150</v>
      </c>
      <c r="B10155" t="s">
        <v>15153</v>
      </c>
      <c r="C10155">
        <v>0</v>
      </c>
      <c r="D10155">
        <v>0</v>
      </c>
    </row>
    <row r="10156" spans="1:4" x14ac:dyDescent="0.25">
      <c r="A10156" t="s">
        <v>15154</v>
      </c>
      <c r="B10156" t="s">
        <v>15155</v>
      </c>
      <c r="C10156">
        <v>1</v>
      </c>
      <c r="D10156">
        <v>0</v>
      </c>
    </row>
    <row r="10157" spans="1:4" x14ac:dyDescent="0.25">
      <c r="A10157" t="s">
        <v>15156</v>
      </c>
      <c r="B10157" t="s">
        <v>15157</v>
      </c>
      <c r="C10157">
        <v>1</v>
      </c>
      <c r="D10157">
        <v>0</v>
      </c>
    </row>
    <row r="10158" spans="1:4" x14ac:dyDescent="0.25">
      <c r="A10158" t="s">
        <v>15156</v>
      </c>
      <c r="B10158" t="s">
        <v>15158</v>
      </c>
      <c r="C10158">
        <v>1</v>
      </c>
      <c r="D10158">
        <v>0</v>
      </c>
    </row>
    <row r="10159" spans="1:4" x14ac:dyDescent="0.25">
      <c r="A10159" t="s">
        <v>15159</v>
      </c>
      <c r="B10159" t="s">
        <v>1401</v>
      </c>
      <c r="C10159">
        <v>0</v>
      </c>
      <c r="D10159">
        <v>0</v>
      </c>
    </row>
    <row r="10160" spans="1:4" x14ac:dyDescent="0.25">
      <c r="A10160" t="s">
        <v>15160</v>
      </c>
      <c r="B10160" t="s">
        <v>2704</v>
      </c>
      <c r="C10160">
        <v>1</v>
      </c>
      <c r="D10160">
        <v>0</v>
      </c>
    </row>
    <row r="10161" spans="1:4" x14ac:dyDescent="0.25">
      <c r="A10161" t="s">
        <v>15161</v>
      </c>
      <c r="B10161" t="s">
        <v>15162</v>
      </c>
      <c r="C10161">
        <v>1</v>
      </c>
      <c r="D10161">
        <v>0</v>
      </c>
    </row>
    <row r="10162" spans="1:4" x14ac:dyDescent="0.25">
      <c r="A10162" t="s">
        <v>15163</v>
      </c>
      <c r="B10162" t="s">
        <v>15164</v>
      </c>
      <c r="C10162">
        <v>2</v>
      </c>
      <c r="D10162">
        <v>0</v>
      </c>
    </row>
    <row r="10163" spans="1:4" x14ac:dyDescent="0.25">
      <c r="A10163" t="s">
        <v>15163</v>
      </c>
      <c r="B10163" t="s">
        <v>15165</v>
      </c>
      <c r="C10163">
        <v>0</v>
      </c>
      <c r="D10163">
        <v>0</v>
      </c>
    </row>
    <row r="10164" spans="1:4" x14ac:dyDescent="0.25">
      <c r="A10164" t="s">
        <v>15166</v>
      </c>
      <c r="B10164" t="s">
        <v>7913</v>
      </c>
      <c r="C10164">
        <v>1</v>
      </c>
      <c r="D10164">
        <v>0</v>
      </c>
    </row>
    <row r="10165" spans="1:4" x14ac:dyDescent="0.25">
      <c r="A10165" t="s">
        <v>15167</v>
      </c>
      <c r="B10165" t="s">
        <v>9344</v>
      </c>
      <c r="C10165">
        <v>0</v>
      </c>
      <c r="D10165">
        <v>0</v>
      </c>
    </row>
    <row r="10166" spans="1:4" x14ac:dyDescent="0.25">
      <c r="A10166" t="s">
        <v>15167</v>
      </c>
      <c r="B10166" t="s">
        <v>15168</v>
      </c>
      <c r="C10166">
        <v>1</v>
      </c>
      <c r="D10166">
        <v>0</v>
      </c>
    </row>
    <row r="10167" spans="1:4" x14ac:dyDescent="0.25">
      <c r="A10167" t="s">
        <v>15167</v>
      </c>
      <c r="B10167" t="s">
        <v>15169</v>
      </c>
      <c r="C10167">
        <v>1</v>
      </c>
      <c r="D10167">
        <v>0</v>
      </c>
    </row>
    <row r="10168" spans="1:4" x14ac:dyDescent="0.25">
      <c r="A10168" t="s">
        <v>15170</v>
      </c>
      <c r="B10168" t="s">
        <v>1001</v>
      </c>
      <c r="C10168">
        <v>1</v>
      </c>
      <c r="D10168">
        <v>0</v>
      </c>
    </row>
    <row r="10169" spans="1:4" x14ac:dyDescent="0.25">
      <c r="A10169" t="s">
        <v>15171</v>
      </c>
      <c r="B10169" t="s">
        <v>15172</v>
      </c>
      <c r="C10169">
        <v>1</v>
      </c>
      <c r="D10169">
        <v>0</v>
      </c>
    </row>
    <row r="10170" spans="1:4" x14ac:dyDescent="0.25">
      <c r="A10170" t="s">
        <v>15171</v>
      </c>
      <c r="B10170" t="s">
        <v>15173</v>
      </c>
      <c r="C10170">
        <v>0</v>
      </c>
      <c r="D10170">
        <v>0</v>
      </c>
    </row>
    <row r="10171" spans="1:4" x14ac:dyDescent="0.25">
      <c r="A10171" t="s">
        <v>15174</v>
      </c>
      <c r="B10171" t="s">
        <v>15175</v>
      </c>
      <c r="C10171">
        <v>1</v>
      </c>
      <c r="D10171">
        <v>0</v>
      </c>
    </row>
    <row r="10172" spans="1:4" x14ac:dyDescent="0.25">
      <c r="A10172" t="s">
        <v>15174</v>
      </c>
      <c r="B10172" t="s">
        <v>15176</v>
      </c>
      <c r="C10172">
        <v>1</v>
      </c>
      <c r="D10172">
        <v>0</v>
      </c>
    </row>
    <row r="10173" spans="1:4" x14ac:dyDescent="0.25">
      <c r="A10173" t="s">
        <v>15174</v>
      </c>
      <c r="B10173" t="s">
        <v>15177</v>
      </c>
      <c r="C10173">
        <v>2</v>
      </c>
      <c r="D10173">
        <v>0</v>
      </c>
    </row>
    <row r="10174" spans="1:4" x14ac:dyDescent="0.25">
      <c r="A10174" t="s">
        <v>15178</v>
      </c>
      <c r="B10174" t="s">
        <v>1151</v>
      </c>
      <c r="C10174">
        <v>1</v>
      </c>
      <c r="D10174">
        <v>0</v>
      </c>
    </row>
    <row r="10175" spans="1:4" x14ac:dyDescent="0.25">
      <c r="A10175" t="s">
        <v>15179</v>
      </c>
      <c r="B10175" t="s">
        <v>15180</v>
      </c>
      <c r="C10175">
        <v>2</v>
      </c>
      <c r="D10175">
        <v>0</v>
      </c>
    </row>
    <row r="10176" spans="1:4" x14ac:dyDescent="0.25">
      <c r="A10176" t="s">
        <v>15179</v>
      </c>
      <c r="B10176" t="s">
        <v>15181</v>
      </c>
      <c r="C10176">
        <v>2</v>
      </c>
      <c r="D10176">
        <v>0</v>
      </c>
    </row>
    <row r="10177" spans="1:4" x14ac:dyDescent="0.25">
      <c r="A10177" t="s">
        <v>15182</v>
      </c>
      <c r="B10177" t="s">
        <v>15183</v>
      </c>
      <c r="C10177">
        <v>1</v>
      </c>
      <c r="D10177">
        <v>0</v>
      </c>
    </row>
    <row r="10178" spans="1:4" x14ac:dyDescent="0.25">
      <c r="A10178" t="s">
        <v>15182</v>
      </c>
      <c r="B10178" t="s">
        <v>15184</v>
      </c>
      <c r="C10178">
        <v>1</v>
      </c>
      <c r="D10178">
        <v>0</v>
      </c>
    </row>
    <row r="10179" spans="1:4" x14ac:dyDescent="0.25">
      <c r="A10179" t="s">
        <v>15185</v>
      </c>
      <c r="B10179" t="s">
        <v>15186</v>
      </c>
      <c r="C10179">
        <v>2</v>
      </c>
      <c r="D10179">
        <v>0</v>
      </c>
    </row>
    <row r="10180" spans="1:4" x14ac:dyDescent="0.25">
      <c r="A10180" t="s">
        <v>15185</v>
      </c>
      <c r="B10180" t="s">
        <v>15187</v>
      </c>
      <c r="C10180">
        <v>2</v>
      </c>
      <c r="D10180">
        <v>0</v>
      </c>
    </row>
    <row r="10181" spans="1:4" x14ac:dyDescent="0.25">
      <c r="A10181" t="s">
        <v>15188</v>
      </c>
      <c r="B10181" t="s">
        <v>15189</v>
      </c>
      <c r="C10181">
        <v>2</v>
      </c>
      <c r="D10181">
        <v>0</v>
      </c>
    </row>
    <row r="10182" spans="1:4" x14ac:dyDescent="0.25">
      <c r="A10182" t="s">
        <v>15190</v>
      </c>
      <c r="B10182" t="s">
        <v>15191</v>
      </c>
      <c r="C10182">
        <v>1</v>
      </c>
      <c r="D10182">
        <v>0</v>
      </c>
    </row>
    <row r="10183" spans="1:4" x14ac:dyDescent="0.25">
      <c r="A10183" t="s">
        <v>15192</v>
      </c>
      <c r="B10183" t="s">
        <v>15193</v>
      </c>
      <c r="C10183">
        <v>0</v>
      </c>
      <c r="D10183">
        <v>0</v>
      </c>
    </row>
    <row r="10184" spans="1:4" x14ac:dyDescent="0.25">
      <c r="A10184" t="s">
        <v>15194</v>
      </c>
      <c r="B10184" t="s">
        <v>968</v>
      </c>
      <c r="C10184">
        <v>1</v>
      </c>
      <c r="D10184">
        <v>0</v>
      </c>
    </row>
    <row r="10185" spans="1:4" x14ac:dyDescent="0.25">
      <c r="A10185" t="s">
        <v>15194</v>
      </c>
      <c r="B10185" t="s">
        <v>15195</v>
      </c>
      <c r="C10185">
        <v>0</v>
      </c>
      <c r="D10185">
        <v>0</v>
      </c>
    </row>
    <row r="10186" spans="1:4" x14ac:dyDescent="0.25">
      <c r="A10186" t="s">
        <v>15196</v>
      </c>
      <c r="B10186" t="s">
        <v>15197</v>
      </c>
      <c r="C10186">
        <v>1</v>
      </c>
      <c r="D10186">
        <v>0</v>
      </c>
    </row>
    <row r="10187" spans="1:4" x14ac:dyDescent="0.25">
      <c r="A10187" t="s">
        <v>15196</v>
      </c>
      <c r="B10187" t="s">
        <v>15198</v>
      </c>
      <c r="C10187">
        <v>1</v>
      </c>
      <c r="D10187">
        <v>0</v>
      </c>
    </row>
    <row r="10188" spans="1:4" x14ac:dyDescent="0.25">
      <c r="A10188" t="s">
        <v>15196</v>
      </c>
      <c r="B10188" t="s">
        <v>15199</v>
      </c>
      <c r="C10188">
        <v>1</v>
      </c>
      <c r="D10188">
        <v>0</v>
      </c>
    </row>
    <row r="10189" spans="1:4" x14ac:dyDescent="0.25">
      <c r="A10189" t="s">
        <v>15200</v>
      </c>
      <c r="B10189" t="s">
        <v>15201</v>
      </c>
      <c r="C10189">
        <v>0</v>
      </c>
      <c r="D10189">
        <v>0</v>
      </c>
    </row>
    <row r="10190" spans="1:4" x14ac:dyDescent="0.25">
      <c r="A10190" t="s">
        <v>15202</v>
      </c>
      <c r="B10190" t="s">
        <v>15203</v>
      </c>
      <c r="C10190">
        <v>1</v>
      </c>
      <c r="D10190">
        <v>0</v>
      </c>
    </row>
    <row r="10191" spans="1:4" x14ac:dyDescent="0.25">
      <c r="A10191" t="s">
        <v>15202</v>
      </c>
      <c r="B10191" t="s">
        <v>15204</v>
      </c>
      <c r="C10191">
        <v>2</v>
      </c>
      <c r="D10191">
        <v>0</v>
      </c>
    </row>
    <row r="10192" spans="1:4" x14ac:dyDescent="0.25">
      <c r="A10192" t="s">
        <v>15202</v>
      </c>
      <c r="B10192" t="s">
        <v>15205</v>
      </c>
      <c r="C10192">
        <v>2</v>
      </c>
      <c r="D10192">
        <v>0</v>
      </c>
    </row>
    <row r="10193" spans="1:4" x14ac:dyDescent="0.25">
      <c r="A10193" t="s">
        <v>15206</v>
      </c>
      <c r="B10193" t="s">
        <v>15207</v>
      </c>
      <c r="C10193">
        <v>1</v>
      </c>
      <c r="D10193">
        <v>0</v>
      </c>
    </row>
    <row r="10194" spans="1:4" x14ac:dyDescent="0.25">
      <c r="A10194" t="s">
        <v>15206</v>
      </c>
      <c r="B10194" t="s">
        <v>15208</v>
      </c>
      <c r="C10194">
        <v>1</v>
      </c>
      <c r="D10194">
        <v>0</v>
      </c>
    </row>
    <row r="10195" spans="1:4" x14ac:dyDescent="0.25">
      <c r="A10195" t="s">
        <v>15206</v>
      </c>
      <c r="B10195" t="s">
        <v>15209</v>
      </c>
      <c r="C10195">
        <v>1</v>
      </c>
      <c r="D10195">
        <v>0</v>
      </c>
    </row>
    <row r="10196" spans="1:4" x14ac:dyDescent="0.25">
      <c r="A10196" t="s">
        <v>15210</v>
      </c>
      <c r="B10196" t="s">
        <v>15211</v>
      </c>
      <c r="C10196">
        <v>2</v>
      </c>
      <c r="D10196">
        <v>0</v>
      </c>
    </row>
    <row r="10197" spans="1:4" x14ac:dyDescent="0.25">
      <c r="A10197" t="s">
        <v>15210</v>
      </c>
      <c r="B10197" t="s">
        <v>15212</v>
      </c>
      <c r="C10197">
        <v>1</v>
      </c>
      <c r="D10197">
        <v>0</v>
      </c>
    </row>
    <row r="10198" spans="1:4" x14ac:dyDescent="0.25">
      <c r="A10198" t="s">
        <v>15213</v>
      </c>
      <c r="B10198" t="s">
        <v>15214</v>
      </c>
      <c r="C10198">
        <v>1</v>
      </c>
      <c r="D10198">
        <v>0</v>
      </c>
    </row>
    <row r="10199" spans="1:4" x14ac:dyDescent="0.25">
      <c r="A10199" t="s">
        <v>15213</v>
      </c>
      <c r="B10199" t="s">
        <v>2532</v>
      </c>
      <c r="C10199">
        <v>1</v>
      </c>
      <c r="D10199">
        <v>0</v>
      </c>
    </row>
    <row r="10200" spans="1:4" x14ac:dyDescent="0.25">
      <c r="A10200" t="s">
        <v>15215</v>
      </c>
      <c r="B10200" t="s">
        <v>15216</v>
      </c>
      <c r="C10200">
        <v>0</v>
      </c>
      <c r="D10200">
        <v>0</v>
      </c>
    </row>
    <row r="10201" spans="1:4" x14ac:dyDescent="0.25">
      <c r="A10201" t="s">
        <v>15215</v>
      </c>
      <c r="B10201" t="s">
        <v>15217</v>
      </c>
      <c r="C10201">
        <v>1</v>
      </c>
      <c r="D10201">
        <v>0</v>
      </c>
    </row>
    <row r="10202" spans="1:4" x14ac:dyDescent="0.25">
      <c r="A10202" t="s">
        <v>15218</v>
      </c>
      <c r="B10202" t="s">
        <v>15219</v>
      </c>
      <c r="C10202">
        <v>2</v>
      </c>
      <c r="D10202">
        <v>0</v>
      </c>
    </row>
    <row r="10203" spans="1:4" x14ac:dyDescent="0.25">
      <c r="A10203" t="s">
        <v>15220</v>
      </c>
      <c r="B10203" t="s">
        <v>15221</v>
      </c>
      <c r="C10203">
        <v>2</v>
      </c>
      <c r="D10203">
        <v>0</v>
      </c>
    </row>
    <row r="10204" spans="1:4" x14ac:dyDescent="0.25">
      <c r="A10204" t="s">
        <v>15222</v>
      </c>
      <c r="B10204" t="s">
        <v>15223</v>
      </c>
      <c r="C10204">
        <v>1</v>
      </c>
      <c r="D10204">
        <v>0</v>
      </c>
    </row>
    <row r="10205" spans="1:4" x14ac:dyDescent="0.25">
      <c r="A10205" t="s">
        <v>15224</v>
      </c>
      <c r="B10205" t="s">
        <v>15225</v>
      </c>
      <c r="C10205">
        <v>1</v>
      </c>
      <c r="D10205">
        <v>0</v>
      </c>
    </row>
    <row r="10206" spans="1:4" x14ac:dyDescent="0.25">
      <c r="A10206" t="s">
        <v>15224</v>
      </c>
      <c r="B10206" t="s">
        <v>15226</v>
      </c>
      <c r="C10206">
        <v>0</v>
      </c>
      <c r="D10206">
        <v>0</v>
      </c>
    </row>
    <row r="10207" spans="1:4" x14ac:dyDescent="0.25">
      <c r="A10207" t="s">
        <v>15224</v>
      </c>
      <c r="B10207" t="s">
        <v>15227</v>
      </c>
      <c r="C10207">
        <v>2</v>
      </c>
      <c r="D10207">
        <v>0</v>
      </c>
    </row>
    <row r="10208" spans="1:4" x14ac:dyDescent="0.25">
      <c r="A10208" t="s">
        <v>15228</v>
      </c>
      <c r="B10208" t="s">
        <v>15229</v>
      </c>
      <c r="C10208">
        <v>1</v>
      </c>
      <c r="D10208">
        <v>0</v>
      </c>
    </row>
    <row r="10209" spans="1:4" x14ac:dyDescent="0.25">
      <c r="A10209" t="s">
        <v>15230</v>
      </c>
      <c r="B10209" t="s">
        <v>15231</v>
      </c>
      <c r="C10209">
        <v>1</v>
      </c>
      <c r="D10209">
        <v>0</v>
      </c>
    </row>
    <row r="10210" spans="1:4" x14ac:dyDescent="0.25">
      <c r="A10210" t="s">
        <v>15232</v>
      </c>
      <c r="B10210" t="s">
        <v>1001</v>
      </c>
      <c r="C10210">
        <v>1</v>
      </c>
      <c r="D10210">
        <v>0</v>
      </c>
    </row>
    <row r="10211" spans="1:4" x14ac:dyDescent="0.25">
      <c r="A10211" t="s">
        <v>15232</v>
      </c>
      <c r="B10211" t="s">
        <v>2061</v>
      </c>
      <c r="C10211">
        <v>0</v>
      </c>
      <c r="D10211">
        <v>0</v>
      </c>
    </row>
    <row r="10212" spans="1:4" x14ac:dyDescent="0.25">
      <c r="A10212" t="s">
        <v>15233</v>
      </c>
      <c r="B10212" t="s">
        <v>15234</v>
      </c>
      <c r="C10212">
        <v>0</v>
      </c>
      <c r="D10212">
        <v>0</v>
      </c>
    </row>
    <row r="10213" spans="1:4" x14ac:dyDescent="0.25">
      <c r="A10213" t="s">
        <v>15233</v>
      </c>
      <c r="B10213" t="s">
        <v>15235</v>
      </c>
      <c r="C10213">
        <v>2</v>
      </c>
      <c r="D10213">
        <v>0</v>
      </c>
    </row>
    <row r="10214" spans="1:4" x14ac:dyDescent="0.25">
      <c r="A10214" t="s">
        <v>15233</v>
      </c>
      <c r="B10214" t="s">
        <v>15236</v>
      </c>
      <c r="C10214">
        <v>0</v>
      </c>
      <c r="D10214">
        <v>0</v>
      </c>
    </row>
    <row r="10215" spans="1:4" x14ac:dyDescent="0.25">
      <c r="A10215" t="s">
        <v>15237</v>
      </c>
      <c r="B10215" t="s">
        <v>15238</v>
      </c>
      <c r="C10215">
        <v>0</v>
      </c>
      <c r="D10215">
        <v>0</v>
      </c>
    </row>
    <row r="10216" spans="1:4" x14ac:dyDescent="0.25">
      <c r="A10216" t="s">
        <v>15239</v>
      </c>
      <c r="B10216" t="s">
        <v>15240</v>
      </c>
      <c r="C10216">
        <v>0</v>
      </c>
      <c r="D10216">
        <v>0</v>
      </c>
    </row>
    <row r="10217" spans="1:4" x14ac:dyDescent="0.25">
      <c r="A10217" t="s">
        <v>15239</v>
      </c>
      <c r="B10217" t="s">
        <v>15241</v>
      </c>
      <c r="C10217">
        <v>1</v>
      </c>
      <c r="D10217">
        <v>0</v>
      </c>
    </row>
    <row r="10218" spans="1:4" x14ac:dyDescent="0.25">
      <c r="A10218" t="s">
        <v>15242</v>
      </c>
      <c r="B10218" t="s">
        <v>15243</v>
      </c>
      <c r="C10218">
        <v>1</v>
      </c>
      <c r="D10218">
        <v>0</v>
      </c>
    </row>
    <row r="10219" spans="1:4" x14ac:dyDescent="0.25">
      <c r="A10219" t="s">
        <v>15244</v>
      </c>
      <c r="B10219" t="s">
        <v>15245</v>
      </c>
      <c r="C10219">
        <v>0</v>
      </c>
      <c r="D10219">
        <v>0</v>
      </c>
    </row>
    <row r="10220" spans="1:4" x14ac:dyDescent="0.25">
      <c r="A10220" t="s">
        <v>15244</v>
      </c>
      <c r="B10220" t="s">
        <v>843</v>
      </c>
      <c r="C10220">
        <v>1</v>
      </c>
      <c r="D10220">
        <v>0</v>
      </c>
    </row>
    <row r="10221" spans="1:4" x14ac:dyDescent="0.25">
      <c r="A10221" t="s">
        <v>15246</v>
      </c>
      <c r="B10221" t="s">
        <v>15247</v>
      </c>
      <c r="C10221">
        <v>2</v>
      </c>
      <c r="D10221">
        <v>0</v>
      </c>
    </row>
    <row r="10222" spans="1:4" x14ac:dyDescent="0.25">
      <c r="A10222" t="s">
        <v>15246</v>
      </c>
      <c r="B10222" t="s">
        <v>15248</v>
      </c>
      <c r="C10222">
        <v>0</v>
      </c>
      <c r="D10222">
        <v>0</v>
      </c>
    </row>
    <row r="10223" spans="1:4" x14ac:dyDescent="0.25">
      <c r="A10223" t="s">
        <v>15249</v>
      </c>
      <c r="B10223" t="s">
        <v>15250</v>
      </c>
      <c r="C10223">
        <v>2</v>
      </c>
      <c r="D10223">
        <v>0</v>
      </c>
    </row>
    <row r="10224" spans="1:4" x14ac:dyDescent="0.25">
      <c r="A10224" t="s">
        <v>15249</v>
      </c>
      <c r="B10224" t="s">
        <v>15251</v>
      </c>
      <c r="C10224">
        <v>1</v>
      </c>
      <c r="D10224">
        <v>0</v>
      </c>
    </row>
    <row r="10225" spans="1:4" x14ac:dyDescent="0.25">
      <c r="A10225" t="s">
        <v>15252</v>
      </c>
      <c r="B10225" t="s">
        <v>15253</v>
      </c>
      <c r="C10225">
        <v>1</v>
      </c>
      <c r="D10225">
        <v>0</v>
      </c>
    </row>
    <row r="10226" spans="1:4" x14ac:dyDescent="0.25">
      <c r="A10226" t="s">
        <v>15252</v>
      </c>
      <c r="B10226" t="s">
        <v>15254</v>
      </c>
      <c r="C10226">
        <v>0</v>
      </c>
      <c r="D10226">
        <v>0</v>
      </c>
    </row>
    <row r="10227" spans="1:4" x14ac:dyDescent="0.25">
      <c r="A10227" t="s">
        <v>15255</v>
      </c>
      <c r="B10227" t="s">
        <v>968</v>
      </c>
      <c r="C10227">
        <v>1</v>
      </c>
      <c r="D10227">
        <v>0</v>
      </c>
    </row>
    <row r="10228" spans="1:4" x14ac:dyDescent="0.25">
      <c r="A10228" t="s">
        <v>15256</v>
      </c>
      <c r="B10228" t="s">
        <v>15257</v>
      </c>
      <c r="C10228">
        <v>1</v>
      </c>
      <c r="D10228">
        <v>0</v>
      </c>
    </row>
    <row r="10229" spans="1:4" x14ac:dyDescent="0.25">
      <c r="A10229" t="s">
        <v>15256</v>
      </c>
      <c r="B10229" t="s">
        <v>15258</v>
      </c>
      <c r="C10229">
        <v>1</v>
      </c>
      <c r="D10229">
        <v>0</v>
      </c>
    </row>
    <row r="10230" spans="1:4" x14ac:dyDescent="0.25">
      <c r="A10230" t="s">
        <v>15259</v>
      </c>
      <c r="B10230" t="s">
        <v>3410</v>
      </c>
      <c r="C10230">
        <v>1</v>
      </c>
      <c r="D10230">
        <v>0</v>
      </c>
    </row>
    <row r="10231" spans="1:4" x14ac:dyDescent="0.25">
      <c r="A10231" t="s">
        <v>15260</v>
      </c>
      <c r="B10231" t="s">
        <v>15261</v>
      </c>
      <c r="C10231">
        <v>0</v>
      </c>
      <c r="D10231">
        <v>0</v>
      </c>
    </row>
    <row r="10232" spans="1:4" x14ac:dyDescent="0.25">
      <c r="A10232" t="s">
        <v>15262</v>
      </c>
      <c r="B10232" t="s">
        <v>969</v>
      </c>
      <c r="C10232">
        <v>0</v>
      </c>
      <c r="D10232">
        <v>0</v>
      </c>
    </row>
    <row r="10233" spans="1:4" x14ac:dyDescent="0.25">
      <c r="A10233" t="s">
        <v>15262</v>
      </c>
      <c r="B10233" t="s">
        <v>15263</v>
      </c>
      <c r="C10233">
        <v>2</v>
      </c>
      <c r="D10233">
        <v>0</v>
      </c>
    </row>
    <row r="10234" spans="1:4" x14ac:dyDescent="0.25">
      <c r="A10234" t="s">
        <v>15262</v>
      </c>
      <c r="B10234" t="s">
        <v>15264</v>
      </c>
      <c r="C10234">
        <v>1</v>
      </c>
      <c r="D10234">
        <v>0</v>
      </c>
    </row>
    <row r="10235" spans="1:4" x14ac:dyDescent="0.25">
      <c r="A10235" t="s">
        <v>15265</v>
      </c>
      <c r="B10235" t="s">
        <v>15266</v>
      </c>
      <c r="C10235">
        <v>1</v>
      </c>
      <c r="D10235">
        <v>0</v>
      </c>
    </row>
    <row r="10236" spans="1:4" x14ac:dyDescent="0.25">
      <c r="A10236" t="s">
        <v>15265</v>
      </c>
      <c r="B10236" t="s">
        <v>15267</v>
      </c>
      <c r="C10236">
        <v>1</v>
      </c>
      <c r="D10236">
        <v>0</v>
      </c>
    </row>
    <row r="10237" spans="1:4" x14ac:dyDescent="0.25">
      <c r="A10237" t="s">
        <v>15268</v>
      </c>
      <c r="B10237" t="s">
        <v>15269</v>
      </c>
      <c r="C10237">
        <v>2</v>
      </c>
      <c r="D10237">
        <v>0</v>
      </c>
    </row>
    <row r="10238" spans="1:4" x14ac:dyDescent="0.25">
      <c r="A10238" t="s">
        <v>15270</v>
      </c>
      <c r="B10238" t="s">
        <v>15271</v>
      </c>
      <c r="C10238">
        <v>0</v>
      </c>
      <c r="D10238">
        <v>0</v>
      </c>
    </row>
    <row r="10239" spans="1:4" x14ac:dyDescent="0.25">
      <c r="A10239" t="s">
        <v>15270</v>
      </c>
      <c r="B10239" t="s">
        <v>15272</v>
      </c>
      <c r="C10239">
        <v>1</v>
      </c>
      <c r="D10239">
        <v>0</v>
      </c>
    </row>
    <row r="10240" spans="1:4" x14ac:dyDescent="0.25">
      <c r="A10240" t="s">
        <v>15270</v>
      </c>
      <c r="B10240" t="s">
        <v>15273</v>
      </c>
      <c r="C10240">
        <v>2</v>
      </c>
      <c r="D10240">
        <v>0</v>
      </c>
    </row>
    <row r="10241" spans="1:4" x14ac:dyDescent="0.25">
      <c r="A10241" t="s">
        <v>15274</v>
      </c>
      <c r="B10241" t="s">
        <v>15275</v>
      </c>
      <c r="C10241">
        <v>1</v>
      </c>
      <c r="D10241">
        <v>0</v>
      </c>
    </row>
    <row r="10242" spans="1:4" x14ac:dyDescent="0.25">
      <c r="A10242" t="s">
        <v>15274</v>
      </c>
      <c r="B10242" t="s">
        <v>15276</v>
      </c>
      <c r="C10242">
        <v>0</v>
      </c>
      <c r="D10242">
        <v>0</v>
      </c>
    </row>
    <row r="10243" spans="1:4" x14ac:dyDescent="0.25">
      <c r="A10243" t="s">
        <v>15274</v>
      </c>
      <c r="B10243" t="s">
        <v>15277</v>
      </c>
      <c r="C10243">
        <v>0</v>
      </c>
      <c r="D10243">
        <v>0</v>
      </c>
    </row>
    <row r="10244" spans="1:4" x14ac:dyDescent="0.25">
      <c r="A10244" t="s">
        <v>15278</v>
      </c>
      <c r="B10244" t="s">
        <v>843</v>
      </c>
      <c r="C10244">
        <v>1</v>
      </c>
      <c r="D10244">
        <v>0</v>
      </c>
    </row>
    <row r="10245" spans="1:4" x14ac:dyDescent="0.25">
      <c r="A10245" t="s">
        <v>15279</v>
      </c>
      <c r="B10245" t="s">
        <v>15280</v>
      </c>
      <c r="C10245">
        <v>1</v>
      </c>
      <c r="D10245">
        <v>0</v>
      </c>
    </row>
    <row r="10246" spans="1:4" x14ac:dyDescent="0.25">
      <c r="A10246" t="s">
        <v>15281</v>
      </c>
      <c r="B10246" t="s">
        <v>15282</v>
      </c>
      <c r="C10246">
        <v>0</v>
      </c>
      <c r="D10246">
        <v>0</v>
      </c>
    </row>
    <row r="10247" spans="1:4" x14ac:dyDescent="0.25">
      <c r="A10247" t="s">
        <v>15281</v>
      </c>
      <c r="B10247" t="s">
        <v>15283</v>
      </c>
      <c r="C10247">
        <v>0</v>
      </c>
      <c r="D10247">
        <v>0</v>
      </c>
    </row>
    <row r="10248" spans="1:4" x14ac:dyDescent="0.25">
      <c r="A10248" t="s">
        <v>15284</v>
      </c>
      <c r="B10248" t="s">
        <v>15285</v>
      </c>
      <c r="C10248">
        <v>1</v>
      </c>
      <c r="D10248">
        <v>0</v>
      </c>
    </row>
    <row r="10249" spans="1:4" x14ac:dyDescent="0.25">
      <c r="A10249" t="s">
        <v>15286</v>
      </c>
      <c r="B10249" t="s">
        <v>15287</v>
      </c>
      <c r="C10249">
        <v>1</v>
      </c>
      <c r="D10249">
        <v>0</v>
      </c>
    </row>
    <row r="10250" spans="1:4" x14ac:dyDescent="0.25">
      <c r="A10250" t="s">
        <v>15288</v>
      </c>
      <c r="B10250" t="s">
        <v>15289</v>
      </c>
      <c r="C10250">
        <v>0</v>
      </c>
      <c r="D10250">
        <v>0</v>
      </c>
    </row>
    <row r="10251" spans="1:4" x14ac:dyDescent="0.25">
      <c r="A10251" t="s">
        <v>15290</v>
      </c>
      <c r="B10251" t="s">
        <v>15291</v>
      </c>
      <c r="C10251">
        <v>1</v>
      </c>
      <c r="D10251">
        <v>0</v>
      </c>
    </row>
    <row r="10252" spans="1:4" x14ac:dyDescent="0.25">
      <c r="A10252" t="s">
        <v>15290</v>
      </c>
      <c r="B10252" t="s">
        <v>15292</v>
      </c>
      <c r="C10252">
        <v>1</v>
      </c>
      <c r="D10252">
        <v>0</v>
      </c>
    </row>
    <row r="10253" spans="1:4" x14ac:dyDescent="0.25">
      <c r="A10253" t="s">
        <v>15293</v>
      </c>
      <c r="B10253" t="s">
        <v>15294</v>
      </c>
      <c r="C10253">
        <v>0</v>
      </c>
      <c r="D10253">
        <v>0</v>
      </c>
    </row>
    <row r="10254" spans="1:4" x14ac:dyDescent="0.25">
      <c r="A10254" t="s">
        <v>15293</v>
      </c>
      <c r="B10254" t="s">
        <v>15295</v>
      </c>
      <c r="C10254">
        <v>2</v>
      </c>
      <c r="D10254">
        <v>0</v>
      </c>
    </row>
    <row r="10255" spans="1:4" x14ac:dyDescent="0.25">
      <c r="A10255" t="s">
        <v>15296</v>
      </c>
      <c r="B10255" t="s">
        <v>15297</v>
      </c>
      <c r="C10255">
        <v>1</v>
      </c>
      <c r="D10255">
        <v>0</v>
      </c>
    </row>
    <row r="10256" spans="1:4" x14ac:dyDescent="0.25">
      <c r="A10256" t="s">
        <v>15296</v>
      </c>
      <c r="B10256" t="s">
        <v>15298</v>
      </c>
      <c r="C10256">
        <v>0</v>
      </c>
      <c r="D10256">
        <v>0</v>
      </c>
    </row>
    <row r="10257" spans="1:4" x14ac:dyDescent="0.25">
      <c r="A10257" t="s">
        <v>15299</v>
      </c>
      <c r="B10257" t="s">
        <v>15300</v>
      </c>
      <c r="C10257">
        <v>0</v>
      </c>
      <c r="D10257">
        <v>0</v>
      </c>
    </row>
    <row r="10258" spans="1:4" x14ac:dyDescent="0.25">
      <c r="A10258" t="s">
        <v>15301</v>
      </c>
      <c r="B10258" t="s">
        <v>15302</v>
      </c>
      <c r="C10258">
        <v>0</v>
      </c>
      <c r="D10258">
        <v>0</v>
      </c>
    </row>
    <row r="10259" spans="1:4" x14ac:dyDescent="0.25">
      <c r="A10259" t="s">
        <v>15303</v>
      </c>
      <c r="B10259" t="s">
        <v>15304</v>
      </c>
      <c r="C10259">
        <v>1</v>
      </c>
      <c r="D10259">
        <v>0</v>
      </c>
    </row>
    <row r="10260" spans="1:4" x14ac:dyDescent="0.25">
      <c r="A10260" t="s">
        <v>15305</v>
      </c>
      <c r="B10260" t="s">
        <v>15306</v>
      </c>
      <c r="C10260">
        <v>1</v>
      </c>
      <c r="D10260">
        <v>0</v>
      </c>
    </row>
    <row r="10261" spans="1:4" x14ac:dyDescent="0.25">
      <c r="A10261" t="s">
        <v>15307</v>
      </c>
      <c r="B10261" t="s">
        <v>15308</v>
      </c>
      <c r="C10261">
        <v>0</v>
      </c>
      <c r="D10261">
        <v>0</v>
      </c>
    </row>
    <row r="10262" spans="1:4" x14ac:dyDescent="0.25">
      <c r="A10262" t="s">
        <v>15307</v>
      </c>
      <c r="B10262" t="s">
        <v>15309</v>
      </c>
      <c r="C10262">
        <v>0</v>
      </c>
      <c r="D10262">
        <v>0</v>
      </c>
    </row>
    <row r="10263" spans="1:4" x14ac:dyDescent="0.25">
      <c r="A10263" t="s">
        <v>15310</v>
      </c>
      <c r="B10263" t="s">
        <v>15311</v>
      </c>
      <c r="C10263">
        <v>0</v>
      </c>
      <c r="D10263">
        <v>0</v>
      </c>
    </row>
    <row r="10264" spans="1:4" x14ac:dyDescent="0.25">
      <c r="A10264" t="s">
        <v>15312</v>
      </c>
      <c r="B10264" t="s">
        <v>15313</v>
      </c>
      <c r="C10264">
        <v>1</v>
      </c>
      <c r="D10264">
        <v>0</v>
      </c>
    </row>
    <row r="10265" spans="1:4" x14ac:dyDescent="0.25">
      <c r="A10265" t="s">
        <v>15312</v>
      </c>
      <c r="B10265" t="s">
        <v>15314</v>
      </c>
      <c r="C10265">
        <v>1</v>
      </c>
      <c r="D10265">
        <v>0</v>
      </c>
    </row>
    <row r="10266" spans="1:4" x14ac:dyDescent="0.25">
      <c r="A10266" t="s">
        <v>15312</v>
      </c>
      <c r="B10266" t="s">
        <v>15315</v>
      </c>
      <c r="C10266">
        <v>1</v>
      </c>
      <c r="D10266">
        <v>0</v>
      </c>
    </row>
    <row r="10267" spans="1:4" x14ac:dyDescent="0.25">
      <c r="A10267" t="s">
        <v>15316</v>
      </c>
      <c r="B10267" t="s">
        <v>15317</v>
      </c>
      <c r="C10267">
        <v>1</v>
      </c>
      <c r="D10267">
        <v>0</v>
      </c>
    </row>
    <row r="10268" spans="1:4" x14ac:dyDescent="0.25">
      <c r="A10268" t="s">
        <v>15318</v>
      </c>
      <c r="B10268" t="s">
        <v>15319</v>
      </c>
      <c r="C10268">
        <v>1</v>
      </c>
      <c r="D10268">
        <v>0</v>
      </c>
    </row>
    <row r="10269" spans="1:4" x14ac:dyDescent="0.25">
      <c r="A10269" t="s">
        <v>15318</v>
      </c>
      <c r="B10269" t="s">
        <v>15320</v>
      </c>
      <c r="C10269">
        <v>1</v>
      </c>
      <c r="D10269">
        <v>0</v>
      </c>
    </row>
    <row r="10270" spans="1:4" x14ac:dyDescent="0.25">
      <c r="A10270" t="s">
        <v>15318</v>
      </c>
      <c r="B10270" t="s">
        <v>15321</v>
      </c>
      <c r="C10270">
        <v>1</v>
      </c>
      <c r="D10270">
        <v>0</v>
      </c>
    </row>
    <row r="10271" spans="1:4" x14ac:dyDescent="0.25">
      <c r="A10271" t="s">
        <v>15322</v>
      </c>
      <c r="B10271" t="s">
        <v>15323</v>
      </c>
      <c r="C10271">
        <v>0</v>
      </c>
      <c r="D10271">
        <v>0</v>
      </c>
    </row>
    <row r="10272" spans="1:4" x14ac:dyDescent="0.25">
      <c r="A10272" t="s">
        <v>15322</v>
      </c>
      <c r="B10272" t="s">
        <v>15324</v>
      </c>
      <c r="C10272">
        <v>2</v>
      </c>
      <c r="D10272">
        <v>0</v>
      </c>
    </row>
    <row r="10273" spans="1:4" x14ac:dyDescent="0.25">
      <c r="A10273" t="s">
        <v>15322</v>
      </c>
      <c r="B10273" t="s">
        <v>11711</v>
      </c>
      <c r="C10273">
        <v>1</v>
      </c>
      <c r="D10273">
        <v>0</v>
      </c>
    </row>
    <row r="10274" spans="1:4" x14ac:dyDescent="0.25">
      <c r="A10274" t="s">
        <v>15325</v>
      </c>
      <c r="B10274" t="s">
        <v>15326</v>
      </c>
      <c r="C10274">
        <v>2</v>
      </c>
      <c r="D10274">
        <v>0</v>
      </c>
    </row>
    <row r="10275" spans="1:4" x14ac:dyDescent="0.25">
      <c r="A10275" t="s">
        <v>15325</v>
      </c>
      <c r="B10275" t="s">
        <v>15327</v>
      </c>
      <c r="C10275">
        <v>1</v>
      </c>
      <c r="D10275">
        <v>0</v>
      </c>
    </row>
    <row r="10276" spans="1:4" x14ac:dyDescent="0.25">
      <c r="A10276" t="s">
        <v>15325</v>
      </c>
      <c r="B10276" t="s">
        <v>15328</v>
      </c>
      <c r="C10276">
        <v>1</v>
      </c>
      <c r="D10276">
        <v>0</v>
      </c>
    </row>
    <row r="10277" spans="1:4" x14ac:dyDescent="0.25">
      <c r="A10277" t="s">
        <v>15329</v>
      </c>
      <c r="B10277" t="s">
        <v>15330</v>
      </c>
      <c r="C10277">
        <v>0</v>
      </c>
      <c r="D10277">
        <v>0</v>
      </c>
    </row>
    <row r="10278" spans="1:4" x14ac:dyDescent="0.25">
      <c r="A10278" t="s">
        <v>15331</v>
      </c>
      <c r="B10278" t="s">
        <v>15332</v>
      </c>
      <c r="C10278">
        <v>1</v>
      </c>
      <c r="D10278">
        <v>0</v>
      </c>
    </row>
    <row r="10279" spans="1:4" x14ac:dyDescent="0.25">
      <c r="A10279" t="s">
        <v>15333</v>
      </c>
      <c r="B10279" t="s">
        <v>15334</v>
      </c>
      <c r="C10279">
        <v>1</v>
      </c>
      <c r="D10279">
        <v>0</v>
      </c>
    </row>
    <row r="10280" spans="1:4" x14ac:dyDescent="0.25">
      <c r="A10280" t="s">
        <v>15335</v>
      </c>
      <c r="B10280" t="s">
        <v>15336</v>
      </c>
      <c r="C10280">
        <v>2</v>
      </c>
      <c r="D10280">
        <v>0</v>
      </c>
    </row>
    <row r="10281" spans="1:4" x14ac:dyDescent="0.25">
      <c r="A10281" t="s">
        <v>15335</v>
      </c>
      <c r="B10281" t="s">
        <v>15337</v>
      </c>
      <c r="C10281">
        <v>1</v>
      </c>
      <c r="D10281">
        <v>0</v>
      </c>
    </row>
    <row r="10282" spans="1:4" x14ac:dyDescent="0.25">
      <c r="A10282" t="s">
        <v>15338</v>
      </c>
      <c r="B10282" t="s">
        <v>15339</v>
      </c>
      <c r="C10282">
        <v>2</v>
      </c>
      <c r="D10282">
        <v>0</v>
      </c>
    </row>
    <row r="10283" spans="1:4" x14ac:dyDescent="0.25">
      <c r="A10283" t="s">
        <v>15340</v>
      </c>
      <c r="B10283" t="s">
        <v>15341</v>
      </c>
      <c r="C10283">
        <v>0</v>
      </c>
      <c r="D10283">
        <v>0</v>
      </c>
    </row>
    <row r="10284" spans="1:4" x14ac:dyDescent="0.25">
      <c r="A10284" t="s">
        <v>15340</v>
      </c>
      <c r="B10284" t="s">
        <v>15342</v>
      </c>
      <c r="C10284">
        <v>0</v>
      </c>
      <c r="D10284">
        <v>0</v>
      </c>
    </row>
    <row r="10285" spans="1:4" x14ac:dyDescent="0.25">
      <c r="A10285" t="s">
        <v>15340</v>
      </c>
      <c r="B10285" t="s">
        <v>1567</v>
      </c>
      <c r="C10285">
        <v>0</v>
      </c>
      <c r="D10285">
        <v>0</v>
      </c>
    </row>
    <row r="10286" spans="1:4" x14ac:dyDescent="0.25">
      <c r="A10286" t="s">
        <v>15343</v>
      </c>
      <c r="B10286" t="s">
        <v>15344</v>
      </c>
      <c r="C10286">
        <v>1</v>
      </c>
      <c r="D10286">
        <v>0</v>
      </c>
    </row>
    <row r="10287" spans="1:4" x14ac:dyDescent="0.25">
      <c r="A10287" t="s">
        <v>15343</v>
      </c>
      <c r="B10287" t="s">
        <v>15345</v>
      </c>
      <c r="C10287">
        <v>2</v>
      </c>
      <c r="D10287">
        <v>0</v>
      </c>
    </row>
    <row r="10288" spans="1:4" x14ac:dyDescent="0.25">
      <c r="A10288" t="s">
        <v>15346</v>
      </c>
      <c r="B10288" t="s">
        <v>15347</v>
      </c>
      <c r="C10288">
        <v>0</v>
      </c>
      <c r="D10288">
        <v>0</v>
      </c>
    </row>
    <row r="10289" spans="1:4" x14ac:dyDescent="0.25">
      <c r="A10289" t="s">
        <v>15348</v>
      </c>
      <c r="B10289" t="s">
        <v>15349</v>
      </c>
      <c r="C10289">
        <v>1</v>
      </c>
      <c r="D10289">
        <v>0</v>
      </c>
    </row>
    <row r="10290" spans="1:4" x14ac:dyDescent="0.25">
      <c r="A10290" t="s">
        <v>15350</v>
      </c>
      <c r="B10290" t="s">
        <v>15351</v>
      </c>
      <c r="C10290">
        <v>1</v>
      </c>
      <c r="D10290">
        <v>0</v>
      </c>
    </row>
    <row r="10291" spans="1:4" x14ac:dyDescent="0.25">
      <c r="A10291" t="s">
        <v>15350</v>
      </c>
      <c r="B10291" t="s">
        <v>15352</v>
      </c>
      <c r="C10291">
        <v>1</v>
      </c>
      <c r="D10291">
        <v>0</v>
      </c>
    </row>
    <row r="10292" spans="1:4" x14ac:dyDescent="0.25">
      <c r="A10292" t="s">
        <v>15350</v>
      </c>
      <c r="B10292" t="s">
        <v>15353</v>
      </c>
      <c r="C10292">
        <v>1</v>
      </c>
      <c r="D10292">
        <v>0</v>
      </c>
    </row>
    <row r="10293" spans="1:4" x14ac:dyDescent="0.25">
      <c r="A10293" t="s">
        <v>15354</v>
      </c>
      <c r="B10293" t="s">
        <v>15355</v>
      </c>
      <c r="C10293">
        <v>1</v>
      </c>
      <c r="D10293">
        <v>0</v>
      </c>
    </row>
    <row r="10294" spans="1:4" x14ac:dyDescent="0.25">
      <c r="A10294" t="s">
        <v>15356</v>
      </c>
      <c r="B10294" t="s">
        <v>15357</v>
      </c>
      <c r="C10294">
        <v>1</v>
      </c>
      <c r="D10294">
        <v>0</v>
      </c>
    </row>
    <row r="10295" spans="1:4" x14ac:dyDescent="0.25">
      <c r="A10295" t="s">
        <v>15356</v>
      </c>
      <c r="B10295" t="s">
        <v>15358</v>
      </c>
      <c r="C10295">
        <v>0</v>
      </c>
      <c r="D10295">
        <v>0</v>
      </c>
    </row>
    <row r="10296" spans="1:4" x14ac:dyDescent="0.25">
      <c r="A10296" t="s">
        <v>15356</v>
      </c>
      <c r="B10296" t="s">
        <v>15359</v>
      </c>
      <c r="C10296">
        <v>0</v>
      </c>
      <c r="D10296">
        <v>0</v>
      </c>
    </row>
    <row r="10297" spans="1:4" x14ac:dyDescent="0.25">
      <c r="A10297" t="s">
        <v>15360</v>
      </c>
      <c r="B10297" t="s">
        <v>15361</v>
      </c>
      <c r="C10297">
        <v>1</v>
      </c>
      <c r="D10297">
        <v>0</v>
      </c>
    </row>
    <row r="10298" spans="1:4" x14ac:dyDescent="0.25">
      <c r="A10298" t="s">
        <v>15360</v>
      </c>
      <c r="B10298" t="s">
        <v>15362</v>
      </c>
      <c r="C10298">
        <v>1</v>
      </c>
      <c r="D10298">
        <v>0</v>
      </c>
    </row>
    <row r="10299" spans="1:4" x14ac:dyDescent="0.25">
      <c r="A10299" t="s">
        <v>15360</v>
      </c>
      <c r="B10299" t="s">
        <v>15363</v>
      </c>
      <c r="C10299">
        <v>1</v>
      </c>
      <c r="D10299">
        <v>0</v>
      </c>
    </row>
    <row r="10300" spans="1:4" x14ac:dyDescent="0.25">
      <c r="A10300" t="s">
        <v>15364</v>
      </c>
      <c r="B10300" t="s">
        <v>15365</v>
      </c>
      <c r="C10300">
        <v>1</v>
      </c>
      <c r="D10300">
        <v>0</v>
      </c>
    </row>
    <row r="10301" spans="1:4" x14ac:dyDescent="0.25">
      <c r="A10301" t="s">
        <v>15364</v>
      </c>
      <c r="B10301" t="s">
        <v>15366</v>
      </c>
      <c r="C10301">
        <v>2</v>
      </c>
      <c r="D10301">
        <v>0</v>
      </c>
    </row>
    <row r="10302" spans="1:4" x14ac:dyDescent="0.25">
      <c r="A10302" t="s">
        <v>15367</v>
      </c>
      <c r="B10302" t="s">
        <v>15368</v>
      </c>
      <c r="C10302">
        <v>1</v>
      </c>
      <c r="D10302">
        <v>0</v>
      </c>
    </row>
    <row r="10303" spans="1:4" x14ac:dyDescent="0.25">
      <c r="A10303" t="s">
        <v>15369</v>
      </c>
      <c r="B10303" t="s">
        <v>969</v>
      </c>
      <c r="C10303">
        <v>0</v>
      </c>
      <c r="D10303">
        <v>0</v>
      </c>
    </row>
    <row r="10304" spans="1:4" x14ac:dyDescent="0.25">
      <c r="A10304" t="s">
        <v>15370</v>
      </c>
      <c r="B10304" t="s">
        <v>15371</v>
      </c>
      <c r="C10304">
        <v>1</v>
      </c>
      <c r="D10304">
        <v>0</v>
      </c>
    </row>
    <row r="10305" spans="1:4" x14ac:dyDescent="0.25">
      <c r="A10305" t="s">
        <v>15370</v>
      </c>
      <c r="B10305" t="s">
        <v>1001</v>
      </c>
      <c r="C10305">
        <v>1</v>
      </c>
      <c r="D10305">
        <v>0</v>
      </c>
    </row>
    <row r="10306" spans="1:4" x14ac:dyDescent="0.25">
      <c r="A10306" t="s">
        <v>15370</v>
      </c>
      <c r="B10306" t="s">
        <v>15372</v>
      </c>
      <c r="C10306">
        <v>1</v>
      </c>
      <c r="D10306">
        <v>0</v>
      </c>
    </row>
    <row r="10307" spans="1:4" x14ac:dyDescent="0.25">
      <c r="A10307" t="s">
        <v>15373</v>
      </c>
      <c r="B10307" t="s">
        <v>15374</v>
      </c>
      <c r="C10307">
        <v>2</v>
      </c>
      <c r="D10307">
        <v>0</v>
      </c>
    </row>
    <row r="10308" spans="1:4" x14ac:dyDescent="0.25">
      <c r="A10308" t="s">
        <v>15375</v>
      </c>
      <c r="B10308" t="s">
        <v>3410</v>
      </c>
      <c r="C10308">
        <v>1</v>
      </c>
      <c r="D10308">
        <v>0</v>
      </c>
    </row>
    <row r="10309" spans="1:4" x14ac:dyDescent="0.25">
      <c r="A10309" t="s">
        <v>15376</v>
      </c>
      <c r="B10309" t="s">
        <v>15377</v>
      </c>
      <c r="C10309">
        <v>1</v>
      </c>
      <c r="D10309">
        <v>0</v>
      </c>
    </row>
    <row r="10310" spans="1:4" x14ac:dyDescent="0.25">
      <c r="A10310" t="s">
        <v>15376</v>
      </c>
      <c r="B10310" t="s">
        <v>15378</v>
      </c>
      <c r="C10310">
        <v>0</v>
      </c>
      <c r="D10310">
        <v>0</v>
      </c>
    </row>
    <row r="10311" spans="1:4" x14ac:dyDescent="0.25">
      <c r="A10311" t="s">
        <v>15379</v>
      </c>
      <c r="B10311" t="s">
        <v>15380</v>
      </c>
      <c r="C10311">
        <v>2</v>
      </c>
      <c r="D10311">
        <v>0</v>
      </c>
    </row>
    <row r="10312" spans="1:4" x14ac:dyDescent="0.25">
      <c r="A10312" t="s">
        <v>15379</v>
      </c>
      <c r="B10312" t="s">
        <v>15381</v>
      </c>
      <c r="C10312">
        <v>0</v>
      </c>
      <c r="D10312">
        <v>0</v>
      </c>
    </row>
    <row r="10313" spans="1:4" x14ac:dyDescent="0.25">
      <c r="A10313" t="s">
        <v>15382</v>
      </c>
      <c r="B10313" t="s">
        <v>15383</v>
      </c>
      <c r="C10313">
        <v>1</v>
      </c>
      <c r="D10313">
        <v>0</v>
      </c>
    </row>
    <row r="10314" spans="1:4" x14ac:dyDescent="0.25">
      <c r="A10314" t="s">
        <v>15382</v>
      </c>
      <c r="B10314" t="s">
        <v>15384</v>
      </c>
      <c r="C10314">
        <v>1</v>
      </c>
      <c r="D10314">
        <v>0</v>
      </c>
    </row>
    <row r="10315" spans="1:4" x14ac:dyDescent="0.25">
      <c r="A10315" t="s">
        <v>15385</v>
      </c>
      <c r="B10315" t="s">
        <v>15386</v>
      </c>
      <c r="C10315">
        <v>0</v>
      </c>
      <c r="D10315">
        <v>0</v>
      </c>
    </row>
    <row r="10316" spans="1:4" x14ac:dyDescent="0.25">
      <c r="A10316" t="s">
        <v>15387</v>
      </c>
      <c r="B10316" t="s">
        <v>15388</v>
      </c>
      <c r="C10316">
        <v>1</v>
      </c>
      <c r="D10316">
        <v>0</v>
      </c>
    </row>
    <row r="10317" spans="1:4" x14ac:dyDescent="0.25">
      <c r="A10317" t="s">
        <v>15389</v>
      </c>
      <c r="B10317" t="s">
        <v>15390</v>
      </c>
      <c r="C10317">
        <v>2</v>
      </c>
      <c r="D10317">
        <v>0</v>
      </c>
    </row>
    <row r="10318" spans="1:4" x14ac:dyDescent="0.25">
      <c r="A10318" t="s">
        <v>15391</v>
      </c>
      <c r="B10318" t="s">
        <v>15392</v>
      </c>
      <c r="C10318">
        <v>2</v>
      </c>
      <c r="D10318">
        <v>0</v>
      </c>
    </row>
    <row r="10319" spans="1:4" x14ac:dyDescent="0.25">
      <c r="A10319" t="s">
        <v>15391</v>
      </c>
      <c r="B10319" t="s">
        <v>15393</v>
      </c>
      <c r="C10319">
        <v>0</v>
      </c>
      <c r="D10319">
        <v>0</v>
      </c>
    </row>
    <row r="10320" spans="1:4" x14ac:dyDescent="0.25">
      <c r="A10320" t="s">
        <v>15391</v>
      </c>
      <c r="B10320" t="s">
        <v>15394</v>
      </c>
      <c r="C10320">
        <v>1</v>
      </c>
      <c r="D10320">
        <v>0</v>
      </c>
    </row>
    <row r="10321" spans="1:4" x14ac:dyDescent="0.25">
      <c r="A10321" t="s">
        <v>15395</v>
      </c>
      <c r="B10321" t="s">
        <v>15396</v>
      </c>
      <c r="C10321">
        <v>0</v>
      </c>
      <c r="D10321">
        <v>0</v>
      </c>
    </row>
    <row r="10322" spans="1:4" x14ac:dyDescent="0.25">
      <c r="A10322" t="s">
        <v>15397</v>
      </c>
      <c r="B10322" t="s">
        <v>3370</v>
      </c>
      <c r="C10322">
        <v>2</v>
      </c>
      <c r="D10322">
        <v>0</v>
      </c>
    </row>
    <row r="10323" spans="1:4" x14ac:dyDescent="0.25">
      <c r="A10323" t="s">
        <v>15397</v>
      </c>
      <c r="B10323" t="s">
        <v>15398</v>
      </c>
      <c r="C10323">
        <v>2</v>
      </c>
      <c r="D10323">
        <v>0</v>
      </c>
    </row>
    <row r="10324" spans="1:4" x14ac:dyDescent="0.25">
      <c r="A10324" t="s">
        <v>15399</v>
      </c>
      <c r="B10324" t="s">
        <v>15400</v>
      </c>
      <c r="C10324">
        <v>2</v>
      </c>
      <c r="D10324">
        <v>0</v>
      </c>
    </row>
    <row r="10325" spans="1:4" x14ac:dyDescent="0.25">
      <c r="A10325" t="s">
        <v>15399</v>
      </c>
      <c r="B10325" t="s">
        <v>15401</v>
      </c>
      <c r="C10325">
        <v>0</v>
      </c>
      <c r="D10325">
        <v>0</v>
      </c>
    </row>
    <row r="10326" spans="1:4" x14ac:dyDescent="0.25">
      <c r="A10326" t="s">
        <v>15399</v>
      </c>
      <c r="B10326" t="s">
        <v>15402</v>
      </c>
      <c r="C10326">
        <v>1</v>
      </c>
      <c r="D10326">
        <v>0</v>
      </c>
    </row>
    <row r="10327" spans="1:4" x14ac:dyDescent="0.25">
      <c r="A10327" t="s">
        <v>15403</v>
      </c>
      <c r="B10327" t="s">
        <v>15404</v>
      </c>
      <c r="C10327">
        <v>2</v>
      </c>
      <c r="D10327">
        <v>0</v>
      </c>
    </row>
    <row r="10328" spans="1:4" x14ac:dyDescent="0.25">
      <c r="A10328" t="s">
        <v>15403</v>
      </c>
      <c r="B10328" t="s">
        <v>15405</v>
      </c>
      <c r="C10328">
        <v>2</v>
      </c>
      <c r="D10328">
        <v>0</v>
      </c>
    </row>
    <row r="10329" spans="1:4" x14ac:dyDescent="0.25">
      <c r="A10329" t="s">
        <v>15403</v>
      </c>
      <c r="B10329" t="s">
        <v>15406</v>
      </c>
      <c r="C10329">
        <v>2</v>
      </c>
      <c r="D10329">
        <v>0</v>
      </c>
    </row>
    <row r="10330" spans="1:4" x14ac:dyDescent="0.25">
      <c r="A10330" t="s">
        <v>15407</v>
      </c>
      <c r="B10330" t="s">
        <v>2421</v>
      </c>
      <c r="C10330">
        <v>0</v>
      </c>
      <c r="D10330">
        <v>0</v>
      </c>
    </row>
    <row r="10331" spans="1:4" x14ac:dyDescent="0.25">
      <c r="A10331" t="s">
        <v>15408</v>
      </c>
      <c r="B10331" t="s">
        <v>15409</v>
      </c>
      <c r="C10331">
        <v>0</v>
      </c>
      <c r="D10331">
        <v>0</v>
      </c>
    </row>
    <row r="10332" spans="1:4" x14ac:dyDescent="0.25">
      <c r="A10332" t="s">
        <v>15408</v>
      </c>
      <c r="B10332" t="s">
        <v>1499</v>
      </c>
      <c r="C10332">
        <v>1</v>
      </c>
      <c r="D10332">
        <v>0</v>
      </c>
    </row>
    <row r="10333" spans="1:4" x14ac:dyDescent="0.25">
      <c r="A10333" t="s">
        <v>15410</v>
      </c>
      <c r="B10333" t="s">
        <v>1001</v>
      </c>
      <c r="C10333">
        <v>1</v>
      </c>
      <c r="D10333">
        <v>0</v>
      </c>
    </row>
    <row r="10334" spans="1:4" x14ac:dyDescent="0.25">
      <c r="A10334" t="s">
        <v>15410</v>
      </c>
      <c r="B10334" t="s">
        <v>15411</v>
      </c>
      <c r="C10334">
        <v>1</v>
      </c>
      <c r="D10334">
        <v>0</v>
      </c>
    </row>
    <row r="10335" spans="1:4" x14ac:dyDescent="0.25">
      <c r="A10335" t="s">
        <v>15410</v>
      </c>
      <c r="B10335" t="s">
        <v>15412</v>
      </c>
      <c r="C10335">
        <v>2</v>
      </c>
      <c r="D10335">
        <v>0</v>
      </c>
    </row>
    <row r="10336" spans="1:4" x14ac:dyDescent="0.25">
      <c r="A10336" t="s">
        <v>15413</v>
      </c>
      <c r="B10336" t="s">
        <v>852</v>
      </c>
      <c r="C10336">
        <v>0</v>
      </c>
      <c r="D10336">
        <v>0</v>
      </c>
    </row>
    <row r="10337" spans="1:4" x14ac:dyDescent="0.25">
      <c r="A10337" t="s">
        <v>15414</v>
      </c>
      <c r="B10337" t="s">
        <v>15415</v>
      </c>
      <c r="C10337">
        <v>0</v>
      </c>
      <c r="D10337">
        <v>0</v>
      </c>
    </row>
    <row r="10338" spans="1:4" x14ac:dyDescent="0.25">
      <c r="A10338" t="s">
        <v>15414</v>
      </c>
      <c r="B10338" t="s">
        <v>15416</v>
      </c>
      <c r="C10338">
        <v>0</v>
      </c>
      <c r="D10338">
        <v>0</v>
      </c>
    </row>
    <row r="10339" spans="1:4" x14ac:dyDescent="0.25">
      <c r="A10339" t="s">
        <v>15414</v>
      </c>
      <c r="B10339" t="s">
        <v>15417</v>
      </c>
      <c r="C10339">
        <v>0</v>
      </c>
      <c r="D10339">
        <v>0</v>
      </c>
    </row>
    <row r="10340" spans="1:4" x14ac:dyDescent="0.25">
      <c r="A10340" t="s">
        <v>15418</v>
      </c>
      <c r="B10340" t="s">
        <v>15419</v>
      </c>
      <c r="C10340">
        <v>1</v>
      </c>
      <c r="D10340">
        <v>0</v>
      </c>
    </row>
    <row r="10341" spans="1:4" x14ac:dyDescent="0.25">
      <c r="A10341" t="s">
        <v>15418</v>
      </c>
      <c r="B10341" t="s">
        <v>15420</v>
      </c>
      <c r="C10341">
        <v>1</v>
      </c>
      <c r="D10341">
        <v>0</v>
      </c>
    </row>
    <row r="10342" spans="1:4" x14ac:dyDescent="0.25">
      <c r="A10342" t="s">
        <v>15421</v>
      </c>
      <c r="B10342" t="s">
        <v>15422</v>
      </c>
      <c r="C10342">
        <v>1</v>
      </c>
      <c r="D10342">
        <v>0</v>
      </c>
    </row>
    <row r="10343" spans="1:4" x14ac:dyDescent="0.25">
      <c r="A10343" t="s">
        <v>15421</v>
      </c>
      <c r="B10343" t="s">
        <v>15423</v>
      </c>
      <c r="C10343">
        <v>0</v>
      </c>
      <c r="D10343">
        <v>0</v>
      </c>
    </row>
    <row r="10344" spans="1:4" x14ac:dyDescent="0.25">
      <c r="A10344" t="s">
        <v>15424</v>
      </c>
      <c r="B10344" t="s">
        <v>15425</v>
      </c>
      <c r="C10344">
        <v>1</v>
      </c>
      <c r="D10344">
        <v>0</v>
      </c>
    </row>
    <row r="10345" spans="1:4" x14ac:dyDescent="0.25">
      <c r="A10345" t="s">
        <v>15426</v>
      </c>
      <c r="B10345" t="s">
        <v>15427</v>
      </c>
      <c r="C10345">
        <v>0</v>
      </c>
      <c r="D10345">
        <v>0</v>
      </c>
    </row>
    <row r="10346" spans="1:4" x14ac:dyDescent="0.25">
      <c r="A10346" t="s">
        <v>15426</v>
      </c>
      <c r="B10346" t="s">
        <v>15428</v>
      </c>
      <c r="C10346">
        <v>1</v>
      </c>
      <c r="D10346">
        <v>0</v>
      </c>
    </row>
    <row r="10347" spans="1:4" x14ac:dyDescent="0.25">
      <c r="A10347" t="s">
        <v>15429</v>
      </c>
      <c r="B10347" t="s">
        <v>15430</v>
      </c>
      <c r="C10347">
        <v>0</v>
      </c>
      <c r="D10347">
        <v>0</v>
      </c>
    </row>
    <row r="10348" spans="1:4" x14ac:dyDescent="0.25">
      <c r="A10348" t="s">
        <v>15431</v>
      </c>
      <c r="B10348" t="s">
        <v>15432</v>
      </c>
      <c r="C10348">
        <v>2</v>
      </c>
      <c r="D10348">
        <v>0</v>
      </c>
    </row>
    <row r="10349" spans="1:4" x14ac:dyDescent="0.25">
      <c r="A10349" t="s">
        <v>15431</v>
      </c>
      <c r="B10349" t="s">
        <v>15433</v>
      </c>
      <c r="C10349">
        <v>2</v>
      </c>
      <c r="D10349">
        <v>0</v>
      </c>
    </row>
    <row r="10350" spans="1:4" x14ac:dyDescent="0.25">
      <c r="A10350" t="s">
        <v>15431</v>
      </c>
      <c r="B10350" t="s">
        <v>15434</v>
      </c>
      <c r="C10350">
        <v>2</v>
      </c>
      <c r="D10350">
        <v>0</v>
      </c>
    </row>
    <row r="10351" spans="1:4" x14ac:dyDescent="0.25">
      <c r="A10351" t="s">
        <v>15435</v>
      </c>
      <c r="B10351" t="s">
        <v>15436</v>
      </c>
      <c r="C10351">
        <v>1</v>
      </c>
      <c r="D10351">
        <v>0</v>
      </c>
    </row>
    <row r="10352" spans="1:4" x14ac:dyDescent="0.25">
      <c r="A10352" t="s">
        <v>15437</v>
      </c>
      <c r="B10352" t="s">
        <v>1101</v>
      </c>
      <c r="C10352">
        <v>1</v>
      </c>
      <c r="D10352">
        <v>0</v>
      </c>
    </row>
    <row r="10353" spans="1:4" x14ac:dyDescent="0.25">
      <c r="A10353" t="s">
        <v>15438</v>
      </c>
      <c r="B10353" t="s">
        <v>2704</v>
      </c>
      <c r="C10353">
        <v>1</v>
      </c>
      <c r="D10353">
        <v>0</v>
      </c>
    </row>
    <row r="10354" spans="1:4" x14ac:dyDescent="0.25">
      <c r="A10354" t="s">
        <v>15439</v>
      </c>
      <c r="B10354" t="s">
        <v>15440</v>
      </c>
      <c r="C10354">
        <v>1</v>
      </c>
      <c r="D10354">
        <v>0</v>
      </c>
    </row>
    <row r="10355" spans="1:4" x14ac:dyDescent="0.25">
      <c r="A10355" t="s">
        <v>15441</v>
      </c>
      <c r="B10355" t="s">
        <v>15442</v>
      </c>
      <c r="C10355">
        <v>1</v>
      </c>
      <c r="D10355">
        <v>0</v>
      </c>
    </row>
    <row r="10356" spans="1:4" x14ac:dyDescent="0.25">
      <c r="A10356" t="s">
        <v>15441</v>
      </c>
      <c r="B10356" t="s">
        <v>15443</v>
      </c>
      <c r="C10356">
        <v>1</v>
      </c>
      <c r="D10356">
        <v>0</v>
      </c>
    </row>
    <row r="10357" spans="1:4" x14ac:dyDescent="0.25">
      <c r="A10357" t="s">
        <v>15444</v>
      </c>
      <c r="B10357" t="s">
        <v>2052</v>
      </c>
      <c r="C10357">
        <v>0</v>
      </c>
      <c r="D10357">
        <v>0</v>
      </c>
    </row>
    <row r="10358" spans="1:4" x14ac:dyDescent="0.25">
      <c r="A10358" t="s">
        <v>15445</v>
      </c>
      <c r="B10358" t="s">
        <v>15446</v>
      </c>
      <c r="C10358">
        <v>1</v>
      </c>
      <c r="D10358">
        <v>0</v>
      </c>
    </row>
    <row r="10359" spans="1:4" x14ac:dyDescent="0.25">
      <c r="A10359" t="s">
        <v>15445</v>
      </c>
      <c r="B10359" t="s">
        <v>15447</v>
      </c>
      <c r="C10359">
        <v>1</v>
      </c>
      <c r="D10359">
        <v>0</v>
      </c>
    </row>
    <row r="10360" spans="1:4" x14ac:dyDescent="0.25">
      <c r="A10360" t="s">
        <v>15445</v>
      </c>
      <c r="B10360" t="s">
        <v>15448</v>
      </c>
      <c r="C10360">
        <v>1</v>
      </c>
      <c r="D10360">
        <v>0</v>
      </c>
    </row>
    <row r="10361" spans="1:4" x14ac:dyDescent="0.25">
      <c r="A10361" t="s">
        <v>15449</v>
      </c>
      <c r="B10361" t="s">
        <v>1001</v>
      </c>
      <c r="C10361">
        <v>1</v>
      </c>
      <c r="D10361">
        <v>0</v>
      </c>
    </row>
    <row r="10362" spans="1:4" x14ac:dyDescent="0.25">
      <c r="A10362" t="s">
        <v>15450</v>
      </c>
      <c r="B10362" t="s">
        <v>15451</v>
      </c>
      <c r="C10362">
        <v>1</v>
      </c>
      <c r="D10362">
        <v>0</v>
      </c>
    </row>
    <row r="10363" spans="1:4" x14ac:dyDescent="0.25">
      <c r="A10363" t="s">
        <v>15450</v>
      </c>
      <c r="B10363" t="s">
        <v>15452</v>
      </c>
      <c r="C10363">
        <v>1</v>
      </c>
      <c r="D10363">
        <v>0</v>
      </c>
    </row>
    <row r="10364" spans="1:4" x14ac:dyDescent="0.25">
      <c r="A10364" t="s">
        <v>15450</v>
      </c>
      <c r="B10364" t="s">
        <v>15453</v>
      </c>
      <c r="C10364">
        <v>0</v>
      </c>
      <c r="D10364">
        <v>0</v>
      </c>
    </row>
    <row r="10365" spans="1:4" x14ac:dyDescent="0.25">
      <c r="A10365" t="s">
        <v>15454</v>
      </c>
      <c r="B10365" t="s">
        <v>15455</v>
      </c>
      <c r="C10365">
        <v>1</v>
      </c>
      <c r="D10365">
        <v>0</v>
      </c>
    </row>
    <row r="10366" spans="1:4" x14ac:dyDescent="0.25">
      <c r="A10366" t="s">
        <v>15456</v>
      </c>
      <c r="B10366" t="s">
        <v>15457</v>
      </c>
      <c r="C10366">
        <v>1</v>
      </c>
      <c r="D10366">
        <v>0</v>
      </c>
    </row>
    <row r="10367" spans="1:4" x14ac:dyDescent="0.25">
      <c r="A10367" t="s">
        <v>15458</v>
      </c>
      <c r="B10367" t="s">
        <v>15459</v>
      </c>
      <c r="C10367">
        <v>1</v>
      </c>
      <c r="D10367">
        <v>0</v>
      </c>
    </row>
    <row r="10368" spans="1:4" x14ac:dyDescent="0.25">
      <c r="A10368" t="s">
        <v>15460</v>
      </c>
      <c r="B10368" t="s">
        <v>15461</v>
      </c>
      <c r="C10368">
        <v>1</v>
      </c>
      <c r="D10368">
        <v>0</v>
      </c>
    </row>
    <row r="10369" spans="1:4" x14ac:dyDescent="0.25">
      <c r="A10369" t="s">
        <v>15462</v>
      </c>
      <c r="B10369" t="s">
        <v>15463</v>
      </c>
      <c r="C10369">
        <v>2</v>
      </c>
      <c r="D10369">
        <v>0</v>
      </c>
    </row>
    <row r="10370" spans="1:4" x14ac:dyDescent="0.25">
      <c r="A10370" t="s">
        <v>15462</v>
      </c>
      <c r="B10370" t="s">
        <v>15464</v>
      </c>
      <c r="C10370">
        <v>1</v>
      </c>
      <c r="D10370">
        <v>0</v>
      </c>
    </row>
    <row r="10371" spans="1:4" x14ac:dyDescent="0.25">
      <c r="A10371" t="s">
        <v>15462</v>
      </c>
      <c r="B10371" t="s">
        <v>15465</v>
      </c>
      <c r="C10371">
        <v>0</v>
      </c>
      <c r="D10371">
        <v>0</v>
      </c>
    </row>
    <row r="10372" spans="1:4" x14ac:dyDescent="0.25">
      <c r="A10372" t="s">
        <v>15466</v>
      </c>
      <c r="B10372" t="s">
        <v>15467</v>
      </c>
      <c r="C10372">
        <v>1</v>
      </c>
      <c r="D10372">
        <v>0</v>
      </c>
    </row>
    <row r="10373" spans="1:4" x14ac:dyDescent="0.25">
      <c r="A10373" t="s">
        <v>15466</v>
      </c>
      <c r="B10373" t="s">
        <v>15468</v>
      </c>
      <c r="C10373">
        <v>2</v>
      </c>
      <c r="D10373">
        <v>0</v>
      </c>
    </row>
    <row r="10374" spans="1:4" x14ac:dyDescent="0.25">
      <c r="A10374" t="s">
        <v>15469</v>
      </c>
      <c r="B10374" t="s">
        <v>15470</v>
      </c>
      <c r="C10374">
        <v>0</v>
      </c>
      <c r="D10374">
        <v>0</v>
      </c>
    </row>
    <row r="10375" spans="1:4" x14ac:dyDescent="0.25">
      <c r="A10375" t="s">
        <v>15469</v>
      </c>
      <c r="B10375" t="s">
        <v>15471</v>
      </c>
      <c r="C10375">
        <v>0</v>
      </c>
      <c r="D10375">
        <v>0</v>
      </c>
    </row>
    <row r="10376" spans="1:4" x14ac:dyDescent="0.25">
      <c r="A10376" t="s">
        <v>15472</v>
      </c>
      <c r="B10376" t="s">
        <v>15473</v>
      </c>
      <c r="C10376">
        <v>2</v>
      </c>
      <c r="D10376">
        <v>0</v>
      </c>
    </row>
    <row r="10377" spans="1:4" x14ac:dyDescent="0.25">
      <c r="A10377" t="s">
        <v>15474</v>
      </c>
      <c r="B10377" t="s">
        <v>15475</v>
      </c>
      <c r="C10377">
        <v>1</v>
      </c>
      <c r="D10377">
        <v>0</v>
      </c>
    </row>
    <row r="10378" spans="1:4" x14ac:dyDescent="0.25">
      <c r="A10378" t="s">
        <v>15474</v>
      </c>
      <c r="B10378" t="s">
        <v>15476</v>
      </c>
      <c r="C10378">
        <v>0</v>
      </c>
      <c r="D10378">
        <v>0</v>
      </c>
    </row>
    <row r="10379" spans="1:4" x14ac:dyDescent="0.25">
      <c r="A10379" t="s">
        <v>15474</v>
      </c>
      <c r="B10379" t="s">
        <v>15477</v>
      </c>
      <c r="C10379">
        <v>1</v>
      </c>
      <c r="D10379">
        <v>0</v>
      </c>
    </row>
    <row r="10380" spans="1:4" x14ac:dyDescent="0.25">
      <c r="A10380" t="s">
        <v>15478</v>
      </c>
      <c r="B10380" t="s">
        <v>15479</v>
      </c>
      <c r="C10380">
        <v>1</v>
      </c>
      <c r="D10380">
        <v>0</v>
      </c>
    </row>
    <row r="10381" spans="1:4" x14ac:dyDescent="0.25">
      <c r="A10381" t="s">
        <v>15480</v>
      </c>
      <c r="B10381" t="s">
        <v>1938</v>
      </c>
      <c r="C10381">
        <v>1</v>
      </c>
      <c r="D10381">
        <v>0</v>
      </c>
    </row>
    <row r="10382" spans="1:4" x14ac:dyDescent="0.25">
      <c r="A10382" t="s">
        <v>15481</v>
      </c>
      <c r="B10382" t="s">
        <v>15482</v>
      </c>
      <c r="C10382">
        <v>0</v>
      </c>
      <c r="D10382">
        <v>0</v>
      </c>
    </row>
    <row r="10383" spans="1:4" x14ac:dyDescent="0.25">
      <c r="A10383" t="s">
        <v>15481</v>
      </c>
      <c r="B10383" t="s">
        <v>15483</v>
      </c>
      <c r="C10383">
        <v>0</v>
      </c>
      <c r="D10383">
        <v>0</v>
      </c>
    </row>
    <row r="10384" spans="1:4" x14ac:dyDescent="0.25">
      <c r="A10384" t="s">
        <v>15484</v>
      </c>
      <c r="B10384" t="s">
        <v>12354</v>
      </c>
      <c r="C10384">
        <v>0</v>
      </c>
      <c r="D10384">
        <v>0</v>
      </c>
    </row>
    <row r="10385" spans="1:4" x14ac:dyDescent="0.25">
      <c r="A10385" t="s">
        <v>15484</v>
      </c>
      <c r="B10385" t="s">
        <v>15485</v>
      </c>
      <c r="C10385">
        <v>2</v>
      </c>
      <c r="D10385">
        <v>0</v>
      </c>
    </row>
    <row r="10386" spans="1:4" x14ac:dyDescent="0.25">
      <c r="A10386" t="s">
        <v>15486</v>
      </c>
      <c r="B10386" t="s">
        <v>15487</v>
      </c>
      <c r="C10386">
        <v>0</v>
      </c>
      <c r="D10386">
        <v>0</v>
      </c>
    </row>
    <row r="10387" spans="1:4" x14ac:dyDescent="0.25">
      <c r="A10387" t="s">
        <v>15486</v>
      </c>
      <c r="B10387" t="s">
        <v>15488</v>
      </c>
      <c r="C10387">
        <v>1</v>
      </c>
      <c r="D10387">
        <v>0</v>
      </c>
    </row>
    <row r="10388" spans="1:4" x14ac:dyDescent="0.25">
      <c r="A10388" t="s">
        <v>15486</v>
      </c>
      <c r="B10388" t="s">
        <v>15489</v>
      </c>
      <c r="C10388">
        <v>1</v>
      </c>
      <c r="D10388">
        <v>0</v>
      </c>
    </row>
    <row r="10389" spans="1:4" x14ac:dyDescent="0.25">
      <c r="A10389" t="s">
        <v>15490</v>
      </c>
      <c r="B10389" t="s">
        <v>15491</v>
      </c>
      <c r="C10389">
        <v>1</v>
      </c>
      <c r="D10389">
        <v>0</v>
      </c>
    </row>
    <row r="10390" spans="1:4" x14ac:dyDescent="0.25">
      <c r="A10390" t="s">
        <v>15490</v>
      </c>
      <c r="B10390" t="s">
        <v>15492</v>
      </c>
      <c r="C10390">
        <v>1</v>
      </c>
      <c r="D10390">
        <v>0</v>
      </c>
    </row>
    <row r="10391" spans="1:4" x14ac:dyDescent="0.25">
      <c r="A10391" t="s">
        <v>15490</v>
      </c>
      <c r="B10391" t="s">
        <v>2953</v>
      </c>
      <c r="C10391">
        <v>0</v>
      </c>
      <c r="D10391">
        <v>0</v>
      </c>
    </row>
    <row r="10392" spans="1:4" x14ac:dyDescent="0.25">
      <c r="A10392" t="s">
        <v>15493</v>
      </c>
      <c r="B10392" t="s">
        <v>1401</v>
      </c>
      <c r="C10392">
        <v>0</v>
      </c>
      <c r="D10392">
        <v>0</v>
      </c>
    </row>
    <row r="10393" spans="1:4" x14ac:dyDescent="0.25">
      <c r="A10393" t="s">
        <v>15493</v>
      </c>
      <c r="B10393" t="s">
        <v>2825</v>
      </c>
      <c r="C10393">
        <v>1</v>
      </c>
      <c r="D10393">
        <v>0</v>
      </c>
    </row>
    <row r="10394" spans="1:4" x14ac:dyDescent="0.25">
      <c r="A10394" t="s">
        <v>15494</v>
      </c>
      <c r="B10394" t="s">
        <v>15495</v>
      </c>
      <c r="C10394">
        <v>2</v>
      </c>
      <c r="D10394">
        <v>0</v>
      </c>
    </row>
    <row r="10395" spans="1:4" x14ac:dyDescent="0.25">
      <c r="A10395" t="s">
        <v>15496</v>
      </c>
      <c r="B10395" t="s">
        <v>15497</v>
      </c>
      <c r="C10395">
        <v>1</v>
      </c>
      <c r="D10395">
        <v>0</v>
      </c>
    </row>
    <row r="10396" spans="1:4" x14ac:dyDescent="0.25">
      <c r="A10396" t="s">
        <v>15498</v>
      </c>
      <c r="B10396" t="s">
        <v>968</v>
      </c>
      <c r="C10396">
        <v>1</v>
      </c>
      <c r="D10396">
        <v>0</v>
      </c>
    </row>
    <row r="10397" spans="1:4" x14ac:dyDescent="0.25">
      <c r="A10397" t="s">
        <v>15499</v>
      </c>
      <c r="B10397" t="s">
        <v>15500</v>
      </c>
      <c r="C10397">
        <v>0</v>
      </c>
      <c r="D10397">
        <v>0</v>
      </c>
    </row>
    <row r="10398" spans="1:4" x14ac:dyDescent="0.25">
      <c r="A10398" t="s">
        <v>15501</v>
      </c>
      <c r="B10398" t="s">
        <v>15502</v>
      </c>
      <c r="C10398">
        <v>1</v>
      </c>
      <c r="D10398">
        <v>0</v>
      </c>
    </row>
    <row r="10399" spans="1:4" x14ac:dyDescent="0.25">
      <c r="A10399" t="s">
        <v>15501</v>
      </c>
      <c r="B10399" t="s">
        <v>15503</v>
      </c>
      <c r="C10399">
        <v>0</v>
      </c>
      <c r="D10399">
        <v>0</v>
      </c>
    </row>
    <row r="10400" spans="1:4" x14ac:dyDescent="0.25">
      <c r="A10400" t="s">
        <v>15501</v>
      </c>
      <c r="B10400" t="s">
        <v>15504</v>
      </c>
      <c r="C10400">
        <v>0</v>
      </c>
      <c r="D10400">
        <v>0</v>
      </c>
    </row>
    <row r="10401" spans="1:4" x14ac:dyDescent="0.25">
      <c r="A10401" t="s">
        <v>15505</v>
      </c>
      <c r="B10401" t="s">
        <v>15506</v>
      </c>
      <c r="C10401">
        <v>2</v>
      </c>
      <c r="D10401">
        <v>0</v>
      </c>
    </row>
    <row r="10402" spans="1:4" x14ac:dyDescent="0.25">
      <c r="A10402" t="s">
        <v>15507</v>
      </c>
      <c r="B10402" t="s">
        <v>15508</v>
      </c>
      <c r="C10402">
        <v>0</v>
      </c>
      <c r="D10402">
        <v>0</v>
      </c>
    </row>
    <row r="10403" spans="1:4" x14ac:dyDescent="0.25">
      <c r="A10403" t="s">
        <v>15507</v>
      </c>
      <c r="B10403" t="s">
        <v>15509</v>
      </c>
      <c r="C10403">
        <v>2</v>
      </c>
      <c r="D10403">
        <v>0</v>
      </c>
    </row>
    <row r="10404" spans="1:4" x14ac:dyDescent="0.25">
      <c r="A10404" t="s">
        <v>15510</v>
      </c>
      <c r="B10404" t="s">
        <v>15511</v>
      </c>
      <c r="C10404">
        <v>1</v>
      </c>
      <c r="D10404">
        <v>0</v>
      </c>
    </row>
    <row r="10405" spans="1:4" x14ac:dyDescent="0.25">
      <c r="A10405" t="s">
        <v>15512</v>
      </c>
      <c r="B10405" t="s">
        <v>15513</v>
      </c>
      <c r="C10405">
        <v>0</v>
      </c>
      <c r="D10405">
        <v>0</v>
      </c>
    </row>
    <row r="10406" spans="1:4" x14ac:dyDescent="0.25">
      <c r="A10406" t="s">
        <v>15512</v>
      </c>
      <c r="B10406" t="s">
        <v>15514</v>
      </c>
      <c r="C10406">
        <v>1</v>
      </c>
      <c r="D10406">
        <v>0</v>
      </c>
    </row>
    <row r="10407" spans="1:4" x14ac:dyDescent="0.25">
      <c r="A10407" t="s">
        <v>15515</v>
      </c>
      <c r="B10407" t="s">
        <v>15516</v>
      </c>
      <c r="C10407">
        <v>2</v>
      </c>
      <c r="D10407">
        <v>0</v>
      </c>
    </row>
    <row r="10408" spans="1:4" x14ac:dyDescent="0.25">
      <c r="A10408" t="s">
        <v>15517</v>
      </c>
      <c r="B10408" t="s">
        <v>15518</v>
      </c>
      <c r="C10408">
        <v>1</v>
      </c>
      <c r="D10408">
        <v>0</v>
      </c>
    </row>
    <row r="10409" spans="1:4" x14ac:dyDescent="0.25">
      <c r="A10409" t="s">
        <v>15517</v>
      </c>
      <c r="B10409" t="s">
        <v>15519</v>
      </c>
      <c r="C10409">
        <v>0</v>
      </c>
      <c r="D10409">
        <v>0</v>
      </c>
    </row>
    <row r="10410" spans="1:4" x14ac:dyDescent="0.25">
      <c r="A10410" t="s">
        <v>15520</v>
      </c>
      <c r="B10410" t="s">
        <v>15521</v>
      </c>
      <c r="C10410">
        <v>1</v>
      </c>
      <c r="D10410">
        <v>0</v>
      </c>
    </row>
    <row r="10411" spans="1:4" x14ac:dyDescent="0.25">
      <c r="A10411" t="s">
        <v>15520</v>
      </c>
      <c r="B10411" t="s">
        <v>15522</v>
      </c>
      <c r="C10411">
        <v>0</v>
      </c>
      <c r="D10411">
        <v>0</v>
      </c>
    </row>
    <row r="10412" spans="1:4" x14ac:dyDescent="0.25">
      <c r="A10412" t="s">
        <v>15523</v>
      </c>
      <c r="B10412" t="s">
        <v>15524</v>
      </c>
      <c r="C10412">
        <v>0</v>
      </c>
      <c r="D10412">
        <v>0</v>
      </c>
    </row>
    <row r="10413" spans="1:4" x14ac:dyDescent="0.25">
      <c r="A10413" t="s">
        <v>15525</v>
      </c>
      <c r="B10413" t="s">
        <v>9177</v>
      </c>
      <c r="C10413">
        <v>0</v>
      </c>
      <c r="D10413">
        <v>0</v>
      </c>
    </row>
    <row r="10414" spans="1:4" x14ac:dyDescent="0.25">
      <c r="A10414" t="s">
        <v>15525</v>
      </c>
      <c r="B10414" t="s">
        <v>15526</v>
      </c>
      <c r="C10414">
        <v>2</v>
      </c>
      <c r="D10414">
        <v>0</v>
      </c>
    </row>
    <row r="10415" spans="1:4" x14ac:dyDescent="0.25">
      <c r="A10415" t="s">
        <v>15527</v>
      </c>
      <c r="B10415" t="s">
        <v>8871</v>
      </c>
      <c r="C10415">
        <v>1</v>
      </c>
      <c r="D10415">
        <v>0</v>
      </c>
    </row>
    <row r="10416" spans="1:4" x14ac:dyDescent="0.25">
      <c r="A10416" t="s">
        <v>15528</v>
      </c>
      <c r="B10416" t="s">
        <v>15529</v>
      </c>
      <c r="C10416">
        <v>1</v>
      </c>
      <c r="D10416">
        <v>0</v>
      </c>
    </row>
    <row r="10417" spans="1:4" x14ac:dyDescent="0.25">
      <c r="A10417" t="s">
        <v>15528</v>
      </c>
      <c r="B10417" t="s">
        <v>15530</v>
      </c>
      <c r="C10417">
        <v>2</v>
      </c>
      <c r="D10417">
        <v>0</v>
      </c>
    </row>
    <row r="10418" spans="1:4" x14ac:dyDescent="0.25">
      <c r="A10418" t="s">
        <v>15528</v>
      </c>
      <c r="B10418" t="s">
        <v>15531</v>
      </c>
      <c r="C10418">
        <v>1</v>
      </c>
      <c r="D10418">
        <v>0</v>
      </c>
    </row>
    <row r="10419" spans="1:4" x14ac:dyDescent="0.25">
      <c r="A10419" t="s">
        <v>15532</v>
      </c>
      <c r="B10419" t="s">
        <v>15533</v>
      </c>
      <c r="C10419">
        <v>0</v>
      </c>
      <c r="D10419">
        <v>0</v>
      </c>
    </row>
    <row r="10420" spans="1:4" x14ac:dyDescent="0.25">
      <c r="A10420" t="s">
        <v>15532</v>
      </c>
      <c r="B10420" t="s">
        <v>15534</v>
      </c>
      <c r="C10420">
        <v>0</v>
      </c>
      <c r="D10420">
        <v>0</v>
      </c>
    </row>
    <row r="10421" spans="1:4" x14ac:dyDescent="0.25">
      <c r="A10421" t="s">
        <v>15535</v>
      </c>
      <c r="B10421" t="s">
        <v>15536</v>
      </c>
      <c r="C10421">
        <v>0</v>
      </c>
      <c r="D10421">
        <v>0</v>
      </c>
    </row>
    <row r="10422" spans="1:4" x14ac:dyDescent="0.25">
      <c r="A10422" t="s">
        <v>15535</v>
      </c>
      <c r="B10422" t="s">
        <v>15537</v>
      </c>
      <c r="C10422">
        <v>1</v>
      </c>
      <c r="D10422">
        <v>0</v>
      </c>
    </row>
    <row r="10423" spans="1:4" x14ac:dyDescent="0.25">
      <c r="A10423" t="s">
        <v>15538</v>
      </c>
      <c r="B10423" t="s">
        <v>15539</v>
      </c>
      <c r="C10423">
        <v>2</v>
      </c>
      <c r="D10423">
        <v>0</v>
      </c>
    </row>
    <row r="10424" spans="1:4" x14ac:dyDescent="0.25">
      <c r="A10424" t="s">
        <v>15540</v>
      </c>
      <c r="B10424" t="s">
        <v>6045</v>
      </c>
      <c r="C10424">
        <v>1</v>
      </c>
      <c r="D10424">
        <v>0</v>
      </c>
    </row>
    <row r="10425" spans="1:4" x14ac:dyDescent="0.25">
      <c r="A10425" t="s">
        <v>15540</v>
      </c>
      <c r="B10425" t="s">
        <v>2061</v>
      </c>
      <c r="C10425">
        <v>0</v>
      </c>
      <c r="D10425">
        <v>0</v>
      </c>
    </row>
    <row r="10426" spans="1:4" x14ac:dyDescent="0.25">
      <c r="A10426" t="s">
        <v>15540</v>
      </c>
      <c r="B10426" t="s">
        <v>15541</v>
      </c>
      <c r="C10426">
        <v>1</v>
      </c>
      <c r="D10426">
        <v>0</v>
      </c>
    </row>
    <row r="10427" spans="1:4" x14ac:dyDescent="0.25">
      <c r="A10427" t="s">
        <v>15542</v>
      </c>
      <c r="B10427" t="s">
        <v>15543</v>
      </c>
      <c r="C10427">
        <v>1</v>
      </c>
      <c r="D10427">
        <v>0</v>
      </c>
    </row>
    <row r="10428" spans="1:4" x14ac:dyDescent="0.25">
      <c r="A10428" t="s">
        <v>15544</v>
      </c>
      <c r="B10428" t="s">
        <v>15545</v>
      </c>
      <c r="C10428">
        <v>2</v>
      </c>
      <c r="D10428">
        <v>0</v>
      </c>
    </row>
    <row r="10429" spans="1:4" x14ac:dyDescent="0.25">
      <c r="A10429" t="s">
        <v>15544</v>
      </c>
      <c r="B10429" t="s">
        <v>15546</v>
      </c>
      <c r="C10429">
        <v>2</v>
      </c>
      <c r="D10429">
        <v>0</v>
      </c>
    </row>
    <row r="10430" spans="1:4" x14ac:dyDescent="0.25">
      <c r="A10430" t="s">
        <v>15547</v>
      </c>
      <c r="B10430" t="s">
        <v>15548</v>
      </c>
      <c r="C10430">
        <v>1</v>
      </c>
      <c r="D10430">
        <v>0</v>
      </c>
    </row>
    <row r="10431" spans="1:4" x14ac:dyDescent="0.25">
      <c r="A10431" t="s">
        <v>15549</v>
      </c>
      <c r="B10431" t="s">
        <v>852</v>
      </c>
      <c r="C10431">
        <v>0</v>
      </c>
      <c r="D10431">
        <v>0</v>
      </c>
    </row>
    <row r="10432" spans="1:4" x14ac:dyDescent="0.25">
      <c r="A10432" t="s">
        <v>15550</v>
      </c>
      <c r="B10432" t="s">
        <v>15551</v>
      </c>
      <c r="C10432">
        <v>0</v>
      </c>
      <c r="D10432">
        <v>0</v>
      </c>
    </row>
    <row r="10433" spans="1:4" x14ac:dyDescent="0.25">
      <c r="A10433" t="s">
        <v>15550</v>
      </c>
      <c r="B10433" t="s">
        <v>15552</v>
      </c>
      <c r="C10433">
        <v>0</v>
      </c>
      <c r="D10433">
        <v>0</v>
      </c>
    </row>
    <row r="10434" spans="1:4" x14ac:dyDescent="0.25">
      <c r="A10434" t="s">
        <v>15550</v>
      </c>
      <c r="B10434" t="s">
        <v>15553</v>
      </c>
      <c r="C10434">
        <v>1</v>
      </c>
      <c r="D10434">
        <v>0</v>
      </c>
    </row>
    <row r="10435" spans="1:4" x14ac:dyDescent="0.25">
      <c r="A10435" t="s">
        <v>15554</v>
      </c>
      <c r="B10435" t="s">
        <v>15555</v>
      </c>
      <c r="C10435">
        <v>2</v>
      </c>
      <c r="D10435">
        <v>0</v>
      </c>
    </row>
    <row r="10436" spans="1:4" x14ac:dyDescent="0.25">
      <c r="A10436" t="s">
        <v>15554</v>
      </c>
      <c r="B10436" t="s">
        <v>15556</v>
      </c>
      <c r="C10436">
        <v>2</v>
      </c>
      <c r="D10436">
        <v>0</v>
      </c>
    </row>
    <row r="10437" spans="1:4" x14ac:dyDescent="0.25">
      <c r="A10437" t="s">
        <v>15557</v>
      </c>
      <c r="B10437" t="s">
        <v>15558</v>
      </c>
      <c r="C10437">
        <v>1</v>
      </c>
      <c r="D10437">
        <v>0</v>
      </c>
    </row>
    <row r="10438" spans="1:4" x14ac:dyDescent="0.25">
      <c r="A10438" t="s">
        <v>15557</v>
      </c>
      <c r="B10438" t="s">
        <v>15559</v>
      </c>
      <c r="C10438">
        <v>0</v>
      </c>
      <c r="D10438">
        <v>0</v>
      </c>
    </row>
    <row r="10439" spans="1:4" x14ac:dyDescent="0.25">
      <c r="A10439" t="s">
        <v>15560</v>
      </c>
      <c r="B10439" t="s">
        <v>996</v>
      </c>
      <c r="C10439">
        <v>1</v>
      </c>
      <c r="D10439">
        <v>0</v>
      </c>
    </row>
    <row r="10440" spans="1:4" x14ac:dyDescent="0.25">
      <c r="A10440" t="s">
        <v>15561</v>
      </c>
      <c r="B10440" t="s">
        <v>15562</v>
      </c>
      <c r="C10440">
        <v>2</v>
      </c>
      <c r="D10440">
        <v>0</v>
      </c>
    </row>
    <row r="10441" spans="1:4" x14ac:dyDescent="0.25">
      <c r="A10441" t="s">
        <v>15563</v>
      </c>
      <c r="B10441" t="s">
        <v>15564</v>
      </c>
      <c r="C10441">
        <v>2</v>
      </c>
      <c r="D10441">
        <v>0</v>
      </c>
    </row>
    <row r="10442" spans="1:4" x14ac:dyDescent="0.25">
      <c r="A10442" t="s">
        <v>15563</v>
      </c>
      <c r="B10442" t="s">
        <v>15565</v>
      </c>
      <c r="C10442">
        <v>0</v>
      </c>
      <c r="D10442">
        <v>0</v>
      </c>
    </row>
    <row r="10443" spans="1:4" x14ac:dyDescent="0.25">
      <c r="A10443" t="s">
        <v>15563</v>
      </c>
      <c r="B10443" t="s">
        <v>15566</v>
      </c>
      <c r="C10443">
        <v>0</v>
      </c>
      <c r="D10443">
        <v>0</v>
      </c>
    </row>
    <row r="10444" spans="1:4" x14ac:dyDescent="0.25">
      <c r="A10444" t="s">
        <v>15567</v>
      </c>
      <c r="B10444" t="s">
        <v>852</v>
      </c>
      <c r="C10444">
        <v>0</v>
      </c>
      <c r="D10444">
        <v>0</v>
      </c>
    </row>
    <row r="10445" spans="1:4" x14ac:dyDescent="0.25">
      <c r="A10445" t="s">
        <v>15568</v>
      </c>
      <c r="B10445" t="s">
        <v>15569</v>
      </c>
      <c r="C10445">
        <v>0</v>
      </c>
      <c r="D10445">
        <v>0</v>
      </c>
    </row>
    <row r="10446" spans="1:4" x14ac:dyDescent="0.25">
      <c r="A10446" t="s">
        <v>15570</v>
      </c>
      <c r="B10446" t="s">
        <v>15571</v>
      </c>
      <c r="C10446">
        <v>1</v>
      </c>
      <c r="D10446">
        <v>0</v>
      </c>
    </row>
    <row r="10447" spans="1:4" x14ac:dyDescent="0.25">
      <c r="A10447" t="s">
        <v>15570</v>
      </c>
      <c r="B10447" t="s">
        <v>15572</v>
      </c>
      <c r="C10447">
        <v>0</v>
      </c>
      <c r="D10447">
        <v>0</v>
      </c>
    </row>
    <row r="10448" spans="1:4" x14ac:dyDescent="0.25">
      <c r="A10448" t="s">
        <v>15573</v>
      </c>
      <c r="B10448" t="s">
        <v>15574</v>
      </c>
      <c r="C10448">
        <v>0</v>
      </c>
      <c r="D10448">
        <v>0</v>
      </c>
    </row>
    <row r="10449" spans="1:4" x14ac:dyDescent="0.25">
      <c r="A10449" t="s">
        <v>15575</v>
      </c>
      <c r="B10449" t="s">
        <v>15576</v>
      </c>
      <c r="C10449">
        <v>0</v>
      </c>
      <c r="D10449">
        <v>0</v>
      </c>
    </row>
    <row r="10450" spans="1:4" x14ac:dyDescent="0.25">
      <c r="A10450" t="s">
        <v>15575</v>
      </c>
      <c r="B10450" t="s">
        <v>15577</v>
      </c>
      <c r="C10450">
        <v>1</v>
      </c>
      <c r="D10450">
        <v>0</v>
      </c>
    </row>
    <row r="10451" spans="1:4" x14ac:dyDescent="0.25">
      <c r="A10451" t="s">
        <v>15578</v>
      </c>
      <c r="B10451" t="s">
        <v>15579</v>
      </c>
      <c r="C10451">
        <v>2</v>
      </c>
      <c r="D10451">
        <v>0</v>
      </c>
    </row>
    <row r="10452" spans="1:4" x14ac:dyDescent="0.25">
      <c r="A10452" t="s">
        <v>15580</v>
      </c>
      <c r="B10452" t="s">
        <v>15581</v>
      </c>
      <c r="C10452">
        <v>2</v>
      </c>
      <c r="D10452">
        <v>0</v>
      </c>
    </row>
    <row r="10453" spans="1:4" x14ac:dyDescent="0.25">
      <c r="A10453" t="s">
        <v>15580</v>
      </c>
      <c r="B10453" t="s">
        <v>15582</v>
      </c>
      <c r="C10453">
        <v>2</v>
      </c>
      <c r="D10453">
        <v>0</v>
      </c>
    </row>
    <row r="10454" spans="1:4" x14ac:dyDescent="0.25">
      <c r="A10454" t="s">
        <v>15583</v>
      </c>
      <c r="B10454" t="s">
        <v>1401</v>
      </c>
      <c r="C10454">
        <v>0</v>
      </c>
      <c r="D10454">
        <v>0</v>
      </c>
    </row>
    <row r="10455" spans="1:4" x14ac:dyDescent="0.25">
      <c r="A10455" t="s">
        <v>15584</v>
      </c>
      <c r="B10455" t="s">
        <v>15585</v>
      </c>
      <c r="C10455">
        <v>2</v>
      </c>
      <c r="D10455">
        <v>0</v>
      </c>
    </row>
    <row r="10456" spans="1:4" x14ac:dyDescent="0.25">
      <c r="A10456" t="s">
        <v>15584</v>
      </c>
      <c r="B10456" t="s">
        <v>15586</v>
      </c>
      <c r="C10456">
        <v>2</v>
      </c>
      <c r="D10456">
        <v>0</v>
      </c>
    </row>
    <row r="10457" spans="1:4" x14ac:dyDescent="0.25">
      <c r="A10457" t="s">
        <v>15587</v>
      </c>
      <c r="B10457" t="s">
        <v>15588</v>
      </c>
      <c r="C10457">
        <v>1</v>
      </c>
      <c r="D10457">
        <v>0</v>
      </c>
    </row>
    <row r="10458" spans="1:4" x14ac:dyDescent="0.25">
      <c r="A10458" t="s">
        <v>15587</v>
      </c>
      <c r="B10458" t="s">
        <v>15589</v>
      </c>
      <c r="C10458">
        <v>1</v>
      </c>
      <c r="D10458">
        <v>0</v>
      </c>
    </row>
    <row r="10459" spans="1:4" x14ac:dyDescent="0.25">
      <c r="A10459" t="s">
        <v>15587</v>
      </c>
      <c r="B10459" t="s">
        <v>15590</v>
      </c>
      <c r="C10459">
        <v>1</v>
      </c>
      <c r="D10459">
        <v>0</v>
      </c>
    </row>
    <row r="10460" spans="1:4" x14ac:dyDescent="0.25">
      <c r="A10460" t="s">
        <v>15591</v>
      </c>
      <c r="B10460" t="s">
        <v>15592</v>
      </c>
      <c r="C10460">
        <v>1</v>
      </c>
      <c r="D10460">
        <v>0</v>
      </c>
    </row>
    <row r="10461" spans="1:4" x14ac:dyDescent="0.25">
      <c r="A10461" t="s">
        <v>15593</v>
      </c>
      <c r="B10461" t="s">
        <v>398</v>
      </c>
      <c r="C10461">
        <v>0</v>
      </c>
      <c r="D10461">
        <v>0</v>
      </c>
    </row>
    <row r="10462" spans="1:4" x14ac:dyDescent="0.25">
      <c r="A10462" t="s">
        <v>15594</v>
      </c>
      <c r="B10462" t="s">
        <v>15595</v>
      </c>
      <c r="C10462">
        <v>0</v>
      </c>
      <c r="D10462">
        <v>0</v>
      </c>
    </row>
    <row r="10463" spans="1:4" x14ac:dyDescent="0.25">
      <c r="A10463" t="s">
        <v>15596</v>
      </c>
      <c r="B10463" t="s">
        <v>15597</v>
      </c>
      <c r="C10463">
        <v>1</v>
      </c>
      <c r="D10463">
        <v>0</v>
      </c>
    </row>
    <row r="10464" spans="1:4" x14ac:dyDescent="0.25">
      <c r="A10464" t="s">
        <v>15598</v>
      </c>
      <c r="B10464" t="s">
        <v>15599</v>
      </c>
      <c r="C10464">
        <v>1</v>
      </c>
      <c r="D10464">
        <v>0</v>
      </c>
    </row>
    <row r="10465" spans="1:4" x14ac:dyDescent="0.25">
      <c r="A10465" t="s">
        <v>15598</v>
      </c>
      <c r="B10465" t="s">
        <v>15600</v>
      </c>
      <c r="C10465">
        <v>1</v>
      </c>
      <c r="D10465">
        <v>0</v>
      </c>
    </row>
    <row r="10466" spans="1:4" x14ac:dyDescent="0.25">
      <c r="A10466" t="s">
        <v>15601</v>
      </c>
      <c r="B10466" t="s">
        <v>15602</v>
      </c>
      <c r="C10466">
        <v>0</v>
      </c>
      <c r="D10466">
        <v>0</v>
      </c>
    </row>
    <row r="10467" spans="1:4" x14ac:dyDescent="0.25">
      <c r="A10467" t="s">
        <v>15603</v>
      </c>
      <c r="B10467" t="s">
        <v>15604</v>
      </c>
      <c r="C10467">
        <v>2</v>
      </c>
      <c r="D10467">
        <v>0</v>
      </c>
    </row>
    <row r="10468" spans="1:4" x14ac:dyDescent="0.25">
      <c r="A10468" t="s">
        <v>15603</v>
      </c>
      <c r="B10468" t="s">
        <v>15605</v>
      </c>
      <c r="C10468">
        <v>0</v>
      </c>
      <c r="D10468">
        <v>0</v>
      </c>
    </row>
    <row r="10469" spans="1:4" x14ac:dyDescent="0.25">
      <c r="A10469" t="s">
        <v>15606</v>
      </c>
      <c r="B10469" t="s">
        <v>1101</v>
      </c>
      <c r="C10469">
        <v>1</v>
      </c>
      <c r="D10469">
        <v>0</v>
      </c>
    </row>
    <row r="10470" spans="1:4" x14ac:dyDescent="0.25">
      <c r="A10470" t="s">
        <v>15607</v>
      </c>
      <c r="B10470" t="s">
        <v>15608</v>
      </c>
      <c r="C10470">
        <v>1</v>
      </c>
      <c r="D10470">
        <v>0</v>
      </c>
    </row>
    <row r="10471" spans="1:4" x14ac:dyDescent="0.25">
      <c r="A10471" t="s">
        <v>15607</v>
      </c>
      <c r="B10471" t="s">
        <v>15609</v>
      </c>
      <c r="C10471">
        <v>2</v>
      </c>
      <c r="D10471">
        <v>0</v>
      </c>
    </row>
    <row r="10472" spans="1:4" x14ac:dyDescent="0.25">
      <c r="A10472" t="s">
        <v>15610</v>
      </c>
      <c r="B10472" t="s">
        <v>1497</v>
      </c>
      <c r="C10472">
        <v>0</v>
      </c>
      <c r="D10472">
        <v>0</v>
      </c>
    </row>
    <row r="10473" spans="1:4" x14ac:dyDescent="0.25">
      <c r="A10473" t="s">
        <v>15611</v>
      </c>
      <c r="B10473" t="s">
        <v>15612</v>
      </c>
      <c r="C10473">
        <v>1</v>
      </c>
      <c r="D10473">
        <v>0</v>
      </c>
    </row>
    <row r="10474" spans="1:4" x14ac:dyDescent="0.25">
      <c r="A10474" t="s">
        <v>15613</v>
      </c>
      <c r="B10474" t="s">
        <v>816</v>
      </c>
      <c r="C10474">
        <v>1</v>
      </c>
      <c r="D10474">
        <v>0</v>
      </c>
    </row>
    <row r="10475" spans="1:4" x14ac:dyDescent="0.25">
      <c r="A10475" t="s">
        <v>15614</v>
      </c>
      <c r="B10475" t="s">
        <v>15615</v>
      </c>
      <c r="C10475">
        <v>2</v>
      </c>
      <c r="D10475">
        <v>0</v>
      </c>
    </row>
    <row r="10476" spans="1:4" x14ac:dyDescent="0.25">
      <c r="A10476" t="s">
        <v>15616</v>
      </c>
      <c r="B10476" t="s">
        <v>15617</v>
      </c>
      <c r="C10476">
        <v>0</v>
      </c>
      <c r="D10476">
        <v>0</v>
      </c>
    </row>
    <row r="10477" spans="1:4" x14ac:dyDescent="0.25">
      <c r="A10477" t="s">
        <v>15616</v>
      </c>
      <c r="B10477" t="s">
        <v>15618</v>
      </c>
      <c r="C10477">
        <v>0</v>
      </c>
      <c r="D10477">
        <v>0</v>
      </c>
    </row>
    <row r="10478" spans="1:4" x14ac:dyDescent="0.25">
      <c r="A10478" t="s">
        <v>15619</v>
      </c>
      <c r="B10478" t="s">
        <v>15620</v>
      </c>
      <c r="C10478">
        <v>0</v>
      </c>
      <c r="D10478">
        <v>0</v>
      </c>
    </row>
    <row r="10479" spans="1:4" x14ac:dyDescent="0.25">
      <c r="A10479" t="s">
        <v>15619</v>
      </c>
      <c r="B10479" t="s">
        <v>15621</v>
      </c>
      <c r="C10479">
        <v>1</v>
      </c>
      <c r="D10479">
        <v>0</v>
      </c>
    </row>
    <row r="10480" spans="1:4" x14ac:dyDescent="0.25">
      <c r="A10480" t="s">
        <v>15619</v>
      </c>
      <c r="B10480" t="s">
        <v>15622</v>
      </c>
      <c r="C10480">
        <v>0</v>
      </c>
      <c r="D10480">
        <v>0</v>
      </c>
    </row>
    <row r="10481" spans="1:4" x14ac:dyDescent="0.25">
      <c r="A10481" t="s">
        <v>15623</v>
      </c>
      <c r="B10481" t="s">
        <v>15624</v>
      </c>
      <c r="C10481">
        <v>0</v>
      </c>
      <c r="D10481">
        <v>0</v>
      </c>
    </row>
    <row r="10482" spans="1:4" x14ac:dyDescent="0.25">
      <c r="A10482" t="s">
        <v>15625</v>
      </c>
      <c r="B10482" t="s">
        <v>15626</v>
      </c>
      <c r="C10482">
        <v>0</v>
      </c>
      <c r="D10482">
        <v>0</v>
      </c>
    </row>
    <row r="10483" spans="1:4" x14ac:dyDescent="0.25">
      <c r="A10483" t="s">
        <v>15627</v>
      </c>
      <c r="B10483" t="s">
        <v>15628</v>
      </c>
      <c r="C10483">
        <v>0</v>
      </c>
      <c r="D10483">
        <v>0</v>
      </c>
    </row>
    <row r="10484" spans="1:4" x14ac:dyDescent="0.25">
      <c r="A10484" t="s">
        <v>15629</v>
      </c>
      <c r="B10484" t="s">
        <v>951</v>
      </c>
      <c r="C10484">
        <v>1</v>
      </c>
      <c r="D10484">
        <v>0</v>
      </c>
    </row>
    <row r="10485" spans="1:4" x14ac:dyDescent="0.25">
      <c r="A10485" t="s">
        <v>15630</v>
      </c>
      <c r="B10485" t="s">
        <v>15631</v>
      </c>
      <c r="C10485">
        <v>1</v>
      </c>
      <c r="D10485">
        <v>0</v>
      </c>
    </row>
    <row r="10486" spans="1:4" x14ac:dyDescent="0.25">
      <c r="A10486" t="s">
        <v>15632</v>
      </c>
      <c r="B10486" t="s">
        <v>15633</v>
      </c>
      <c r="C10486">
        <v>1</v>
      </c>
      <c r="D10486">
        <v>0</v>
      </c>
    </row>
    <row r="10487" spans="1:4" x14ac:dyDescent="0.25">
      <c r="A10487" t="s">
        <v>15632</v>
      </c>
      <c r="B10487" t="s">
        <v>15634</v>
      </c>
      <c r="C10487">
        <v>0</v>
      </c>
      <c r="D10487">
        <v>0</v>
      </c>
    </row>
    <row r="10488" spans="1:4" x14ac:dyDescent="0.25">
      <c r="A10488" t="s">
        <v>15635</v>
      </c>
      <c r="B10488" t="s">
        <v>15636</v>
      </c>
      <c r="C10488">
        <v>0</v>
      </c>
      <c r="D10488">
        <v>0</v>
      </c>
    </row>
    <row r="10489" spans="1:4" x14ac:dyDescent="0.25">
      <c r="A10489" t="s">
        <v>15635</v>
      </c>
      <c r="B10489" t="s">
        <v>15637</v>
      </c>
      <c r="C10489">
        <v>0</v>
      </c>
      <c r="D10489">
        <v>0</v>
      </c>
    </row>
    <row r="10490" spans="1:4" x14ac:dyDescent="0.25">
      <c r="A10490" t="s">
        <v>15635</v>
      </c>
      <c r="B10490" t="s">
        <v>15638</v>
      </c>
      <c r="C10490">
        <v>1</v>
      </c>
      <c r="D10490">
        <v>0</v>
      </c>
    </row>
    <row r="10491" spans="1:4" x14ac:dyDescent="0.25">
      <c r="A10491" t="s">
        <v>15639</v>
      </c>
      <c r="B10491" t="s">
        <v>15640</v>
      </c>
      <c r="C10491">
        <v>2</v>
      </c>
      <c r="D10491">
        <v>0</v>
      </c>
    </row>
    <row r="10492" spans="1:4" x14ac:dyDescent="0.25">
      <c r="A10492" t="s">
        <v>15639</v>
      </c>
      <c r="B10492" t="s">
        <v>15641</v>
      </c>
      <c r="C10492">
        <v>1</v>
      </c>
      <c r="D10492">
        <v>0</v>
      </c>
    </row>
    <row r="10493" spans="1:4" x14ac:dyDescent="0.25">
      <c r="A10493" t="s">
        <v>15639</v>
      </c>
      <c r="B10493" t="s">
        <v>15642</v>
      </c>
      <c r="C10493">
        <v>0</v>
      </c>
      <c r="D10493">
        <v>0</v>
      </c>
    </row>
    <row r="10494" spans="1:4" x14ac:dyDescent="0.25">
      <c r="A10494" t="s">
        <v>15643</v>
      </c>
      <c r="B10494" t="s">
        <v>15644</v>
      </c>
      <c r="C10494">
        <v>2</v>
      </c>
      <c r="D10494">
        <v>0</v>
      </c>
    </row>
    <row r="10495" spans="1:4" x14ac:dyDescent="0.25">
      <c r="A10495" t="s">
        <v>15643</v>
      </c>
      <c r="B10495" t="s">
        <v>15645</v>
      </c>
      <c r="C10495">
        <v>0</v>
      </c>
      <c r="D10495">
        <v>0</v>
      </c>
    </row>
    <row r="10496" spans="1:4" x14ac:dyDescent="0.25">
      <c r="A10496" t="s">
        <v>15643</v>
      </c>
      <c r="B10496" t="s">
        <v>15646</v>
      </c>
      <c r="C10496">
        <v>1</v>
      </c>
      <c r="D10496">
        <v>0</v>
      </c>
    </row>
    <row r="10497" spans="1:4" x14ac:dyDescent="0.25">
      <c r="A10497" t="s">
        <v>15647</v>
      </c>
      <c r="B10497" t="s">
        <v>888</v>
      </c>
      <c r="C10497">
        <v>1</v>
      </c>
      <c r="D10497">
        <v>0</v>
      </c>
    </row>
    <row r="10498" spans="1:4" x14ac:dyDescent="0.25">
      <c r="A10498" t="s">
        <v>15647</v>
      </c>
      <c r="B10498" t="s">
        <v>15648</v>
      </c>
      <c r="C10498">
        <v>1</v>
      </c>
      <c r="D10498">
        <v>0</v>
      </c>
    </row>
    <row r="10499" spans="1:4" x14ac:dyDescent="0.25">
      <c r="A10499" t="s">
        <v>15649</v>
      </c>
      <c r="B10499" t="s">
        <v>15650</v>
      </c>
      <c r="C10499">
        <v>0</v>
      </c>
      <c r="D10499">
        <v>0</v>
      </c>
    </row>
    <row r="10500" spans="1:4" x14ac:dyDescent="0.25">
      <c r="A10500" t="s">
        <v>15651</v>
      </c>
      <c r="B10500" t="s">
        <v>15652</v>
      </c>
      <c r="C10500">
        <v>1</v>
      </c>
      <c r="D10500">
        <v>0</v>
      </c>
    </row>
    <row r="10501" spans="1:4" x14ac:dyDescent="0.25">
      <c r="A10501" t="s">
        <v>15653</v>
      </c>
      <c r="B10501" t="s">
        <v>1001</v>
      </c>
      <c r="C10501">
        <v>1</v>
      </c>
      <c r="D10501">
        <v>0</v>
      </c>
    </row>
    <row r="10502" spans="1:4" x14ac:dyDescent="0.25">
      <c r="A10502" t="s">
        <v>15653</v>
      </c>
      <c r="B10502" t="s">
        <v>15654</v>
      </c>
      <c r="C10502">
        <v>2</v>
      </c>
      <c r="D10502">
        <v>0</v>
      </c>
    </row>
    <row r="10503" spans="1:4" x14ac:dyDescent="0.25">
      <c r="A10503" t="s">
        <v>15655</v>
      </c>
      <c r="B10503" t="s">
        <v>15656</v>
      </c>
      <c r="C10503">
        <v>1</v>
      </c>
      <c r="D10503">
        <v>0</v>
      </c>
    </row>
    <row r="10504" spans="1:4" x14ac:dyDescent="0.25">
      <c r="A10504" t="s">
        <v>15657</v>
      </c>
      <c r="B10504" t="s">
        <v>843</v>
      </c>
      <c r="C10504">
        <v>1</v>
      </c>
      <c r="D10504">
        <v>0</v>
      </c>
    </row>
    <row r="10505" spans="1:4" x14ac:dyDescent="0.25">
      <c r="A10505" t="s">
        <v>15658</v>
      </c>
      <c r="B10505" t="s">
        <v>15659</v>
      </c>
      <c r="C10505">
        <v>1</v>
      </c>
      <c r="D10505">
        <v>0</v>
      </c>
    </row>
    <row r="10506" spans="1:4" x14ac:dyDescent="0.25">
      <c r="A10506" t="s">
        <v>15658</v>
      </c>
      <c r="B10506" t="s">
        <v>15660</v>
      </c>
      <c r="C10506">
        <v>1</v>
      </c>
      <c r="D10506">
        <v>0</v>
      </c>
    </row>
    <row r="10507" spans="1:4" x14ac:dyDescent="0.25">
      <c r="A10507" t="s">
        <v>15658</v>
      </c>
      <c r="B10507" t="s">
        <v>15661</v>
      </c>
      <c r="C10507">
        <v>0</v>
      </c>
      <c r="D10507">
        <v>0</v>
      </c>
    </row>
    <row r="10508" spans="1:4" x14ac:dyDescent="0.25">
      <c r="A10508" t="s">
        <v>15662</v>
      </c>
      <c r="B10508" t="s">
        <v>15663</v>
      </c>
      <c r="C10508">
        <v>1</v>
      </c>
      <c r="D10508">
        <v>0</v>
      </c>
    </row>
    <row r="10509" spans="1:4" x14ac:dyDescent="0.25">
      <c r="A10509" t="s">
        <v>15664</v>
      </c>
      <c r="B10509" t="s">
        <v>15665</v>
      </c>
      <c r="C10509">
        <v>0</v>
      </c>
      <c r="D10509">
        <v>0</v>
      </c>
    </row>
    <row r="10510" spans="1:4" x14ac:dyDescent="0.25">
      <c r="A10510" t="s">
        <v>15664</v>
      </c>
      <c r="B10510" t="s">
        <v>2618</v>
      </c>
      <c r="C10510">
        <v>0</v>
      </c>
      <c r="D10510">
        <v>0</v>
      </c>
    </row>
    <row r="10511" spans="1:4" x14ac:dyDescent="0.25">
      <c r="A10511" t="s">
        <v>15666</v>
      </c>
      <c r="B10511" t="s">
        <v>15667</v>
      </c>
      <c r="C10511">
        <v>1</v>
      </c>
      <c r="D10511">
        <v>0</v>
      </c>
    </row>
    <row r="10512" spans="1:4" x14ac:dyDescent="0.25">
      <c r="A10512" t="s">
        <v>15666</v>
      </c>
      <c r="B10512" t="s">
        <v>15668</v>
      </c>
      <c r="C10512">
        <v>0</v>
      </c>
      <c r="D10512">
        <v>0</v>
      </c>
    </row>
    <row r="10513" spans="1:4" x14ac:dyDescent="0.25">
      <c r="A10513" t="s">
        <v>15669</v>
      </c>
      <c r="B10513" t="s">
        <v>15670</v>
      </c>
      <c r="C10513">
        <v>1</v>
      </c>
      <c r="D10513">
        <v>0</v>
      </c>
    </row>
    <row r="10514" spans="1:4" x14ac:dyDescent="0.25">
      <c r="A10514" t="s">
        <v>15669</v>
      </c>
      <c r="B10514" t="s">
        <v>15671</v>
      </c>
      <c r="C10514">
        <v>1</v>
      </c>
      <c r="D10514">
        <v>0</v>
      </c>
    </row>
    <row r="10515" spans="1:4" x14ac:dyDescent="0.25">
      <c r="A10515" t="s">
        <v>15669</v>
      </c>
      <c r="B10515" t="s">
        <v>15672</v>
      </c>
      <c r="C10515">
        <v>1</v>
      </c>
      <c r="D10515">
        <v>0</v>
      </c>
    </row>
    <row r="10516" spans="1:4" x14ac:dyDescent="0.25">
      <c r="A10516" t="s">
        <v>15673</v>
      </c>
      <c r="B10516" t="s">
        <v>15674</v>
      </c>
      <c r="C10516">
        <v>2</v>
      </c>
      <c r="D10516">
        <v>0</v>
      </c>
    </row>
    <row r="10517" spans="1:4" x14ac:dyDescent="0.25">
      <c r="A10517" t="s">
        <v>15673</v>
      </c>
      <c r="B10517" t="s">
        <v>15675</v>
      </c>
      <c r="C10517">
        <v>2</v>
      </c>
      <c r="D10517">
        <v>0</v>
      </c>
    </row>
    <row r="10518" spans="1:4" x14ac:dyDescent="0.25">
      <c r="A10518" t="s">
        <v>15673</v>
      </c>
      <c r="B10518" t="s">
        <v>15676</v>
      </c>
      <c r="C10518">
        <v>1</v>
      </c>
      <c r="D10518">
        <v>0</v>
      </c>
    </row>
    <row r="10519" spans="1:4" x14ac:dyDescent="0.25">
      <c r="A10519" t="s">
        <v>15677</v>
      </c>
      <c r="B10519" t="s">
        <v>1387</v>
      </c>
      <c r="C10519">
        <v>1</v>
      </c>
      <c r="D10519">
        <v>0</v>
      </c>
    </row>
    <row r="10520" spans="1:4" x14ac:dyDescent="0.25">
      <c r="A10520" t="s">
        <v>15678</v>
      </c>
      <c r="B10520" t="s">
        <v>15679</v>
      </c>
      <c r="C10520">
        <v>2</v>
      </c>
      <c r="D10520">
        <v>0</v>
      </c>
    </row>
    <row r="10521" spans="1:4" x14ac:dyDescent="0.25">
      <c r="A10521" t="s">
        <v>15680</v>
      </c>
      <c r="B10521" t="s">
        <v>15681</v>
      </c>
      <c r="C10521">
        <v>0</v>
      </c>
      <c r="D10521">
        <v>0</v>
      </c>
    </row>
    <row r="10522" spans="1:4" x14ac:dyDescent="0.25">
      <c r="A10522" t="s">
        <v>15682</v>
      </c>
      <c r="B10522" t="s">
        <v>15683</v>
      </c>
      <c r="C10522">
        <v>0</v>
      </c>
      <c r="D10522">
        <v>0</v>
      </c>
    </row>
    <row r="10523" spans="1:4" x14ac:dyDescent="0.25">
      <c r="A10523" t="s">
        <v>15682</v>
      </c>
      <c r="B10523" t="s">
        <v>15684</v>
      </c>
      <c r="C10523">
        <v>1</v>
      </c>
      <c r="D10523">
        <v>0</v>
      </c>
    </row>
    <row r="10524" spans="1:4" x14ac:dyDescent="0.25">
      <c r="A10524" t="s">
        <v>15685</v>
      </c>
      <c r="B10524" t="s">
        <v>15686</v>
      </c>
      <c r="C10524">
        <v>1</v>
      </c>
      <c r="D10524">
        <v>0</v>
      </c>
    </row>
    <row r="10525" spans="1:4" x14ac:dyDescent="0.25">
      <c r="A10525" t="s">
        <v>15687</v>
      </c>
      <c r="B10525" t="s">
        <v>15688</v>
      </c>
      <c r="C10525">
        <v>1</v>
      </c>
      <c r="D10525">
        <v>0</v>
      </c>
    </row>
    <row r="10526" spans="1:4" x14ac:dyDescent="0.25">
      <c r="A10526" t="s">
        <v>15687</v>
      </c>
      <c r="B10526" t="s">
        <v>15689</v>
      </c>
      <c r="C10526">
        <v>1</v>
      </c>
      <c r="D10526">
        <v>0</v>
      </c>
    </row>
    <row r="10527" spans="1:4" x14ac:dyDescent="0.25">
      <c r="A10527" t="s">
        <v>15687</v>
      </c>
      <c r="B10527" t="s">
        <v>15690</v>
      </c>
      <c r="C10527">
        <v>1</v>
      </c>
      <c r="D10527">
        <v>0</v>
      </c>
    </row>
    <row r="10528" spans="1:4" x14ac:dyDescent="0.25">
      <c r="A10528" t="s">
        <v>15691</v>
      </c>
      <c r="B10528" t="s">
        <v>15692</v>
      </c>
      <c r="C10528">
        <v>1</v>
      </c>
      <c r="D10528">
        <v>0</v>
      </c>
    </row>
    <row r="10529" spans="1:4" x14ac:dyDescent="0.25">
      <c r="A10529" t="s">
        <v>15691</v>
      </c>
      <c r="B10529" t="s">
        <v>15693</v>
      </c>
      <c r="C10529">
        <v>1</v>
      </c>
      <c r="D10529">
        <v>0</v>
      </c>
    </row>
    <row r="10530" spans="1:4" x14ac:dyDescent="0.25">
      <c r="A10530" t="s">
        <v>15691</v>
      </c>
      <c r="B10530" t="s">
        <v>15694</v>
      </c>
      <c r="C10530">
        <v>0</v>
      </c>
      <c r="D10530">
        <v>0</v>
      </c>
    </row>
    <row r="10531" spans="1:4" x14ac:dyDescent="0.25">
      <c r="A10531" t="s">
        <v>15695</v>
      </c>
      <c r="B10531" t="s">
        <v>15696</v>
      </c>
      <c r="C10531">
        <v>1</v>
      </c>
      <c r="D10531">
        <v>0</v>
      </c>
    </row>
    <row r="10532" spans="1:4" x14ac:dyDescent="0.25">
      <c r="A10532" t="s">
        <v>15697</v>
      </c>
      <c r="B10532" t="s">
        <v>15698</v>
      </c>
      <c r="C10532">
        <v>2</v>
      </c>
      <c r="D10532">
        <v>0</v>
      </c>
    </row>
    <row r="10533" spans="1:4" x14ac:dyDescent="0.25">
      <c r="A10533" t="s">
        <v>15697</v>
      </c>
      <c r="B10533" t="s">
        <v>15699</v>
      </c>
      <c r="C10533">
        <v>2</v>
      </c>
      <c r="D10533">
        <v>0</v>
      </c>
    </row>
    <row r="10534" spans="1:4" x14ac:dyDescent="0.25">
      <c r="A10534" t="s">
        <v>15700</v>
      </c>
      <c r="B10534" t="s">
        <v>15701</v>
      </c>
      <c r="C10534">
        <v>1</v>
      </c>
      <c r="D10534">
        <v>0</v>
      </c>
    </row>
    <row r="10535" spans="1:4" x14ac:dyDescent="0.25">
      <c r="A10535" t="s">
        <v>15700</v>
      </c>
      <c r="B10535" t="s">
        <v>15702</v>
      </c>
      <c r="C10535">
        <v>2</v>
      </c>
      <c r="D10535">
        <v>0</v>
      </c>
    </row>
    <row r="10536" spans="1:4" x14ac:dyDescent="0.25">
      <c r="A10536" t="s">
        <v>15703</v>
      </c>
      <c r="B10536" t="s">
        <v>15704</v>
      </c>
      <c r="C10536">
        <v>2</v>
      </c>
      <c r="D10536">
        <v>0</v>
      </c>
    </row>
    <row r="10537" spans="1:4" x14ac:dyDescent="0.25">
      <c r="A10537" t="s">
        <v>15705</v>
      </c>
      <c r="B10537" t="s">
        <v>15706</v>
      </c>
      <c r="C10537">
        <v>0</v>
      </c>
      <c r="D10537">
        <v>0</v>
      </c>
    </row>
    <row r="10538" spans="1:4" x14ac:dyDescent="0.25">
      <c r="A10538" t="s">
        <v>15707</v>
      </c>
      <c r="B10538" t="s">
        <v>15708</v>
      </c>
      <c r="C10538">
        <v>0</v>
      </c>
      <c r="D10538">
        <v>0</v>
      </c>
    </row>
    <row r="10539" spans="1:4" x14ac:dyDescent="0.25">
      <c r="A10539" t="s">
        <v>15707</v>
      </c>
      <c r="B10539" t="s">
        <v>2825</v>
      </c>
      <c r="C10539">
        <v>1</v>
      </c>
      <c r="D10539">
        <v>0</v>
      </c>
    </row>
    <row r="10540" spans="1:4" x14ac:dyDescent="0.25">
      <c r="A10540" t="s">
        <v>15709</v>
      </c>
      <c r="B10540" t="s">
        <v>15710</v>
      </c>
      <c r="C10540">
        <v>1</v>
      </c>
      <c r="D10540">
        <v>0</v>
      </c>
    </row>
    <row r="10541" spans="1:4" x14ac:dyDescent="0.25">
      <c r="A10541" t="s">
        <v>15709</v>
      </c>
      <c r="B10541" t="s">
        <v>15711</v>
      </c>
      <c r="C10541">
        <v>2</v>
      </c>
      <c r="D10541">
        <v>0</v>
      </c>
    </row>
    <row r="10542" spans="1:4" x14ac:dyDescent="0.25">
      <c r="A10542" t="s">
        <v>15712</v>
      </c>
      <c r="B10542" t="s">
        <v>15713</v>
      </c>
      <c r="C10542">
        <v>1</v>
      </c>
      <c r="D10542">
        <v>0</v>
      </c>
    </row>
    <row r="10543" spans="1:4" x14ac:dyDescent="0.25">
      <c r="A10543" t="s">
        <v>15714</v>
      </c>
      <c r="B10543" t="s">
        <v>15715</v>
      </c>
      <c r="C10543">
        <v>1</v>
      </c>
      <c r="D10543">
        <v>0</v>
      </c>
    </row>
    <row r="10544" spans="1:4" x14ac:dyDescent="0.25">
      <c r="A10544" t="s">
        <v>15716</v>
      </c>
      <c r="B10544" t="s">
        <v>15717</v>
      </c>
      <c r="C10544">
        <v>0</v>
      </c>
      <c r="D10544">
        <v>0</v>
      </c>
    </row>
    <row r="10545" spans="1:4" x14ac:dyDescent="0.25">
      <c r="A10545" t="s">
        <v>15718</v>
      </c>
      <c r="B10545" t="s">
        <v>15719</v>
      </c>
      <c r="C10545">
        <v>1</v>
      </c>
      <c r="D10545">
        <v>0</v>
      </c>
    </row>
    <row r="10546" spans="1:4" x14ac:dyDescent="0.25">
      <c r="A10546" t="s">
        <v>15718</v>
      </c>
      <c r="B10546" t="s">
        <v>15720</v>
      </c>
      <c r="C10546">
        <v>1</v>
      </c>
      <c r="D10546">
        <v>0</v>
      </c>
    </row>
    <row r="10547" spans="1:4" x14ac:dyDescent="0.25">
      <c r="A10547" t="s">
        <v>15721</v>
      </c>
      <c r="B10547" t="s">
        <v>15722</v>
      </c>
      <c r="C10547">
        <v>0</v>
      </c>
      <c r="D10547">
        <v>0</v>
      </c>
    </row>
    <row r="10548" spans="1:4" x14ac:dyDescent="0.25">
      <c r="A10548" t="s">
        <v>15721</v>
      </c>
      <c r="B10548" t="s">
        <v>15723</v>
      </c>
      <c r="C10548">
        <v>2</v>
      </c>
      <c r="D10548">
        <v>0</v>
      </c>
    </row>
    <row r="10549" spans="1:4" x14ac:dyDescent="0.25">
      <c r="A10549" t="s">
        <v>15724</v>
      </c>
      <c r="B10549" t="s">
        <v>15725</v>
      </c>
      <c r="C10549">
        <v>0</v>
      </c>
      <c r="D10549">
        <v>0</v>
      </c>
    </row>
    <row r="10550" spans="1:4" x14ac:dyDescent="0.25">
      <c r="A10550" t="s">
        <v>15724</v>
      </c>
      <c r="B10550" t="s">
        <v>15726</v>
      </c>
      <c r="C10550">
        <v>0</v>
      </c>
      <c r="D10550">
        <v>0</v>
      </c>
    </row>
    <row r="10551" spans="1:4" x14ac:dyDescent="0.25">
      <c r="A10551" t="s">
        <v>15727</v>
      </c>
      <c r="B10551" t="s">
        <v>15728</v>
      </c>
      <c r="C10551">
        <v>1</v>
      </c>
      <c r="D10551">
        <v>0</v>
      </c>
    </row>
    <row r="10552" spans="1:4" x14ac:dyDescent="0.25">
      <c r="A10552" t="s">
        <v>15729</v>
      </c>
      <c r="B10552" t="s">
        <v>1001</v>
      </c>
      <c r="C10552">
        <v>1</v>
      </c>
      <c r="D10552">
        <v>0</v>
      </c>
    </row>
    <row r="10553" spans="1:4" x14ac:dyDescent="0.25">
      <c r="A10553" t="s">
        <v>15730</v>
      </c>
      <c r="B10553" t="s">
        <v>15731</v>
      </c>
      <c r="C10553">
        <v>1</v>
      </c>
      <c r="D10553">
        <v>0</v>
      </c>
    </row>
    <row r="10554" spans="1:4" x14ac:dyDescent="0.25">
      <c r="A10554" t="s">
        <v>15732</v>
      </c>
      <c r="B10554" t="s">
        <v>15733</v>
      </c>
      <c r="C10554">
        <v>0</v>
      </c>
      <c r="D10554">
        <v>0</v>
      </c>
    </row>
    <row r="10555" spans="1:4" x14ac:dyDescent="0.25">
      <c r="A10555" t="s">
        <v>15732</v>
      </c>
      <c r="B10555" t="s">
        <v>15734</v>
      </c>
      <c r="C10555">
        <v>1</v>
      </c>
      <c r="D10555">
        <v>0</v>
      </c>
    </row>
    <row r="10556" spans="1:4" x14ac:dyDescent="0.25">
      <c r="A10556" t="s">
        <v>15735</v>
      </c>
      <c r="B10556" t="s">
        <v>15736</v>
      </c>
      <c r="C10556">
        <v>2</v>
      </c>
      <c r="D10556">
        <v>0</v>
      </c>
    </row>
    <row r="10557" spans="1:4" x14ac:dyDescent="0.25">
      <c r="A10557" t="s">
        <v>15737</v>
      </c>
      <c r="B10557" t="s">
        <v>15738</v>
      </c>
      <c r="C10557">
        <v>0</v>
      </c>
      <c r="D10557">
        <v>0</v>
      </c>
    </row>
    <row r="10558" spans="1:4" x14ac:dyDescent="0.25">
      <c r="A10558" t="s">
        <v>15737</v>
      </c>
      <c r="B10558" t="s">
        <v>15739</v>
      </c>
      <c r="C10558">
        <v>1</v>
      </c>
      <c r="D10558">
        <v>0</v>
      </c>
    </row>
    <row r="10559" spans="1:4" x14ac:dyDescent="0.25">
      <c r="A10559" t="s">
        <v>15740</v>
      </c>
      <c r="B10559" t="s">
        <v>15741</v>
      </c>
      <c r="C10559">
        <v>1</v>
      </c>
      <c r="D10559">
        <v>0</v>
      </c>
    </row>
    <row r="10560" spans="1:4" x14ac:dyDescent="0.25">
      <c r="A10560" t="s">
        <v>15742</v>
      </c>
      <c r="B10560" t="s">
        <v>15743</v>
      </c>
      <c r="C10560">
        <v>2</v>
      </c>
      <c r="D10560">
        <v>0</v>
      </c>
    </row>
    <row r="10561" spans="1:4" x14ac:dyDescent="0.25">
      <c r="A10561" t="s">
        <v>15742</v>
      </c>
      <c r="B10561" t="s">
        <v>15744</v>
      </c>
      <c r="C10561">
        <v>1</v>
      </c>
      <c r="D10561">
        <v>0</v>
      </c>
    </row>
    <row r="10562" spans="1:4" x14ac:dyDescent="0.25">
      <c r="A10562" t="s">
        <v>15742</v>
      </c>
      <c r="B10562" t="s">
        <v>15745</v>
      </c>
      <c r="C10562">
        <v>1</v>
      </c>
      <c r="D10562">
        <v>0</v>
      </c>
    </row>
    <row r="10563" spans="1:4" x14ac:dyDescent="0.25">
      <c r="A10563" t="s">
        <v>15746</v>
      </c>
      <c r="B10563" t="s">
        <v>15747</v>
      </c>
      <c r="C10563">
        <v>1</v>
      </c>
      <c r="D10563">
        <v>0</v>
      </c>
    </row>
    <row r="10564" spans="1:4" x14ac:dyDescent="0.25">
      <c r="A10564" t="s">
        <v>15748</v>
      </c>
      <c r="B10564" t="s">
        <v>15749</v>
      </c>
      <c r="C10564">
        <v>1</v>
      </c>
      <c r="D10564">
        <v>0</v>
      </c>
    </row>
    <row r="10565" spans="1:4" x14ac:dyDescent="0.25">
      <c r="A10565" t="s">
        <v>15748</v>
      </c>
      <c r="B10565" t="s">
        <v>15750</v>
      </c>
      <c r="C10565">
        <v>1</v>
      </c>
      <c r="D10565">
        <v>0</v>
      </c>
    </row>
    <row r="10566" spans="1:4" x14ac:dyDescent="0.25">
      <c r="A10566" t="s">
        <v>15748</v>
      </c>
      <c r="B10566" t="s">
        <v>852</v>
      </c>
      <c r="C10566">
        <v>0</v>
      </c>
      <c r="D10566">
        <v>0</v>
      </c>
    </row>
    <row r="10567" spans="1:4" x14ac:dyDescent="0.25">
      <c r="A10567" t="s">
        <v>15751</v>
      </c>
      <c r="B10567" t="s">
        <v>15752</v>
      </c>
      <c r="C10567">
        <v>1</v>
      </c>
      <c r="D10567">
        <v>0</v>
      </c>
    </row>
    <row r="10568" spans="1:4" x14ac:dyDescent="0.25">
      <c r="A10568" t="s">
        <v>15753</v>
      </c>
      <c r="B10568" t="s">
        <v>1887</v>
      </c>
      <c r="C10568">
        <v>0</v>
      </c>
      <c r="D10568">
        <v>0</v>
      </c>
    </row>
    <row r="10569" spans="1:4" x14ac:dyDescent="0.25">
      <c r="A10569" t="s">
        <v>15754</v>
      </c>
      <c r="B10569" t="s">
        <v>15755</v>
      </c>
      <c r="C10569">
        <v>2</v>
      </c>
      <c r="D10569">
        <v>0</v>
      </c>
    </row>
    <row r="10570" spans="1:4" x14ac:dyDescent="0.25">
      <c r="A10570" t="s">
        <v>15756</v>
      </c>
      <c r="B10570" t="s">
        <v>15757</v>
      </c>
      <c r="C10570">
        <v>2</v>
      </c>
      <c r="D10570">
        <v>0</v>
      </c>
    </row>
    <row r="10571" spans="1:4" x14ac:dyDescent="0.25">
      <c r="A10571" t="s">
        <v>15758</v>
      </c>
      <c r="B10571" t="s">
        <v>4117</v>
      </c>
      <c r="C10571">
        <v>0</v>
      </c>
      <c r="D10571">
        <v>0</v>
      </c>
    </row>
    <row r="10572" spans="1:4" x14ac:dyDescent="0.25">
      <c r="A10572" t="s">
        <v>15759</v>
      </c>
      <c r="B10572" t="s">
        <v>15760</v>
      </c>
      <c r="C10572">
        <v>0</v>
      </c>
      <c r="D10572">
        <v>0</v>
      </c>
    </row>
    <row r="10573" spans="1:4" x14ac:dyDescent="0.25">
      <c r="A10573" t="s">
        <v>15759</v>
      </c>
      <c r="B10573" t="s">
        <v>1499</v>
      </c>
      <c r="C10573">
        <v>1</v>
      </c>
      <c r="D10573">
        <v>0</v>
      </c>
    </row>
    <row r="10574" spans="1:4" x14ac:dyDescent="0.25">
      <c r="A10574" t="s">
        <v>15759</v>
      </c>
      <c r="B10574" t="s">
        <v>15761</v>
      </c>
      <c r="C10574">
        <v>0</v>
      </c>
      <c r="D10574">
        <v>0</v>
      </c>
    </row>
    <row r="10575" spans="1:4" x14ac:dyDescent="0.25">
      <c r="A10575" t="s">
        <v>15762</v>
      </c>
      <c r="B10575" t="s">
        <v>15763</v>
      </c>
      <c r="C10575">
        <v>1</v>
      </c>
      <c r="D10575">
        <v>0</v>
      </c>
    </row>
    <row r="10576" spans="1:4" x14ac:dyDescent="0.25">
      <c r="A10576" t="s">
        <v>15762</v>
      </c>
      <c r="B10576" t="s">
        <v>15764</v>
      </c>
      <c r="C10576">
        <v>1</v>
      </c>
      <c r="D10576">
        <v>0</v>
      </c>
    </row>
    <row r="10577" spans="1:4" x14ac:dyDescent="0.25">
      <c r="A10577" t="s">
        <v>15765</v>
      </c>
      <c r="B10577" t="s">
        <v>13736</v>
      </c>
      <c r="C10577">
        <v>1</v>
      </c>
      <c r="D10577">
        <v>0</v>
      </c>
    </row>
    <row r="10578" spans="1:4" x14ac:dyDescent="0.25">
      <c r="A10578" t="s">
        <v>15766</v>
      </c>
      <c r="B10578" t="s">
        <v>15767</v>
      </c>
      <c r="C10578">
        <v>1</v>
      </c>
      <c r="D10578">
        <v>0</v>
      </c>
    </row>
    <row r="10579" spans="1:4" x14ac:dyDescent="0.25">
      <c r="A10579" t="s">
        <v>15766</v>
      </c>
      <c r="B10579" t="s">
        <v>15768</v>
      </c>
      <c r="C10579">
        <v>1</v>
      </c>
      <c r="D10579">
        <v>0</v>
      </c>
    </row>
    <row r="10580" spans="1:4" x14ac:dyDescent="0.25">
      <c r="A10580" t="s">
        <v>15769</v>
      </c>
      <c r="B10580" t="s">
        <v>15770</v>
      </c>
      <c r="C10580">
        <v>0</v>
      </c>
      <c r="D10580">
        <v>0</v>
      </c>
    </row>
    <row r="10581" spans="1:4" x14ac:dyDescent="0.25">
      <c r="A10581" t="s">
        <v>15769</v>
      </c>
      <c r="B10581" t="s">
        <v>15771</v>
      </c>
      <c r="C10581">
        <v>1</v>
      </c>
      <c r="D10581">
        <v>0</v>
      </c>
    </row>
    <row r="10582" spans="1:4" x14ac:dyDescent="0.25">
      <c r="A10582" t="s">
        <v>15769</v>
      </c>
      <c r="B10582" t="s">
        <v>6061</v>
      </c>
      <c r="C10582">
        <v>0</v>
      </c>
      <c r="D10582">
        <v>0</v>
      </c>
    </row>
    <row r="10583" spans="1:4" x14ac:dyDescent="0.25">
      <c r="A10583" t="s">
        <v>15772</v>
      </c>
      <c r="B10583" t="s">
        <v>15773</v>
      </c>
      <c r="C10583">
        <v>1</v>
      </c>
      <c r="D10583">
        <v>0</v>
      </c>
    </row>
    <row r="10584" spans="1:4" x14ac:dyDescent="0.25">
      <c r="A10584" t="s">
        <v>15774</v>
      </c>
      <c r="B10584" t="s">
        <v>15775</v>
      </c>
      <c r="C10584">
        <v>2</v>
      </c>
      <c r="D10584">
        <v>0</v>
      </c>
    </row>
    <row r="10585" spans="1:4" x14ac:dyDescent="0.25">
      <c r="A10585" t="s">
        <v>15774</v>
      </c>
      <c r="B10585" t="s">
        <v>15776</v>
      </c>
      <c r="C10585">
        <v>1</v>
      </c>
      <c r="D10585">
        <v>0</v>
      </c>
    </row>
    <row r="10586" spans="1:4" x14ac:dyDescent="0.25">
      <c r="A10586" t="s">
        <v>15777</v>
      </c>
      <c r="B10586" t="s">
        <v>9112</v>
      </c>
      <c r="C10586">
        <v>1</v>
      </c>
      <c r="D10586">
        <v>0</v>
      </c>
    </row>
    <row r="10587" spans="1:4" x14ac:dyDescent="0.25">
      <c r="A10587" t="s">
        <v>15778</v>
      </c>
      <c r="B10587" t="s">
        <v>15779</v>
      </c>
      <c r="C10587">
        <v>1</v>
      </c>
      <c r="D10587">
        <v>0</v>
      </c>
    </row>
    <row r="10588" spans="1:4" x14ac:dyDescent="0.25">
      <c r="A10588" t="s">
        <v>15778</v>
      </c>
      <c r="B10588" t="s">
        <v>15780</v>
      </c>
      <c r="C10588">
        <v>0</v>
      </c>
      <c r="D10588">
        <v>0</v>
      </c>
    </row>
    <row r="10589" spans="1:4" x14ac:dyDescent="0.25">
      <c r="A10589" t="s">
        <v>15781</v>
      </c>
      <c r="B10589" t="s">
        <v>843</v>
      </c>
      <c r="C10589">
        <v>1</v>
      </c>
      <c r="D10589">
        <v>0</v>
      </c>
    </row>
    <row r="10590" spans="1:4" x14ac:dyDescent="0.25">
      <c r="A10590" t="s">
        <v>15782</v>
      </c>
      <c r="B10590" t="s">
        <v>15783</v>
      </c>
      <c r="C10590">
        <v>2</v>
      </c>
      <c r="D10590">
        <v>0</v>
      </c>
    </row>
    <row r="10591" spans="1:4" x14ac:dyDescent="0.25">
      <c r="A10591" t="s">
        <v>15782</v>
      </c>
      <c r="B10591" t="s">
        <v>15784</v>
      </c>
      <c r="C10591">
        <v>2</v>
      </c>
      <c r="D10591">
        <v>0</v>
      </c>
    </row>
    <row r="10592" spans="1:4" x14ac:dyDescent="0.25">
      <c r="A10592" t="s">
        <v>15782</v>
      </c>
      <c r="B10592" t="s">
        <v>1555</v>
      </c>
      <c r="C10592">
        <v>2</v>
      </c>
      <c r="D10592">
        <v>0</v>
      </c>
    </row>
    <row r="10593" spans="1:4" x14ac:dyDescent="0.25">
      <c r="A10593" t="s">
        <v>15785</v>
      </c>
      <c r="B10593" t="s">
        <v>15786</v>
      </c>
      <c r="C10593">
        <v>0</v>
      </c>
      <c r="D10593">
        <v>0</v>
      </c>
    </row>
    <row r="10594" spans="1:4" x14ac:dyDescent="0.25">
      <c r="A10594" t="s">
        <v>15787</v>
      </c>
      <c r="B10594" t="s">
        <v>1938</v>
      </c>
      <c r="C10594">
        <v>0</v>
      </c>
      <c r="D10594">
        <v>0</v>
      </c>
    </row>
    <row r="10595" spans="1:4" x14ac:dyDescent="0.25">
      <c r="A10595" t="s">
        <v>15788</v>
      </c>
      <c r="B10595" t="s">
        <v>15789</v>
      </c>
      <c r="C10595">
        <v>1</v>
      </c>
      <c r="D10595">
        <v>0</v>
      </c>
    </row>
    <row r="10596" spans="1:4" x14ac:dyDescent="0.25">
      <c r="A10596" t="s">
        <v>15788</v>
      </c>
      <c r="B10596" t="s">
        <v>15790</v>
      </c>
      <c r="C10596">
        <v>1</v>
      </c>
      <c r="D10596">
        <v>0</v>
      </c>
    </row>
    <row r="10597" spans="1:4" x14ac:dyDescent="0.25">
      <c r="A10597" t="s">
        <v>15791</v>
      </c>
      <c r="B10597" t="s">
        <v>15792</v>
      </c>
      <c r="C10597">
        <v>1</v>
      </c>
      <c r="D10597">
        <v>0</v>
      </c>
    </row>
    <row r="10598" spans="1:4" x14ac:dyDescent="0.25">
      <c r="A10598" t="s">
        <v>15793</v>
      </c>
      <c r="B10598" t="s">
        <v>15794</v>
      </c>
      <c r="C10598">
        <v>2</v>
      </c>
      <c r="D10598">
        <v>0</v>
      </c>
    </row>
    <row r="10599" spans="1:4" x14ac:dyDescent="0.25">
      <c r="A10599" t="s">
        <v>15793</v>
      </c>
      <c r="B10599" t="s">
        <v>15795</v>
      </c>
      <c r="C10599">
        <v>2</v>
      </c>
      <c r="D10599">
        <v>0</v>
      </c>
    </row>
    <row r="10600" spans="1:4" x14ac:dyDescent="0.25">
      <c r="A10600" t="s">
        <v>15793</v>
      </c>
      <c r="B10600" t="s">
        <v>15796</v>
      </c>
      <c r="C10600">
        <v>2</v>
      </c>
      <c r="D10600">
        <v>0</v>
      </c>
    </row>
    <row r="10601" spans="1:4" x14ac:dyDescent="0.25">
      <c r="A10601" t="s">
        <v>15797</v>
      </c>
      <c r="B10601" t="s">
        <v>15798</v>
      </c>
      <c r="C10601">
        <v>1</v>
      </c>
      <c r="D10601">
        <v>0</v>
      </c>
    </row>
    <row r="10602" spans="1:4" x14ac:dyDescent="0.25">
      <c r="A10602" t="s">
        <v>15799</v>
      </c>
      <c r="B10602" t="s">
        <v>15800</v>
      </c>
      <c r="C10602">
        <v>0</v>
      </c>
      <c r="D10602">
        <v>0</v>
      </c>
    </row>
    <row r="10603" spans="1:4" x14ac:dyDescent="0.25">
      <c r="A10603" t="s">
        <v>15801</v>
      </c>
      <c r="B10603" t="s">
        <v>15802</v>
      </c>
      <c r="C10603">
        <v>1</v>
      </c>
      <c r="D10603">
        <v>0</v>
      </c>
    </row>
    <row r="10604" spans="1:4" x14ac:dyDescent="0.25">
      <c r="A10604" t="s">
        <v>15801</v>
      </c>
      <c r="B10604" t="s">
        <v>15803</v>
      </c>
      <c r="C10604">
        <v>0</v>
      </c>
      <c r="D10604">
        <v>0</v>
      </c>
    </row>
    <row r="10605" spans="1:4" x14ac:dyDescent="0.25">
      <c r="A10605" t="s">
        <v>15804</v>
      </c>
      <c r="B10605" t="s">
        <v>15805</v>
      </c>
      <c r="C10605">
        <v>1</v>
      </c>
      <c r="D10605">
        <v>0</v>
      </c>
    </row>
    <row r="10606" spans="1:4" x14ac:dyDescent="0.25">
      <c r="A10606" t="s">
        <v>15804</v>
      </c>
      <c r="B10606" t="s">
        <v>15806</v>
      </c>
      <c r="C10606">
        <v>1</v>
      </c>
      <c r="D10606">
        <v>0</v>
      </c>
    </row>
    <row r="10607" spans="1:4" x14ac:dyDescent="0.25">
      <c r="A10607" t="s">
        <v>15807</v>
      </c>
      <c r="B10607" t="s">
        <v>398</v>
      </c>
      <c r="C10607">
        <v>0</v>
      </c>
      <c r="D10607">
        <v>0</v>
      </c>
    </row>
    <row r="10608" spans="1:4" x14ac:dyDescent="0.25">
      <c r="A10608" t="s">
        <v>15808</v>
      </c>
      <c r="B10608" t="s">
        <v>15809</v>
      </c>
      <c r="C10608">
        <v>2</v>
      </c>
      <c r="D10608">
        <v>0</v>
      </c>
    </row>
    <row r="10609" spans="1:4" x14ac:dyDescent="0.25">
      <c r="A10609" t="s">
        <v>15808</v>
      </c>
      <c r="B10609" t="s">
        <v>15810</v>
      </c>
      <c r="C10609">
        <v>2</v>
      </c>
      <c r="D10609">
        <v>0</v>
      </c>
    </row>
    <row r="10610" spans="1:4" x14ac:dyDescent="0.25">
      <c r="A10610" t="s">
        <v>15811</v>
      </c>
      <c r="B10610" t="s">
        <v>15812</v>
      </c>
      <c r="C10610">
        <v>2</v>
      </c>
      <c r="D10610">
        <v>0</v>
      </c>
    </row>
    <row r="10611" spans="1:4" x14ac:dyDescent="0.25">
      <c r="A10611" t="s">
        <v>15811</v>
      </c>
      <c r="B10611" t="s">
        <v>15813</v>
      </c>
      <c r="C10611">
        <v>1</v>
      </c>
      <c r="D10611">
        <v>0</v>
      </c>
    </row>
    <row r="10612" spans="1:4" x14ac:dyDescent="0.25">
      <c r="A10612" t="s">
        <v>15814</v>
      </c>
      <c r="B10612" t="s">
        <v>15815</v>
      </c>
      <c r="C10612">
        <v>2</v>
      </c>
      <c r="D10612">
        <v>0</v>
      </c>
    </row>
    <row r="10613" spans="1:4" x14ac:dyDescent="0.25">
      <c r="A10613" t="s">
        <v>15814</v>
      </c>
      <c r="B10613" t="s">
        <v>15816</v>
      </c>
      <c r="C10613">
        <v>2</v>
      </c>
      <c r="D10613">
        <v>0</v>
      </c>
    </row>
    <row r="10614" spans="1:4" x14ac:dyDescent="0.25">
      <c r="A10614" t="s">
        <v>15817</v>
      </c>
      <c r="B10614" t="s">
        <v>15818</v>
      </c>
      <c r="C10614">
        <v>1</v>
      </c>
      <c r="D10614">
        <v>0</v>
      </c>
    </row>
    <row r="10615" spans="1:4" x14ac:dyDescent="0.25">
      <c r="A10615" t="s">
        <v>15817</v>
      </c>
      <c r="B10615" t="s">
        <v>15819</v>
      </c>
      <c r="C10615">
        <v>1</v>
      </c>
      <c r="D10615">
        <v>0</v>
      </c>
    </row>
    <row r="10616" spans="1:4" x14ac:dyDescent="0.25">
      <c r="A10616" t="s">
        <v>15820</v>
      </c>
      <c r="B10616" t="s">
        <v>15821</v>
      </c>
      <c r="C10616">
        <v>0</v>
      </c>
      <c r="D10616">
        <v>0</v>
      </c>
    </row>
    <row r="10617" spans="1:4" x14ac:dyDescent="0.25">
      <c r="A10617" t="s">
        <v>15820</v>
      </c>
      <c r="B10617" t="s">
        <v>15822</v>
      </c>
      <c r="C10617">
        <v>0</v>
      </c>
      <c r="D10617">
        <v>0</v>
      </c>
    </row>
    <row r="10618" spans="1:4" x14ac:dyDescent="0.25">
      <c r="A10618" t="s">
        <v>15823</v>
      </c>
      <c r="B10618" t="s">
        <v>15824</v>
      </c>
      <c r="C10618">
        <v>1</v>
      </c>
      <c r="D10618">
        <v>0</v>
      </c>
    </row>
    <row r="10619" spans="1:4" x14ac:dyDescent="0.25">
      <c r="A10619" t="s">
        <v>15825</v>
      </c>
      <c r="B10619" t="s">
        <v>15826</v>
      </c>
      <c r="C10619">
        <v>1</v>
      </c>
      <c r="D10619">
        <v>0</v>
      </c>
    </row>
    <row r="10620" spans="1:4" x14ac:dyDescent="0.25">
      <c r="A10620" t="s">
        <v>15825</v>
      </c>
      <c r="B10620" t="s">
        <v>15827</v>
      </c>
      <c r="C10620">
        <v>2</v>
      </c>
      <c r="D10620">
        <v>0</v>
      </c>
    </row>
    <row r="10621" spans="1:4" x14ac:dyDescent="0.25">
      <c r="A10621" t="s">
        <v>15828</v>
      </c>
      <c r="B10621" t="s">
        <v>15829</v>
      </c>
      <c r="C10621">
        <v>2</v>
      </c>
      <c r="D10621">
        <v>0</v>
      </c>
    </row>
    <row r="10622" spans="1:4" x14ac:dyDescent="0.25">
      <c r="A10622" t="s">
        <v>15830</v>
      </c>
      <c r="B10622" t="s">
        <v>2943</v>
      </c>
      <c r="C10622">
        <v>1</v>
      </c>
      <c r="D10622">
        <v>0</v>
      </c>
    </row>
    <row r="10623" spans="1:4" x14ac:dyDescent="0.25">
      <c r="A10623" t="s">
        <v>15831</v>
      </c>
      <c r="B10623" t="s">
        <v>15832</v>
      </c>
      <c r="C10623">
        <v>1</v>
      </c>
      <c r="D10623">
        <v>0</v>
      </c>
    </row>
    <row r="10624" spans="1:4" x14ac:dyDescent="0.25">
      <c r="A10624" t="s">
        <v>15833</v>
      </c>
      <c r="B10624" t="s">
        <v>15834</v>
      </c>
      <c r="C10624">
        <v>1</v>
      </c>
      <c r="D10624">
        <v>0</v>
      </c>
    </row>
    <row r="10625" spans="1:4" x14ac:dyDescent="0.25">
      <c r="A10625" t="s">
        <v>15833</v>
      </c>
      <c r="B10625" t="s">
        <v>15835</v>
      </c>
      <c r="C10625">
        <v>1</v>
      </c>
      <c r="D10625">
        <v>0</v>
      </c>
    </row>
    <row r="10626" spans="1:4" x14ac:dyDescent="0.25">
      <c r="A10626" t="s">
        <v>15836</v>
      </c>
      <c r="B10626" t="s">
        <v>15837</v>
      </c>
      <c r="C10626">
        <v>2</v>
      </c>
      <c r="D10626">
        <v>0</v>
      </c>
    </row>
    <row r="10627" spans="1:4" x14ac:dyDescent="0.25">
      <c r="A10627" t="s">
        <v>15836</v>
      </c>
      <c r="B10627" t="s">
        <v>15838</v>
      </c>
      <c r="C10627">
        <v>1</v>
      </c>
      <c r="D10627">
        <v>0</v>
      </c>
    </row>
    <row r="10628" spans="1:4" x14ac:dyDescent="0.25">
      <c r="A10628" t="s">
        <v>15839</v>
      </c>
      <c r="B10628" t="s">
        <v>15840</v>
      </c>
      <c r="C10628">
        <v>1</v>
      </c>
      <c r="D10628">
        <v>0</v>
      </c>
    </row>
    <row r="10629" spans="1:4" x14ac:dyDescent="0.25">
      <c r="A10629" t="s">
        <v>15841</v>
      </c>
      <c r="B10629" t="s">
        <v>15842</v>
      </c>
      <c r="C10629">
        <v>1</v>
      </c>
      <c r="D10629">
        <v>0</v>
      </c>
    </row>
    <row r="10630" spans="1:4" x14ac:dyDescent="0.25">
      <c r="A10630" t="s">
        <v>15841</v>
      </c>
      <c r="B10630" t="s">
        <v>15843</v>
      </c>
      <c r="C10630">
        <v>1</v>
      </c>
      <c r="D10630">
        <v>0</v>
      </c>
    </row>
    <row r="10631" spans="1:4" x14ac:dyDescent="0.25">
      <c r="A10631" t="s">
        <v>15844</v>
      </c>
      <c r="B10631" t="s">
        <v>843</v>
      </c>
      <c r="C10631">
        <v>1</v>
      </c>
      <c r="D10631">
        <v>0</v>
      </c>
    </row>
    <row r="10632" spans="1:4" x14ac:dyDescent="0.25">
      <c r="A10632" t="s">
        <v>15845</v>
      </c>
      <c r="B10632" t="s">
        <v>2267</v>
      </c>
      <c r="C10632">
        <v>0</v>
      </c>
      <c r="D10632">
        <v>0</v>
      </c>
    </row>
    <row r="10633" spans="1:4" x14ac:dyDescent="0.25">
      <c r="A10633" t="s">
        <v>15845</v>
      </c>
      <c r="B10633" t="s">
        <v>15846</v>
      </c>
      <c r="C10633">
        <v>1</v>
      </c>
      <c r="D10633">
        <v>0</v>
      </c>
    </row>
    <row r="10634" spans="1:4" x14ac:dyDescent="0.25">
      <c r="A10634" t="s">
        <v>15847</v>
      </c>
      <c r="B10634" t="s">
        <v>15848</v>
      </c>
      <c r="C10634">
        <v>0</v>
      </c>
      <c r="D10634">
        <v>0</v>
      </c>
    </row>
    <row r="10635" spans="1:4" x14ac:dyDescent="0.25">
      <c r="A10635" t="s">
        <v>15849</v>
      </c>
      <c r="B10635" t="s">
        <v>7422</v>
      </c>
      <c r="C10635">
        <v>2</v>
      </c>
      <c r="D10635">
        <v>0</v>
      </c>
    </row>
    <row r="10636" spans="1:4" x14ac:dyDescent="0.25">
      <c r="A10636" t="s">
        <v>15850</v>
      </c>
      <c r="B10636" t="s">
        <v>1401</v>
      </c>
      <c r="C10636">
        <v>0</v>
      </c>
      <c r="D10636">
        <v>0</v>
      </c>
    </row>
    <row r="10637" spans="1:4" x14ac:dyDescent="0.25">
      <c r="A10637" t="s">
        <v>15851</v>
      </c>
      <c r="B10637" t="s">
        <v>15852</v>
      </c>
      <c r="C10637">
        <v>1</v>
      </c>
      <c r="D10637">
        <v>0</v>
      </c>
    </row>
    <row r="10638" spans="1:4" x14ac:dyDescent="0.25">
      <c r="A10638" t="s">
        <v>15851</v>
      </c>
      <c r="B10638" t="s">
        <v>969</v>
      </c>
      <c r="C10638">
        <v>0</v>
      </c>
      <c r="D10638">
        <v>0</v>
      </c>
    </row>
    <row r="10639" spans="1:4" x14ac:dyDescent="0.25">
      <c r="A10639" t="s">
        <v>15853</v>
      </c>
      <c r="B10639" t="s">
        <v>3169</v>
      </c>
      <c r="C10639">
        <v>0</v>
      </c>
      <c r="D10639">
        <v>0</v>
      </c>
    </row>
    <row r="10640" spans="1:4" x14ac:dyDescent="0.25">
      <c r="A10640" t="s">
        <v>15854</v>
      </c>
      <c r="B10640" t="s">
        <v>15855</v>
      </c>
      <c r="C10640">
        <v>1</v>
      </c>
      <c r="D10640">
        <v>0</v>
      </c>
    </row>
    <row r="10641" spans="1:4" x14ac:dyDescent="0.25">
      <c r="A10641" t="s">
        <v>15854</v>
      </c>
      <c r="B10641" t="s">
        <v>15856</v>
      </c>
      <c r="C10641">
        <v>0</v>
      </c>
      <c r="D10641">
        <v>0</v>
      </c>
    </row>
    <row r="10642" spans="1:4" x14ac:dyDescent="0.25">
      <c r="A10642" t="s">
        <v>15857</v>
      </c>
      <c r="B10642" t="s">
        <v>15858</v>
      </c>
      <c r="C10642">
        <v>0</v>
      </c>
      <c r="D10642">
        <v>0</v>
      </c>
    </row>
    <row r="10643" spans="1:4" x14ac:dyDescent="0.25">
      <c r="A10643" t="s">
        <v>15859</v>
      </c>
      <c r="B10643" t="s">
        <v>15860</v>
      </c>
      <c r="C10643">
        <v>0</v>
      </c>
      <c r="D10643">
        <v>0</v>
      </c>
    </row>
    <row r="10644" spans="1:4" x14ac:dyDescent="0.25">
      <c r="A10644" t="s">
        <v>15861</v>
      </c>
      <c r="B10644" t="s">
        <v>15862</v>
      </c>
      <c r="C10644">
        <v>2</v>
      </c>
      <c r="D10644">
        <v>0</v>
      </c>
    </row>
    <row r="10645" spans="1:4" x14ac:dyDescent="0.25">
      <c r="A10645" t="s">
        <v>15861</v>
      </c>
      <c r="B10645" t="s">
        <v>15863</v>
      </c>
      <c r="C10645">
        <v>2</v>
      </c>
      <c r="D10645">
        <v>0</v>
      </c>
    </row>
    <row r="10646" spans="1:4" x14ac:dyDescent="0.25">
      <c r="A10646" t="s">
        <v>15861</v>
      </c>
      <c r="B10646" t="s">
        <v>15864</v>
      </c>
      <c r="C10646">
        <v>2</v>
      </c>
      <c r="D10646">
        <v>0</v>
      </c>
    </row>
    <row r="10647" spans="1:4" x14ac:dyDescent="0.25">
      <c r="A10647" t="s">
        <v>15865</v>
      </c>
      <c r="B10647" t="s">
        <v>15866</v>
      </c>
      <c r="C10647">
        <v>2</v>
      </c>
      <c r="D10647">
        <v>0</v>
      </c>
    </row>
    <row r="10648" spans="1:4" x14ac:dyDescent="0.25">
      <c r="A10648" t="s">
        <v>15867</v>
      </c>
      <c r="B10648" t="s">
        <v>15868</v>
      </c>
      <c r="C10648">
        <v>1</v>
      </c>
      <c r="D10648">
        <v>0</v>
      </c>
    </row>
    <row r="10649" spans="1:4" x14ac:dyDescent="0.25">
      <c r="A10649" t="s">
        <v>15867</v>
      </c>
      <c r="B10649" t="s">
        <v>15869</v>
      </c>
      <c r="C10649">
        <v>0</v>
      </c>
      <c r="D10649">
        <v>0</v>
      </c>
    </row>
    <row r="10650" spans="1:4" x14ac:dyDescent="0.25">
      <c r="A10650" t="s">
        <v>15870</v>
      </c>
      <c r="B10650" t="s">
        <v>15871</v>
      </c>
      <c r="C10650">
        <v>1</v>
      </c>
      <c r="D10650">
        <v>0</v>
      </c>
    </row>
    <row r="10651" spans="1:4" x14ac:dyDescent="0.25">
      <c r="A10651" t="s">
        <v>15870</v>
      </c>
      <c r="B10651" t="s">
        <v>15872</v>
      </c>
      <c r="C10651">
        <v>0</v>
      </c>
      <c r="D10651">
        <v>0</v>
      </c>
    </row>
    <row r="10652" spans="1:4" x14ac:dyDescent="0.25">
      <c r="A10652" t="s">
        <v>15873</v>
      </c>
      <c r="B10652" t="s">
        <v>1401</v>
      </c>
      <c r="C10652">
        <v>0</v>
      </c>
      <c r="D10652">
        <v>0</v>
      </c>
    </row>
    <row r="10653" spans="1:4" x14ac:dyDescent="0.25">
      <c r="A10653" t="s">
        <v>15873</v>
      </c>
      <c r="B10653" t="s">
        <v>15874</v>
      </c>
      <c r="C10653">
        <v>1</v>
      </c>
      <c r="D10653">
        <v>0</v>
      </c>
    </row>
    <row r="10654" spans="1:4" x14ac:dyDescent="0.25">
      <c r="A10654" t="s">
        <v>15875</v>
      </c>
      <c r="B10654" t="s">
        <v>15876</v>
      </c>
      <c r="C10654">
        <v>0</v>
      </c>
      <c r="D10654">
        <v>0</v>
      </c>
    </row>
    <row r="10655" spans="1:4" x14ac:dyDescent="0.25">
      <c r="A10655" t="s">
        <v>15875</v>
      </c>
      <c r="B10655" t="s">
        <v>1938</v>
      </c>
      <c r="C10655">
        <v>0</v>
      </c>
      <c r="D10655">
        <v>0</v>
      </c>
    </row>
    <row r="10656" spans="1:4" x14ac:dyDescent="0.25">
      <c r="A10656" t="s">
        <v>15877</v>
      </c>
      <c r="B10656" t="s">
        <v>15878</v>
      </c>
      <c r="C10656">
        <v>0</v>
      </c>
      <c r="D10656">
        <v>0</v>
      </c>
    </row>
    <row r="10657" spans="1:4" x14ac:dyDescent="0.25">
      <c r="A10657" t="s">
        <v>15879</v>
      </c>
      <c r="B10657" t="s">
        <v>15880</v>
      </c>
      <c r="C10657">
        <v>1</v>
      </c>
      <c r="D10657">
        <v>0</v>
      </c>
    </row>
    <row r="10658" spans="1:4" x14ac:dyDescent="0.25">
      <c r="A10658" t="s">
        <v>15879</v>
      </c>
      <c r="B10658" t="s">
        <v>15881</v>
      </c>
      <c r="C10658">
        <v>1</v>
      </c>
      <c r="D10658">
        <v>0</v>
      </c>
    </row>
    <row r="10659" spans="1:4" x14ac:dyDescent="0.25">
      <c r="A10659" t="s">
        <v>15882</v>
      </c>
      <c r="B10659" t="s">
        <v>15883</v>
      </c>
      <c r="C10659">
        <v>1</v>
      </c>
      <c r="D10659">
        <v>0</v>
      </c>
    </row>
    <row r="10660" spans="1:4" x14ac:dyDescent="0.25">
      <c r="A10660" t="s">
        <v>15882</v>
      </c>
      <c r="B10660" t="s">
        <v>15884</v>
      </c>
      <c r="C10660">
        <v>2</v>
      </c>
      <c r="D10660">
        <v>0</v>
      </c>
    </row>
    <row r="10661" spans="1:4" x14ac:dyDescent="0.25">
      <c r="A10661" t="s">
        <v>15882</v>
      </c>
      <c r="B10661" t="s">
        <v>15885</v>
      </c>
      <c r="C10661">
        <v>2</v>
      </c>
      <c r="D10661">
        <v>0</v>
      </c>
    </row>
    <row r="10662" spans="1:4" x14ac:dyDescent="0.25">
      <c r="A10662" t="s">
        <v>15886</v>
      </c>
      <c r="B10662" t="s">
        <v>15887</v>
      </c>
      <c r="C10662">
        <v>1</v>
      </c>
      <c r="D10662">
        <v>0</v>
      </c>
    </row>
    <row r="10663" spans="1:4" x14ac:dyDescent="0.25">
      <c r="A10663" t="s">
        <v>15886</v>
      </c>
      <c r="B10663" t="s">
        <v>15888</v>
      </c>
      <c r="C10663">
        <v>2</v>
      </c>
      <c r="D10663">
        <v>0</v>
      </c>
    </row>
    <row r="10664" spans="1:4" x14ac:dyDescent="0.25">
      <c r="A10664" t="s">
        <v>15889</v>
      </c>
      <c r="B10664" t="s">
        <v>15890</v>
      </c>
      <c r="C10664">
        <v>2</v>
      </c>
      <c r="D10664">
        <v>0</v>
      </c>
    </row>
    <row r="10665" spans="1:4" x14ac:dyDescent="0.25">
      <c r="A10665" t="s">
        <v>15889</v>
      </c>
      <c r="B10665" t="s">
        <v>15891</v>
      </c>
      <c r="C10665">
        <v>1</v>
      </c>
      <c r="D10665">
        <v>0</v>
      </c>
    </row>
    <row r="10666" spans="1:4" x14ac:dyDescent="0.25">
      <c r="A10666" t="s">
        <v>15889</v>
      </c>
      <c r="B10666" t="s">
        <v>15892</v>
      </c>
      <c r="C10666">
        <v>0</v>
      </c>
      <c r="D10666">
        <v>0</v>
      </c>
    </row>
    <row r="10667" spans="1:4" x14ac:dyDescent="0.25">
      <c r="A10667" t="s">
        <v>15893</v>
      </c>
      <c r="B10667" t="s">
        <v>15894</v>
      </c>
      <c r="C10667">
        <v>0</v>
      </c>
      <c r="D10667">
        <v>0</v>
      </c>
    </row>
    <row r="10668" spans="1:4" x14ac:dyDescent="0.25">
      <c r="A10668" t="s">
        <v>15895</v>
      </c>
      <c r="B10668" t="s">
        <v>15896</v>
      </c>
      <c r="C10668">
        <v>1</v>
      </c>
      <c r="D10668">
        <v>0</v>
      </c>
    </row>
    <row r="10669" spans="1:4" x14ac:dyDescent="0.25">
      <c r="A10669" t="s">
        <v>15897</v>
      </c>
      <c r="B10669" t="s">
        <v>15898</v>
      </c>
      <c r="C10669">
        <v>2</v>
      </c>
      <c r="D10669">
        <v>0</v>
      </c>
    </row>
    <row r="10670" spans="1:4" x14ac:dyDescent="0.25">
      <c r="A10670" t="s">
        <v>15897</v>
      </c>
      <c r="B10670" t="s">
        <v>3169</v>
      </c>
      <c r="C10670">
        <v>0</v>
      </c>
      <c r="D10670">
        <v>0</v>
      </c>
    </row>
    <row r="10671" spans="1:4" x14ac:dyDescent="0.25">
      <c r="A10671" t="s">
        <v>15897</v>
      </c>
      <c r="B10671" t="s">
        <v>15899</v>
      </c>
      <c r="C10671">
        <v>2</v>
      </c>
      <c r="D10671">
        <v>0</v>
      </c>
    </row>
    <row r="10672" spans="1:4" x14ac:dyDescent="0.25">
      <c r="A10672" t="s">
        <v>15900</v>
      </c>
      <c r="B10672" t="s">
        <v>15901</v>
      </c>
      <c r="C10672">
        <v>1</v>
      </c>
      <c r="D10672">
        <v>0</v>
      </c>
    </row>
    <row r="10673" spans="1:4" x14ac:dyDescent="0.25">
      <c r="A10673" t="s">
        <v>15902</v>
      </c>
      <c r="B10673" t="s">
        <v>15903</v>
      </c>
      <c r="C10673">
        <v>1</v>
      </c>
      <c r="D10673">
        <v>0</v>
      </c>
    </row>
    <row r="10674" spans="1:4" x14ac:dyDescent="0.25">
      <c r="A10674" t="s">
        <v>15902</v>
      </c>
      <c r="B10674" t="s">
        <v>15904</v>
      </c>
      <c r="C10674">
        <v>1</v>
      </c>
      <c r="D10674">
        <v>0</v>
      </c>
    </row>
    <row r="10675" spans="1:4" x14ac:dyDescent="0.25">
      <c r="A10675" t="s">
        <v>15905</v>
      </c>
      <c r="B10675" t="s">
        <v>15906</v>
      </c>
      <c r="C10675">
        <v>2</v>
      </c>
      <c r="D10675">
        <v>0</v>
      </c>
    </row>
    <row r="10676" spans="1:4" x14ac:dyDescent="0.25">
      <c r="A10676" t="s">
        <v>15905</v>
      </c>
      <c r="B10676" t="s">
        <v>15907</v>
      </c>
      <c r="C10676">
        <v>0</v>
      </c>
      <c r="D10676">
        <v>0</v>
      </c>
    </row>
    <row r="10677" spans="1:4" x14ac:dyDescent="0.25">
      <c r="A10677" t="s">
        <v>15905</v>
      </c>
      <c r="B10677" t="s">
        <v>15908</v>
      </c>
      <c r="C10677">
        <v>0</v>
      </c>
      <c r="D10677">
        <v>0</v>
      </c>
    </row>
    <row r="10678" spans="1:4" x14ac:dyDescent="0.25">
      <c r="A10678" t="s">
        <v>15909</v>
      </c>
      <c r="B10678" t="s">
        <v>15910</v>
      </c>
      <c r="C10678">
        <v>2</v>
      </c>
      <c r="D10678">
        <v>0</v>
      </c>
    </row>
    <row r="10679" spans="1:4" x14ac:dyDescent="0.25">
      <c r="A10679" t="s">
        <v>15909</v>
      </c>
      <c r="B10679" t="s">
        <v>15911</v>
      </c>
      <c r="C10679">
        <v>0</v>
      </c>
      <c r="D10679">
        <v>0</v>
      </c>
    </row>
    <row r="10680" spans="1:4" x14ac:dyDescent="0.25">
      <c r="A10680" t="s">
        <v>15909</v>
      </c>
      <c r="B10680" t="s">
        <v>15912</v>
      </c>
      <c r="C10680">
        <v>0</v>
      </c>
      <c r="D10680">
        <v>0</v>
      </c>
    </row>
    <row r="10681" spans="1:4" x14ac:dyDescent="0.25">
      <c r="A10681" t="s">
        <v>15913</v>
      </c>
      <c r="B10681" t="s">
        <v>13381</v>
      </c>
      <c r="C10681">
        <v>1</v>
      </c>
      <c r="D10681">
        <v>0</v>
      </c>
    </row>
    <row r="10682" spans="1:4" x14ac:dyDescent="0.25">
      <c r="A10682" t="s">
        <v>15914</v>
      </c>
      <c r="B10682" t="s">
        <v>15915</v>
      </c>
      <c r="C10682">
        <v>0</v>
      </c>
      <c r="D10682">
        <v>0</v>
      </c>
    </row>
    <row r="10683" spans="1:4" x14ac:dyDescent="0.25">
      <c r="A10683" t="s">
        <v>15914</v>
      </c>
      <c r="B10683" t="s">
        <v>15916</v>
      </c>
      <c r="C10683">
        <v>0</v>
      </c>
      <c r="D10683">
        <v>0</v>
      </c>
    </row>
    <row r="10684" spans="1:4" x14ac:dyDescent="0.25">
      <c r="A10684" t="s">
        <v>15917</v>
      </c>
      <c r="B10684" t="s">
        <v>15918</v>
      </c>
      <c r="C10684">
        <v>2</v>
      </c>
      <c r="D10684">
        <v>0</v>
      </c>
    </row>
    <row r="10685" spans="1:4" x14ac:dyDescent="0.25">
      <c r="A10685" t="s">
        <v>15917</v>
      </c>
      <c r="B10685" t="s">
        <v>15919</v>
      </c>
      <c r="C10685">
        <v>0</v>
      </c>
      <c r="D10685">
        <v>0</v>
      </c>
    </row>
    <row r="10686" spans="1:4" x14ac:dyDescent="0.25">
      <c r="A10686" t="s">
        <v>15917</v>
      </c>
      <c r="B10686" t="s">
        <v>15920</v>
      </c>
      <c r="C10686">
        <v>1</v>
      </c>
      <c r="D10686">
        <v>0</v>
      </c>
    </row>
    <row r="10687" spans="1:4" x14ac:dyDescent="0.25">
      <c r="A10687" t="s">
        <v>15921</v>
      </c>
      <c r="B10687" t="s">
        <v>6333</v>
      </c>
      <c r="C10687">
        <v>1</v>
      </c>
      <c r="D10687">
        <v>0</v>
      </c>
    </row>
    <row r="10688" spans="1:4" x14ac:dyDescent="0.25">
      <c r="A10688" t="s">
        <v>15922</v>
      </c>
      <c r="B10688" t="s">
        <v>15923</v>
      </c>
      <c r="C10688">
        <v>0</v>
      </c>
      <c r="D10688">
        <v>0</v>
      </c>
    </row>
    <row r="10689" spans="1:4" x14ac:dyDescent="0.25">
      <c r="A10689" t="s">
        <v>15922</v>
      </c>
      <c r="B10689" t="s">
        <v>15924</v>
      </c>
      <c r="C10689">
        <v>2</v>
      </c>
      <c r="D10689">
        <v>0</v>
      </c>
    </row>
    <row r="10690" spans="1:4" x14ac:dyDescent="0.25">
      <c r="A10690" t="s">
        <v>15922</v>
      </c>
      <c r="B10690" t="s">
        <v>15925</v>
      </c>
      <c r="C10690">
        <v>1</v>
      </c>
      <c r="D10690">
        <v>0</v>
      </c>
    </row>
    <row r="10691" spans="1:4" x14ac:dyDescent="0.25">
      <c r="A10691" t="s">
        <v>15926</v>
      </c>
      <c r="B10691" t="s">
        <v>15927</v>
      </c>
      <c r="C10691">
        <v>0</v>
      </c>
      <c r="D10691">
        <v>0</v>
      </c>
    </row>
    <row r="10692" spans="1:4" x14ac:dyDescent="0.25">
      <c r="A10692" t="s">
        <v>15926</v>
      </c>
      <c r="B10692" t="s">
        <v>15928</v>
      </c>
      <c r="C10692">
        <v>0</v>
      </c>
      <c r="D10692">
        <v>0</v>
      </c>
    </row>
    <row r="10693" spans="1:4" x14ac:dyDescent="0.25">
      <c r="A10693" t="s">
        <v>15929</v>
      </c>
      <c r="B10693" t="s">
        <v>15930</v>
      </c>
      <c r="C10693">
        <v>1</v>
      </c>
      <c r="D10693">
        <v>0</v>
      </c>
    </row>
    <row r="10694" spans="1:4" x14ac:dyDescent="0.25">
      <c r="A10694" t="s">
        <v>15931</v>
      </c>
      <c r="B10694" t="s">
        <v>15932</v>
      </c>
      <c r="C10694">
        <v>0</v>
      </c>
      <c r="D10694">
        <v>0</v>
      </c>
    </row>
    <row r="10695" spans="1:4" x14ac:dyDescent="0.25">
      <c r="A10695" t="s">
        <v>15931</v>
      </c>
      <c r="B10695" t="s">
        <v>15933</v>
      </c>
      <c r="C10695">
        <v>2</v>
      </c>
      <c r="D10695">
        <v>0</v>
      </c>
    </row>
    <row r="10696" spans="1:4" x14ac:dyDescent="0.25">
      <c r="A10696" t="s">
        <v>15934</v>
      </c>
      <c r="B10696" t="s">
        <v>15935</v>
      </c>
      <c r="C10696">
        <v>0</v>
      </c>
      <c r="D10696">
        <v>0</v>
      </c>
    </row>
    <row r="10697" spans="1:4" x14ac:dyDescent="0.25">
      <c r="A10697" t="s">
        <v>15934</v>
      </c>
      <c r="B10697" t="s">
        <v>15936</v>
      </c>
      <c r="C10697">
        <v>1</v>
      </c>
      <c r="D10697">
        <v>0</v>
      </c>
    </row>
    <row r="10698" spans="1:4" x14ac:dyDescent="0.25">
      <c r="A10698" t="s">
        <v>15937</v>
      </c>
      <c r="B10698" t="s">
        <v>15938</v>
      </c>
      <c r="C10698">
        <v>1</v>
      </c>
      <c r="D10698">
        <v>0</v>
      </c>
    </row>
    <row r="10699" spans="1:4" x14ac:dyDescent="0.25">
      <c r="A10699" t="s">
        <v>15939</v>
      </c>
      <c r="B10699" t="s">
        <v>15940</v>
      </c>
      <c r="C10699">
        <v>1</v>
      </c>
      <c r="D10699">
        <v>0</v>
      </c>
    </row>
    <row r="10700" spans="1:4" x14ac:dyDescent="0.25">
      <c r="A10700" t="s">
        <v>15941</v>
      </c>
      <c r="B10700" t="s">
        <v>15942</v>
      </c>
      <c r="C10700">
        <v>1</v>
      </c>
      <c r="D10700">
        <v>0</v>
      </c>
    </row>
    <row r="10701" spans="1:4" x14ac:dyDescent="0.25">
      <c r="A10701" t="s">
        <v>15941</v>
      </c>
      <c r="B10701" t="s">
        <v>15943</v>
      </c>
      <c r="C10701">
        <v>2</v>
      </c>
      <c r="D10701">
        <v>0</v>
      </c>
    </row>
    <row r="10702" spans="1:4" x14ac:dyDescent="0.25">
      <c r="A10702" t="s">
        <v>15944</v>
      </c>
      <c r="B10702" t="s">
        <v>15945</v>
      </c>
      <c r="C10702">
        <v>0</v>
      </c>
      <c r="D10702">
        <v>0</v>
      </c>
    </row>
    <row r="10703" spans="1:4" x14ac:dyDescent="0.25">
      <c r="A10703" t="s">
        <v>15946</v>
      </c>
      <c r="B10703" t="s">
        <v>15947</v>
      </c>
      <c r="C10703">
        <v>1</v>
      </c>
      <c r="D10703">
        <v>0</v>
      </c>
    </row>
    <row r="10704" spans="1:4" x14ac:dyDescent="0.25">
      <c r="A10704" t="s">
        <v>15948</v>
      </c>
      <c r="B10704" t="s">
        <v>1499</v>
      </c>
      <c r="C10704">
        <v>1</v>
      </c>
      <c r="D10704">
        <v>0</v>
      </c>
    </row>
    <row r="10705" spans="1:4" x14ac:dyDescent="0.25">
      <c r="A10705" t="s">
        <v>15948</v>
      </c>
      <c r="B10705" t="s">
        <v>852</v>
      </c>
      <c r="C10705">
        <v>0</v>
      </c>
      <c r="D10705">
        <v>0</v>
      </c>
    </row>
    <row r="10706" spans="1:4" x14ac:dyDescent="0.25">
      <c r="A10706" t="s">
        <v>15949</v>
      </c>
      <c r="B10706" t="s">
        <v>15950</v>
      </c>
      <c r="C10706">
        <v>0</v>
      </c>
      <c r="D10706">
        <v>0</v>
      </c>
    </row>
    <row r="10707" spans="1:4" x14ac:dyDescent="0.25">
      <c r="A10707" t="s">
        <v>15949</v>
      </c>
      <c r="B10707" t="s">
        <v>15951</v>
      </c>
      <c r="C10707">
        <v>1</v>
      </c>
      <c r="D10707">
        <v>0</v>
      </c>
    </row>
    <row r="10708" spans="1:4" x14ac:dyDescent="0.25">
      <c r="A10708" t="s">
        <v>15952</v>
      </c>
      <c r="B10708" t="s">
        <v>1001</v>
      </c>
      <c r="C10708">
        <v>1</v>
      </c>
      <c r="D10708">
        <v>0</v>
      </c>
    </row>
    <row r="10709" spans="1:4" x14ac:dyDescent="0.25">
      <c r="A10709" t="s">
        <v>15953</v>
      </c>
      <c r="B10709" t="s">
        <v>15954</v>
      </c>
      <c r="C10709">
        <v>1</v>
      </c>
      <c r="D10709">
        <v>0</v>
      </c>
    </row>
    <row r="10710" spans="1:4" x14ac:dyDescent="0.25">
      <c r="A10710" t="s">
        <v>15955</v>
      </c>
      <c r="B10710" t="s">
        <v>15956</v>
      </c>
      <c r="C10710">
        <v>1</v>
      </c>
      <c r="D10710">
        <v>0</v>
      </c>
    </row>
    <row r="10711" spans="1:4" x14ac:dyDescent="0.25">
      <c r="A10711" t="s">
        <v>15957</v>
      </c>
      <c r="B10711" t="s">
        <v>15958</v>
      </c>
      <c r="C10711">
        <v>0</v>
      </c>
      <c r="D10711">
        <v>0</v>
      </c>
    </row>
    <row r="10712" spans="1:4" x14ac:dyDescent="0.25">
      <c r="A10712" t="s">
        <v>15957</v>
      </c>
      <c r="B10712" t="s">
        <v>15959</v>
      </c>
      <c r="C10712">
        <v>1</v>
      </c>
      <c r="D10712">
        <v>0</v>
      </c>
    </row>
    <row r="10713" spans="1:4" x14ac:dyDescent="0.25">
      <c r="A10713" t="s">
        <v>15960</v>
      </c>
      <c r="B10713" t="s">
        <v>11948</v>
      </c>
      <c r="C10713">
        <v>0</v>
      </c>
      <c r="D10713">
        <v>0</v>
      </c>
    </row>
    <row r="10714" spans="1:4" x14ac:dyDescent="0.25">
      <c r="A10714" t="s">
        <v>15960</v>
      </c>
      <c r="B10714" t="s">
        <v>15961</v>
      </c>
      <c r="C10714">
        <v>2</v>
      </c>
      <c r="D10714">
        <v>0</v>
      </c>
    </row>
    <row r="10715" spans="1:4" x14ac:dyDescent="0.25">
      <c r="A10715" t="s">
        <v>15960</v>
      </c>
      <c r="B10715" t="s">
        <v>15962</v>
      </c>
      <c r="C10715">
        <v>0</v>
      </c>
      <c r="D10715">
        <v>0</v>
      </c>
    </row>
    <row r="10716" spans="1:4" x14ac:dyDescent="0.25">
      <c r="A10716" t="s">
        <v>15963</v>
      </c>
      <c r="B10716" t="s">
        <v>15964</v>
      </c>
      <c r="C10716">
        <v>1</v>
      </c>
      <c r="D10716">
        <v>0</v>
      </c>
    </row>
    <row r="10717" spans="1:4" x14ac:dyDescent="0.25">
      <c r="A10717" t="s">
        <v>15965</v>
      </c>
      <c r="B10717" t="s">
        <v>1499</v>
      </c>
      <c r="C10717">
        <v>1</v>
      </c>
      <c r="D10717">
        <v>0</v>
      </c>
    </row>
    <row r="10718" spans="1:4" x14ac:dyDescent="0.25">
      <c r="A10718" t="s">
        <v>15966</v>
      </c>
      <c r="B10718" t="s">
        <v>15967</v>
      </c>
      <c r="C10718">
        <v>1</v>
      </c>
      <c r="D10718">
        <v>0</v>
      </c>
    </row>
    <row r="10719" spans="1:4" x14ac:dyDescent="0.25">
      <c r="A10719" t="s">
        <v>15968</v>
      </c>
      <c r="B10719" t="s">
        <v>15969</v>
      </c>
      <c r="C10719">
        <v>2</v>
      </c>
      <c r="D10719">
        <v>0</v>
      </c>
    </row>
    <row r="10720" spans="1:4" x14ac:dyDescent="0.25">
      <c r="A10720" t="s">
        <v>15968</v>
      </c>
      <c r="B10720" t="s">
        <v>15970</v>
      </c>
      <c r="C10720">
        <v>1</v>
      </c>
      <c r="D10720">
        <v>0</v>
      </c>
    </row>
    <row r="10721" spans="1:4" x14ac:dyDescent="0.25">
      <c r="A10721" t="s">
        <v>15971</v>
      </c>
      <c r="B10721" t="s">
        <v>1001</v>
      </c>
      <c r="C10721">
        <v>1</v>
      </c>
      <c r="D10721">
        <v>0</v>
      </c>
    </row>
    <row r="10722" spans="1:4" x14ac:dyDescent="0.25">
      <c r="A10722" t="s">
        <v>15972</v>
      </c>
      <c r="B10722" t="s">
        <v>15973</v>
      </c>
      <c r="C10722">
        <v>1</v>
      </c>
      <c r="D10722">
        <v>0</v>
      </c>
    </row>
    <row r="10723" spans="1:4" x14ac:dyDescent="0.25">
      <c r="A10723" t="s">
        <v>15974</v>
      </c>
      <c r="B10723" t="s">
        <v>15975</v>
      </c>
      <c r="C10723">
        <v>0</v>
      </c>
      <c r="D10723">
        <v>0</v>
      </c>
    </row>
    <row r="10724" spans="1:4" x14ac:dyDescent="0.25">
      <c r="A10724" t="s">
        <v>15976</v>
      </c>
      <c r="B10724" t="s">
        <v>15977</v>
      </c>
      <c r="C10724">
        <v>1</v>
      </c>
      <c r="D10724">
        <v>0</v>
      </c>
    </row>
    <row r="10725" spans="1:4" x14ac:dyDescent="0.25">
      <c r="A10725" t="s">
        <v>15978</v>
      </c>
      <c r="B10725" t="s">
        <v>968</v>
      </c>
      <c r="C10725">
        <v>1</v>
      </c>
      <c r="D10725">
        <v>0</v>
      </c>
    </row>
    <row r="10726" spans="1:4" x14ac:dyDescent="0.25">
      <c r="A10726" t="s">
        <v>15978</v>
      </c>
      <c r="B10726" t="s">
        <v>15979</v>
      </c>
      <c r="C10726">
        <v>1</v>
      </c>
      <c r="D10726">
        <v>0</v>
      </c>
    </row>
    <row r="10727" spans="1:4" x14ac:dyDescent="0.25">
      <c r="A10727" t="s">
        <v>15980</v>
      </c>
      <c r="B10727" t="s">
        <v>15981</v>
      </c>
      <c r="C10727">
        <v>2</v>
      </c>
      <c r="D10727">
        <v>0</v>
      </c>
    </row>
    <row r="10728" spans="1:4" x14ac:dyDescent="0.25">
      <c r="A10728" t="s">
        <v>15980</v>
      </c>
      <c r="B10728" t="s">
        <v>1246</v>
      </c>
      <c r="C10728">
        <v>0</v>
      </c>
      <c r="D10728">
        <v>0</v>
      </c>
    </row>
    <row r="10729" spans="1:4" x14ac:dyDescent="0.25">
      <c r="A10729" t="s">
        <v>15982</v>
      </c>
      <c r="B10729" t="s">
        <v>15983</v>
      </c>
      <c r="C10729">
        <v>2</v>
      </c>
      <c r="D10729">
        <v>0</v>
      </c>
    </row>
    <row r="10730" spans="1:4" x14ac:dyDescent="0.25">
      <c r="A10730" t="s">
        <v>15984</v>
      </c>
      <c r="B10730" t="s">
        <v>15985</v>
      </c>
      <c r="C10730">
        <v>1</v>
      </c>
      <c r="D10730">
        <v>0</v>
      </c>
    </row>
    <row r="10731" spans="1:4" x14ac:dyDescent="0.25">
      <c r="A10731" t="s">
        <v>15986</v>
      </c>
      <c r="B10731" t="s">
        <v>15987</v>
      </c>
      <c r="C10731">
        <v>2</v>
      </c>
      <c r="D10731">
        <v>0</v>
      </c>
    </row>
    <row r="10732" spans="1:4" x14ac:dyDescent="0.25">
      <c r="A10732" t="s">
        <v>15986</v>
      </c>
      <c r="B10732" t="s">
        <v>15988</v>
      </c>
      <c r="C10732">
        <v>0</v>
      </c>
      <c r="D10732">
        <v>0</v>
      </c>
    </row>
    <row r="10733" spans="1:4" x14ac:dyDescent="0.25">
      <c r="A10733" t="s">
        <v>15986</v>
      </c>
      <c r="B10733" t="s">
        <v>15989</v>
      </c>
      <c r="C10733">
        <v>0</v>
      </c>
      <c r="D10733">
        <v>0</v>
      </c>
    </row>
    <row r="10734" spans="1:4" x14ac:dyDescent="0.25">
      <c r="A10734" t="s">
        <v>15990</v>
      </c>
      <c r="B10734" t="s">
        <v>15991</v>
      </c>
      <c r="C10734">
        <v>1</v>
      </c>
      <c r="D10734">
        <v>0</v>
      </c>
    </row>
    <row r="10735" spans="1:4" x14ac:dyDescent="0.25">
      <c r="A10735" t="s">
        <v>15992</v>
      </c>
      <c r="B10735" t="s">
        <v>15993</v>
      </c>
      <c r="C10735">
        <v>0</v>
      </c>
      <c r="D10735">
        <v>0</v>
      </c>
    </row>
    <row r="10736" spans="1:4" x14ac:dyDescent="0.25">
      <c r="A10736" t="s">
        <v>15992</v>
      </c>
      <c r="B10736" t="s">
        <v>15994</v>
      </c>
      <c r="C10736">
        <v>1</v>
      </c>
      <c r="D10736">
        <v>0</v>
      </c>
    </row>
    <row r="10737" spans="1:4" x14ac:dyDescent="0.25">
      <c r="A10737" t="s">
        <v>15995</v>
      </c>
      <c r="B10737" t="s">
        <v>15996</v>
      </c>
      <c r="C10737">
        <v>1</v>
      </c>
      <c r="D10737">
        <v>0</v>
      </c>
    </row>
    <row r="10738" spans="1:4" x14ac:dyDescent="0.25">
      <c r="A10738" t="s">
        <v>15997</v>
      </c>
      <c r="B10738" t="s">
        <v>15998</v>
      </c>
      <c r="C10738">
        <v>0</v>
      </c>
      <c r="D10738">
        <v>0</v>
      </c>
    </row>
    <row r="10739" spans="1:4" x14ac:dyDescent="0.25">
      <c r="A10739" t="s">
        <v>15997</v>
      </c>
      <c r="B10739" t="s">
        <v>4684</v>
      </c>
      <c r="C10739">
        <v>0</v>
      </c>
      <c r="D10739">
        <v>0</v>
      </c>
    </row>
    <row r="10740" spans="1:4" x14ac:dyDescent="0.25">
      <c r="A10740" t="s">
        <v>15997</v>
      </c>
      <c r="B10740" t="s">
        <v>15999</v>
      </c>
      <c r="C10740">
        <v>1</v>
      </c>
      <c r="D10740">
        <v>0</v>
      </c>
    </row>
    <row r="10741" spans="1:4" x14ac:dyDescent="0.25">
      <c r="A10741" t="s">
        <v>16000</v>
      </c>
      <c r="B10741" t="s">
        <v>16001</v>
      </c>
      <c r="C10741">
        <v>1</v>
      </c>
      <c r="D10741">
        <v>0</v>
      </c>
    </row>
    <row r="10742" spans="1:4" x14ac:dyDescent="0.25">
      <c r="A10742" t="s">
        <v>16002</v>
      </c>
      <c r="B10742" t="s">
        <v>16003</v>
      </c>
      <c r="C10742">
        <v>1</v>
      </c>
      <c r="D10742">
        <v>0</v>
      </c>
    </row>
    <row r="10743" spans="1:4" x14ac:dyDescent="0.25">
      <c r="A10743" t="s">
        <v>16002</v>
      </c>
      <c r="B10743" t="s">
        <v>16004</v>
      </c>
      <c r="C10743">
        <v>2</v>
      </c>
      <c r="D10743">
        <v>0</v>
      </c>
    </row>
    <row r="10744" spans="1:4" x14ac:dyDescent="0.25">
      <c r="A10744" t="s">
        <v>16002</v>
      </c>
      <c r="B10744" t="s">
        <v>16005</v>
      </c>
      <c r="C10744">
        <v>1</v>
      </c>
      <c r="D10744">
        <v>0</v>
      </c>
    </row>
    <row r="10745" spans="1:4" x14ac:dyDescent="0.25">
      <c r="A10745" t="s">
        <v>16006</v>
      </c>
      <c r="B10745" t="s">
        <v>1101</v>
      </c>
      <c r="C10745">
        <v>1</v>
      </c>
      <c r="D10745">
        <v>0</v>
      </c>
    </row>
    <row r="10746" spans="1:4" x14ac:dyDescent="0.25">
      <c r="A10746" t="s">
        <v>16007</v>
      </c>
      <c r="B10746" t="s">
        <v>16008</v>
      </c>
      <c r="C10746">
        <v>2</v>
      </c>
      <c r="D10746">
        <v>0</v>
      </c>
    </row>
    <row r="10747" spans="1:4" x14ac:dyDescent="0.25">
      <c r="A10747" t="s">
        <v>16007</v>
      </c>
      <c r="B10747" t="s">
        <v>16009</v>
      </c>
      <c r="C10747">
        <v>0</v>
      </c>
      <c r="D10747">
        <v>0</v>
      </c>
    </row>
    <row r="10748" spans="1:4" x14ac:dyDescent="0.25">
      <c r="A10748" t="s">
        <v>16010</v>
      </c>
      <c r="B10748" t="s">
        <v>16011</v>
      </c>
      <c r="C10748">
        <v>1</v>
      </c>
      <c r="D10748">
        <v>0</v>
      </c>
    </row>
    <row r="10749" spans="1:4" x14ac:dyDescent="0.25">
      <c r="A10749" t="s">
        <v>16010</v>
      </c>
      <c r="B10749" t="s">
        <v>843</v>
      </c>
      <c r="C10749">
        <v>1</v>
      </c>
      <c r="D10749">
        <v>0</v>
      </c>
    </row>
    <row r="10750" spans="1:4" x14ac:dyDescent="0.25">
      <c r="A10750" t="s">
        <v>16012</v>
      </c>
      <c r="B10750" t="s">
        <v>16013</v>
      </c>
      <c r="C10750">
        <v>1</v>
      </c>
      <c r="D10750">
        <v>0</v>
      </c>
    </row>
    <row r="10751" spans="1:4" x14ac:dyDescent="0.25">
      <c r="A10751" t="s">
        <v>16012</v>
      </c>
      <c r="B10751" t="s">
        <v>16014</v>
      </c>
      <c r="C10751">
        <v>1</v>
      </c>
      <c r="D10751">
        <v>0</v>
      </c>
    </row>
    <row r="10752" spans="1:4" x14ac:dyDescent="0.25">
      <c r="A10752" t="s">
        <v>16015</v>
      </c>
      <c r="B10752" t="s">
        <v>16016</v>
      </c>
      <c r="C10752">
        <v>1</v>
      </c>
      <c r="D10752">
        <v>0</v>
      </c>
    </row>
    <row r="10753" spans="1:4" x14ac:dyDescent="0.25">
      <c r="A10753" t="s">
        <v>16017</v>
      </c>
      <c r="B10753" t="s">
        <v>16018</v>
      </c>
      <c r="C10753">
        <v>2</v>
      </c>
      <c r="D10753">
        <v>0</v>
      </c>
    </row>
    <row r="10754" spans="1:4" x14ac:dyDescent="0.25">
      <c r="A10754" t="s">
        <v>16017</v>
      </c>
      <c r="B10754" t="s">
        <v>16019</v>
      </c>
      <c r="C10754">
        <v>2</v>
      </c>
      <c r="D10754">
        <v>0</v>
      </c>
    </row>
    <row r="10755" spans="1:4" x14ac:dyDescent="0.25">
      <c r="A10755" t="s">
        <v>16020</v>
      </c>
      <c r="B10755" t="s">
        <v>16021</v>
      </c>
      <c r="C10755">
        <v>1</v>
      </c>
      <c r="D10755">
        <v>0</v>
      </c>
    </row>
    <row r="10756" spans="1:4" x14ac:dyDescent="0.25">
      <c r="A10756" t="s">
        <v>16022</v>
      </c>
      <c r="B10756" t="s">
        <v>1151</v>
      </c>
      <c r="C10756">
        <v>1</v>
      </c>
      <c r="D10756">
        <v>0</v>
      </c>
    </row>
    <row r="10757" spans="1:4" x14ac:dyDescent="0.25">
      <c r="A10757" t="s">
        <v>16023</v>
      </c>
      <c r="B10757" t="s">
        <v>16024</v>
      </c>
      <c r="C10757">
        <v>1</v>
      </c>
      <c r="D10757">
        <v>0</v>
      </c>
    </row>
    <row r="10758" spans="1:4" x14ac:dyDescent="0.25">
      <c r="A10758" t="s">
        <v>16023</v>
      </c>
      <c r="B10758" t="s">
        <v>16025</v>
      </c>
      <c r="C10758">
        <v>1</v>
      </c>
      <c r="D10758">
        <v>0</v>
      </c>
    </row>
    <row r="10759" spans="1:4" x14ac:dyDescent="0.25">
      <c r="A10759" t="s">
        <v>16026</v>
      </c>
      <c r="B10759" t="s">
        <v>16027</v>
      </c>
      <c r="C10759">
        <v>0</v>
      </c>
      <c r="D10759">
        <v>0</v>
      </c>
    </row>
    <row r="10760" spans="1:4" x14ac:dyDescent="0.25">
      <c r="A10760" t="s">
        <v>16028</v>
      </c>
      <c r="B10760" t="s">
        <v>16029</v>
      </c>
      <c r="C10760">
        <v>1</v>
      </c>
      <c r="D10760">
        <v>0</v>
      </c>
    </row>
    <row r="10761" spans="1:4" x14ac:dyDescent="0.25">
      <c r="A10761" t="s">
        <v>16028</v>
      </c>
      <c r="B10761" t="s">
        <v>16030</v>
      </c>
      <c r="C10761">
        <v>2</v>
      </c>
      <c r="D10761">
        <v>0</v>
      </c>
    </row>
    <row r="10762" spans="1:4" x14ac:dyDescent="0.25">
      <c r="A10762" t="s">
        <v>16028</v>
      </c>
      <c r="B10762" t="s">
        <v>16031</v>
      </c>
      <c r="C10762">
        <v>0</v>
      </c>
      <c r="D10762">
        <v>0</v>
      </c>
    </row>
    <row r="10763" spans="1:4" x14ac:dyDescent="0.25">
      <c r="A10763" t="s">
        <v>16032</v>
      </c>
      <c r="B10763" t="s">
        <v>2293</v>
      </c>
      <c r="C10763">
        <v>1</v>
      </c>
      <c r="D10763">
        <v>0</v>
      </c>
    </row>
    <row r="10764" spans="1:4" x14ac:dyDescent="0.25">
      <c r="A10764" t="s">
        <v>16032</v>
      </c>
      <c r="B10764" t="s">
        <v>4303</v>
      </c>
      <c r="C10764">
        <v>0</v>
      </c>
      <c r="D10764">
        <v>0</v>
      </c>
    </row>
    <row r="10765" spans="1:4" x14ac:dyDescent="0.25">
      <c r="A10765" t="s">
        <v>16033</v>
      </c>
      <c r="B10765" t="s">
        <v>16034</v>
      </c>
      <c r="C10765">
        <v>0</v>
      </c>
      <c r="D10765">
        <v>0</v>
      </c>
    </row>
    <row r="10766" spans="1:4" x14ac:dyDescent="0.25">
      <c r="A10766" t="s">
        <v>16033</v>
      </c>
      <c r="B10766" t="s">
        <v>16035</v>
      </c>
      <c r="C10766">
        <v>1</v>
      </c>
      <c r="D10766">
        <v>0</v>
      </c>
    </row>
    <row r="10767" spans="1:4" x14ac:dyDescent="0.25">
      <c r="A10767" t="s">
        <v>16036</v>
      </c>
      <c r="B10767" t="s">
        <v>16037</v>
      </c>
      <c r="C10767">
        <v>1</v>
      </c>
      <c r="D10767">
        <v>0</v>
      </c>
    </row>
    <row r="10768" spans="1:4" x14ac:dyDescent="0.25">
      <c r="A10768" t="s">
        <v>16038</v>
      </c>
      <c r="B10768" t="s">
        <v>16039</v>
      </c>
      <c r="C10768">
        <v>1</v>
      </c>
      <c r="D10768">
        <v>0</v>
      </c>
    </row>
    <row r="10769" spans="1:4" x14ac:dyDescent="0.25">
      <c r="A10769" t="s">
        <v>16040</v>
      </c>
      <c r="B10769" t="s">
        <v>16041</v>
      </c>
      <c r="C10769">
        <v>1</v>
      </c>
      <c r="D10769">
        <v>0</v>
      </c>
    </row>
    <row r="10770" spans="1:4" x14ac:dyDescent="0.25">
      <c r="A10770" t="s">
        <v>16042</v>
      </c>
      <c r="B10770" t="s">
        <v>16043</v>
      </c>
      <c r="C10770">
        <v>2</v>
      </c>
      <c r="D10770">
        <v>0</v>
      </c>
    </row>
    <row r="10771" spans="1:4" x14ac:dyDescent="0.25">
      <c r="A10771" t="s">
        <v>16042</v>
      </c>
      <c r="B10771" t="s">
        <v>16044</v>
      </c>
      <c r="C10771">
        <v>1</v>
      </c>
      <c r="D10771">
        <v>0</v>
      </c>
    </row>
    <row r="10772" spans="1:4" x14ac:dyDescent="0.25">
      <c r="A10772" t="s">
        <v>16045</v>
      </c>
      <c r="B10772" t="s">
        <v>16046</v>
      </c>
      <c r="C10772">
        <v>1</v>
      </c>
      <c r="D10772">
        <v>0</v>
      </c>
    </row>
    <row r="10773" spans="1:4" x14ac:dyDescent="0.25">
      <c r="A10773" t="s">
        <v>16047</v>
      </c>
      <c r="B10773" t="s">
        <v>16048</v>
      </c>
      <c r="C10773">
        <v>2</v>
      </c>
      <c r="D10773">
        <v>0</v>
      </c>
    </row>
    <row r="10774" spans="1:4" x14ac:dyDescent="0.25">
      <c r="A10774" t="s">
        <v>16049</v>
      </c>
      <c r="B10774" t="s">
        <v>16050</v>
      </c>
      <c r="C10774">
        <v>1</v>
      </c>
      <c r="D10774">
        <v>0</v>
      </c>
    </row>
    <row r="10775" spans="1:4" x14ac:dyDescent="0.25">
      <c r="A10775" t="s">
        <v>16051</v>
      </c>
      <c r="B10775" t="s">
        <v>16052</v>
      </c>
      <c r="C10775">
        <v>1</v>
      </c>
      <c r="D10775">
        <v>0</v>
      </c>
    </row>
    <row r="10776" spans="1:4" x14ac:dyDescent="0.25">
      <c r="A10776" t="s">
        <v>16051</v>
      </c>
      <c r="B10776" t="s">
        <v>16053</v>
      </c>
      <c r="C10776">
        <v>1</v>
      </c>
      <c r="D10776">
        <v>0</v>
      </c>
    </row>
    <row r="10777" spans="1:4" x14ac:dyDescent="0.25">
      <c r="A10777" t="s">
        <v>16054</v>
      </c>
      <c r="B10777" t="s">
        <v>16055</v>
      </c>
      <c r="C10777">
        <v>0</v>
      </c>
      <c r="D10777">
        <v>0</v>
      </c>
    </row>
    <row r="10778" spans="1:4" x14ac:dyDescent="0.25">
      <c r="A10778" t="s">
        <v>16056</v>
      </c>
      <c r="B10778" t="s">
        <v>16057</v>
      </c>
      <c r="C10778">
        <v>1</v>
      </c>
      <c r="D10778">
        <v>0</v>
      </c>
    </row>
    <row r="10779" spans="1:4" x14ac:dyDescent="0.25">
      <c r="A10779" t="s">
        <v>16056</v>
      </c>
      <c r="B10779" t="s">
        <v>16058</v>
      </c>
      <c r="C10779">
        <v>0</v>
      </c>
      <c r="D10779">
        <v>0</v>
      </c>
    </row>
    <row r="10780" spans="1:4" x14ac:dyDescent="0.25">
      <c r="A10780" t="s">
        <v>16059</v>
      </c>
      <c r="B10780" t="s">
        <v>16060</v>
      </c>
      <c r="C10780">
        <v>1</v>
      </c>
      <c r="D10780">
        <v>0</v>
      </c>
    </row>
    <row r="10781" spans="1:4" x14ac:dyDescent="0.25">
      <c r="A10781" t="s">
        <v>16059</v>
      </c>
      <c r="B10781" t="s">
        <v>16061</v>
      </c>
      <c r="C10781">
        <v>1</v>
      </c>
      <c r="D10781">
        <v>0</v>
      </c>
    </row>
    <row r="10782" spans="1:4" x14ac:dyDescent="0.25">
      <c r="A10782" t="s">
        <v>16059</v>
      </c>
      <c r="B10782" t="s">
        <v>16062</v>
      </c>
      <c r="C10782">
        <v>1</v>
      </c>
      <c r="D10782">
        <v>0</v>
      </c>
    </row>
    <row r="10783" spans="1:4" x14ac:dyDescent="0.25">
      <c r="A10783" t="s">
        <v>16063</v>
      </c>
      <c r="B10783" t="s">
        <v>16064</v>
      </c>
      <c r="C10783">
        <v>2</v>
      </c>
      <c r="D10783">
        <v>0</v>
      </c>
    </row>
    <row r="10784" spans="1:4" x14ac:dyDescent="0.25">
      <c r="A10784" t="s">
        <v>16065</v>
      </c>
      <c r="B10784" t="s">
        <v>16066</v>
      </c>
      <c r="C10784">
        <v>2</v>
      </c>
      <c r="D10784">
        <v>0</v>
      </c>
    </row>
    <row r="10785" spans="1:4" x14ac:dyDescent="0.25">
      <c r="A10785" t="s">
        <v>16065</v>
      </c>
      <c r="B10785" t="s">
        <v>16067</v>
      </c>
      <c r="C10785">
        <v>0</v>
      </c>
      <c r="D10785">
        <v>0</v>
      </c>
    </row>
    <row r="10786" spans="1:4" x14ac:dyDescent="0.25">
      <c r="A10786" t="s">
        <v>16068</v>
      </c>
      <c r="B10786" t="s">
        <v>16069</v>
      </c>
      <c r="C10786">
        <v>2</v>
      </c>
      <c r="D10786">
        <v>0</v>
      </c>
    </row>
    <row r="10787" spans="1:4" x14ac:dyDescent="0.25">
      <c r="A10787" t="s">
        <v>16068</v>
      </c>
      <c r="B10787" t="s">
        <v>16070</v>
      </c>
      <c r="C10787">
        <v>2</v>
      </c>
      <c r="D10787">
        <v>0</v>
      </c>
    </row>
    <row r="10788" spans="1:4" x14ac:dyDescent="0.25">
      <c r="A10788" t="s">
        <v>16068</v>
      </c>
      <c r="B10788" t="s">
        <v>16071</v>
      </c>
      <c r="C10788">
        <v>1</v>
      </c>
      <c r="D10788">
        <v>0</v>
      </c>
    </row>
    <row r="10789" spans="1:4" x14ac:dyDescent="0.25">
      <c r="A10789" t="s">
        <v>16072</v>
      </c>
      <c r="B10789" t="s">
        <v>16073</v>
      </c>
      <c r="C10789">
        <v>0</v>
      </c>
      <c r="D10789">
        <v>0</v>
      </c>
    </row>
    <row r="10790" spans="1:4" x14ac:dyDescent="0.25">
      <c r="A10790" t="s">
        <v>16074</v>
      </c>
      <c r="B10790" t="s">
        <v>16075</v>
      </c>
      <c r="C10790">
        <v>0</v>
      </c>
      <c r="D10790">
        <v>0</v>
      </c>
    </row>
    <row r="10791" spans="1:4" x14ac:dyDescent="0.25">
      <c r="A10791" t="s">
        <v>16074</v>
      </c>
      <c r="B10791" t="s">
        <v>16076</v>
      </c>
      <c r="C10791">
        <v>2</v>
      </c>
      <c r="D10791">
        <v>0</v>
      </c>
    </row>
    <row r="10792" spans="1:4" x14ac:dyDescent="0.25">
      <c r="A10792" t="s">
        <v>16077</v>
      </c>
      <c r="B10792" t="s">
        <v>16078</v>
      </c>
      <c r="C10792">
        <v>1</v>
      </c>
      <c r="D10792">
        <v>0</v>
      </c>
    </row>
    <row r="10793" spans="1:4" x14ac:dyDescent="0.25">
      <c r="A10793" t="s">
        <v>16077</v>
      </c>
      <c r="B10793" t="s">
        <v>16079</v>
      </c>
      <c r="C10793">
        <v>2</v>
      </c>
      <c r="D10793">
        <v>0</v>
      </c>
    </row>
    <row r="10794" spans="1:4" x14ac:dyDescent="0.25">
      <c r="A10794" t="s">
        <v>16080</v>
      </c>
      <c r="B10794" t="s">
        <v>16081</v>
      </c>
      <c r="C10794">
        <v>0</v>
      </c>
      <c r="D10794">
        <v>0</v>
      </c>
    </row>
    <row r="10795" spans="1:4" x14ac:dyDescent="0.25">
      <c r="A10795" t="s">
        <v>16082</v>
      </c>
      <c r="B10795" t="s">
        <v>1001</v>
      </c>
      <c r="C10795">
        <v>1</v>
      </c>
      <c r="D10795">
        <v>0</v>
      </c>
    </row>
    <row r="10796" spans="1:4" x14ac:dyDescent="0.25">
      <c r="A10796" t="s">
        <v>16083</v>
      </c>
      <c r="B10796" t="s">
        <v>16084</v>
      </c>
      <c r="C10796">
        <v>1</v>
      </c>
      <c r="D10796">
        <v>0</v>
      </c>
    </row>
    <row r="10797" spans="1:4" x14ac:dyDescent="0.25">
      <c r="A10797" t="s">
        <v>16083</v>
      </c>
      <c r="B10797" t="s">
        <v>16085</v>
      </c>
      <c r="C10797">
        <v>0</v>
      </c>
      <c r="D10797">
        <v>0</v>
      </c>
    </row>
    <row r="10798" spans="1:4" x14ac:dyDescent="0.25">
      <c r="A10798" t="s">
        <v>16086</v>
      </c>
      <c r="B10798" t="s">
        <v>16087</v>
      </c>
      <c r="C10798">
        <v>1</v>
      </c>
      <c r="D10798">
        <v>0</v>
      </c>
    </row>
    <row r="10799" spans="1:4" x14ac:dyDescent="0.25">
      <c r="A10799" t="s">
        <v>16088</v>
      </c>
      <c r="B10799" t="s">
        <v>16089</v>
      </c>
      <c r="C10799">
        <v>1</v>
      </c>
      <c r="D10799">
        <v>0</v>
      </c>
    </row>
    <row r="10800" spans="1:4" x14ac:dyDescent="0.25">
      <c r="A10800" t="s">
        <v>16088</v>
      </c>
      <c r="B10800" t="s">
        <v>16090</v>
      </c>
      <c r="C10800">
        <v>0</v>
      </c>
      <c r="D10800">
        <v>0</v>
      </c>
    </row>
    <row r="10801" spans="1:4" x14ac:dyDescent="0.25">
      <c r="A10801" t="s">
        <v>16091</v>
      </c>
      <c r="B10801" t="s">
        <v>16092</v>
      </c>
      <c r="C10801">
        <v>1</v>
      </c>
      <c r="D10801">
        <v>0</v>
      </c>
    </row>
    <row r="10802" spans="1:4" x14ac:dyDescent="0.25">
      <c r="A10802" t="s">
        <v>16091</v>
      </c>
      <c r="B10802" t="s">
        <v>16093</v>
      </c>
      <c r="C10802">
        <v>0</v>
      </c>
      <c r="D10802">
        <v>0</v>
      </c>
    </row>
    <row r="10803" spans="1:4" x14ac:dyDescent="0.25">
      <c r="A10803" t="s">
        <v>16094</v>
      </c>
      <c r="B10803" t="s">
        <v>16095</v>
      </c>
      <c r="C10803">
        <v>1</v>
      </c>
      <c r="D10803">
        <v>0</v>
      </c>
    </row>
    <row r="10804" spans="1:4" x14ac:dyDescent="0.25">
      <c r="A10804" t="s">
        <v>16094</v>
      </c>
      <c r="B10804" t="s">
        <v>16096</v>
      </c>
      <c r="C10804">
        <v>0</v>
      </c>
      <c r="D10804">
        <v>0</v>
      </c>
    </row>
    <row r="10805" spans="1:4" x14ac:dyDescent="0.25">
      <c r="A10805" t="s">
        <v>16097</v>
      </c>
      <c r="B10805" t="s">
        <v>16098</v>
      </c>
      <c r="C10805">
        <v>1</v>
      </c>
      <c r="D10805">
        <v>0</v>
      </c>
    </row>
    <row r="10806" spans="1:4" x14ac:dyDescent="0.25">
      <c r="A10806" t="s">
        <v>16099</v>
      </c>
      <c r="B10806" t="s">
        <v>16100</v>
      </c>
      <c r="C10806">
        <v>2</v>
      </c>
      <c r="D10806">
        <v>0</v>
      </c>
    </row>
    <row r="10807" spans="1:4" x14ac:dyDescent="0.25">
      <c r="A10807" t="s">
        <v>16101</v>
      </c>
      <c r="B10807" t="s">
        <v>16102</v>
      </c>
      <c r="C10807">
        <v>2</v>
      </c>
      <c r="D10807">
        <v>0</v>
      </c>
    </row>
    <row r="10808" spans="1:4" x14ac:dyDescent="0.25">
      <c r="A10808" t="s">
        <v>16101</v>
      </c>
      <c r="B10808" t="s">
        <v>16103</v>
      </c>
      <c r="C10808">
        <v>1</v>
      </c>
      <c r="D10808">
        <v>0</v>
      </c>
    </row>
    <row r="10809" spans="1:4" x14ac:dyDescent="0.25">
      <c r="A10809" t="s">
        <v>16101</v>
      </c>
      <c r="B10809" t="s">
        <v>16104</v>
      </c>
      <c r="C10809">
        <v>2</v>
      </c>
      <c r="D10809">
        <v>0</v>
      </c>
    </row>
    <row r="10810" spans="1:4" x14ac:dyDescent="0.25">
      <c r="A10810" t="s">
        <v>16105</v>
      </c>
      <c r="B10810" t="s">
        <v>1001</v>
      </c>
      <c r="C10810">
        <v>1</v>
      </c>
      <c r="D10810">
        <v>0</v>
      </c>
    </row>
    <row r="10811" spans="1:4" x14ac:dyDescent="0.25">
      <c r="A10811" t="s">
        <v>16105</v>
      </c>
      <c r="B10811" t="s">
        <v>969</v>
      </c>
      <c r="C10811">
        <v>0</v>
      </c>
      <c r="D10811">
        <v>0</v>
      </c>
    </row>
    <row r="10812" spans="1:4" x14ac:dyDescent="0.25">
      <c r="A10812" t="s">
        <v>16105</v>
      </c>
      <c r="B10812" t="s">
        <v>16106</v>
      </c>
      <c r="C10812">
        <v>2</v>
      </c>
      <c r="D10812">
        <v>0</v>
      </c>
    </row>
    <row r="10813" spans="1:4" x14ac:dyDescent="0.25">
      <c r="A10813" t="s">
        <v>16107</v>
      </c>
      <c r="B10813" t="s">
        <v>16108</v>
      </c>
      <c r="C10813">
        <v>1</v>
      </c>
      <c r="D10813">
        <v>0</v>
      </c>
    </row>
    <row r="10814" spans="1:4" x14ac:dyDescent="0.25">
      <c r="A10814" t="s">
        <v>16107</v>
      </c>
      <c r="B10814" t="s">
        <v>16109</v>
      </c>
      <c r="C10814">
        <v>1</v>
      </c>
      <c r="D10814">
        <v>0</v>
      </c>
    </row>
    <row r="10815" spans="1:4" x14ac:dyDescent="0.25">
      <c r="A10815" t="s">
        <v>16110</v>
      </c>
      <c r="B10815" t="s">
        <v>843</v>
      </c>
      <c r="C10815">
        <v>1</v>
      </c>
      <c r="D10815">
        <v>0</v>
      </c>
    </row>
    <row r="10816" spans="1:4" x14ac:dyDescent="0.25">
      <c r="A10816" t="s">
        <v>16111</v>
      </c>
      <c r="B10816" t="s">
        <v>16112</v>
      </c>
      <c r="C10816">
        <v>0</v>
      </c>
      <c r="D10816">
        <v>0</v>
      </c>
    </row>
    <row r="10817" spans="1:4" x14ac:dyDescent="0.25">
      <c r="A10817" t="s">
        <v>16113</v>
      </c>
      <c r="B10817" t="s">
        <v>16114</v>
      </c>
      <c r="C10817">
        <v>1</v>
      </c>
      <c r="D10817">
        <v>0</v>
      </c>
    </row>
    <row r="10818" spans="1:4" x14ac:dyDescent="0.25">
      <c r="A10818" t="s">
        <v>16115</v>
      </c>
      <c r="B10818" t="s">
        <v>852</v>
      </c>
      <c r="C10818">
        <v>0</v>
      </c>
      <c r="D10818">
        <v>0</v>
      </c>
    </row>
    <row r="10819" spans="1:4" x14ac:dyDescent="0.25">
      <c r="A10819" t="s">
        <v>16116</v>
      </c>
      <c r="B10819" t="s">
        <v>16117</v>
      </c>
      <c r="C10819">
        <v>1</v>
      </c>
      <c r="D10819">
        <v>0</v>
      </c>
    </row>
    <row r="10820" spans="1:4" x14ac:dyDescent="0.25">
      <c r="A10820" t="s">
        <v>16116</v>
      </c>
      <c r="B10820" t="s">
        <v>16118</v>
      </c>
      <c r="C10820">
        <v>1</v>
      </c>
      <c r="D10820">
        <v>0</v>
      </c>
    </row>
    <row r="10821" spans="1:4" x14ac:dyDescent="0.25">
      <c r="A10821" t="s">
        <v>16116</v>
      </c>
      <c r="B10821" t="s">
        <v>16119</v>
      </c>
      <c r="C10821">
        <v>0</v>
      </c>
      <c r="D10821">
        <v>0</v>
      </c>
    </row>
    <row r="10822" spans="1:4" x14ac:dyDescent="0.25">
      <c r="A10822" t="s">
        <v>16120</v>
      </c>
      <c r="B10822" t="s">
        <v>16121</v>
      </c>
      <c r="C10822">
        <v>1</v>
      </c>
      <c r="D10822">
        <v>0</v>
      </c>
    </row>
    <row r="10823" spans="1:4" x14ac:dyDescent="0.25">
      <c r="A10823" t="s">
        <v>16120</v>
      </c>
      <c r="B10823" t="s">
        <v>16122</v>
      </c>
      <c r="C10823">
        <v>1</v>
      </c>
      <c r="D10823">
        <v>0</v>
      </c>
    </row>
    <row r="10824" spans="1:4" x14ac:dyDescent="0.25">
      <c r="A10824" t="s">
        <v>16123</v>
      </c>
      <c r="B10824" t="s">
        <v>16124</v>
      </c>
      <c r="C10824">
        <v>1</v>
      </c>
      <c r="D10824">
        <v>0</v>
      </c>
    </row>
    <row r="10825" spans="1:4" x14ac:dyDescent="0.25">
      <c r="A10825" t="s">
        <v>16125</v>
      </c>
      <c r="B10825" t="s">
        <v>1001</v>
      </c>
      <c r="C10825">
        <v>1</v>
      </c>
      <c r="D10825">
        <v>0</v>
      </c>
    </row>
    <row r="10826" spans="1:4" x14ac:dyDescent="0.25">
      <c r="A10826" t="s">
        <v>16125</v>
      </c>
      <c r="B10826" t="s">
        <v>969</v>
      </c>
      <c r="C10826">
        <v>0</v>
      </c>
      <c r="D10826">
        <v>0</v>
      </c>
    </row>
    <row r="10827" spans="1:4" x14ac:dyDescent="0.25">
      <c r="A10827" t="s">
        <v>16126</v>
      </c>
      <c r="B10827" t="s">
        <v>16127</v>
      </c>
      <c r="C10827">
        <v>1</v>
      </c>
      <c r="D10827">
        <v>0</v>
      </c>
    </row>
    <row r="10828" spans="1:4" x14ac:dyDescent="0.25">
      <c r="A10828" t="s">
        <v>16126</v>
      </c>
      <c r="B10828" t="s">
        <v>16128</v>
      </c>
      <c r="C10828">
        <v>1</v>
      </c>
      <c r="D10828">
        <v>0</v>
      </c>
    </row>
    <row r="10829" spans="1:4" x14ac:dyDescent="0.25">
      <c r="A10829" t="s">
        <v>16129</v>
      </c>
      <c r="B10829" t="s">
        <v>16130</v>
      </c>
      <c r="C10829">
        <v>2</v>
      </c>
      <c r="D10829">
        <v>0</v>
      </c>
    </row>
    <row r="10830" spans="1:4" x14ac:dyDescent="0.25">
      <c r="A10830" t="s">
        <v>16129</v>
      </c>
      <c r="B10830" t="s">
        <v>16131</v>
      </c>
      <c r="C10830">
        <v>2</v>
      </c>
      <c r="D10830">
        <v>0</v>
      </c>
    </row>
    <row r="10831" spans="1:4" x14ac:dyDescent="0.25">
      <c r="A10831" t="s">
        <v>16132</v>
      </c>
      <c r="B10831" t="s">
        <v>16133</v>
      </c>
      <c r="C10831">
        <v>0</v>
      </c>
      <c r="D10831">
        <v>0</v>
      </c>
    </row>
    <row r="10832" spans="1:4" x14ac:dyDescent="0.25">
      <c r="A10832" t="s">
        <v>16134</v>
      </c>
      <c r="B10832" t="s">
        <v>16135</v>
      </c>
      <c r="C10832">
        <v>2</v>
      </c>
      <c r="D10832">
        <v>0</v>
      </c>
    </row>
    <row r="10833" spans="1:4" x14ac:dyDescent="0.25">
      <c r="A10833" t="s">
        <v>16134</v>
      </c>
      <c r="B10833" t="s">
        <v>16136</v>
      </c>
      <c r="C10833">
        <v>0</v>
      </c>
      <c r="D10833">
        <v>0</v>
      </c>
    </row>
    <row r="10834" spans="1:4" x14ac:dyDescent="0.25">
      <c r="A10834" t="s">
        <v>16134</v>
      </c>
      <c r="B10834" t="s">
        <v>16137</v>
      </c>
      <c r="C10834">
        <v>2</v>
      </c>
      <c r="D10834">
        <v>0</v>
      </c>
    </row>
    <row r="10835" spans="1:4" x14ac:dyDescent="0.25">
      <c r="A10835" t="s">
        <v>16138</v>
      </c>
      <c r="B10835" t="s">
        <v>16139</v>
      </c>
      <c r="C10835">
        <v>2</v>
      </c>
      <c r="D10835">
        <v>0</v>
      </c>
    </row>
    <row r="10836" spans="1:4" x14ac:dyDescent="0.25">
      <c r="A10836" t="s">
        <v>16140</v>
      </c>
      <c r="B10836" t="s">
        <v>16141</v>
      </c>
      <c r="C10836">
        <v>0</v>
      </c>
      <c r="D10836">
        <v>0</v>
      </c>
    </row>
    <row r="10837" spans="1:4" x14ac:dyDescent="0.25">
      <c r="A10837" t="s">
        <v>16142</v>
      </c>
      <c r="B10837" t="s">
        <v>1499</v>
      </c>
      <c r="C10837">
        <v>1</v>
      </c>
      <c r="D10837">
        <v>0</v>
      </c>
    </row>
    <row r="10838" spans="1:4" x14ac:dyDescent="0.25">
      <c r="A10838" t="s">
        <v>16143</v>
      </c>
      <c r="B10838" t="s">
        <v>16144</v>
      </c>
      <c r="C10838">
        <v>1</v>
      </c>
      <c r="D10838">
        <v>0</v>
      </c>
    </row>
    <row r="10839" spans="1:4" x14ac:dyDescent="0.25">
      <c r="A10839" t="s">
        <v>16143</v>
      </c>
      <c r="B10839" t="s">
        <v>16145</v>
      </c>
      <c r="C10839">
        <v>2</v>
      </c>
      <c r="D10839">
        <v>0</v>
      </c>
    </row>
    <row r="10840" spans="1:4" x14ac:dyDescent="0.25">
      <c r="A10840" t="s">
        <v>16146</v>
      </c>
      <c r="B10840" t="s">
        <v>16147</v>
      </c>
      <c r="C10840">
        <v>1</v>
      </c>
      <c r="D10840">
        <v>0</v>
      </c>
    </row>
    <row r="10841" spans="1:4" x14ac:dyDescent="0.25">
      <c r="A10841" t="s">
        <v>16148</v>
      </c>
      <c r="B10841" t="s">
        <v>16149</v>
      </c>
      <c r="C10841">
        <v>1</v>
      </c>
      <c r="D10841">
        <v>0</v>
      </c>
    </row>
    <row r="10842" spans="1:4" x14ac:dyDescent="0.25">
      <c r="A10842" t="s">
        <v>16148</v>
      </c>
      <c r="B10842" t="s">
        <v>16150</v>
      </c>
      <c r="C10842">
        <v>1</v>
      </c>
      <c r="D10842">
        <v>0</v>
      </c>
    </row>
    <row r="10843" spans="1:4" x14ac:dyDescent="0.25">
      <c r="A10843" t="s">
        <v>16151</v>
      </c>
      <c r="B10843" t="s">
        <v>16152</v>
      </c>
      <c r="C10843">
        <v>1</v>
      </c>
      <c r="D10843">
        <v>0</v>
      </c>
    </row>
    <row r="10844" spans="1:4" x14ac:dyDescent="0.25">
      <c r="A10844" t="s">
        <v>16151</v>
      </c>
      <c r="B10844" t="s">
        <v>16153</v>
      </c>
      <c r="C10844">
        <v>0</v>
      </c>
      <c r="D10844">
        <v>0</v>
      </c>
    </row>
    <row r="10845" spans="1:4" x14ac:dyDescent="0.25">
      <c r="A10845" t="s">
        <v>16154</v>
      </c>
      <c r="B10845" t="s">
        <v>16155</v>
      </c>
      <c r="C10845">
        <v>1</v>
      </c>
      <c r="D10845">
        <v>0</v>
      </c>
    </row>
    <row r="10846" spans="1:4" x14ac:dyDescent="0.25">
      <c r="A10846" t="s">
        <v>16156</v>
      </c>
      <c r="B10846" t="s">
        <v>16157</v>
      </c>
      <c r="C10846">
        <v>1</v>
      </c>
      <c r="D10846">
        <v>0</v>
      </c>
    </row>
    <row r="10847" spans="1:4" x14ac:dyDescent="0.25">
      <c r="A10847" t="s">
        <v>16158</v>
      </c>
      <c r="B10847" t="s">
        <v>16159</v>
      </c>
      <c r="C10847">
        <v>2</v>
      </c>
      <c r="D10847">
        <v>0</v>
      </c>
    </row>
    <row r="10848" spans="1:4" x14ac:dyDescent="0.25">
      <c r="A10848" t="s">
        <v>16158</v>
      </c>
      <c r="B10848" t="s">
        <v>16160</v>
      </c>
      <c r="C10848">
        <v>2</v>
      </c>
      <c r="D10848">
        <v>0</v>
      </c>
    </row>
    <row r="10849" spans="1:4" x14ac:dyDescent="0.25">
      <c r="A10849" t="s">
        <v>16161</v>
      </c>
      <c r="B10849" t="s">
        <v>16162</v>
      </c>
      <c r="C10849">
        <v>0</v>
      </c>
      <c r="D10849">
        <v>0</v>
      </c>
    </row>
    <row r="10850" spans="1:4" x14ac:dyDescent="0.25">
      <c r="A10850" t="s">
        <v>16163</v>
      </c>
      <c r="B10850" t="s">
        <v>16164</v>
      </c>
      <c r="C10850">
        <v>1</v>
      </c>
      <c r="D10850">
        <v>0</v>
      </c>
    </row>
    <row r="10851" spans="1:4" x14ac:dyDescent="0.25">
      <c r="A10851" t="s">
        <v>16163</v>
      </c>
      <c r="B10851" t="s">
        <v>16165</v>
      </c>
      <c r="C10851">
        <v>1</v>
      </c>
      <c r="D10851">
        <v>0</v>
      </c>
    </row>
    <row r="10852" spans="1:4" x14ac:dyDescent="0.25">
      <c r="A10852" t="s">
        <v>16166</v>
      </c>
      <c r="B10852" t="s">
        <v>16167</v>
      </c>
      <c r="C10852">
        <v>1</v>
      </c>
      <c r="D10852">
        <v>0</v>
      </c>
    </row>
    <row r="10853" spans="1:4" x14ac:dyDescent="0.25">
      <c r="A10853" t="s">
        <v>16168</v>
      </c>
      <c r="B10853" t="s">
        <v>16169</v>
      </c>
      <c r="C10853">
        <v>0</v>
      </c>
      <c r="D10853">
        <v>0</v>
      </c>
    </row>
    <row r="10854" spans="1:4" x14ac:dyDescent="0.25">
      <c r="A10854" t="s">
        <v>16170</v>
      </c>
      <c r="B10854" t="s">
        <v>16171</v>
      </c>
      <c r="C10854">
        <v>0</v>
      </c>
      <c r="D10854">
        <v>0</v>
      </c>
    </row>
    <row r="10855" spans="1:4" x14ac:dyDescent="0.25">
      <c r="A10855" t="s">
        <v>16170</v>
      </c>
      <c r="B10855" t="s">
        <v>16172</v>
      </c>
      <c r="C10855">
        <v>2</v>
      </c>
      <c r="D10855">
        <v>0</v>
      </c>
    </row>
    <row r="10856" spans="1:4" x14ac:dyDescent="0.25">
      <c r="A10856" t="s">
        <v>16170</v>
      </c>
      <c r="B10856" t="s">
        <v>16173</v>
      </c>
      <c r="C10856">
        <v>1</v>
      </c>
      <c r="D10856">
        <v>0</v>
      </c>
    </row>
    <row r="10857" spans="1:4" x14ac:dyDescent="0.25">
      <c r="A10857" t="s">
        <v>16174</v>
      </c>
      <c r="B10857" t="s">
        <v>16175</v>
      </c>
      <c r="C10857">
        <v>1</v>
      </c>
      <c r="D10857">
        <v>0</v>
      </c>
    </row>
    <row r="10858" spans="1:4" x14ac:dyDescent="0.25">
      <c r="A10858" t="s">
        <v>16174</v>
      </c>
      <c r="B10858" t="s">
        <v>6837</v>
      </c>
      <c r="C10858">
        <v>1</v>
      </c>
      <c r="D10858">
        <v>0</v>
      </c>
    </row>
    <row r="10859" spans="1:4" x14ac:dyDescent="0.25">
      <c r="A10859" t="s">
        <v>16176</v>
      </c>
      <c r="B10859" t="s">
        <v>852</v>
      </c>
      <c r="C10859">
        <v>0</v>
      </c>
      <c r="D10859">
        <v>0</v>
      </c>
    </row>
    <row r="10860" spans="1:4" x14ac:dyDescent="0.25">
      <c r="A10860" t="s">
        <v>16176</v>
      </c>
      <c r="B10860" t="s">
        <v>16177</v>
      </c>
      <c r="C10860">
        <v>0</v>
      </c>
      <c r="D10860">
        <v>0</v>
      </c>
    </row>
    <row r="10861" spans="1:4" x14ac:dyDescent="0.25">
      <c r="A10861" t="s">
        <v>16178</v>
      </c>
      <c r="B10861" t="s">
        <v>1526</v>
      </c>
      <c r="C10861">
        <v>1</v>
      </c>
      <c r="D10861">
        <v>0</v>
      </c>
    </row>
    <row r="10862" spans="1:4" x14ac:dyDescent="0.25">
      <c r="A10862" t="s">
        <v>16179</v>
      </c>
      <c r="B10862" t="s">
        <v>16180</v>
      </c>
      <c r="C10862">
        <v>2</v>
      </c>
      <c r="D10862">
        <v>0</v>
      </c>
    </row>
    <row r="10863" spans="1:4" x14ac:dyDescent="0.25">
      <c r="A10863" t="s">
        <v>16179</v>
      </c>
      <c r="B10863" t="s">
        <v>16181</v>
      </c>
      <c r="C10863">
        <v>0</v>
      </c>
      <c r="D10863">
        <v>0</v>
      </c>
    </row>
    <row r="10864" spans="1:4" x14ac:dyDescent="0.25">
      <c r="A10864" t="s">
        <v>16179</v>
      </c>
      <c r="B10864" t="s">
        <v>16182</v>
      </c>
      <c r="C10864">
        <v>2</v>
      </c>
      <c r="D10864">
        <v>0</v>
      </c>
    </row>
    <row r="10865" spans="1:4" x14ac:dyDescent="0.25">
      <c r="A10865" t="s">
        <v>16183</v>
      </c>
      <c r="B10865" t="s">
        <v>16184</v>
      </c>
      <c r="C10865">
        <v>2</v>
      </c>
      <c r="D10865">
        <v>0</v>
      </c>
    </row>
    <row r="10866" spans="1:4" x14ac:dyDescent="0.25">
      <c r="A10866" t="s">
        <v>16183</v>
      </c>
      <c r="B10866" t="s">
        <v>16185</v>
      </c>
      <c r="C10866">
        <v>0</v>
      </c>
      <c r="D10866">
        <v>0</v>
      </c>
    </row>
    <row r="10867" spans="1:4" x14ac:dyDescent="0.25">
      <c r="A10867" t="s">
        <v>16186</v>
      </c>
      <c r="B10867" t="s">
        <v>16187</v>
      </c>
      <c r="C10867">
        <v>0</v>
      </c>
      <c r="D10867">
        <v>0</v>
      </c>
    </row>
    <row r="10868" spans="1:4" x14ac:dyDescent="0.25">
      <c r="A10868" t="s">
        <v>16188</v>
      </c>
      <c r="B10868" t="s">
        <v>16189</v>
      </c>
      <c r="C10868">
        <v>2</v>
      </c>
      <c r="D10868">
        <v>0</v>
      </c>
    </row>
    <row r="10869" spans="1:4" x14ac:dyDescent="0.25">
      <c r="A10869" t="s">
        <v>16190</v>
      </c>
      <c r="B10869" t="s">
        <v>16191</v>
      </c>
      <c r="C10869">
        <v>1</v>
      </c>
      <c r="D10869">
        <v>0</v>
      </c>
    </row>
    <row r="10870" spans="1:4" x14ac:dyDescent="0.25">
      <c r="A10870" t="s">
        <v>16190</v>
      </c>
      <c r="B10870" t="s">
        <v>16192</v>
      </c>
      <c r="C10870">
        <v>0</v>
      </c>
      <c r="D10870">
        <v>0</v>
      </c>
    </row>
    <row r="10871" spans="1:4" x14ac:dyDescent="0.25">
      <c r="A10871" t="s">
        <v>16193</v>
      </c>
      <c r="B10871" t="s">
        <v>16194</v>
      </c>
      <c r="C10871">
        <v>1</v>
      </c>
      <c r="D10871">
        <v>0</v>
      </c>
    </row>
    <row r="10872" spans="1:4" x14ac:dyDescent="0.25">
      <c r="A10872" t="s">
        <v>16195</v>
      </c>
      <c r="B10872" t="s">
        <v>16196</v>
      </c>
      <c r="C10872">
        <v>2</v>
      </c>
      <c r="D10872">
        <v>0</v>
      </c>
    </row>
    <row r="10873" spans="1:4" x14ac:dyDescent="0.25">
      <c r="A10873" t="s">
        <v>16197</v>
      </c>
      <c r="B10873" t="s">
        <v>16198</v>
      </c>
      <c r="C10873">
        <v>1</v>
      </c>
      <c r="D10873">
        <v>0</v>
      </c>
    </row>
    <row r="10874" spans="1:4" x14ac:dyDescent="0.25">
      <c r="A10874" t="s">
        <v>16199</v>
      </c>
      <c r="B10874" t="s">
        <v>16200</v>
      </c>
      <c r="C10874">
        <v>0</v>
      </c>
      <c r="D10874">
        <v>0</v>
      </c>
    </row>
    <row r="10875" spans="1:4" x14ac:dyDescent="0.25">
      <c r="A10875" t="s">
        <v>16201</v>
      </c>
      <c r="B10875" t="s">
        <v>16202</v>
      </c>
      <c r="C10875">
        <v>1</v>
      </c>
      <c r="D10875">
        <v>0</v>
      </c>
    </row>
    <row r="10876" spans="1:4" x14ac:dyDescent="0.25">
      <c r="A10876" t="s">
        <v>16201</v>
      </c>
      <c r="B10876" t="s">
        <v>16203</v>
      </c>
      <c r="C10876">
        <v>1</v>
      </c>
      <c r="D10876">
        <v>0</v>
      </c>
    </row>
    <row r="10877" spans="1:4" x14ac:dyDescent="0.25">
      <c r="A10877" t="s">
        <v>16201</v>
      </c>
      <c r="B10877" t="s">
        <v>16204</v>
      </c>
      <c r="C10877">
        <v>0</v>
      </c>
      <c r="D10877">
        <v>0</v>
      </c>
    </row>
    <row r="10878" spans="1:4" x14ac:dyDescent="0.25">
      <c r="A10878" t="s">
        <v>16205</v>
      </c>
      <c r="B10878" t="s">
        <v>16206</v>
      </c>
      <c r="C10878">
        <v>1</v>
      </c>
      <c r="D10878">
        <v>0</v>
      </c>
    </row>
    <row r="10879" spans="1:4" x14ac:dyDescent="0.25">
      <c r="A10879" t="s">
        <v>16207</v>
      </c>
      <c r="B10879" t="s">
        <v>16208</v>
      </c>
      <c r="C10879">
        <v>1</v>
      </c>
      <c r="D10879">
        <v>0</v>
      </c>
    </row>
    <row r="10880" spans="1:4" x14ac:dyDescent="0.25">
      <c r="A10880" t="s">
        <v>16207</v>
      </c>
      <c r="B10880" t="s">
        <v>16209</v>
      </c>
      <c r="C10880">
        <v>2</v>
      </c>
      <c r="D10880">
        <v>0</v>
      </c>
    </row>
    <row r="10881" spans="1:4" x14ac:dyDescent="0.25">
      <c r="A10881" t="s">
        <v>16207</v>
      </c>
      <c r="B10881" t="s">
        <v>16210</v>
      </c>
      <c r="C10881">
        <v>1</v>
      </c>
      <c r="D10881">
        <v>0</v>
      </c>
    </row>
    <row r="10882" spans="1:4" x14ac:dyDescent="0.25">
      <c r="A10882" t="s">
        <v>16211</v>
      </c>
      <c r="B10882" t="s">
        <v>16212</v>
      </c>
      <c r="C10882">
        <v>2</v>
      </c>
      <c r="D10882">
        <v>0</v>
      </c>
    </row>
    <row r="10883" spans="1:4" x14ac:dyDescent="0.25">
      <c r="A10883" t="s">
        <v>16211</v>
      </c>
      <c r="B10883" t="s">
        <v>16213</v>
      </c>
      <c r="C10883">
        <v>2</v>
      </c>
      <c r="D10883">
        <v>0</v>
      </c>
    </row>
    <row r="10884" spans="1:4" x14ac:dyDescent="0.25">
      <c r="A10884" t="s">
        <v>16211</v>
      </c>
      <c r="B10884" t="s">
        <v>16214</v>
      </c>
      <c r="C10884">
        <v>2</v>
      </c>
      <c r="D10884">
        <v>0</v>
      </c>
    </row>
    <row r="10885" spans="1:4" x14ac:dyDescent="0.25">
      <c r="A10885" t="s">
        <v>16215</v>
      </c>
      <c r="B10885" t="s">
        <v>1499</v>
      </c>
      <c r="C10885">
        <v>1</v>
      </c>
      <c r="D10885">
        <v>0</v>
      </c>
    </row>
    <row r="10886" spans="1:4" x14ac:dyDescent="0.25">
      <c r="A10886" t="s">
        <v>16216</v>
      </c>
      <c r="B10886" t="s">
        <v>16217</v>
      </c>
      <c r="C10886">
        <v>2</v>
      </c>
      <c r="D10886">
        <v>0</v>
      </c>
    </row>
    <row r="10887" spans="1:4" x14ac:dyDescent="0.25">
      <c r="A10887" t="s">
        <v>16216</v>
      </c>
      <c r="B10887" t="s">
        <v>1526</v>
      </c>
      <c r="C10887">
        <v>1</v>
      </c>
      <c r="D10887">
        <v>0</v>
      </c>
    </row>
    <row r="10888" spans="1:4" x14ac:dyDescent="0.25">
      <c r="A10888" t="s">
        <v>16216</v>
      </c>
      <c r="B10888" t="s">
        <v>16218</v>
      </c>
      <c r="C10888">
        <v>0</v>
      </c>
      <c r="D10888">
        <v>0</v>
      </c>
    </row>
    <row r="10889" spans="1:4" x14ac:dyDescent="0.25">
      <c r="A10889" t="s">
        <v>16219</v>
      </c>
      <c r="B10889" t="s">
        <v>16220</v>
      </c>
      <c r="C10889">
        <v>1</v>
      </c>
      <c r="D10889">
        <v>0</v>
      </c>
    </row>
    <row r="10890" spans="1:4" x14ac:dyDescent="0.25">
      <c r="A10890" t="s">
        <v>16219</v>
      </c>
      <c r="B10890" t="s">
        <v>10733</v>
      </c>
      <c r="C10890">
        <v>1</v>
      </c>
      <c r="D10890">
        <v>0</v>
      </c>
    </row>
    <row r="10891" spans="1:4" x14ac:dyDescent="0.25">
      <c r="A10891" t="s">
        <v>16221</v>
      </c>
      <c r="B10891" t="s">
        <v>16222</v>
      </c>
      <c r="C10891">
        <v>2</v>
      </c>
      <c r="D10891">
        <v>0</v>
      </c>
    </row>
    <row r="10892" spans="1:4" x14ac:dyDescent="0.25">
      <c r="A10892" t="s">
        <v>16221</v>
      </c>
      <c r="B10892" t="s">
        <v>16223</v>
      </c>
      <c r="C10892">
        <v>1</v>
      </c>
      <c r="D10892">
        <v>0</v>
      </c>
    </row>
    <row r="10893" spans="1:4" x14ac:dyDescent="0.25">
      <c r="A10893" t="s">
        <v>16224</v>
      </c>
      <c r="B10893" t="s">
        <v>16225</v>
      </c>
      <c r="C10893">
        <v>1</v>
      </c>
      <c r="D10893">
        <v>0</v>
      </c>
    </row>
    <row r="10894" spans="1:4" x14ac:dyDescent="0.25">
      <c r="A10894" t="s">
        <v>16224</v>
      </c>
      <c r="B10894" t="s">
        <v>16226</v>
      </c>
      <c r="C10894">
        <v>0</v>
      </c>
      <c r="D10894">
        <v>0</v>
      </c>
    </row>
    <row r="10895" spans="1:4" x14ac:dyDescent="0.25">
      <c r="A10895" t="s">
        <v>16227</v>
      </c>
      <c r="B10895" t="s">
        <v>16228</v>
      </c>
      <c r="C10895">
        <v>2</v>
      </c>
      <c r="D10895">
        <v>0</v>
      </c>
    </row>
    <row r="10896" spans="1:4" x14ac:dyDescent="0.25">
      <c r="A10896" t="s">
        <v>16227</v>
      </c>
      <c r="B10896" t="s">
        <v>16229</v>
      </c>
      <c r="C10896">
        <v>0</v>
      </c>
      <c r="D10896">
        <v>0</v>
      </c>
    </row>
    <row r="10897" spans="1:4" x14ac:dyDescent="0.25">
      <c r="A10897" t="s">
        <v>16230</v>
      </c>
      <c r="B10897" t="s">
        <v>16231</v>
      </c>
      <c r="C10897">
        <v>2</v>
      </c>
      <c r="D10897">
        <v>0</v>
      </c>
    </row>
    <row r="10898" spans="1:4" x14ac:dyDescent="0.25">
      <c r="A10898" t="s">
        <v>16232</v>
      </c>
      <c r="B10898" t="s">
        <v>16233</v>
      </c>
      <c r="C10898">
        <v>1</v>
      </c>
      <c r="D10898">
        <v>0</v>
      </c>
    </row>
    <row r="10899" spans="1:4" x14ac:dyDescent="0.25">
      <c r="A10899" t="s">
        <v>16232</v>
      </c>
      <c r="B10899" t="s">
        <v>16234</v>
      </c>
      <c r="C10899">
        <v>2</v>
      </c>
      <c r="D10899">
        <v>0</v>
      </c>
    </row>
    <row r="10900" spans="1:4" x14ac:dyDescent="0.25">
      <c r="A10900" t="s">
        <v>16235</v>
      </c>
      <c r="B10900" t="s">
        <v>16236</v>
      </c>
      <c r="C10900">
        <v>2</v>
      </c>
      <c r="D10900">
        <v>0</v>
      </c>
    </row>
    <row r="10901" spans="1:4" x14ac:dyDescent="0.25">
      <c r="A10901" t="s">
        <v>16237</v>
      </c>
      <c r="B10901" t="s">
        <v>16238</v>
      </c>
      <c r="C10901">
        <v>2</v>
      </c>
      <c r="D10901">
        <v>0</v>
      </c>
    </row>
    <row r="10902" spans="1:4" x14ac:dyDescent="0.25">
      <c r="A10902" t="s">
        <v>16237</v>
      </c>
      <c r="B10902" t="s">
        <v>16239</v>
      </c>
      <c r="C10902">
        <v>0</v>
      </c>
      <c r="D10902">
        <v>0</v>
      </c>
    </row>
    <row r="10903" spans="1:4" x14ac:dyDescent="0.25">
      <c r="A10903" t="s">
        <v>16237</v>
      </c>
      <c r="B10903" t="s">
        <v>16240</v>
      </c>
      <c r="C10903">
        <v>2</v>
      </c>
      <c r="D10903">
        <v>0</v>
      </c>
    </row>
    <row r="10904" spans="1:4" x14ac:dyDescent="0.25">
      <c r="A10904" t="s">
        <v>16241</v>
      </c>
      <c r="B10904" t="s">
        <v>16242</v>
      </c>
      <c r="C10904">
        <v>0</v>
      </c>
      <c r="D10904">
        <v>0</v>
      </c>
    </row>
    <row r="10905" spans="1:4" x14ac:dyDescent="0.25">
      <c r="A10905" t="s">
        <v>16241</v>
      </c>
      <c r="B10905" t="s">
        <v>16243</v>
      </c>
      <c r="C10905">
        <v>0</v>
      </c>
      <c r="D10905">
        <v>0</v>
      </c>
    </row>
    <row r="10906" spans="1:4" x14ac:dyDescent="0.25">
      <c r="A10906" t="s">
        <v>16241</v>
      </c>
      <c r="B10906" t="s">
        <v>3410</v>
      </c>
      <c r="C10906">
        <v>1</v>
      </c>
      <c r="D10906">
        <v>0</v>
      </c>
    </row>
    <row r="10907" spans="1:4" x14ac:dyDescent="0.25">
      <c r="A10907" t="s">
        <v>16244</v>
      </c>
      <c r="B10907" t="s">
        <v>16245</v>
      </c>
      <c r="C10907">
        <v>0</v>
      </c>
      <c r="D10907">
        <v>0</v>
      </c>
    </row>
    <row r="10908" spans="1:4" x14ac:dyDescent="0.25">
      <c r="A10908" t="s">
        <v>16244</v>
      </c>
      <c r="B10908" t="s">
        <v>16246</v>
      </c>
      <c r="C10908">
        <v>0</v>
      </c>
      <c r="D10908">
        <v>0</v>
      </c>
    </row>
    <row r="10909" spans="1:4" x14ac:dyDescent="0.25">
      <c r="A10909" t="s">
        <v>16247</v>
      </c>
      <c r="B10909" t="s">
        <v>16248</v>
      </c>
      <c r="C10909">
        <v>0</v>
      </c>
      <c r="D10909">
        <v>0</v>
      </c>
    </row>
    <row r="10910" spans="1:4" x14ac:dyDescent="0.25">
      <c r="A10910" t="s">
        <v>16249</v>
      </c>
      <c r="B10910" t="s">
        <v>16250</v>
      </c>
      <c r="C10910">
        <v>0</v>
      </c>
      <c r="D10910">
        <v>0</v>
      </c>
    </row>
    <row r="10911" spans="1:4" x14ac:dyDescent="0.25">
      <c r="A10911" t="s">
        <v>16251</v>
      </c>
      <c r="B10911" t="s">
        <v>16252</v>
      </c>
      <c r="C10911">
        <v>2</v>
      </c>
      <c r="D10911">
        <v>0</v>
      </c>
    </row>
    <row r="10912" spans="1:4" x14ac:dyDescent="0.25">
      <c r="A10912" t="s">
        <v>16251</v>
      </c>
      <c r="B10912" t="s">
        <v>16253</v>
      </c>
      <c r="C10912">
        <v>1</v>
      </c>
      <c r="D10912">
        <v>0</v>
      </c>
    </row>
    <row r="10913" spans="1:4" x14ac:dyDescent="0.25">
      <c r="A10913" t="s">
        <v>16254</v>
      </c>
      <c r="B10913" t="s">
        <v>16255</v>
      </c>
      <c r="C10913">
        <v>2</v>
      </c>
      <c r="D10913">
        <v>0</v>
      </c>
    </row>
    <row r="10914" spans="1:4" x14ac:dyDescent="0.25">
      <c r="A10914" t="s">
        <v>16254</v>
      </c>
      <c r="B10914" t="s">
        <v>16256</v>
      </c>
      <c r="C10914">
        <v>1</v>
      </c>
      <c r="D10914">
        <v>0</v>
      </c>
    </row>
    <row r="10915" spans="1:4" x14ac:dyDescent="0.25">
      <c r="A10915" t="s">
        <v>16257</v>
      </c>
      <c r="B10915" t="s">
        <v>16258</v>
      </c>
      <c r="C10915">
        <v>1</v>
      </c>
      <c r="D10915">
        <v>0</v>
      </c>
    </row>
    <row r="10916" spans="1:4" x14ac:dyDescent="0.25">
      <c r="A10916" t="s">
        <v>16259</v>
      </c>
      <c r="B10916" t="s">
        <v>968</v>
      </c>
      <c r="C10916">
        <v>1</v>
      </c>
      <c r="D10916">
        <v>0</v>
      </c>
    </row>
    <row r="10917" spans="1:4" x14ac:dyDescent="0.25">
      <c r="A10917" t="s">
        <v>16260</v>
      </c>
      <c r="B10917" t="s">
        <v>16261</v>
      </c>
      <c r="C10917">
        <v>0</v>
      </c>
      <c r="D10917">
        <v>0</v>
      </c>
    </row>
    <row r="10918" spans="1:4" x14ac:dyDescent="0.25">
      <c r="A10918" t="s">
        <v>16262</v>
      </c>
      <c r="B10918" t="s">
        <v>16263</v>
      </c>
      <c r="C10918">
        <v>2</v>
      </c>
      <c r="D10918">
        <v>0</v>
      </c>
    </row>
    <row r="10919" spans="1:4" x14ac:dyDescent="0.25">
      <c r="A10919" t="s">
        <v>16262</v>
      </c>
      <c r="B10919" t="s">
        <v>16264</v>
      </c>
      <c r="C10919">
        <v>0</v>
      </c>
      <c r="D10919">
        <v>0</v>
      </c>
    </row>
    <row r="10920" spans="1:4" x14ac:dyDescent="0.25">
      <c r="A10920" t="s">
        <v>16262</v>
      </c>
      <c r="B10920" t="s">
        <v>16265</v>
      </c>
      <c r="C10920">
        <v>2</v>
      </c>
      <c r="D10920">
        <v>0</v>
      </c>
    </row>
    <row r="10921" spans="1:4" x14ac:dyDescent="0.25">
      <c r="A10921" t="s">
        <v>16266</v>
      </c>
      <c r="B10921" t="s">
        <v>16267</v>
      </c>
      <c r="C10921">
        <v>0</v>
      </c>
      <c r="D10921">
        <v>0</v>
      </c>
    </row>
    <row r="10922" spans="1:4" x14ac:dyDescent="0.25">
      <c r="A10922" t="s">
        <v>16268</v>
      </c>
      <c r="B10922" t="s">
        <v>1001</v>
      </c>
      <c r="C10922">
        <v>1</v>
      </c>
      <c r="D10922">
        <v>0</v>
      </c>
    </row>
    <row r="10923" spans="1:4" x14ac:dyDescent="0.25">
      <c r="A10923" t="s">
        <v>16268</v>
      </c>
      <c r="B10923" t="s">
        <v>16269</v>
      </c>
      <c r="C10923">
        <v>2</v>
      </c>
      <c r="D10923">
        <v>0</v>
      </c>
    </row>
    <row r="10924" spans="1:4" x14ac:dyDescent="0.25">
      <c r="A10924" t="s">
        <v>16270</v>
      </c>
      <c r="B10924" t="s">
        <v>16271</v>
      </c>
      <c r="C10924">
        <v>1</v>
      </c>
      <c r="D10924">
        <v>0</v>
      </c>
    </row>
    <row r="10925" spans="1:4" x14ac:dyDescent="0.25">
      <c r="A10925" t="s">
        <v>16272</v>
      </c>
      <c r="B10925" t="s">
        <v>16273</v>
      </c>
      <c r="C10925">
        <v>1</v>
      </c>
      <c r="D10925">
        <v>0</v>
      </c>
    </row>
    <row r="10926" spans="1:4" x14ac:dyDescent="0.25">
      <c r="A10926" t="s">
        <v>16274</v>
      </c>
      <c r="B10926" t="s">
        <v>1555</v>
      </c>
      <c r="C10926">
        <v>2</v>
      </c>
      <c r="D10926">
        <v>0</v>
      </c>
    </row>
    <row r="10927" spans="1:4" x14ac:dyDescent="0.25">
      <c r="A10927" t="s">
        <v>16274</v>
      </c>
      <c r="B10927" t="s">
        <v>16275</v>
      </c>
      <c r="C10927">
        <v>0</v>
      </c>
      <c r="D10927">
        <v>0</v>
      </c>
    </row>
    <row r="10928" spans="1:4" x14ac:dyDescent="0.25">
      <c r="A10928" t="s">
        <v>16276</v>
      </c>
      <c r="B10928" t="s">
        <v>16277</v>
      </c>
      <c r="C10928">
        <v>2</v>
      </c>
      <c r="D10928">
        <v>0</v>
      </c>
    </row>
    <row r="10929" spans="1:4" x14ac:dyDescent="0.25">
      <c r="A10929" t="s">
        <v>16278</v>
      </c>
      <c r="B10929" t="s">
        <v>1387</v>
      </c>
      <c r="C10929">
        <v>1</v>
      </c>
      <c r="D10929">
        <v>0</v>
      </c>
    </row>
    <row r="10930" spans="1:4" x14ac:dyDescent="0.25">
      <c r="A10930" t="s">
        <v>16279</v>
      </c>
      <c r="B10930" t="s">
        <v>16280</v>
      </c>
      <c r="C10930">
        <v>0</v>
      </c>
      <c r="D10930">
        <v>0</v>
      </c>
    </row>
    <row r="10931" spans="1:4" x14ac:dyDescent="0.25">
      <c r="A10931" t="s">
        <v>16281</v>
      </c>
      <c r="B10931" t="s">
        <v>888</v>
      </c>
      <c r="C10931">
        <v>1</v>
      </c>
      <c r="D10931">
        <v>0</v>
      </c>
    </row>
    <row r="10932" spans="1:4" x14ac:dyDescent="0.25">
      <c r="A10932" t="s">
        <v>16282</v>
      </c>
      <c r="B10932" t="s">
        <v>16283</v>
      </c>
      <c r="C10932">
        <v>2</v>
      </c>
      <c r="D10932">
        <v>0</v>
      </c>
    </row>
    <row r="10933" spans="1:4" x14ac:dyDescent="0.25">
      <c r="A10933" t="s">
        <v>16282</v>
      </c>
      <c r="B10933" t="s">
        <v>16284</v>
      </c>
      <c r="C10933">
        <v>2</v>
      </c>
      <c r="D10933">
        <v>0</v>
      </c>
    </row>
    <row r="10934" spans="1:4" x14ac:dyDescent="0.25">
      <c r="A10934" t="s">
        <v>16282</v>
      </c>
      <c r="B10934" t="s">
        <v>16285</v>
      </c>
      <c r="C10934">
        <v>1</v>
      </c>
      <c r="D10934">
        <v>0</v>
      </c>
    </row>
    <row r="10935" spans="1:4" x14ac:dyDescent="0.25">
      <c r="A10935" t="s">
        <v>16286</v>
      </c>
      <c r="B10935" t="s">
        <v>16287</v>
      </c>
      <c r="C10935">
        <v>2</v>
      </c>
      <c r="D10935">
        <v>0</v>
      </c>
    </row>
    <row r="10936" spans="1:4" x14ac:dyDescent="0.25">
      <c r="A10936" t="s">
        <v>16288</v>
      </c>
      <c r="B10936" t="s">
        <v>1526</v>
      </c>
      <c r="C10936">
        <v>1</v>
      </c>
      <c r="D10936">
        <v>0</v>
      </c>
    </row>
    <row r="10937" spans="1:4" x14ac:dyDescent="0.25">
      <c r="A10937" t="s">
        <v>16289</v>
      </c>
      <c r="B10937" t="s">
        <v>16290</v>
      </c>
      <c r="C10937">
        <v>2</v>
      </c>
      <c r="D10937">
        <v>0</v>
      </c>
    </row>
    <row r="10938" spans="1:4" x14ac:dyDescent="0.25">
      <c r="A10938" t="s">
        <v>16289</v>
      </c>
      <c r="B10938" t="s">
        <v>16291</v>
      </c>
      <c r="C10938">
        <v>2</v>
      </c>
      <c r="D10938">
        <v>0</v>
      </c>
    </row>
    <row r="10939" spans="1:4" x14ac:dyDescent="0.25">
      <c r="A10939" t="s">
        <v>16292</v>
      </c>
      <c r="B10939" t="s">
        <v>16293</v>
      </c>
      <c r="C10939">
        <v>1</v>
      </c>
      <c r="D10939">
        <v>0</v>
      </c>
    </row>
    <row r="10940" spans="1:4" x14ac:dyDescent="0.25">
      <c r="A10940" t="s">
        <v>16292</v>
      </c>
      <c r="B10940" t="s">
        <v>16294</v>
      </c>
      <c r="C10940">
        <v>1</v>
      </c>
      <c r="D10940">
        <v>0</v>
      </c>
    </row>
    <row r="10941" spans="1:4" x14ac:dyDescent="0.25">
      <c r="A10941" t="s">
        <v>16295</v>
      </c>
      <c r="B10941" t="s">
        <v>16296</v>
      </c>
      <c r="C10941">
        <v>1</v>
      </c>
      <c r="D10941">
        <v>0</v>
      </c>
    </row>
    <row r="10942" spans="1:4" x14ac:dyDescent="0.25">
      <c r="A10942" t="s">
        <v>16295</v>
      </c>
      <c r="B10942" t="s">
        <v>16297</v>
      </c>
      <c r="C10942">
        <v>0</v>
      </c>
      <c r="D10942">
        <v>0</v>
      </c>
    </row>
    <row r="10943" spans="1:4" x14ac:dyDescent="0.25">
      <c r="A10943" t="s">
        <v>16295</v>
      </c>
      <c r="B10943" t="s">
        <v>16298</v>
      </c>
      <c r="C10943">
        <v>0</v>
      </c>
      <c r="D10943">
        <v>0</v>
      </c>
    </row>
    <row r="10944" spans="1:4" x14ac:dyDescent="0.25">
      <c r="A10944" t="s">
        <v>16299</v>
      </c>
      <c r="B10944" t="s">
        <v>16300</v>
      </c>
      <c r="C10944">
        <v>1</v>
      </c>
      <c r="D10944">
        <v>0</v>
      </c>
    </row>
    <row r="10945" spans="1:4" x14ac:dyDescent="0.25">
      <c r="A10945" t="s">
        <v>16299</v>
      </c>
      <c r="B10945" t="s">
        <v>16301</v>
      </c>
      <c r="C10945">
        <v>1</v>
      </c>
      <c r="D10945">
        <v>0</v>
      </c>
    </row>
    <row r="10946" spans="1:4" x14ac:dyDescent="0.25">
      <c r="A10946" t="s">
        <v>16302</v>
      </c>
      <c r="B10946" t="s">
        <v>969</v>
      </c>
      <c r="C10946">
        <v>0</v>
      </c>
      <c r="D10946">
        <v>0</v>
      </c>
    </row>
    <row r="10947" spans="1:4" x14ac:dyDescent="0.25">
      <c r="A10947" t="s">
        <v>16303</v>
      </c>
      <c r="B10947" t="s">
        <v>3402</v>
      </c>
      <c r="C10947">
        <v>0</v>
      </c>
      <c r="D10947">
        <v>0</v>
      </c>
    </row>
    <row r="10948" spans="1:4" x14ac:dyDescent="0.25">
      <c r="A10948" t="s">
        <v>16303</v>
      </c>
      <c r="B10948" t="s">
        <v>1101</v>
      </c>
      <c r="C10948">
        <v>1</v>
      </c>
      <c r="D10948">
        <v>0</v>
      </c>
    </row>
    <row r="10949" spans="1:4" x14ac:dyDescent="0.25">
      <c r="A10949" t="s">
        <v>16304</v>
      </c>
      <c r="B10949" t="s">
        <v>16305</v>
      </c>
      <c r="C10949">
        <v>0</v>
      </c>
      <c r="D10949">
        <v>0</v>
      </c>
    </row>
    <row r="10950" spans="1:4" x14ac:dyDescent="0.25">
      <c r="A10950" t="s">
        <v>16304</v>
      </c>
      <c r="B10950" t="s">
        <v>16306</v>
      </c>
      <c r="C10950">
        <v>2</v>
      </c>
      <c r="D10950">
        <v>0</v>
      </c>
    </row>
    <row r="10951" spans="1:4" x14ac:dyDescent="0.25">
      <c r="A10951" t="s">
        <v>16307</v>
      </c>
      <c r="B10951" t="s">
        <v>16308</v>
      </c>
      <c r="C10951">
        <v>0</v>
      </c>
      <c r="D10951">
        <v>0</v>
      </c>
    </row>
    <row r="10952" spans="1:4" x14ac:dyDescent="0.25">
      <c r="A10952" t="s">
        <v>16309</v>
      </c>
      <c r="B10952" t="s">
        <v>16310</v>
      </c>
      <c r="C10952">
        <v>1</v>
      </c>
      <c r="D10952">
        <v>0</v>
      </c>
    </row>
    <row r="10953" spans="1:4" x14ac:dyDescent="0.25">
      <c r="A10953" t="s">
        <v>16309</v>
      </c>
      <c r="B10953" t="s">
        <v>16311</v>
      </c>
      <c r="C10953">
        <v>1</v>
      </c>
      <c r="D10953">
        <v>0</v>
      </c>
    </row>
    <row r="10954" spans="1:4" x14ac:dyDescent="0.25">
      <c r="A10954" t="s">
        <v>16309</v>
      </c>
      <c r="B10954" t="s">
        <v>16312</v>
      </c>
      <c r="C10954">
        <v>1</v>
      </c>
      <c r="D10954">
        <v>0</v>
      </c>
    </row>
    <row r="10955" spans="1:4" x14ac:dyDescent="0.25">
      <c r="A10955" t="s">
        <v>16313</v>
      </c>
      <c r="B10955" t="s">
        <v>16314</v>
      </c>
      <c r="C10955">
        <v>1</v>
      </c>
      <c r="D10955">
        <v>0</v>
      </c>
    </row>
    <row r="10956" spans="1:4" x14ac:dyDescent="0.25">
      <c r="A10956" t="s">
        <v>16313</v>
      </c>
      <c r="B10956" t="s">
        <v>16315</v>
      </c>
      <c r="C10956">
        <v>2</v>
      </c>
      <c r="D10956">
        <v>0</v>
      </c>
    </row>
    <row r="10957" spans="1:4" x14ac:dyDescent="0.25">
      <c r="A10957" t="s">
        <v>16313</v>
      </c>
      <c r="B10957" t="s">
        <v>16316</v>
      </c>
      <c r="C10957">
        <v>1</v>
      </c>
      <c r="D10957">
        <v>0</v>
      </c>
    </row>
    <row r="10958" spans="1:4" x14ac:dyDescent="0.25">
      <c r="A10958" t="s">
        <v>16317</v>
      </c>
      <c r="B10958" t="s">
        <v>16318</v>
      </c>
      <c r="C10958">
        <v>0</v>
      </c>
      <c r="D10958">
        <v>0</v>
      </c>
    </row>
    <row r="10959" spans="1:4" x14ac:dyDescent="0.25">
      <c r="A10959" t="s">
        <v>16317</v>
      </c>
      <c r="B10959" t="s">
        <v>16319</v>
      </c>
      <c r="C10959">
        <v>2</v>
      </c>
      <c r="D10959">
        <v>0</v>
      </c>
    </row>
    <row r="10960" spans="1:4" x14ac:dyDescent="0.25">
      <c r="A10960" t="s">
        <v>16320</v>
      </c>
      <c r="B10960" t="s">
        <v>16321</v>
      </c>
      <c r="C10960">
        <v>2</v>
      </c>
      <c r="D10960">
        <v>0</v>
      </c>
    </row>
    <row r="10961" spans="1:4" x14ac:dyDescent="0.25">
      <c r="A10961" t="s">
        <v>16320</v>
      </c>
      <c r="B10961" t="s">
        <v>16322</v>
      </c>
      <c r="C10961">
        <v>0</v>
      </c>
      <c r="D10961">
        <v>0</v>
      </c>
    </row>
    <row r="10962" spans="1:4" x14ac:dyDescent="0.25">
      <c r="A10962" t="s">
        <v>16320</v>
      </c>
      <c r="B10962" t="s">
        <v>16323</v>
      </c>
      <c r="C10962">
        <v>1</v>
      </c>
      <c r="D10962">
        <v>0</v>
      </c>
    </row>
    <row r="10963" spans="1:4" x14ac:dyDescent="0.25">
      <c r="A10963" t="s">
        <v>16324</v>
      </c>
      <c r="B10963" t="s">
        <v>16325</v>
      </c>
      <c r="C10963">
        <v>2</v>
      </c>
      <c r="D10963">
        <v>0</v>
      </c>
    </row>
    <row r="10964" spans="1:4" x14ac:dyDescent="0.25">
      <c r="A10964" t="s">
        <v>16324</v>
      </c>
      <c r="B10964" t="s">
        <v>16326</v>
      </c>
      <c r="C10964">
        <v>2</v>
      </c>
      <c r="D10964">
        <v>0</v>
      </c>
    </row>
    <row r="10965" spans="1:4" x14ac:dyDescent="0.25">
      <c r="A10965" t="s">
        <v>16327</v>
      </c>
      <c r="B10965" t="s">
        <v>16328</v>
      </c>
      <c r="C10965">
        <v>1</v>
      </c>
      <c r="D10965">
        <v>0</v>
      </c>
    </row>
    <row r="10966" spans="1:4" x14ac:dyDescent="0.25">
      <c r="A10966" t="s">
        <v>16327</v>
      </c>
      <c r="B10966" t="s">
        <v>16329</v>
      </c>
      <c r="C10966">
        <v>1</v>
      </c>
      <c r="D10966">
        <v>0</v>
      </c>
    </row>
    <row r="10967" spans="1:4" x14ac:dyDescent="0.25">
      <c r="A10967" t="s">
        <v>16330</v>
      </c>
      <c r="B10967" t="s">
        <v>1001</v>
      </c>
      <c r="C10967">
        <v>1</v>
      </c>
      <c r="D10967">
        <v>0</v>
      </c>
    </row>
    <row r="10968" spans="1:4" x14ac:dyDescent="0.25">
      <c r="A10968" t="s">
        <v>16331</v>
      </c>
      <c r="B10968" t="s">
        <v>16332</v>
      </c>
      <c r="C10968">
        <v>0</v>
      </c>
      <c r="D10968">
        <v>0</v>
      </c>
    </row>
    <row r="10969" spans="1:4" x14ac:dyDescent="0.25">
      <c r="A10969" t="s">
        <v>16331</v>
      </c>
      <c r="B10969" t="s">
        <v>16333</v>
      </c>
      <c r="C10969">
        <v>2</v>
      </c>
      <c r="D10969">
        <v>0</v>
      </c>
    </row>
    <row r="10970" spans="1:4" x14ac:dyDescent="0.25">
      <c r="A10970" t="s">
        <v>16334</v>
      </c>
      <c r="B10970" t="s">
        <v>16335</v>
      </c>
      <c r="C10970">
        <v>2</v>
      </c>
      <c r="D10970">
        <v>0</v>
      </c>
    </row>
    <row r="10971" spans="1:4" x14ac:dyDescent="0.25">
      <c r="A10971" t="s">
        <v>16334</v>
      </c>
      <c r="B10971" t="s">
        <v>16336</v>
      </c>
      <c r="C10971">
        <v>2</v>
      </c>
      <c r="D10971">
        <v>0</v>
      </c>
    </row>
    <row r="10972" spans="1:4" x14ac:dyDescent="0.25">
      <c r="A10972" t="s">
        <v>16334</v>
      </c>
      <c r="B10972" t="s">
        <v>16337</v>
      </c>
      <c r="C10972">
        <v>1</v>
      </c>
      <c r="D10972">
        <v>0</v>
      </c>
    </row>
    <row r="10973" spans="1:4" x14ac:dyDescent="0.25">
      <c r="A10973" t="s">
        <v>16338</v>
      </c>
      <c r="B10973" t="s">
        <v>16339</v>
      </c>
      <c r="C10973">
        <v>1</v>
      </c>
      <c r="D10973">
        <v>0</v>
      </c>
    </row>
    <row r="10974" spans="1:4" x14ac:dyDescent="0.25">
      <c r="A10974" t="s">
        <v>16340</v>
      </c>
      <c r="B10974" t="s">
        <v>16341</v>
      </c>
      <c r="C10974">
        <v>0</v>
      </c>
      <c r="D10974">
        <v>0</v>
      </c>
    </row>
    <row r="10975" spans="1:4" x14ac:dyDescent="0.25">
      <c r="A10975" t="s">
        <v>16342</v>
      </c>
      <c r="B10975" t="s">
        <v>2267</v>
      </c>
      <c r="C10975">
        <v>0</v>
      </c>
      <c r="D10975">
        <v>0</v>
      </c>
    </row>
    <row r="10976" spans="1:4" x14ac:dyDescent="0.25">
      <c r="A10976" t="s">
        <v>16343</v>
      </c>
      <c r="B10976" t="s">
        <v>16344</v>
      </c>
      <c r="C10976">
        <v>1</v>
      </c>
      <c r="D10976">
        <v>0</v>
      </c>
    </row>
    <row r="10977" spans="1:4" x14ac:dyDescent="0.25">
      <c r="A10977" t="s">
        <v>16343</v>
      </c>
      <c r="B10977" t="s">
        <v>16345</v>
      </c>
      <c r="C10977">
        <v>0</v>
      </c>
      <c r="D10977">
        <v>0</v>
      </c>
    </row>
    <row r="10978" spans="1:4" x14ac:dyDescent="0.25">
      <c r="A10978" t="s">
        <v>16346</v>
      </c>
      <c r="B10978" t="s">
        <v>16347</v>
      </c>
      <c r="C10978">
        <v>0</v>
      </c>
      <c r="D10978">
        <v>0</v>
      </c>
    </row>
    <row r="10979" spans="1:4" x14ac:dyDescent="0.25">
      <c r="A10979" t="s">
        <v>16348</v>
      </c>
      <c r="B10979" t="s">
        <v>16349</v>
      </c>
      <c r="C10979">
        <v>1</v>
      </c>
      <c r="D10979">
        <v>0</v>
      </c>
    </row>
    <row r="10980" spans="1:4" x14ac:dyDescent="0.25">
      <c r="A10980" t="s">
        <v>16350</v>
      </c>
      <c r="B10980" t="s">
        <v>16351</v>
      </c>
      <c r="C10980">
        <v>0</v>
      </c>
      <c r="D10980">
        <v>0</v>
      </c>
    </row>
    <row r="10981" spans="1:4" x14ac:dyDescent="0.25">
      <c r="A10981" t="s">
        <v>16352</v>
      </c>
      <c r="B10981" t="s">
        <v>16353</v>
      </c>
      <c r="C10981">
        <v>1</v>
      </c>
      <c r="D10981">
        <v>0</v>
      </c>
    </row>
    <row r="10982" spans="1:4" x14ac:dyDescent="0.25">
      <c r="A10982" t="s">
        <v>16354</v>
      </c>
      <c r="B10982" t="s">
        <v>1769</v>
      </c>
      <c r="C10982">
        <v>1</v>
      </c>
      <c r="D10982">
        <v>0</v>
      </c>
    </row>
    <row r="10983" spans="1:4" x14ac:dyDescent="0.25">
      <c r="A10983" t="s">
        <v>16355</v>
      </c>
      <c r="B10983" t="s">
        <v>2061</v>
      </c>
      <c r="C10983">
        <v>0</v>
      </c>
      <c r="D10983">
        <v>0</v>
      </c>
    </row>
    <row r="10984" spans="1:4" x14ac:dyDescent="0.25">
      <c r="A10984" t="s">
        <v>16356</v>
      </c>
      <c r="B10984" t="s">
        <v>16357</v>
      </c>
      <c r="C10984">
        <v>2</v>
      </c>
      <c r="D10984">
        <v>0</v>
      </c>
    </row>
    <row r="10985" spans="1:4" x14ac:dyDescent="0.25">
      <c r="A10985" t="s">
        <v>16356</v>
      </c>
      <c r="B10985" t="s">
        <v>16358</v>
      </c>
      <c r="C10985">
        <v>0</v>
      </c>
      <c r="D10985">
        <v>0</v>
      </c>
    </row>
    <row r="10986" spans="1:4" x14ac:dyDescent="0.25">
      <c r="A10986" t="s">
        <v>16359</v>
      </c>
      <c r="B10986" t="s">
        <v>4910</v>
      </c>
      <c r="C10986">
        <v>1</v>
      </c>
      <c r="D10986">
        <v>0</v>
      </c>
    </row>
    <row r="10987" spans="1:4" x14ac:dyDescent="0.25">
      <c r="A10987" t="s">
        <v>16360</v>
      </c>
      <c r="B10987" t="s">
        <v>16361</v>
      </c>
      <c r="C10987">
        <v>0</v>
      </c>
      <c r="D10987">
        <v>0</v>
      </c>
    </row>
    <row r="10988" spans="1:4" x14ac:dyDescent="0.25">
      <c r="A10988" t="s">
        <v>16362</v>
      </c>
      <c r="B10988" t="s">
        <v>16363</v>
      </c>
      <c r="C10988">
        <v>0</v>
      </c>
      <c r="D10988">
        <v>0</v>
      </c>
    </row>
    <row r="10989" spans="1:4" x14ac:dyDescent="0.25">
      <c r="A10989" t="s">
        <v>16362</v>
      </c>
      <c r="B10989" t="s">
        <v>4179</v>
      </c>
      <c r="C10989">
        <v>1</v>
      </c>
      <c r="D10989">
        <v>0</v>
      </c>
    </row>
    <row r="10990" spans="1:4" x14ac:dyDescent="0.25">
      <c r="A10990" t="s">
        <v>16362</v>
      </c>
      <c r="B10990" t="s">
        <v>2825</v>
      </c>
      <c r="C10990">
        <v>1</v>
      </c>
      <c r="D10990">
        <v>0</v>
      </c>
    </row>
    <row r="10991" spans="1:4" x14ac:dyDescent="0.25">
      <c r="A10991" t="s">
        <v>16364</v>
      </c>
      <c r="B10991" t="s">
        <v>16365</v>
      </c>
      <c r="C10991">
        <v>1</v>
      </c>
      <c r="D10991">
        <v>0</v>
      </c>
    </row>
    <row r="10992" spans="1:4" x14ac:dyDescent="0.25">
      <c r="A10992" t="s">
        <v>16364</v>
      </c>
      <c r="B10992" t="s">
        <v>16366</v>
      </c>
      <c r="C10992">
        <v>1</v>
      </c>
      <c r="D10992">
        <v>0</v>
      </c>
    </row>
    <row r="10993" spans="1:4" x14ac:dyDescent="0.25">
      <c r="A10993" t="s">
        <v>16367</v>
      </c>
      <c r="B10993" t="s">
        <v>16368</v>
      </c>
      <c r="C10993">
        <v>2</v>
      </c>
      <c r="D10993">
        <v>0</v>
      </c>
    </row>
    <row r="10994" spans="1:4" x14ac:dyDescent="0.25">
      <c r="A10994" t="s">
        <v>16369</v>
      </c>
      <c r="B10994" t="s">
        <v>16370</v>
      </c>
      <c r="C10994">
        <v>0</v>
      </c>
      <c r="D10994">
        <v>0</v>
      </c>
    </row>
    <row r="10995" spans="1:4" x14ac:dyDescent="0.25">
      <c r="A10995" t="s">
        <v>16371</v>
      </c>
      <c r="B10995" t="s">
        <v>16372</v>
      </c>
      <c r="C10995">
        <v>0</v>
      </c>
      <c r="D10995">
        <v>0</v>
      </c>
    </row>
    <row r="10996" spans="1:4" x14ac:dyDescent="0.25">
      <c r="A10996" t="s">
        <v>16371</v>
      </c>
      <c r="B10996" t="s">
        <v>16373</v>
      </c>
      <c r="C10996">
        <v>0</v>
      </c>
      <c r="D10996">
        <v>0</v>
      </c>
    </row>
    <row r="10997" spans="1:4" x14ac:dyDescent="0.25">
      <c r="A10997" t="s">
        <v>16374</v>
      </c>
      <c r="B10997" t="s">
        <v>16375</v>
      </c>
      <c r="C10997">
        <v>0</v>
      </c>
      <c r="D10997">
        <v>0</v>
      </c>
    </row>
    <row r="10998" spans="1:4" x14ac:dyDescent="0.25">
      <c r="A10998" t="s">
        <v>16376</v>
      </c>
      <c r="B10998" t="s">
        <v>16377</v>
      </c>
      <c r="C10998">
        <v>2</v>
      </c>
      <c r="D10998">
        <v>0</v>
      </c>
    </row>
    <row r="10999" spans="1:4" x14ac:dyDescent="0.25">
      <c r="A10999" t="s">
        <v>16376</v>
      </c>
      <c r="B10999" t="s">
        <v>16378</v>
      </c>
      <c r="C10999">
        <v>0</v>
      </c>
      <c r="D10999">
        <v>0</v>
      </c>
    </row>
    <row r="11000" spans="1:4" x14ac:dyDescent="0.25">
      <c r="A11000" t="s">
        <v>16376</v>
      </c>
      <c r="B11000" t="s">
        <v>16379</v>
      </c>
      <c r="C11000">
        <v>0</v>
      </c>
      <c r="D11000">
        <v>0</v>
      </c>
    </row>
    <row r="11001" spans="1:4" x14ac:dyDescent="0.25">
      <c r="A11001" t="s">
        <v>16380</v>
      </c>
      <c r="B11001" t="s">
        <v>16381</v>
      </c>
      <c r="C11001">
        <v>2</v>
      </c>
      <c r="D11001">
        <v>0</v>
      </c>
    </row>
    <row r="11002" spans="1:4" x14ac:dyDescent="0.25">
      <c r="A11002" t="s">
        <v>16380</v>
      </c>
      <c r="B11002" t="s">
        <v>16382</v>
      </c>
      <c r="C11002">
        <v>0</v>
      </c>
      <c r="D11002">
        <v>0</v>
      </c>
    </row>
    <row r="11003" spans="1:4" x14ac:dyDescent="0.25">
      <c r="A11003" t="s">
        <v>16383</v>
      </c>
      <c r="B11003" t="s">
        <v>852</v>
      </c>
      <c r="C11003">
        <v>0</v>
      </c>
      <c r="D11003">
        <v>0</v>
      </c>
    </row>
    <row r="11004" spans="1:4" x14ac:dyDescent="0.25">
      <c r="A11004" t="s">
        <v>16384</v>
      </c>
      <c r="B11004" t="s">
        <v>16385</v>
      </c>
      <c r="C11004">
        <v>2</v>
      </c>
      <c r="D11004">
        <v>0</v>
      </c>
    </row>
    <row r="11005" spans="1:4" x14ac:dyDescent="0.25">
      <c r="A11005" t="s">
        <v>16386</v>
      </c>
      <c r="B11005" t="s">
        <v>16387</v>
      </c>
      <c r="C11005">
        <v>1</v>
      </c>
      <c r="D11005">
        <v>0</v>
      </c>
    </row>
    <row r="11006" spans="1:4" x14ac:dyDescent="0.25">
      <c r="A11006" t="s">
        <v>16388</v>
      </c>
      <c r="B11006" t="s">
        <v>16389</v>
      </c>
      <c r="C11006">
        <v>2</v>
      </c>
      <c r="D11006">
        <v>0</v>
      </c>
    </row>
    <row r="11007" spans="1:4" x14ac:dyDescent="0.25">
      <c r="A11007" t="s">
        <v>16388</v>
      </c>
      <c r="B11007" t="s">
        <v>16390</v>
      </c>
      <c r="C11007">
        <v>2</v>
      </c>
      <c r="D11007">
        <v>0</v>
      </c>
    </row>
    <row r="11008" spans="1:4" x14ac:dyDescent="0.25">
      <c r="A11008" t="s">
        <v>16391</v>
      </c>
      <c r="B11008" t="s">
        <v>16392</v>
      </c>
      <c r="C11008">
        <v>1</v>
      </c>
      <c r="D11008">
        <v>0</v>
      </c>
    </row>
    <row r="11009" spans="1:4" x14ac:dyDescent="0.25">
      <c r="A11009" t="s">
        <v>16393</v>
      </c>
      <c r="B11009" t="s">
        <v>16394</v>
      </c>
      <c r="C11009">
        <v>1</v>
      </c>
      <c r="D11009">
        <v>0</v>
      </c>
    </row>
    <row r="11010" spans="1:4" x14ac:dyDescent="0.25">
      <c r="A11010" t="s">
        <v>16395</v>
      </c>
      <c r="B11010" t="s">
        <v>16396</v>
      </c>
      <c r="C11010">
        <v>2</v>
      </c>
      <c r="D11010">
        <v>0</v>
      </c>
    </row>
    <row r="11011" spans="1:4" x14ac:dyDescent="0.25">
      <c r="A11011" t="s">
        <v>16395</v>
      </c>
      <c r="B11011" t="s">
        <v>16397</v>
      </c>
      <c r="C11011">
        <v>1</v>
      </c>
      <c r="D11011">
        <v>0</v>
      </c>
    </row>
    <row r="11012" spans="1:4" x14ac:dyDescent="0.25">
      <c r="A11012" t="s">
        <v>16398</v>
      </c>
      <c r="B11012" t="s">
        <v>16399</v>
      </c>
      <c r="C11012">
        <v>1</v>
      </c>
      <c r="D11012">
        <v>0</v>
      </c>
    </row>
    <row r="11013" spans="1:4" x14ac:dyDescent="0.25">
      <c r="A11013" t="s">
        <v>16398</v>
      </c>
      <c r="B11013" t="s">
        <v>16400</v>
      </c>
      <c r="C11013">
        <v>1</v>
      </c>
      <c r="D11013">
        <v>0</v>
      </c>
    </row>
    <row r="11014" spans="1:4" x14ac:dyDescent="0.25">
      <c r="A11014" t="s">
        <v>16401</v>
      </c>
      <c r="B11014" t="s">
        <v>1499</v>
      </c>
      <c r="C11014">
        <v>1</v>
      </c>
      <c r="D11014">
        <v>0</v>
      </c>
    </row>
    <row r="11015" spans="1:4" x14ac:dyDescent="0.25">
      <c r="A11015" t="s">
        <v>16402</v>
      </c>
      <c r="B11015" t="s">
        <v>16403</v>
      </c>
      <c r="C11015">
        <v>1</v>
      </c>
      <c r="D11015">
        <v>0</v>
      </c>
    </row>
    <row r="11016" spans="1:4" x14ac:dyDescent="0.25">
      <c r="A11016" t="s">
        <v>16402</v>
      </c>
      <c r="B11016" t="s">
        <v>16404</v>
      </c>
      <c r="C11016">
        <v>1</v>
      </c>
      <c r="D11016">
        <v>0</v>
      </c>
    </row>
    <row r="11017" spans="1:4" x14ac:dyDescent="0.25">
      <c r="A11017" t="s">
        <v>16402</v>
      </c>
      <c r="B11017" t="s">
        <v>16405</v>
      </c>
      <c r="C11017">
        <v>0</v>
      </c>
      <c r="D11017">
        <v>0</v>
      </c>
    </row>
    <row r="11018" spans="1:4" x14ac:dyDescent="0.25">
      <c r="A11018" t="s">
        <v>16406</v>
      </c>
      <c r="B11018" t="s">
        <v>16407</v>
      </c>
      <c r="C11018">
        <v>2</v>
      </c>
      <c r="D11018">
        <v>0</v>
      </c>
    </row>
    <row r="11019" spans="1:4" x14ac:dyDescent="0.25">
      <c r="A11019" t="s">
        <v>16408</v>
      </c>
      <c r="B11019" t="s">
        <v>16409</v>
      </c>
      <c r="C11019">
        <v>0</v>
      </c>
      <c r="D11019">
        <v>0</v>
      </c>
    </row>
    <row r="11020" spans="1:4" x14ac:dyDescent="0.25">
      <c r="A11020" t="s">
        <v>16408</v>
      </c>
      <c r="B11020" t="s">
        <v>16410</v>
      </c>
      <c r="C11020">
        <v>2</v>
      </c>
      <c r="D11020">
        <v>0</v>
      </c>
    </row>
    <row r="11021" spans="1:4" x14ac:dyDescent="0.25">
      <c r="A11021" t="s">
        <v>16411</v>
      </c>
      <c r="B11021" t="s">
        <v>16412</v>
      </c>
      <c r="C11021">
        <v>1</v>
      </c>
      <c r="D11021">
        <v>0</v>
      </c>
    </row>
    <row r="11022" spans="1:4" x14ac:dyDescent="0.25">
      <c r="A11022" t="s">
        <v>16411</v>
      </c>
      <c r="B11022" t="s">
        <v>16413</v>
      </c>
      <c r="C11022">
        <v>1</v>
      </c>
      <c r="D11022">
        <v>0</v>
      </c>
    </row>
    <row r="11023" spans="1:4" x14ac:dyDescent="0.25">
      <c r="A11023" t="s">
        <v>16414</v>
      </c>
      <c r="B11023" t="s">
        <v>16415</v>
      </c>
      <c r="C11023">
        <v>0</v>
      </c>
      <c r="D11023">
        <v>0</v>
      </c>
    </row>
    <row r="11024" spans="1:4" x14ac:dyDescent="0.25">
      <c r="A11024" t="s">
        <v>16414</v>
      </c>
      <c r="B11024" t="s">
        <v>16416</v>
      </c>
      <c r="C11024">
        <v>0</v>
      </c>
      <c r="D11024">
        <v>0</v>
      </c>
    </row>
    <row r="11025" spans="1:4" x14ac:dyDescent="0.25">
      <c r="A11025" t="s">
        <v>16417</v>
      </c>
      <c r="B11025" t="s">
        <v>16418</v>
      </c>
      <c r="C11025">
        <v>2</v>
      </c>
      <c r="D11025">
        <v>0</v>
      </c>
    </row>
    <row r="11026" spans="1:4" x14ac:dyDescent="0.25">
      <c r="A11026" t="s">
        <v>16417</v>
      </c>
      <c r="B11026" t="s">
        <v>16419</v>
      </c>
      <c r="C11026">
        <v>0</v>
      </c>
      <c r="D11026">
        <v>0</v>
      </c>
    </row>
    <row r="11027" spans="1:4" x14ac:dyDescent="0.25">
      <c r="A11027" t="s">
        <v>16420</v>
      </c>
      <c r="B11027" t="s">
        <v>16421</v>
      </c>
      <c r="C11027">
        <v>2</v>
      </c>
      <c r="D11027">
        <v>0</v>
      </c>
    </row>
    <row r="11028" spans="1:4" x14ac:dyDescent="0.25">
      <c r="A11028" t="s">
        <v>16422</v>
      </c>
      <c r="B11028" t="s">
        <v>843</v>
      </c>
      <c r="C11028">
        <v>1</v>
      </c>
      <c r="D11028">
        <v>0</v>
      </c>
    </row>
    <row r="11029" spans="1:4" x14ac:dyDescent="0.25">
      <c r="A11029" t="s">
        <v>16423</v>
      </c>
      <c r="B11029" t="s">
        <v>16424</v>
      </c>
      <c r="C11029">
        <v>1</v>
      </c>
      <c r="D11029">
        <v>0</v>
      </c>
    </row>
    <row r="11030" spans="1:4" x14ac:dyDescent="0.25">
      <c r="A11030" t="s">
        <v>16425</v>
      </c>
      <c r="B11030" t="s">
        <v>16426</v>
      </c>
      <c r="C11030">
        <v>1</v>
      </c>
      <c r="D11030">
        <v>0</v>
      </c>
    </row>
    <row r="11031" spans="1:4" x14ac:dyDescent="0.25">
      <c r="A11031" t="s">
        <v>16427</v>
      </c>
      <c r="B11031" t="s">
        <v>16428</v>
      </c>
      <c r="C11031">
        <v>2</v>
      </c>
      <c r="D11031">
        <v>0</v>
      </c>
    </row>
    <row r="11032" spans="1:4" x14ac:dyDescent="0.25">
      <c r="A11032" t="s">
        <v>16429</v>
      </c>
      <c r="B11032" t="s">
        <v>16430</v>
      </c>
      <c r="C11032">
        <v>0</v>
      </c>
      <c r="D11032">
        <v>0</v>
      </c>
    </row>
    <row r="11033" spans="1:4" x14ac:dyDescent="0.25">
      <c r="A11033" t="s">
        <v>16431</v>
      </c>
      <c r="B11033" t="s">
        <v>16432</v>
      </c>
      <c r="C11033">
        <v>1</v>
      </c>
      <c r="D11033">
        <v>0</v>
      </c>
    </row>
    <row r="11034" spans="1:4" x14ac:dyDescent="0.25">
      <c r="A11034" t="s">
        <v>16431</v>
      </c>
      <c r="B11034" t="s">
        <v>16433</v>
      </c>
      <c r="C11034">
        <v>1</v>
      </c>
      <c r="D11034">
        <v>0</v>
      </c>
    </row>
    <row r="11035" spans="1:4" x14ac:dyDescent="0.25">
      <c r="A11035" t="s">
        <v>16431</v>
      </c>
      <c r="B11035" t="s">
        <v>16434</v>
      </c>
      <c r="C11035">
        <v>1</v>
      </c>
      <c r="D11035">
        <v>0</v>
      </c>
    </row>
    <row r="11036" spans="1:4" x14ac:dyDescent="0.25">
      <c r="A11036" t="s">
        <v>16435</v>
      </c>
      <c r="B11036" t="s">
        <v>16436</v>
      </c>
      <c r="C11036">
        <v>0</v>
      </c>
      <c r="D11036">
        <v>0</v>
      </c>
    </row>
    <row r="11037" spans="1:4" x14ac:dyDescent="0.25">
      <c r="A11037" t="s">
        <v>16435</v>
      </c>
      <c r="B11037" t="s">
        <v>16437</v>
      </c>
      <c r="C11037">
        <v>1</v>
      </c>
      <c r="D11037">
        <v>0</v>
      </c>
    </row>
    <row r="11038" spans="1:4" x14ac:dyDescent="0.25">
      <c r="A11038" t="s">
        <v>16438</v>
      </c>
      <c r="B11038" t="s">
        <v>16439</v>
      </c>
      <c r="C11038">
        <v>0</v>
      </c>
      <c r="D11038">
        <v>0</v>
      </c>
    </row>
    <row r="11039" spans="1:4" x14ac:dyDescent="0.25">
      <c r="A11039" t="s">
        <v>16438</v>
      </c>
      <c r="B11039" t="s">
        <v>16440</v>
      </c>
      <c r="C11039">
        <v>2</v>
      </c>
      <c r="D11039">
        <v>0</v>
      </c>
    </row>
    <row r="11040" spans="1:4" x14ac:dyDescent="0.25">
      <c r="A11040" t="s">
        <v>16441</v>
      </c>
      <c r="B11040" t="s">
        <v>16442</v>
      </c>
      <c r="C11040">
        <v>0</v>
      </c>
      <c r="D11040">
        <v>0</v>
      </c>
    </row>
    <row r="11041" spans="1:4" x14ac:dyDescent="0.25">
      <c r="A11041" t="s">
        <v>16441</v>
      </c>
      <c r="B11041" t="s">
        <v>16443</v>
      </c>
      <c r="C11041">
        <v>1</v>
      </c>
      <c r="D11041">
        <v>0</v>
      </c>
    </row>
    <row r="11042" spans="1:4" x14ac:dyDescent="0.25">
      <c r="A11042" t="s">
        <v>16444</v>
      </c>
      <c r="B11042" t="s">
        <v>16445</v>
      </c>
      <c r="C11042">
        <v>0</v>
      </c>
      <c r="D11042">
        <v>0</v>
      </c>
    </row>
    <row r="11043" spans="1:4" x14ac:dyDescent="0.25">
      <c r="A11043" t="s">
        <v>16446</v>
      </c>
      <c r="B11043" t="s">
        <v>16447</v>
      </c>
      <c r="C11043">
        <v>1</v>
      </c>
      <c r="D11043">
        <v>0</v>
      </c>
    </row>
    <row r="11044" spans="1:4" x14ac:dyDescent="0.25">
      <c r="A11044" t="s">
        <v>16448</v>
      </c>
      <c r="B11044" t="s">
        <v>852</v>
      </c>
      <c r="C11044">
        <v>0</v>
      </c>
      <c r="D11044">
        <v>0</v>
      </c>
    </row>
    <row r="11045" spans="1:4" x14ac:dyDescent="0.25">
      <c r="A11045" t="s">
        <v>16449</v>
      </c>
      <c r="B11045" t="s">
        <v>16450</v>
      </c>
      <c r="C11045">
        <v>0</v>
      </c>
      <c r="D11045">
        <v>0</v>
      </c>
    </row>
    <row r="11046" spans="1:4" x14ac:dyDescent="0.25">
      <c r="A11046" t="s">
        <v>16451</v>
      </c>
      <c r="B11046" t="s">
        <v>16452</v>
      </c>
      <c r="C11046">
        <v>0</v>
      </c>
      <c r="D11046">
        <v>0</v>
      </c>
    </row>
    <row r="11047" spans="1:4" x14ac:dyDescent="0.25">
      <c r="A11047" t="s">
        <v>16453</v>
      </c>
      <c r="B11047" t="s">
        <v>1001</v>
      </c>
      <c r="C11047">
        <v>1</v>
      </c>
      <c r="D11047">
        <v>0</v>
      </c>
    </row>
    <row r="11048" spans="1:4" x14ac:dyDescent="0.25">
      <c r="A11048" t="s">
        <v>16453</v>
      </c>
      <c r="B11048" t="s">
        <v>969</v>
      </c>
      <c r="C11048">
        <v>0</v>
      </c>
      <c r="D11048">
        <v>0</v>
      </c>
    </row>
    <row r="11049" spans="1:4" x14ac:dyDescent="0.25">
      <c r="A11049" t="s">
        <v>16454</v>
      </c>
      <c r="B11049" t="s">
        <v>16455</v>
      </c>
      <c r="C11049">
        <v>1</v>
      </c>
      <c r="D11049">
        <v>0</v>
      </c>
    </row>
    <row r="11050" spans="1:4" x14ac:dyDescent="0.25">
      <c r="A11050" t="s">
        <v>16454</v>
      </c>
      <c r="B11050" t="s">
        <v>16456</v>
      </c>
      <c r="C11050">
        <v>1</v>
      </c>
      <c r="D11050">
        <v>0</v>
      </c>
    </row>
    <row r="11051" spans="1:4" x14ac:dyDescent="0.25">
      <c r="A11051" t="s">
        <v>16457</v>
      </c>
      <c r="B11051" t="s">
        <v>16458</v>
      </c>
      <c r="C11051">
        <v>2</v>
      </c>
      <c r="D11051">
        <v>0</v>
      </c>
    </row>
    <row r="11052" spans="1:4" x14ac:dyDescent="0.25">
      <c r="A11052" t="s">
        <v>16457</v>
      </c>
      <c r="B11052" t="s">
        <v>16459</v>
      </c>
      <c r="C11052">
        <v>1</v>
      </c>
      <c r="D11052">
        <v>0</v>
      </c>
    </row>
    <row r="11053" spans="1:4" x14ac:dyDescent="0.25">
      <c r="A11053" t="s">
        <v>16457</v>
      </c>
      <c r="B11053" t="s">
        <v>16460</v>
      </c>
      <c r="C11053">
        <v>0</v>
      </c>
      <c r="D11053">
        <v>0</v>
      </c>
    </row>
    <row r="11054" spans="1:4" x14ac:dyDescent="0.25">
      <c r="A11054" t="s">
        <v>16461</v>
      </c>
      <c r="B11054" t="s">
        <v>16462</v>
      </c>
      <c r="C11054">
        <v>1</v>
      </c>
      <c r="D11054">
        <v>0</v>
      </c>
    </row>
    <row r="11055" spans="1:4" x14ac:dyDescent="0.25">
      <c r="A11055" t="s">
        <v>16463</v>
      </c>
      <c r="B11055" t="s">
        <v>968</v>
      </c>
      <c r="C11055">
        <v>1</v>
      </c>
      <c r="D11055">
        <v>0</v>
      </c>
    </row>
    <row r="11056" spans="1:4" x14ac:dyDescent="0.25">
      <c r="A11056" t="s">
        <v>16464</v>
      </c>
      <c r="B11056" t="s">
        <v>16465</v>
      </c>
      <c r="C11056">
        <v>2</v>
      </c>
      <c r="D11056">
        <v>0</v>
      </c>
    </row>
    <row r="11057" spans="1:4" x14ac:dyDescent="0.25">
      <c r="A11057" t="s">
        <v>16466</v>
      </c>
      <c r="B11057" t="s">
        <v>16467</v>
      </c>
      <c r="C11057">
        <v>1</v>
      </c>
      <c r="D11057">
        <v>0</v>
      </c>
    </row>
    <row r="11058" spans="1:4" x14ac:dyDescent="0.25">
      <c r="A11058" t="s">
        <v>16468</v>
      </c>
      <c r="B11058" t="s">
        <v>16469</v>
      </c>
      <c r="C11058">
        <v>0</v>
      </c>
      <c r="D11058">
        <v>0</v>
      </c>
    </row>
    <row r="11059" spans="1:4" x14ac:dyDescent="0.25">
      <c r="A11059" t="s">
        <v>16470</v>
      </c>
      <c r="B11059" t="s">
        <v>16471</v>
      </c>
      <c r="C11059">
        <v>0</v>
      </c>
      <c r="D11059">
        <v>0</v>
      </c>
    </row>
    <row r="11060" spans="1:4" x14ac:dyDescent="0.25">
      <c r="A11060" t="s">
        <v>16472</v>
      </c>
      <c r="B11060" t="s">
        <v>16473</v>
      </c>
      <c r="C11060">
        <v>0</v>
      </c>
      <c r="D11060">
        <v>0</v>
      </c>
    </row>
    <row r="11061" spans="1:4" x14ac:dyDescent="0.25">
      <c r="A11061" t="s">
        <v>16472</v>
      </c>
      <c r="B11061" t="s">
        <v>16474</v>
      </c>
      <c r="C11061">
        <v>2</v>
      </c>
      <c r="D11061">
        <v>0</v>
      </c>
    </row>
    <row r="11062" spans="1:4" x14ac:dyDescent="0.25">
      <c r="A11062" t="s">
        <v>16472</v>
      </c>
      <c r="B11062" t="s">
        <v>16475</v>
      </c>
      <c r="C11062">
        <v>0</v>
      </c>
      <c r="D11062">
        <v>0</v>
      </c>
    </row>
    <row r="11063" spans="1:4" x14ac:dyDescent="0.25">
      <c r="A11063" t="s">
        <v>16476</v>
      </c>
      <c r="B11063" t="s">
        <v>16477</v>
      </c>
      <c r="C11063">
        <v>0</v>
      </c>
      <c r="D11063">
        <v>0</v>
      </c>
    </row>
    <row r="11064" spans="1:4" x14ac:dyDescent="0.25">
      <c r="A11064" t="s">
        <v>16476</v>
      </c>
      <c r="B11064" t="s">
        <v>16478</v>
      </c>
      <c r="C11064">
        <v>0</v>
      </c>
      <c r="D11064">
        <v>0</v>
      </c>
    </row>
    <row r="11065" spans="1:4" x14ac:dyDescent="0.25">
      <c r="A11065" t="s">
        <v>16479</v>
      </c>
      <c r="B11065" t="s">
        <v>2651</v>
      </c>
      <c r="C11065">
        <v>0</v>
      </c>
      <c r="D11065">
        <v>0</v>
      </c>
    </row>
    <row r="11066" spans="1:4" x14ac:dyDescent="0.25">
      <c r="A11066" t="s">
        <v>16480</v>
      </c>
      <c r="B11066" t="s">
        <v>16481</v>
      </c>
      <c r="C11066">
        <v>0</v>
      </c>
      <c r="D11066">
        <v>0</v>
      </c>
    </row>
    <row r="11067" spans="1:4" x14ac:dyDescent="0.25">
      <c r="A11067" t="s">
        <v>16482</v>
      </c>
      <c r="B11067" t="s">
        <v>16483</v>
      </c>
      <c r="C11067">
        <v>1</v>
      </c>
      <c r="D11067">
        <v>0</v>
      </c>
    </row>
    <row r="11068" spans="1:4" x14ac:dyDescent="0.25">
      <c r="A11068" t="s">
        <v>16482</v>
      </c>
      <c r="B11068" t="s">
        <v>16484</v>
      </c>
      <c r="C11068">
        <v>0</v>
      </c>
      <c r="D11068">
        <v>0</v>
      </c>
    </row>
    <row r="11069" spans="1:4" x14ac:dyDescent="0.25">
      <c r="A11069" t="s">
        <v>16485</v>
      </c>
      <c r="B11069" t="s">
        <v>16486</v>
      </c>
      <c r="C11069">
        <v>2</v>
      </c>
      <c r="D11069">
        <v>0</v>
      </c>
    </row>
    <row r="11070" spans="1:4" x14ac:dyDescent="0.25">
      <c r="A11070" t="s">
        <v>16485</v>
      </c>
      <c r="B11070" t="s">
        <v>16487</v>
      </c>
      <c r="C11070">
        <v>2</v>
      </c>
      <c r="D11070">
        <v>0</v>
      </c>
    </row>
    <row r="11071" spans="1:4" x14ac:dyDescent="0.25">
      <c r="A11071" t="s">
        <v>16488</v>
      </c>
      <c r="B11071" t="s">
        <v>16489</v>
      </c>
      <c r="C11071">
        <v>1</v>
      </c>
      <c r="D11071">
        <v>0</v>
      </c>
    </row>
    <row r="11072" spans="1:4" x14ac:dyDescent="0.25">
      <c r="A11072" t="s">
        <v>16488</v>
      </c>
      <c r="B11072" t="s">
        <v>16490</v>
      </c>
      <c r="C11072">
        <v>2</v>
      </c>
      <c r="D11072">
        <v>0</v>
      </c>
    </row>
    <row r="11073" spans="1:4" x14ac:dyDescent="0.25">
      <c r="A11073" t="s">
        <v>16491</v>
      </c>
      <c r="B11073" t="s">
        <v>16492</v>
      </c>
      <c r="C11073">
        <v>0</v>
      </c>
      <c r="D11073">
        <v>0</v>
      </c>
    </row>
    <row r="11074" spans="1:4" x14ac:dyDescent="0.25">
      <c r="A11074" t="s">
        <v>16491</v>
      </c>
      <c r="B11074" t="s">
        <v>16493</v>
      </c>
      <c r="C11074">
        <v>2</v>
      </c>
      <c r="D11074">
        <v>0</v>
      </c>
    </row>
    <row r="11075" spans="1:4" x14ac:dyDescent="0.25">
      <c r="A11075" t="s">
        <v>16494</v>
      </c>
      <c r="B11075" t="s">
        <v>16495</v>
      </c>
      <c r="C11075">
        <v>1</v>
      </c>
      <c r="D11075">
        <v>0</v>
      </c>
    </row>
    <row r="11076" spans="1:4" x14ac:dyDescent="0.25">
      <c r="A11076" t="s">
        <v>16496</v>
      </c>
      <c r="B11076" t="s">
        <v>16497</v>
      </c>
      <c r="C11076">
        <v>0</v>
      </c>
      <c r="D11076">
        <v>0</v>
      </c>
    </row>
    <row r="11077" spans="1:4" x14ac:dyDescent="0.25">
      <c r="A11077" t="s">
        <v>16498</v>
      </c>
      <c r="B11077" t="s">
        <v>16499</v>
      </c>
      <c r="C11077">
        <v>2</v>
      </c>
      <c r="D11077">
        <v>0</v>
      </c>
    </row>
    <row r="11078" spans="1:4" x14ac:dyDescent="0.25">
      <c r="A11078" t="s">
        <v>16500</v>
      </c>
      <c r="B11078" t="s">
        <v>16501</v>
      </c>
      <c r="C11078">
        <v>0</v>
      </c>
      <c r="D11078">
        <v>0</v>
      </c>
    </row>
    <row r="11079" spans="1:4" x14ac:dyDescent="0.25">
      <c r="A11079" t="s">
        <v>16500</v>
      </c>
      <c r="B11079" t="s">
        <v>16502</v>
      </c>
      <c r="C11079">
        <v>1</v>
      </c>
      <c r="D11079">
        <v>0</v>
      </c>
    </row>
    <row r="11080" spans="1:4" x14ac:dyDescent="0.25">
      <c r="A11080" t="s">
        <v>16500</v>
      </c>
      <c r="B11080" t="s">
        <v>16503</v>
      </c>
      <c r="C11080">
        <v>0</v>
      </c>
      <c r="D11080">
        <v>0</v>
      </c>
    </row>
    <row r="11081" spans="1:4" x14ac:dyDescent="0.25">
      <c r="A11081" t="s">
        <v>16504</v>
      </c>
      <c r="B11081" t="s">
        <v>16505</v>
      </c>
      <c r="C11081">
        <v>1</v>
      </c>
      <c r="D11081">
        <v>0</v>
      </c>
    </row>
    <row r="11082" spans="1:4" x14ac:dyDescent="0.25">
      <c r="A11082" t="s">
        <v>16506</v>
      </c>
      <c r="B11082" t="s">
        <v>16507</v>
      </c>
      <c r="C11082">
        <v>1</v>
      </c>
      <c r="D11082">
        <v>0</v>
      </c>
    </row>
    <row r="11083" spans="1:4" x14ac:dyDescent="0.25">
      <c r="A11083" t="s">
        <v>16508</v>
      </c>
      <c r="B11083" t="s">
        <v>16509</v>
      </c>
      <c r="C11083">
        <v>0</v>
      </c>
      <c r="D11083">
        <v>0</v>
      </c>
    </row>
    <row r="11084" spans="1:4" x14ac:dyDescent="0.25">
      <c r="A11084" t="s">
        <v>16508</v>
      </c>
      <c r="B11084" t="s">
        <v>3195</v>
      </c>
      <c r="C11084">
        <v>1</v>
      </c>
      <c r="D11084">
        <v>0</v>
      </c>
    </row>
    <row r="11085" spans="1:4" x14ac:dyDescent="0.25">
      <c r="A11085" t="s">
        <v>16510</v>
      </c>
      <c r="B11085" t="s">
        <v>1813</v>
      </c>
      <c r="C11085">
        <v>0</v>
      </c>
      <c r="D11085">
        <v>0</v>
      </c>
    </row>
    <row r="11086" spans="1:4" x14ac:dyDescent="0.25">
      <c r="A11086" t="s">
        <v>16511</v>
      </c>
      <c r="B11086" t="s">
        <v>1499</v>
      </c>
      <c r="C11086">
        <v>1</v>
      </c>
      <c r="D11086">
        <v>0</v>
      </c>
    </row>
    <row r="11087" spans="1:4" x14ac:dyDescent="0.25">
      <c r="A11087" t="s">
        <v>16512</v>
      </c>
      <c r="B11087" t="s">
        <v>16513</v>
      </c>
      <c r="C11087">
        <v>2</v>
      </c>
      <c r="D11087">
        <v>0</v>
      </c>
    </row>
    <row r="11088" spans="1:4" x14ac:dyDescent="0.25">
      <c r="A11088" t="s">
        <v>16512</v>
      </c>
      <c r="B11088" t="s">
        <v>16514</v>
      </c>
      <c r="C11088">
        <v>2</v>
      </c>
      <c r="D11088">
        <v>0</v>
      </c>
    </row>
    <row r="11089" spans="1:4" x14ac:dyDescent="0.25">
      <c r="A11089" t="s">
        <v>16512</v>
      </c>
      <c r="B11089" t="s">
        <v>16515</v>
      </c>
      <c r="C11089">
        <v>2</v>
      </c>
      <c r="D11089">
        <v>0</v>
      </c>
    </row>
    <row r="11090" spans="1:4" x14ac:dyDescent="0.25">
      <c r="A11090" t="s">
        <v>16516</v>
      </c>
      <c r="B11090" t="s">
        <v>16517</v>
      </c>
      <c r="C11090">
        <v>1</v>
      </c>
      <c r="D11090">
        <v>0</v>
      </c>
    </row>
    <row r="11091" spans="1:4" x14ac:dyDescent="0.25">
      <c r="A11091" t="s">
        <v>16516</v>
      </c>
      <c r="B11091" t="s">
        <v>16518</v>
      </c>
      <c r="C11091">
        <v>0</v>
      </c>
      <c r="D11091">
        <v>0</v>
      </c>
    </row>
    <row r="11092" spans="1:4" x14ac:dyDescent="0.25">
      <c r="A11092" t="s">
        <v>16519</v>
      </c>
      <c r="B11092" t="s">
        <v>16520</v>
      </c>
      <c r="C11092">
        <v>2</v>
      </c>
      <c r="D11092">
        <v>0</v>
      </c>
    </row>
    <row r="11093" spans="1:4" x14ac:dyDescent="0.25">
      <c r="A11093" t="s">
        <v>16519</v>
      </c>
      <c r="B11093" t="s">
        <v>16521</v>
      </c>
      <c r="C11093">
        <v>0</v>
      </c>
      <c r="D11093">
        <v>0</v>
      </c>
    </row>
    <row r="11094" spans="1:4" x14ac:dyDescent="0.25">
      <c r="A11094" t="s">
        <v>16522</v>
      </c>
      <c r="B11094" t="s">
        <v>16523</v>
      </c>
      <c r="C11094">
        <v>0</v>
      </c>
      <c r="D11094">
        <v>0</v>
      </c>
    </row>
    <row r="11095" spans="1:4" x14ac:dyDescent="0.25">
      <c r="A11095" t="s">
        <v>16522</v>
      </c>
      <c r="B11095" t="s">
        <v>16524</v>
      </c>
      <c r="C11095">
        <v>1</v>
      </c>
      <c r="D11095">
        <v>0</v>
      </c>
    </row>
    <row r="11096" spans="1:4" x14ac:dyDescent="0.25">
      <c r="A11096" t="s">
        <v>16522</v>
      </c>
      <c r="B11096" t="s">
        <v>16525</v>
      </c>
      <c r="C11096">
        <v>2</v>
      </c>
      <c r="D11096">
        <v>0</v>
      </c>
    </row>
    <row r="11097" spans="1:4" x14ac:dyDescent="0.25">
      <c r="A11097" t="s">
        <v>16526</v>
      </c>
      <c r="B11097" t="s">
        <v>16527</v>
      </c>
      <c r="C11097">
        <v>1</v>
      </c>
      <c r="D11097">
        <v>0</v>
      </c>
    </row>
    <row r="11098" spans="1:4" x14ac:dyDescent="0.25">
      <c r="A11098" t="s">
        <v>16526</v>
      </c>
      <c r="B11098" t="s">
        <v>16528</v>
      </c>
      <c r="C11098">
        <v>1</v>
      </c>
      <c r="D11098">
        <v>0</v>
      </c>
    </row>
    <row r="11099" spans="1:4" x14ac:dyDescent="0.25">
      <c r="A11099" t="s">
        <v>16526</v>
      </c>
      <c r="B11099" t="s">
        <v>16529</v>
      </c>
      <c r="C11099">
        <v>0</v>
      </c>
      <c r="D11099">
        <v>0</v>
      </c>
    </row>
    <row r="11100" spans="1:4" x14ac:dyDescent="0.25">
      <c r="A11100" t="s">
        <v>16530</v>
      </c>
      <c r="B11100" t="s">
        <v>16531</v>
      </c>
      <c r="C11100">
        <v>0</v>
      </c>
      <c r="D11100">
        <v>0</v>
      </c>
    </row>
    <row r="11101" spans="1:4" x14ac:dyDescent="0.25">
      <c r="A11101" t="s">
        <v>16530</v>
      </c>
      <c r="B11101" t="s">
        <v>16532</v>
      </c>
      <c r="C11101">
        <v>0</v>
      </c>
      <c r="D11101">
        <v>0</v>
      </c>
    </row>
    <row r="11102" spans="1:4" x14ac:dyDescent="0.25">
      <c r="A11102" t="s">
        <v>16533</v>
      </c>
      <c r="B11102" t="s">
        <v>16534</v>
      </c>
      <c r="C11102">
        <v>0</v>
      </c>
      <c r="D11102">
        <v>0</v>
      </c>
    </row>
    <row r="11103" spans="1:4" x14ac:dyDescent="0.25">
      <c r="A11103" t="s">
        <v>16533</v>
      </c>
      <c r="B11103" t="s">
        <v>16535</v>
      </c>
      <c r="C11103">
        <v>0</v>
      </c>
      <c r="D11103">
        <v>0</v>
      </c>
    </row>
    <row r="11104" spans="1:4" x14ac:dyDescent="0.25">
      <c r="A11104" t="s">
        <v>16533</v>
      </c>
      <c r="B11104" t="s">
        <v>16536</v>
      </c>
      <c r="C11104">
        <v>2</v>
      </c>
      <c r="D11104">
        <v>0</v>
      </c>
    </row>
    <row r="11105" spans="1:4" x14ac:dyDescent="0.25">
      <c r="A11105" t="s">
        <v>16537</v>
      </c>
      <c r="B11105" t="s">
        <v>16538</v>
      </c>
      <c r="C11105">
        <v>1</v>
      </c>
      <c r="D11105">
        <v>0</v>
      </c>
    </row>
    <row r="11106" spans="1:4" x14ac:dyDescent="0.25">
      <c r="A11106" t="s">
        <v>16539</v>
      </c>
      <c r="B11106" t="s">
        <v>16540</v>
      </c>
      <c r="C11106">
        <v>0</v>
      </c>
      <c r="D11106">
        <v>0</v>
      </c>
    </row>
    <row r="11107" spans="1:4" x14ac:dyDescent="0.25">
      <c r="A11107" t="s">
        <v>16539</v>
      </c>
      <c r="B11107" t="s">
        <v>16541</v>
      </c>
      <c r="C11107">
        <v>1</v>
      </c>
      <c r="D11107">
        <v>0</v>
      </c>
    </row>
    <row r="11108" spans="1:4" x14ac:dyDescent="0.25">
      <c r="A11108" t="s">
        <v>16539</v>
      </c>
      <c r="B11108" t="s">
        <v>16542</v>
      </c>
      <c r="C11108">
        <v>1</v>
      </c>
      <c r="D11108">
        <v>0</v>
      </c>
    </row>
    <row r="11109" spans="1:4" x14ac:dyDescent="0.25">
      <c r="A11109" t="s">
        <v>16543</v>
      </c>
      <c r="B11109" t="s">
        <v>16544</v>
      </c>
      <c r="C11109">
        <v>1</v>
      </c>
      <c r="D11109">
        <v>0</v>
      </c>
    </row>
    <row r="11110" spans="1:4" x14ac:dyDescent="0.25">
      <c r="A11110" t="s">
        <v>16543</v>
      </c>
      <c r="B11110" t="s">
        <v>16545</v>
      </c>
      <c r="C11110">
        <v>2</v>
      </c>
      <c r="D11110">
        <v>0</v>
      </c>
    </row>
    <row r="11111" spans="1:4" x14ac:dyDescent="0.25">
      <c r="A11111" t="s">
        <v>16543</v>
      </c>
      <c r="B11111" t="s">
        <v>16546</v>
      </c>
      <c r="C11111">
        <v>1</v>
      </c>
      <c r="D11111">
        <v>0</v>
      </c>
    </row>
    <row r="11112" spans="1:4" x14ac:dyDescent="0.25">
      <c r="A11112" t="s">
        <v>16547</v>
      </c>
      <c r="B11112" t="s">
        <v>16548</v>
      </c>
      <c r="C11112">
        <v>1</v>
      </c>
      <c r="D11112">
        <v>0</v>
      </c>
    </row>
    <row r="11113" spans="1:4" x14ac:dyDescent="0.25">
      <c r="A11113" t="s">
        <v>16547</v>
      </c>
      <c r="B11113" t="s">
        <v>16549</v>
      </c>
      <c r="C11113">
        <v>1</v>
      </c>
      <c r="D11113">
        <v>0</v>
      </c>
    </row>
    <row r="11114" spans="1:4" x14ac:dyDescent="0.25">
      <c r="A11114" t="s">
        <v>16550</v>
      </c>
      <c r="B11114" t="s">
        <v>16551</v>
      </c>
      <c r="C11114">
        <v>2</v>
      </c>
      <c r="D11114">
        <v>0</v>
      </c>
    </row>
    <row r="11115" spans="1:4" x14ac:dyDescent="0.25">
      <c r="A11115" t="s">
        <v>16550</v>
      </c>
      <c r="B11115" t="s">
        <v>16552</v>
      </c>
      <c r="C11115">
        <v>2</v>
      </c>
      <c r="D11115">
        <v>0</v>
      </c>
    </row>
    <row r="11116" spans="1:4" x14ac:dyDescent="0.25">
      <c r="A11116" t="s">
        <v>16553</v>
      </c>
      <c r="B11116" t="s">
        <v>16554</v>
      </c>
      <c r="C11116">
        <v>1</v>
      </c>
      <c r="D11116">
        <v>0</v>
      </c>
    </row>
    <row r="11117" spans="1:4" x14ac:dyDescent="0.25">
      <c r="A11117" t="s">
        <v>16555</v>
      </c>
      <c r="B11117" t="s">
        <v>16556</v>
      </c>
      <c r="C11117">
        <v>0</v>
      </c>
      <c r="D11117">
        <v>0</v>
      </c>
    </row>
    <row r="11118" spans="1:4" x14ac:dyDescent="0.25">
      <c r="A11118" t="s">
        <v>16555</v>
      </c>
      <c r="B11118" t="s">
        <v>968</v>
      </c>
      <c r="C11118">
        <v>1</v>
      </c>
      <c r="D11118">
        <v>0</v>
      </c>
    </row>
    <row r="11119" spans="1:4" x14ac:dyDescent="0.25">
      <c r="A11119" t="s">
        <v>16555</v>
      </c>
      <c r="B11119" t="s">
        <v>16557</v>
      </c>
      <c r="C11119">
        <v>2</v>
      </c>
      <c r="D11119">
        <v>0</v>
      </c>
    </row>
    <row r="11120" spans="1:4" x14ac:dyDescent="0.25">
      <c r="A11120" t="s">
        <v>16558</v>
      </c>
      <c r="B11120" t="s">
        <v>16559</v>
      </c>
      <c r="C11120">
        <v>2</v>
      </c>
      <c r="D11120">
        <v>0</v>
      </c>
    </row>
    <row r="11121" spans="1:4" x14ac:dyDescent="0.25">
      <c r="A11121" t="s">
        <v>16558</v>
      </c>
      <c r="B11121" t="s">
        <v>16560</v>
      </c>
      <c r="C11121">
        <v>1</v>
      </c>
      <c r="D11121">
        <v>0</v>
      </c>
    </row>
    <row r="11122" spans="1:4" x14ac:dyDescent="0.25">
      <c r="A11122" t="s">
        <v>16558</v>
      </c>
      <c r="B11122" t="s">
        <v>16561</v>
      </c>
      <c r="C11122">
        <v>2</v>
      </c>
      <c r="D11122">
        <v>0</v>
      </c>
    </row>
    <row r="11123" spans="1:4" x14ac:dyDescent="0.25">
      <c r="A11123" t="s">
        <v>16562</v>
      </c>
      <c r="B11123" t="s">
        <v>16563</v>
      </c>
      <c r="C11123">
        <v>0</v>
      </c>
      <c r="D11123">
        <v>0</v>
      </c>
    </row>
    <row r="11124" spans="1:4" x14ac:dyDescent="0.25">
      <c r="A11124" t="s">
        <v>16562</v>
      </c>
      <c r="B11124" t="s">
        <v>16564</v>
      </c>
      <c r="C11124">
        <v>1</v>
      </c>
      <c r="D11124">
        <v>0</v>
      </c>
    </row>
    <row r="11125" spans="1:4" x14ac:dyDescent="0.25">
      <c r="A11125" t="s">
        <v>16565</v>
      </c>
      <c r="B11125" t="s">
        <v>16566</v>
      </c>
      <c r="C11125">
        <v>0</v>
      </c>
      <c r="D11125">
        <v>0</v>
      </c>
    </row>
    <row r="11126" spans="1:4" x14ac:dyDescent="0.25">
      <c r="A11126" t="s">
        <v>16565</v>
      </c>
      <c r="B11126" t="s">
        <v>16567</v>
      </c>
      <c r="C11126">
        <v>0</v>
      </c>
      <c r="D11126">
        <v>0</v>
      </c>
    </row>
    <row r="11127" spans="1:4" x14ac:dyDescent="0.25">
      <c r="A11127" t="s">
        <v>16565</v>
      </c>
      <c r="B11127" t="s">
        <v>16568</v>
      </c>
      <c r="C11127">
        <v>1</v>
      </c>
      <c r="D11127">
        <v>0</v>
      </c>
    </row>
    <row r="11128" spans="1:4" x14ac:dyDescent="0.25">
      <c r="A11128" t="s">
        <v>16569</v>
      </c>
      <c r="B11128" t="s">
        <v>843</v>
      </c>
      <c r="C11128">
        <v>1</v>
      </c>
      <c r="D11128">
        <v>0</v>
      </c>
    </row>
    <row r="11129" spans="1:4" x14ac:dyDescent="0.25">
      <c r="A11129" t="s">
        <v>16570</v>
      </c>
      <c r="B11129" t="s">
        <v>16571</v>
      </c>
      <c r="C11129">
        <v>1</v>
      </c>
      <c r="D11129">
        <v>0</v>
      </c>
    </row>
    <row r="11130" spans="1:4" x14ac:dyDescent="0.25">
      <c r="A11130" t="s">
        <v>16570</v>
      </c>
      <c r="B11130" t="s">
        <v>16572</v>
      </c>
      <c r="C11130">
        <v>0</v>
      </c>
      <c r="D11130">
        <v>0</v>
      </c>
    </row>
    <row r="11131" spans="1:4" x14ac:dyDescent="0.25">
      <c r="A11131" t="s">
        <v>16570</v>
      </c>
      <c r="B11131" t="s">
        <v>16573</v>
      </c>
      <c r="C11131">
        <v>1</v>
      </c>
      <c r="D11131">
        <v>0</v>
      </c>
    </row>
    <row r="11132" spans="1:4" x14ac:dyDescent="0.25">
      <c r="A11132" t="s">
        <v>16574</v>
      </c>
      <c r="B11132" t="s">
        <v>16575</v>
      </c>
      <c r="C11132">
        <v>1</v>
      </c>
      <c r="D11132">
        <v>0</v>
      </c>
    </row>
    <row r="11133" spans="1:4" x14ac:dyDescent="0.25">
      <c r="A11133" t="s">
        <v>16576</v>
      </c>
      <c r="B11133" t="s">
        <v>16577</v>
      </c>
      <c r="C11133">
        <v>1</v>
      </c>
      <c r="D11133">
        <v>0</v>
      </c>
    </row>
    <row r="11134" spans="1:4" x14ac:dyDescent="0.25">
      <c r="A11134" t="s">
        <v>16576</v>
      </c>
      <c r="B11134" t="s">
        <v>16578</v>
      </c>
      <c r="C11134">
        <v>1</v>
      </c>
      <c r="D11134">
        <v>0</v>
      </c>
    </row>
    <row r="11135" spans="1:4" x14ac:dyDescent="0.25">
      <c r="A11135" t="s">
        <v>16579</v>
      </c>
      <c r="B11135" t="s">
        <v>16580</v>
      </c>
      <c r="C11135">
        <v>1</v>
      </c>
      <c r="D11135">
        <v>0</v>
      </c>
    </row>
    <row r="11136" spans="1:4" x14ac:dyDescent="0.25">
      <c r="A11136" t="s">
        <v>16581</v>
      </c>
      <c r="B11136" t="s">
        <v>16582</v>
      </c>
      <c r="C11136">
        <v>1</v>
      </c>
      <c r="D11136">
        <v>0</v>
      </c>
    </row>
    <row r="11137" spans="1:4" x14ac:dyDescent="0.25">
      <c r="A11137" t="s">
        <v>16581</v>
      </c>
      <c r="B11137" t="s">
        <v>16583</v>
      </c>
      <c r="C11137">
        <v>2</v>
      </c>
      <c r="D11137">
        <v>0</v>
      </c>
    </row>
    <row r="11138" spans="1:4" x14ac:dyDescent="0.25">
      <c r="A11138" t="s">
        <v>16584</v>
      </c>
      <c r="B11138" t="s">
        <v>16585</v>
      </c>
      <c r="C11138">
        <v>1</v>
      </c>
      <c r="D11138">
        <v>0</v>
      </c>
    </row>
    <row r="11139" spans="1:4" x14ac:dyDescent="0.25">
      <c r="A11139" t="s">
        <v>16586</v>
      </c>
      <c r="B11139" t="s">
        <v>16587</v>
      </c>
      <c r="C11139">
        <v>0</v>
      </c>
      <c r="D11139">
        <v>0</v>
      </c>
    </row>
    <row r="11140" spans="1:4" x14ac:dyDescent="0.25">
      <c r="A11140" t="s">
        <v>16586</v>
      </c>
      <c r="B11140" t="s">
        <v>16588</v>
      </c>
      <c r="C11140">
        <v>2</v>
      </c>
      <c r="D11140">
        <v>0</v>
      </c>
    </row>
    <row r="11141" spans="1:4" x14ac:dyDescent="0.25">
      <c r="A11141" t="s">
        <v>16589</v>
      </c>
      <c r="B11141" t="s">
        <v>16590</v>
      </c>
      <c r="C11141">
        <v>0</v>
      </c>
      <c r="D11141">
        <v>0</v>
      </c>
    </row>
    <row r="11142" spans="1:4" x14ac:dyDescent="0.25">
      <c r="A11142" t="s">
        <v>16591</v>
      </c>
      <c r="B11142" t="s">
        <v>16592</v>
      </c>
      <c r="C11142">
        <v>1</v>
      </c>
      <c r="D11142">
        <v>0</v>
      </c>
    </row>
    <row r="11143" spans="1:4" x14ac:dyDescent="0.25">
      <c r="A11143" t="s">
        <v>16591</v>
      </c>
      <c r="B11143" t="s">
        <v>16593</v>
      </c>
      <c r="C11143">
        <v>0</v>
      </c>
      <c r="D11143">
        <v>0</v>
      </c>
    </row>
    <row r="11144" spans="1:4" x14ac:dyDescent="0.25">
      <c r="A11144" t="s">
        <v>16594</v>
      </c>
      <c r="B11144" t="s">
        <v>16595</v>
      </c>
      <c r="C11144">
        <v>1</v>
      </c>
      <c r="D11144">
        <v>0</v>
      </c>
    </row>
    <row r="11145" spans="1:4" x14ac:dyDescent="0.25">
      <c r="A11145" t="s">
        <v>16596</v>
      </c>
      <c r="B11145" t="s">
        <v>16597</v>
      </c>
      <c r="C11145">
        <v>1</v>
      </c>
      <c r="D11145">
        <v>0</v>
      </c>
    </row>
    <row r="11146" spans="1:4" x14ac:dyDescent="0.25">
      <c r="A11146" t="s">
        <v>16598</v>
      </c>
      <c r="B11146" t="s">
        <v>16599</v>
      </c>
      <c r="C11146">
        <v>1</v>
      </c>
      <c r="D11146">
        <v>0</v>
      </c>
    </row>
    <row r="11147" spans="1:4" x14ac:dyDescent="0.25">
      <c r="A11147" t="s">
        <v>16598</v>
      </c>
      <c r="B11147" t="s">
        <v>16600</v>
      </c>
      <c r="C11147">
        <v>1</v>
      </c>
      <c r="D11147">
        <v>0</v>
      </c>
    </row>
    <row r="11148" spans="1:4" x14ac:dyDescent="0.25">
      <c r="A11148" t="s">
        <v>16598</v>
      </c>
      <c r="B11148" t="s">
        <v>16601</v>
      </c>
      <c r="C11148">
        <v>1</v>
      </c>
      <c r="D11148">
        <v>0</v>
      </c>
    </row>
    <row r="11149" spans="1:4" x14ac:dyDescent="0.25">
      <c r="A11149" t="s">
        <v>16602</v>
      </c>
      <c r="B11149" t="s">
        <v>16603</v>
      </c>
      <c r="C11149">
        <v>1</v>
      </c>
      <c r="D11149">
        <v>0</v>
      </c>
    </row>
    <row r="11150" spans="1:4" x14ac:dyDescent="0.25">
      <c r="A11150" t="s">
        <v>16604</v>
      </c>
      <c r="B11150" t="s">
        <v>16605</v>
      </c>
      <c r="C11150">
        <v>1</v>
      </c>
      <c r="D11150">
        <v>0</v>
      </c>
    </row>
    <row r="11151" spans="1:4" x14ac:dyDescent="0.25">
      <c r="A11151" t="s">
        <v>16606</v>
      </c>
      <c r="B11151" t="s">
        <v>16607</v>
      </c>
      <c r="C11151">
        <v>2</v>
      </c>
      <c r="D11151">
        <v>0</v>
      </c>
    </row>
    <row r="11152" spans="1:4" x14ac:dyDescent="0.25">
      <c r="A11152" t="s">
        <v>16606</v>
      </c>
      <c r="B11152" t="s">
        <v>16608</v>
      </c>
      <c r="C11152">
        <v>2</v>
      </c>
      <c r="D11152">
        <v>0</v>
      </c>
    </row>
    <row r="11153" spans="1:4" x14ac:dyDescent="0.25">
      <c r="A11153" t="s">
        <v>16606</v>
      </c>
      <c r="B11153" t="s">
        <v>16609</v>
      </c>
      <c r="C11153">
        <v>0</v>
      </c>
      <c r="D11153">
        <v>0</v>
      </c>
    </row>
    <row r="11154" spans="1:4" x14ac:dyDescent="0.25">
      <c r="A11154" t="s">
        <v>16610</v>
      </c>
      <c r="B11154" t="s">
        <v>16611</v>
      </c>
      <c r="C11154">
        <v>0</v>
      </c>
      <c r="D11154">
        <v>0</v>
      </c>
    </row>
    <row r="11155" spans="1:4" x14ac:dyDescent="0.25">
      <c r="A11155" t="s">
        <v>16610</v>
      </c>
      <c r="B11155" t="s">
        <v>1001</v>
      </c>
      <c r="C11155">
        <v>1</v>
      </c>
      <c r="D11155">
        <v>0</v>
      </c>
    </row>
    <row r="11156" spans="1:4" x14ac:dyDescent="0.25">
      <c r="A11156" t="s">
        <v>16610</v>
      </c>
      <c r="B11156" t="s">
        <v>16612</v>
      </c>
      <c r="C11156">
        <v>1</v>
      </c>
      <c r="D11156">
        <v>0</v>
      </c>
    </row>
    <row r="11157" spans="1:4" x14ac:dyDescent="0.25">
      <c r="A11157" t="s">
        <v>16613</v>
      </c>
      <c r="B11157" t="s">
        <v>16614</v>
      </c>
      <c r="C11157">
        <v>0</v>
      </c>
      <c r="D11157">
        <v>0</v>
      </c>
    </row>
    <row r="11158" spans="1:4" x14ac:dyDescent="0.25">
      <c r="A11158" t="s">
        <v>16615</v>
      </c>
      <c r="B11158" t="s">
        <v>1861</v>
      </c>
      <c r="C11158">
        <v>1</v>
      </c>
      <c r="D11158">
        <v>0</v>
      </c>
    </row>
    <row r="11159" spans="1:4" x14ac:dyDescent="0.25">
      <c r="A11159" t="s">
        <v>16616</v>
      </c>
      <c r="B11159" t="s">
        <v>16617</v>
      </c>
      <c r="C11159">
        <v>1</v>
      </c>
      <c r="D11159">
        <v>0</v>
      </c>
    </row>
    <row r="11160" spans="1:4" x14ac:dyDescent="0.25">
      <c r="A11160" t="s">
        <v>16618</v>
      </c>
      <c r="B11160" t="s">
        <v>16619</v>
      </c>
      <c r="C11160">
        <v>1</v>
      </c>
      <c r="D11160">
        <v>0</v>
      </c>
    </row>
    <row r="11161" spans="1:4" x14ac:dyDescent="0.25">
      <c r="A11161" t="s">
        <v>16618</v>
      </c>
      <c r="B11161" t="s">
        <v>16620</v>
      </c>
      <c r="C11161">
        <v>1</v>
      </c>
      <c r="D11161">
        <v>0</v>
      </c>
    </row>
    <row r="11162" spans="1:4" x14ac:dyDescent="0.25">
      <c r="A11162" t="s">
        <v>16621</v>
      </c>
      <c r="B11162" t="s">
        <v>16622</v>
      </c>
      <c r="C11162">
        <v>2</v>
      </c>
      <c r="D11162">
        <v>0</v>
      </c>
    </row>
    <row r="11163" spans="1:4" x14ac:dyDescent="0.25">
      <c r="A11163" t="s">
        <v>16623</v>
      </c>
      <c r="B11163" t="s">
        <v>16624</v>
      </c>
      <c r="C11163">
        <v>0</v>
      </c>
      <c r="D11163">
        <v>0</v>
      </c>
    </row>
    <row r="11164" spans="1:4" x14ac:dyDescent="0.25">
      <c r="A11164" t="s">
        <v>16623</v>
      </c>
      <c r="B11164" t="s">
        <v>16625</v>
      </c>
      <c r="C11164">
        <v>1</v>
      </c>
      <c r="D11164">
        <v>0</v>
      </c>
    </row>
    <row r="11165" spans="1:4" x14ac:dyDescent="0.25">
      <c r="A11165" t="s">
        <v>16626</v>
      </c>
      <c r="B11165" t="s">
        <v>16627</v>
      </c>
      <c r="C11165">
        <v>0</v>
      </c>
      <c r="D11165">
        <v>0</v>
      </c>
    </row>
    <row r="11166" spans="1:4" x14ac:dyDescent="0.25">
      <c r="A11166" t="s">
        <v>16628</v>
      </c>
      <c r="B11166" t="s">
        <v>16629</v>
      </c>
      <c r="C11166">
        <v>0</v>
      </c>
      <c r="D11166">
        <v>0</v>
      </c>
    </row>
    <row r="11167" spans="1:4" x14ac:dyDescent="0.25">
      <c r="A11167" t="s">
        <v>16628</v>
      </c>
      <c r="B11167" t="s">
        <v>16630</v>
      </c>
      <c r="C11167">
        <v>0</v>
      </c>
      <c r="D11167">
        <v>0</v>
      </c>
    </row>
    <row r="11168" spans="1:4" x14ac:dyDescent="0.25">
      <c r="A11168" t="s">
        <v>16631</v>
      </c>
      <c r="B11168" t="s">
        <v>16632</v>
      </c>
      <c r="C11168">
        <v>2</v>
      </c>
      <c r="D11168">
        <v>0</v>
      </c>
    </row>
    <row r="11169" spans="1:4" x14ac:dyDescent="0.25">
      <c r="A11169" t="s">
        <v>16633</v>
      </c>
      <c r="B11169" t="s">
        <v>3410</v>
      </c>
      <c r="C11169">
        <v>1</v>
      </c>
      <c r="D11169">
        <v>0</v>
      </c>
    </row>
    <row r="11170" spans="1:4" x14ac:dyDescent="0.25">
      <c r="A11170" t="s">
        <v>16634</v>
      </c>
      <c r="B11170" t="s">
        <v>16635</v>
      </c>
      <c r="C11170">
        <v>0</v>
      </c>
      <c r="D11170">
        <v>0</v>
      </c>
    </row>
    <row r="11171" spans="1:4" x14ac:dyDescent="0.25">
      <c r="A11171" t="s">
        <v>16634</v>
      </c>
      <c r="B11171" t="s">
        <v>16636</v>
      </c>
      <c r="C11171">
        <v>0</v>
      </c>
      <c r="D11171">
        <v>0</v>
      </c>
    </row>
    <row r="11172" spans="1:4" x14ac:dyDescent="0.25">
      <c r="A11172" t="s">
        <v>16634</v>
      </c>
      <c r="B11172" t="s">
        <v>16637</v>
      </c>
      <c r="C11172">
        <v>1</v>
      </c>
      <c r="D11172">
        <v>0</v>
      </c>
    </row>
    <row r="11173" spans="1:4" x14ac:dyDescent="0.25">
      <c r="A11173" t="s">
        <v>16638</v>
      </c>
      <c r="B11173" t="s">
        <v>16639</v>
      </c>
      <c r="C11173">
        <v>2</v>
      </c>
      <c r="D11173">
        <v>0</v>
      </c>
    </row>
    <row r="11174" spans="1:4" x14ac:dyDescent="0.25">
      <c r="A11174" t="s">
        <v>16640</v>
      </c>
      <c r="B11174" t="s">
        <v>2050</v>
      </c>
      <c r="C11174">
        <v>1</v>
      </c>
      <c r="D11174">
        <v>0</v>
      </c>
    </row>
    <row r="11175" spans="1:4" x14ac:dyDescent="0.25">
      <c r="A11175" t="s">
        <v>16641</v>
      </c>
      <c r="B11175" t="s">
        <v>16642</v>
      </c>
      <c r="C11175">
        <v>1</v>
      </c>
      <c r="D11175">
        <v>0</v>
      </c>
    </row>
    <row r="11176" spans="1:4" x14ac:dyDescent="0.25">
      <c r="A11176" t="s">
        <v>16641</v>
      </c>
      <c r="B11176" t="s">
        <v>16643</v>
      </c>
      <c r="C11176">
        <v>1</v>
      </c>
      <c r="D11176">
        <v>0</v>
      </c>
    </row>
    <row r="11177" spans="1:4" x14ac:dyDescent="0.25">
      <c r="A11177" t="s">
        <v>16641</v>
      </c>
      <c r="B11177" t="s">
        <v>16644</v>
      </c>
      <c r="C11177">
        <v>2</v>
      </c>
      <c r="D11177">
        <v>0</v>
      </c>
    </row>
    <row r="11178" spans="1:4" x14ac:dyDescent="0.25">
      <c r="A11178" t="s">
        <v>16645</v>
      </c>
      <c r="B11178" t="s">
        <v>16646</v>
      </c>
      <c r="C11178">
        <v>0</v>
      </c>
      <c r="D11178">
        <v>0</v>
      </c>
    </row>
    <row r="11179" spans="1:4" x14ac:dyDescent="0.25">
      <c r="A11179" t="s">
        <v>16645</v>
      </c>
      <c r="B11179" t="s">
        <v>16647</v>
      </c>
      <c r="C11179">
        <v>0</v>
      </c>
      <c r="D11179">
        <v>0</v>
      </c>
    </row>
    <row r="11180" spans="1:4" x14ac:dyDescent="0.25">
      <c r="A11180" t="s">
        <v>16645</v>
      </c>
      <c r="B11180" t="s">
        <v>16648</v>
      </c>
      <c r="C11180">
        <v>0</v>
      </c>
      <c r="D11180">
        <v>0</v>
      </c>
    </row>
    <row r="11181" spans="1:4" x14ac:dyDescent="0.25">
      <c r="A11181" t="s">
        <v>16649</v>
      </c>
      <c r="B11181" t="s">
        <v>16650</v>
      </c>
      <c r="C11181">
        <v>1</v>
      </c>
      <c r="D11181">
        <v>0</v>
      </c>
    </row>
    <row r="11182" spans="1:4" x14ac:dyDescent="0.25">
      <c r="A11182" t="s">
        <v>16651</v>
      </c>
      <c r="B11182" t="s">
        <v>852</v>
      </c>
      <c r="C11182">
        <v>0</v>
      </c>
      <c r="D11182">
        <v>0</v>
      </c>
    </row>
    <row r="11183" spans="1:4" x14ac:dyDescent="0.25">
      <c r="A11183" t="s">
        <v>16652</v>
      </c>
      <c r="B11183" t="s">
        <v>16653</v>
      </c>
      <c r="C11183">
        <v>2</v>
      </c>
      <c r="D11183">
        <v>0</v>
      </c>
    </row>
    <row r="11184" spans="1:4" x14ac:dyDescent="0.25">
      <c r="A11184" t="s">
        <v>16652</v>
      </c>
      <c r="B11184" t="s">
        <v>11473</v>
      </c>
      <c r="C11184">
        <v>2</v>
      </c>
      <c r="D11184">
        <v>0</v>
      </c>
    </row>
    <row r="11185" spans="1:4" x14ac:dyDescent="0.25">
      <c r="A11185" t="s">
        <v>16652</v>
      </c>
      <c r="B11185" t="s">
        <v>16654</v>
      </c>
      <c r="C11185">
        <v>2</v>
      </c>
      <c r="D11185">
        <v>0</v>
      </c>
    </row>
    <row r="11186" spans="1:4" x14ac:dyDescent="0.25">
      <c r="A11186" t="s">
        <v>16655</v>
      </c>
      <c r="B11186" t="s">
        <v>16656</v>
      </c>
      <c r="C11186">
        <v>0</v>
      </c>
      <c r="D11186">
        <v>0</v>
      </c>
    </row>
    <row r="11187" spans="1:4" x14ac:dyDescent="0.25">
      <c r="A11187" t="s">
        <v>16655</v>
      </c>
      <c r="B11187" t="s">
        <v>16657</v>
      </c>
      <c r="C11187">
        <v>1</v>
      </c>
      <c r="D11187">
        <v>0</v>
      </c>
    </row>
    <row r="11188" spans="1:4" x14ac:dyDescent="0.25">
      <c r="A11188" t="s">
        <v>16658</v>
      </c>
      <c r="B11188" t="s">
        <v>16659</v>
      </c>
      <c r="C11188">
        <v>1</v>
      </c>
      <c r="D11188">
        <v>0</v>
      </c>
    </row>
    <row r="11189" spans="1:4" x14ac:dyDescent="0.25">
      <c r="A11189" t="s">
        <v>16660</v>
      </c>
      <c r="B11189" t="s">
        <v>1097</v>
      </c>
      <c r="C11189">
        <v>1</v>
      </c>
      <c r="D11189">
        <v>0</v>
      </c>
    </row>
    <row r="11190" spans="1:4" x14ac:dyDescent="0.25">
      <c r="A11190" t="s">
        <v>16661</v>
      </c>
      <c r="B11190" t="s">
        <v>16662</v>
      </c>
      <c r="C11190">
        <v>0</v>
      </c>
      <c r="D11190">
        <v>0</v>
      </c>
    </row>
    <row r="11191" spans="1:4" x14ac:dyDescent="0.25">
      <c r="A11191" t="s">
        <v>16663</v>
      </c>
      <c r="B11191" t="s">
        <v>16664</v>
      </c>
      <c r="C11191">
        <v>2</v>
      </c>
      <c r="D11191">
        <v>0</v>
      </c>
    </row>
    <row r="11192" spans="1:4" x14ac:dyDescent="0.25">
      <c r="A11192" t="s">
        <v>16663</v>
      </c>
      <c r="B11192" t="s">
        <v>13117</v>
      </c>
      <c r="C11192">
        <v>0</v>
      </c>
      <c r="D11192">
        <v>0</v>
      </c>
    </row>
    <row r="11193" spans="1:4" x14ac:dyDescent="0.25">
      <c r="A11193" t="s">
        <v>16665</v>
      </c>
      <c r="B11193" t="s">
        <v>16666</v>
      </c>
      <c r="C11193">
        <v>0</v>
      </c>
      <c r="D11193">
        <v>0</v>
      </c>
    </row>
    <row r="11194" spans="1:4" x14ac:dyDescent="0.25">
      <c r="A11194" t="s">
        <v>16667</v>
      </c>
      <c r="B11194" t="s">
        <v>16668</v>
      </c>
      <c r="C11194">
        <v>0</v>
      </c>
      <c r="D11194">
        <v>0</v>
      </c>
    </row>
    <row r="11195" spans="1:4" x14ac:dyDescent="0.25">
      <c r="A11195" t="s">
        <v>16667</v>
      </c>
      <c r="B11195" t="s">
        <v>16669</v>
      </c>
      <c r="C11195">
        <v>2</v>
      </c>
      <c r="D11195">
        <v>0</v>
      </c>
    </row>
    <row r="11196" spans="1:4" x14ac:dyDescent="0.25">
      <c r="A11196" t="s">
        <v>16667</v>
      </c>
      <c r="B11196" t="s">
        <v>16670</v>
      </c>
      <c r="C11196">
        <v>0</v>
      </c>
      <c r="D11196">
        <v>0</v>
      </c>
    </row>
    <row r="11197" spans="1:4" x14ac:dyDescent="0.25">
      <c r="A11197" t="s">
        <v>16671</v>
      </c>
      <c r="B11197" t="s">
        <v>968</v>
      </c>
      <c r="C11197">
        <v>1</v>
      </c>
      <c r="D11197">
        <v>0</v>
      </c>
    </row>
    <row r="11198" spans="1:4" x14ac:dyDescent="0.25">
      <c r="A11198" t="s">
        <v>16672</v>
      </c>
      <c r="B11198" t="s">
        <v>16673</v>
      </c>
      <c r="C11198">
        <v>1</v>
      </c>
      <c r="D11198">
        <v>0</v>
      </c>
    </row>
    <row r="11199" spans="1:4" x14ac:dyDescent="0.25">
      <c r="A11199" t="s">
        <v>16674</v>
      </c>
      <c r="B11199" t="s">
        <v>16675</v>
      </c>
      <c r="C11199">
        <v>2</v>
      </c>
      <c r="D11199">
        <v>0</v>
      </c>
    </row>
    <row r="11200" spans="1:4" x14ac:dyDescent="0.25">
      <c r="A11200" t="s">
        <v>16676</v>
      </c>
      <c r="B11200" t="s">
        <v>16677</v>
      </c>
      <c r="C11200">
        <v>0</v>
      </c>
      <c r="D11200">
        <v>0</v>
      </c>
    </row>
    <row r="11201" spans="1:4" x14ac:dyDescent="0.25">
      <c r="A11201" t="s">
        <v>16676</v>
      </c>
      <c r="B11201" t="s">
        <v>16678</v>
      </c>
      <c r="C11201">
        <v>0</v>
      </c>
      <c r="D11201">
        <v>0</v>
      </c>
    </row>
    <row r="11202" spans="1:4" x14ac:dyDescent="0.25">
      <c r="A11202" t="s">
        <v>16676</v>
      </c>
      <c r="B11202" t="s">
        <v>2061</v>
      </c>
      <c r="C11202">
        <v>0</v>
      </c>
      <c r="D11202">
        <v>0</v>
      </c>
    </row>
    <row r="11203" spans="1:4" x14ac:dyDescent="0.25">
      <c r="A11203" t="s">
        <v>16679</v>
      </c>
      <c r="B11203" t="s">
        <v>16680</v>
      </c>
      <c r="C11203">
        <v>0</v>
      </c>
      <c r="D11203">
        <v>0</v>
      </c>
    </row>
    <row r="11204" spans="1:4" x14ac:dyDescent="0.25">
      <c r="A11204" t="s">
        <v>16681</v>
      </c>
      <c r="B11204" t="s">
        <v>16682</v>
      </c>
      <c r="C11204">
        <v>2</v>
      </c>
      <c r="D11204">
        <v>0</v>
      </c>
    </row>
    <row r="11205" spans="1:4" x14ac:dyDescent="0.25">
      <c r="A11205" t="s">
        <v>16683</v>
      </c>
      <c r="B11205" t="s">
        <v>11506</v>
      </c>
      <c r="C11205">
        <v>1</v>
      </c>
      <c r="D11205">
        <v>0</v>
      </c>
    </row>
    <row r="11206" spans="1:4" x14ac:dyDescent="0.25">
      <c r="A11206" t="s">
        <v>16684</v>
      </c>
      <c r="B11206" t="s">
        <v>16685</v>
      </c>
      <c r="C11206">
        <v>2</v>
      </c>
      <c r="D11206">
        <v>0</v>
      </c>
    </row>
    <row r="11207" spans="1:4" x14ac:dyDescent="0.25">
      <c r="A11207" t="s">
        <v>16684</v>
      </c>
      <c r="B11207" t="s">
        <v>16686</v>
      </c>
      <c r="C11207">
        <v>1</v>
      </c>
      <c r="D11207">
        <v>0</v>
      </c>
    </row>
    <row r="11208" spans="1:4" x14ac:dyDescent="0.25">
      <c r="A11208" t="s">
        <v>16684</v>
      </c>
      <c r="B11208" t="s">
        <v>16687</v>
      </c>
      <c r="C11208">
        <v>2</v>
      </c>
      <c r="D11208">
        <v>0</v>
      </c>
    </row>
    <row r="11209" spans="1:4" x14ac:dyDescent="0.25">
      <c r="A11209" t="s">
        <v>16688</v>
      </c>
      <c r="B11209" t="s">
        <v>4422</v>
      </c>
      <c r="C11209">
        <v>1</v>
      </c>
      <c r="D11209">
        <v>0</v>
      </c>
    </row>
    <row r="11210" spans="1:4" x14ac:dyDescent="0.25">
      <c r="A11210" t="s">
        <v>16688</v>
      </c>
      <c r="B11210" t="s">
        <v>16689</v>
      </c>
      <c r="C11210">
        <v>0</v>
      </c>
      <c r="D11210">
        <v>0</v>
      </c>
    </row>
    <row r="11211" spans="1:4" x14ac:dyDescent="0.25">
      <c r="A11211" t="s">
        <v>16690</v>
      </c>
      <c r="B11211" t="s">
        <v>843</v>
      </c>
      <c r="C11211">
        <v>1</v>
      </c>
      <c r="D11211">
        <v>0</v>
      </c>
    </row>
    <row r="11212" spans="1:4" x14ac:dyDescent="0.25">
      <c r="A11212" t="s">
        <v>16691</v>
      </c>
      <c r="B11212" t="s">
        <v>843</v>
      </c>
      <c r="C11212">
        <v>1</v>
      </c>
      <c r="D11212">
        <v>0</v>
      </c>
    </row>
    <row r="11213" spans="1:4" x14ac:dyDescent="0.25">
      <c r="A11213" t="s">
        <v>16691</v>
      </c>
      <c r="B11213" t="s">
        <v>16692</v>
      </c>
      <c r="C11213">
        <v>0</v>
      </c>
      <c r="D11213">
        <v>0</v>
      </c>
    </row>
    <row r="11214" spans="1:4" x14ac:dyDescent="0.25">
      <c r="A11214" t="s">
        <v>16693</v>
      </c>
      <c r="B11214" t="s">
        <v>16694</v>
      </c>
      <c r="C11214">
        <v>0</v>
      </c>
      <c r="D11214">
        <v>0</v>
      </c>
    </row>
    <row r="11215" spans="1:4" x14ac:dyDescent="0.25">
      <c r="A11215" t="s">
        <v>16693</v>
      </c>
      <c r="B11215" t="s">
        <v>16695</v>
      </c>
      <c r="C11215">
        <v>2</v>
      </c>
      <c r="D11215">
        <v>0</v>
      </c>
    </row>
    <row r="11216" spans="1:4" x14ac:dyDescent="0.25">
      <c r="A11216" t="s">
        <v>16693</v>
      </c>
      <c r="B11216" t="s">
        <v>16696</v>
      </c>
      <c r="C11216">
        <v>2</v>
      </c>
      <c r="D11216">
        <v>0</v>
      </c>
    </row>
    <row r="11217" spans="1:4" x14ac:dyDescent="0.25">
      <c r="A11217" t="s">
        <v>16697</v>
      </c>
      <c r="B11217" t="s">
        <v>16698</v>
      </c>
      <c r="C11217">
        <v>2</v>
      </c>
      <c r="D11217">
        <v>0</v>
      </c>
    </row>
    <row r="11218" spans="1:4" x14ac:dyDescent="0.25">
      <c r="A11218" t="s">
        <v>16697</v>
      </c>
      <c r="B11218" t="s">
        <v>16699</v>
      </c>
      <c r="C11218">
        <v>0</v>
      </c>
      <c r="D11218">
        <v>0</v>
      </c>
    </row>
    <row r="11219" spans="1:4" x14ac:dyDescent="0.25">
      <c r="A11219" t="s">
        <v>16697</v>
      </c>
      <c r="B11219" t="s">
        <v>16700</v>
      </c>
      <c r="C11219">
        <v>2</v>
      </c>
      <c r="D11219">
        <v>0</v>
      </c>
    </row>
    <row r="11220" spans="1:4" x14ac:dyDescent="0.25">
      <c r="A11220" t="s">
        <v>16701</v>
      </c>
      <c r="B11220" t="s">
        <v>16702</v>
      </c>
      <c r="C11220">
        <v>1</v>
      </c>
      <c r="D11220">
        <v>0</v>
      </c>
    </row>
    <row r="11221" spans="1:4" x14ac:dyDescent="0.25">
      <c r="A11221" t="s">
        <v>16701</v>
      </c>
      <c r="B11221" t="s">
        <v>16703</v>
      </c>
      <c r="C11221">
        <v>1</v>
      </c>
      <c r="D11221">
        <v>0</v>
      </c>
    </row>
    <row r="11222" spans="1:4" x14ac:dyDescent="0.25">
      <c r="A11222" t="s">
        <v>16704</v>
      </c>
      <c r="B11222" t="s">
        <v>2953</v>
      </c>
      <c r="C11222">
        <v>0</v>
      </c>
      <c r="D11222">
        <v>0</v>
      </c>
    </row>
    <row r="11223" spans="1:4" x14ac:dyDescent="0.25">
      <c r="A11223" t="s">
        <v>16705</v>
      </c>
      <c r="B11223" t="s">
        <v>2825</v>
      </c>
      <c r="C11223">
        <v>1</v>
      </c>
      <c r="D11223">
        <v>0</v>
      </c>
    </row>
    <row r="11224" spans="1:4" x14ac:dyDescent="0.25">
      <c r="A11224" t="s">
        <v>16706</v>
      </c>
      <c r="B11224" t="s">
        <v>16707</v>
      </c>
      <c r="C11224">
        <v>0</v>
      </c>
      <c r="D11224">
        <v>0</v>
      </c>
    </row>
    <row r="11225" spans="1:4" x14ac:dyDescent="0.25">
      <c r="A11225" t="s">
        <v>16708</v>
      </c>
      <c r="B11225" t="s">
        <v>16709</v>
      </c>
      <c r="C11225">
        <v>1</v>
      </c>
      <c r="D11225">
        <v>0</v>
      </c>
    </row>
    <row r="11226" spans="1:4" x14ac:dyDescent="0.25">
      <c r="A11226" t="s">
        <v>16710</v>
      </c>
      <c r="B11226" t="s">
        <v>16711</v>
      </c>
      <c r="C11226">
        <v>1</v>
      </c>
      <c r="D11226">
        <v>0</v>
      </c>
    </row>
    <row r="11227" spans="1:4" x14ac:dyDescent="0.25">
      <c r="A11227" t="s">
        <v>16710</v>
      </c>
      <c r="B11227" t="s">
        <v>16712</v>
      </c>
      <c r="C11227">
        <v>1</v>
      </c>
      <c r="D11227">
        <v>0</v>
      </c>
    </row>
    <row r="11228" spans="1:4" x14ac:dyDescent="0.25">
      <c r="A11228" t="s">
        <v>16710</v>
      </c>
      <c r="B11228" t="s">
        <v>16713</v>
      </c>
      <c r="C11228">
        <v>1</v>
      </c>
      <c r="D11228">
        <v>0</v>
      </c>
    </row>
    <row r="11229" spans="1:4" x14ac:dyDescent="0.25">
      <c r="A11229" t="s">
        <v>16714</v>
      </c>
      <c r="B11229" t="s">
        <v>16715</v>
      </c>
      <c r="C11229">
        <v>2</v>
      </c>
      <c r="D11229">
        <v>0</v>
      </c>
    </row>
    <row r="11230" spans="1:4" x14ac:dyDescent="0.25">
      <c r="A11230" t="s">
        <v>16716</v>
      </c>
      <c r="B11230" t="s">
        <v>16717</v>
      </c>
      <c r="C11230">
        <v>1</v>
      </c>
      <c r="D11230">
        <v>0</v>
      </c>
    </row>
    <row r="11231" spans="1:4" x14ac:dyDescent="0.25">
      <c r="A11231" t="s">
        <v>16716</v>
      </c>
      <c r="B11231" t="s">
        <v>16718</v>
      </c>
      <c r="C11231">
        <v>0</v>
      </c>
      <c r="D11231">
        <v>0</v>
      </c>
    </row>
    <row r="11232" spans="1:4" x14ac:dyDescent="0.25">
      <c r="A11232" t="s">
        <v>16719</v>
      </c>
      <c r="B11232" t="s">
        <v>16720</v>
      </c>
      <c r="C11232">
        <v>2</v>
      </c>
      <c r="D11232">
        <v>0</v>
      </c>
    </row>
    <row r="11233" spans="1:4" x14ac:dyDescent="0.25">
      <c r="A11233" t="s">
        <v>16721</v>
      </c>
      <c r="B11233" t="s">
        <v>16722</v>
      </c>
      <c r="C11233">
        <v>2</v>
      </c>
      <c r="D11233">
        <v>0</v>
      </c>
    </row>
    <row r="11234" spans="1:4" x14ac:dyDescent="0.25">
      <c r="A11234" t="s">
        <v>16723</v>
      </c>
      <c r="B11234" t="s">
        <v>16724</v>
      </c>
      <c r="C11234">
        <v>0</v>
      </c>
      <c r="D11234">
        <v>0</v>
      </c>
    </row>
    <row r="11235" spans="1:4" x14ac:dyDescent="0.25">
      <c r="A11235" t="s">
        <v>16725</v>
      </c>
      <c r="B11235" t="s">
        <v>16726</v>
      </c>
      <c r="C11235">
        <v>1</v>
      </c>
      <c r="D11235">
        <v>0</v>
      </c>
    </row>
    <row r="11236" spans="1:4" x14ac:dyDescent="0.25">
      <c r="A11236" t="s">
        <v>16725</v>
      </c>
      <c r="B11236" t="s">
        <v>16727</v>
      </c>
      <c r="C11236">
        <v>1</v>
      </c>
      <c r="D11236">
        <v>0</v>
      </c>
    </row>
    <row r="11237" spans="1:4" x14ac:dyDescent="0.25">
      <c r="A11237" t="s">
        <v>16725</v>
      </c>
      <c r="B11237" t="s">
        <v>16728</v>
      </c>
      <c r="C11237">
        <v>2</v>
      </c>
      <c r="D11237">
        <v>0</v>
      </c>
    </row>
    <row r="11238" spans="1:4" x14ac:dyDescent="0.25">
      <c r="A11238" t="s">
        <v>16729</v>
      </c>
      <c r="B11238" t="s">
        <v>16730</v>
      </c>
      <c r="C11238">
        <v>2</v>
      </c>
      <c r="D11238">
        <v>0</v>
      </c>
    </row>
    <row r="11239" spans="1:4" x14ac:dyDescent="0.25">
      <c r="A11239" t="s">
        <v>16729</v>
      </c>
      <c r="B11239" t="s">
        <v>16731</v>
      </c>
      <c r="C11239">
        <v>1</v>
      </c>
      <c r="D11239">
        <v>0</v>
      </c>
    </row>
    <row r="11240" spans="1:4" x14ac:dyDescent="0.25">
      <c r="A11240" t="s">
        <v>16729</v>
      </c>
      <c r="B11240" t="s">
        <v>16732</v>
      </c>
      <c r="C11240">
        <v>1</v>
      </c>
      <c r="D11240">
        <v>0</v>
      </c>
    </row>
    <row r="11241" spans="1:4" x14ac:dyDescent="0.25">
      <c r="A11241" t="s">
        <v>16733</v>
      </c>
      <c r="B11241" t="s">
        <v>16734</v>
      </c>
      <c r="C11241">
        <v>2</v>
      </c>
      <c r="D11241">
        <v>0</v>
      </c>
    </row>
    <row r="11242" spans="1:4" x14ac:dyDescent="0.25">
      <c r="A11242" t="s">
        <v>16733</v>
      </c>
      <c r="B11242" t="s">
        <v>16735</v>
      </c>
      <c r="C11242">
        <v>0</v>
      </c>
      <c r="D11242">
        <v>0</v>
      </c>
    </row>
    <row r="11243" spans="1:4" x14ac:dyDescent="0.25">
      <c r="A11243" t="s">
        <v>16733</v>
      </c>
      <c r="B11243" t="s">
        <v>16736</v>
      </c>
      <c r="C11243">
        <v>2</v>
      </c>
      <c r="D11243">
        <v>0</v>
      </c>
    </row>
    <row r="11244" spans="1:4" x14ac:dyDescent="0.25">
      <c r="A11244" t="s">
        <v>16737</v>
      </c>
      <c r="B11244" t="s">
        <v>16738</v>
      </c>
      <c r="C11244">
        <v>2</v>
      </c>
      <c r="D11244">
        <v>0</v>
      </c>
    </row>
    <row r="11245" spans="1:4" x14ac:dyDescent="0.25">
      <c r="A11245" t="s">
        <v>16737</v>
      </c>
      <c r="B11245" t="s">
        <v>16739</v>
      </c>
      <c r="C11245">
        <v>1</v>
      </c>
      <c r="D11245">
        <v>0</v>
      </c>
    </row>
    <row r="11246" spans="1:4" x14ac:dyDescent="0.25">
      <c r="A11246" t="s">
        <v>16740</v>
      </c>
      <c r="B11246" t="s">
        <v>16741</v>
      </c>
      <c r="C11246">
        <v>1</v>
      </c>
      <c r="D11246">
        <v>0</v>
      </c>
    </row>
    <row r="11247" spans="1:4" x14ac:dyDescent="0.25">
      <c r="A11247" t="s">
        <v>16740</v>
      </c>
      <c r="B11247" t="s">
        <v>16742</v>
      </c>
      <c r="C11247">
        <v>1</v>
      </c>
      <c r="D11247">
        <v>0</v>
      </c>
    </row>
    <row r="11248" spans="1:4" x14ac:dyDescent="0.25">
      <c r="A11248" t="s">
        <v>16743</v>
      </c>
      <c r="B11248" t="s">
        <v>16744</v>
      </c>
      <c r="C11248">
        <v>1</v>
      </c>
      <c r="D11248">
        <v>0</v>
      </c>
    </row>
    <row r="11249" spans="1:4" x14ac:dyDescent="0.25">
      <c r="A11249" t="s">
        <v>16743</v>
      </c>
      <c r="B11249" t="s">
        <v>16745</v>
      </c>
      <c r="C11249">
        <v>2</v>
      </c>
      <c r="D11249">
        <v>0</v>
      </c>
    </row>
    <row r="11250" spans="1:4" x14ac:dyDescent="0.25">
      <c r="A11250" t="s">
        <v>16743</v>
      </c>
      <c r="B11250" t="s">
        <v>16746</v>
      </c>
      <c r="C11250">
        <v>1</v>
      </c>
      <c r="D11250">
        <v>0</v>
      </c>
    </row>
    <row r="11251" spans="1:4" x14ac:dyDescent="0.25">
      <c r="A11251" t="s">
        <v>16747</v>
      </c>
      <c r="B11251" t="s">
        <v>16748</v>
      </c>
      <c r="C11251">
        <v>1</v>
      </c>
      <c r="D11251">
        <v>0</v>
      </c>
    </row>
    <row r="11252" spans="1:4" x14ac:dyDescent="0.25">
      <c r="A11252" t="s">
        <v>16747</v>
      </c>
      <c r="B11252" t="s">
        <v>16749</v>
      </c>
      <c r="C11252">
        <v>2</v>
      </c>
      <c r="D11252">
        <v>0</v>
      </c>
    </row>
    <row r="11253" spans="1:4" x14ac:dyDescent="0.25">
      <c r="A11253" t="s">
        <v>16750</v>
      </c>
      <c r="B11253" t="s">
        <v>16751</v>
      </c>
      <c r="C11253">
        <v>0</v>
      </c>
      <c r="D11253">
        <v>0</v>
      </c>
    </row>
    <row r="11254" spans="1:4" x14ac:dyDescent="0.25">
      <c r="A11254" t="s">
        <v>16750</v>
      </c>
      <c r="B11254" t="s">
        <v>16752</v>
      </c>
      <c r="C11254">
        <v>2</v>
      </c>
      <c r="D11254">
        <v>0</v>
      </c>
    </row>
    <row r="11255" spans="1:4" x14ac:dyDescent="0.25">
      <c r="A11255" t="s">
        <v>16753</v>
      </c>
      <c r="B11255" t="s">
        <v>16754</v>
      </c>
      <c r="C11255">
        <v>1</v>
      </c>
      <c r="D11255">
        <v>0</v>
      </c>
    </row>
    <row r="11256" spans="1:4" x14ac:dyDescent="0.25">
      <c r="A11256" t="s">
        <v>16755</v>
      </c>
      <c r="B11256" t="s">
        <v>16756</v>
      </c>
      <c r="C11256">
        <v>1</v>
      </c>
      <c r="D11256">
        <v>0</v>
      </c>
    </row>
    <row r="11257" spans="1:4" x14ac:dyDescent="0.25">
      <c r="A11257" t="s">
        <v>16755</v>
      </c>
      <c r="B11257" t="s">
        <v>16757</v>
      </c>
      <c r="C11257">
        <v>2</v>
      </c>
      <c r="D11257">
        <v>0</v>
      </c>
    </row>
    <row r="11258" spans="1:4" x14ac:dyDescent="0.25">
      <c r="A11258" t="s">
        <v>16758</v>
      </c>
      <c r="B11258" t="s">
        <v>16759</v>
      </c>
      <c r="C11258">
        <v>1</v>
      </c>
      <c r="D11258">
        <v>0</v>
      </c>
    </row>
    <row r="11259" spans="1:4" x14ac:dyDescent="0.25">
      <c r="A11259" t="s">
        <v>16760</v>
      </c>
      <c r="B11259" t="s">
        <v>16761</v>
      </c>
      <c r="C11259">
        <v>1</v>
      </c>
      <c r="D11259">
        <v>0</v>
      </c>
    </row>
    <row r="11260" spans="1:4" x14ac:dyDescent="0.25">
      <c r="A11260" t="s">
        <v>16760</v>
      </c>
      <c r="B11260" t="s">
        <v>16762</v>
      </c>
      <c r="C11260">
        <v>1</v>
      </c>
      <c r="D11260">
        <v>0</v>
      </c>
    </row>
    <row r="11261" spans="1:4" x14ac:dyDescent="0.25">
      <c r="A11261" t="s">
        <v>16763</v>
      </c>
      <c r="B11261" t="s">
        <v>16764</v>
      </c>
      <c r="C11261">
        <v>2</v>
      </c>
      <c r="D11261">
        <v>0</v>
      </c>
    </row>
    <row r="11262" spans="1:4" x14ac:dyDescent="0.25">
      <c r="A11262" t="s">
        <v>16763</v>
      </c>
      <c r="B11262" t="s">
        <v>16765</v>
      </c>
      <c r="C11262">
        <v>1</v>
      </c>
      <c r="D11262">
        <v>0</v>
      </c>
    </row>
    <row r="11263" spans="1:4" x14ac:dyDescent="0.25">
      <c r="A11263" t="s">
        <v>16763</v>
      </c>
      <c r="B11263" t="s">
        <v>16766</v>
      </c>
      <c r="C11263">
        <v>2</v>
      </c>
      <c r="D11263">
        <v>0</v>
      </c>
    </row>
    <row r="11264" spans="1:4" x14ac:dyDescent="0.25">
      <c r="A11264" t="s">
        <v>16767</v>
      </c>
      <c r="B11264" t="s">
        <v>16768</v>
      </c>
      <c r="C11264">
        <v>0</v>
      </c>
      <c r="D11264">
        <v>0</v>
      </c>
    </row>
    <row r="11265" spans="1:4" x14ac:dyDescent="0.25">
      <c r="A11265" t="s">
        <v>16769</v>
      </c>
      <c r="B11265" t="s">
        <v>16770</v>
      </c>
      <c r="C11265">
        <v>0</v>
      </c>
      <c r="D11265">
        <v>0</v>
      </c>
    </row>
    <row r="11266" spans="1:4" x14ac:dyDescent="0.25">
      <c r="A11266" t="s">
        <v>16771</v>
      </c>
      <c r="B11266" t="s">
        <v>16772</v>
      </c>
      <c r="C11266">
        <v>2</v>
      </c>
      <c r="D11266">
        <v>0</v>
      </c>
    </row>
    <row r="11267" spans="1:4" x14ac:dyDescent="0.25">
      <c r="A11267" t="s">
        <v>16773</v>
      </c>
      <c r="B11267" t="s">
        <v>16774</v>
      </c>
      <c r="C11267">
        <v>1</v>
      </c>
      <c r="D11267">
        <v>0</v>
      </c>
    </row>
    <row r="11268" spans="1:4" x14ac:dyDescent="0.25">
      <c r="A11268" t="s">
        <v>16775</v>
      </c>
      <c r="B11268" t="s">
        <v>2061</v>
      </c>
      <c r="C11268">
        <v>0</v>
      </c>
      <c r="D11268">
        <v>0</v>
      </c>
    </row>
    <row r="11269" spans="1:4" x14ac:dyDescent="0.25">
      <c r="A11269" t="s">
        <v>16776</v>
      </c>
      <c r="B11269" t="s">
        <v>16777</v>
      </c>
      <c r="C11269">
        <v>0</v>
      </c>
      <c r="D11269">
        <v>0</v>
      </c>
    </row>
    <row r="11270" spans="1:4" x14ac:dyDescent="0.25">
      <c r="A11270" t="s">
        <v>16778</v>
      </c>
      <c r="B11270" t="s">
        <v>968</v>
      </c>
      <c r="C11270">
        <v>1</v>
      </c>
      <c r="D11270">
        <v>0</v>
      </c>
    </row>
    <row r="11271" spans="1:4" x14ac:dyDescent="0.25">
      <c r="A11271" t="s">
        <v>16779</v>
      </c>
      <c r="B11271" t="s">
        <v>797</v>
      </c>
      <c r="C11271">
        <v>0</v>
      </c>
      <c r="D11271">
        <v>0</v>
      </c>
    </row>
    <row r="11272" spans="1:4" x14ac:dyDescent="0.25">
      <c r="A11272" t="s">
        <v>16779</v>
      </c>
      <c r="B11272" t="s">
        <v>3195</v>
      </c>
      <c r="C11272">
        <v>1</v>
      </c>
      <c r="D11272">
        <v>0</v>
      </c>
    </row>
    <row r="11273" spans="1:4" x14ac:dyDescent="0.25">
      <c r="A11273" t="s">
        <v>16780</v>
      </c>
      <c r="B11273" t="s">
        <v>16781</v>
      </c>
      <c r="C11273">
        <v>1</v>
      </c>
      <c r="D11273">
        <v>0</v>
      </c>
    </row>
    <row r="11274" spans="1:4" x14ac:dyDescent="0.25">
      <c r="A11274" t="s">
        <v>16780</v>
      </c>
      <c r="B11274" t="s">
        <v>16782</v>
      </c>
      <c r="C11274">
        <v>2</v>
      </c>
      <c r="D11274">
        <v>0</v>
      </c>
    </row>
    <row r="11275" spans="1:4" x14ac:dyDescent="0.25">
      <c r="A11275" t="s">
        <v>16783</v>
      </c>
      <c r="B11275" t="s">
        <v>16784</v>
      </c>
      <c r="C11275">
        <v>1</v>
      </c>
      <c r="D11275">
        <v>0</v>
      </c>
    </row>
    <row r="11276" spans="1:4" x14ac:dyDescent="0.25">
      <c r="A11276" t="s">
        <v>16785</v>
      </c>
      <c r="B11276" t="s">
        <v>2061</v>
      </c>
      <c r="C11276">
        <v>0</v>
      </c>
      <c r="D11276">
        <v>0</v>
      </c>
    </row>
    <row r="11277" spans="1:4" x14ac:dyDescent="0.25">
      <c r="A11277" t="s">
        <v>16786</v>
      </c>
      <c r="B11277" t="s">
        <v>16787</v>
      </c>
      <c r="C11277">
        <v>2</v>
      </c>
      <c r="D11277">
        <v>0</v>
      </c>
    </row>
    <row r="11278" spans="1:4" x14ac:dyDescent="0.25">
      <c r="A11278" t="s">
        <v>16786</v>
      </c>
      <c r="B11278" t="s">
        <v>16788</v>
      </c>
      <c r="C11278">
        <v>1</v>
      </c>
      <c r="D11278">
        <v>0</v>
      </c>
    </row>
    <row r="11279" spans="1:4" x14ac:dyDescent="0.25">
      <c r="A11279" t="s">
        <v>16786</v>
      </c>
      <c r="B11279" t="s">
        <v>16789</v>
      </c>
      <c r="C11279">
        <v>2</v>
      </c>
      <c r="D11279">
        <v>0</v>
      </c>
    </row>
    <row r="11280" spans="1:4" x14ac:dyDescent="0.25">
      <c r="A11280" t="s">
        <v>16790</v>
      </c>
      <c r="B11280" t="s">
        <v>16791</v>
      </c>
      <c r="C11280">
        <v>1</v>
      </c>
      <c r="D11280">
        <v>0</v>
      </c>
    </row>
    <row r="11281" spans="1:4" x14ac:dyDescent="0.25">
      <c r="A11281" t="s">
        <v>16792</v>
      </c>
      <c r="B11281" t="s">
        <v>16793</v>
      </c>
      <c r="C11281">
        <v>0</v>
      </c>
      <c r="D11281">
        <v>0</v>
      </c>
    </row>
    <row r="11282" spans="1:4" x14ac:dyDescent="0.25">
      <c r="A11282" t="s">
        <v>16792</v>
      </c>
      <c r="B11282" t="s">
        <v>16794</v>
      </c>
      <c r="C11282">
        <v>1</v>
      </c>
      <c r="D11282">
        <v>0</v>
      </c>
    </row>
    <row r="11283" spans="1:4" x14ac:dyDescent="0.25">
      <c r="A11283" t="s">
        <v>16795</v>
      </c>
      <c r="B11283" t="s">
        <v>16796</v>
      </c>
      <c r="C11283">
        <v>1</v>
      </c>
      <c r="D11283">
        <v>0</v>
      </c>
    </row>
    <row r="11284" spans="1:4" x14ac:dyDescent="0.25">
      <c r="A11284" t="s">
        <v>16797</v>
      </c>
      <c r="B11284" t="s">
        <v>16798</v>
      </c>
      <c r="C11284">
        <v>1</v>
      </c>
      <c r="D11284">
        <v>0</v>
      </c>
    </row>
    <row r="11285" spans="1:4" x14ac:dyDescent="0.25">
      <c r="A11285" t="s">
        <v>16797</v>
      </c>
      <c r="B11285" t="s">
        <v>16799</v>
      </c>
      <c r="C11285">
        <v>0</v>
      </c>
      <c r="D11285">
        <v>0</v>
      </c>
    </row>
    <row r="11286" spans="1:4" x14ac:dyDescent="0.25">
      <c r="A11286" t="s">
        <v>16800</v>
      </c>
      <c r="B11286" t="s">
        <v>4349</v>
      </c>
      <c r="C11286">
        <v>1</v>
      </c>
      <c r="D11286">
        <v>0</v>
      </c>
    </row>
    <row r="11287" spans="1:4" x14ac:dyDescent="0.25">
      <c r="A11287" t="s">
        <v>16801</v>
      </c>
      <c r="B11287" t="s">
        <v>16802</v>
      </c>
      <c r="C11287">
        <v>0</v>
      </c>
      <c r="D11287">
        <v>0</v>
      </c>
    </row>
    <row r="11288" spans="1:4" x14ac:dyDescent="0.25">
      <c r="A11288" t="s">
        <v>16803</v>
      </c>
      <c r="B11288" t="s">
        <v>16804</v>
      </c>
      <c r="C11288">
        <v>1</v>
      </c>
      <c r="D11288">
        <v>0</v>
      </c>
    </row>
    <row r="11289" spans="1:4" x14ac:dyDescent="0.25">
      <c r="A11289" t="s">
        <v>16803</v>
      </c>
      <c r="B11289" t="s">
        <v>16805</v>
      </c>
      <c r="C11289">
        <v>0</v>
      </c>
      <c r="D11289">
        <v>0</v>
      </c>
    </row>
    <row r="11290" spans="1:4" x14ac:dyDescent="0.25">
      <c r="A11290" t="s">
        <v>16806</v>
      </c>
      <c r="B11290" t="s">
        <v>16807</v>
      </c>
      <c r="C11290">
        <v>2</v>
      </c>
      <c r="D11290">
        <v>0</v>
      </c>
    </row>
    <row r="11291" spans="1:4" x14ac:dyDescent="0.25">
      <c r="A11291" t="s">
        <v>16808</v>
      </c>
      <c r="B11291" t="s">
        <v>16809</v>
      </c>
      <c r="C11291">
        <v>0</v>
      </c>
      <c r="D11291">
        <v>0</v>
      </c>
    </row>
    <row r="11292" spans="1:4" x14ac:dyDescent="0.25">
      <c r="A11292" t="s">
        <v>16808</v>
      </c>
      <c r="B11292" t="s">
        <v>16810</v>
      </c>
      <c r="C11292">
        <v>0</v>
      </c>
      <c r="D11292">
        <v>0</v>
      </c>
    </row>
    <row r="11293" spans="1:4" x14ac:dyDescent="0.25">
      <c r="A11293" t="s">
        <v>16808</v>
      </c>
      <c r="B11293" t="s">
        <v>16811</v>
      </c>
      <c r="C11293">
        <v>0</v>
      </c>
      <c r="D11293">
        <v>0</v>
      </c>
    </row>
    <row r="11294" spans="1:4" x14ac:dyDescent="0.25">
      <c r="A11294" t="s">
        <v>16812</v>
      </c>
      <c r="B11294" t="s">
        <v>852</v>
      </c>
      <c r="C11294">
        <v>0</v>
      </c>
      <c r="D11294">
        <v>0</v>
      </c>
    </row>
    <row r="11295" spans="1:4" x14ac:dyDescent="0.25">
      <c r="A11295" t="s">
        <v>16813</v>
      </c>
      <c r="B11295" t="s">
        <v>16814</v>
      </c>
      <c r="C11295">
        <v>1</v>
      </c>
      <c r="D11295">
        <v>0</v>
      </c>
    </row>
    <row r="11296" spans="1:4" x14ac:dyDescent="0.25">
      <c r="A11296" t="s">
        <v>16813</v>
      </c>
      <c r="B11296" t="s">
        <v>16815</v>
      </c>
      <c r="C11296">
        <v>1</v>
      </c>
      <c r="D11296">
        <v>0</v>
      </c>
    </row>
    <row r="11297" spans="1:4" x14ac:dyDescent="0.25">
      <c r="A11297" t="s">
        <v>16813</v>
      </c>
      <c r="B11297" t="s">
        <v>16816</v>
      </c>
      <c r="C11297">
        <v>1</v>
      </c>
      <c r="D11297">
        <v>0</v>
      </c>
    </row>
    <row r="11298" spans="1:4" x14ac:dyDescent="0.25">
      <c r="A11298" t="s">
        <v>16817</v>
      </c>
      <c r="B11298" t="s">
        <v>16818</v>
      </c>
      <c r="C11298">
        <v>1</v>
      </c>
      <c r="D11298">
        <v>0</v>
      </c>
    </row>
    <row r="11299" spans="1:4" x14ac:dyDescent="0.25">
      <c r="A11299" t="s">
        <v>16819</v>
      </c>
      <c r="B11299" t="s">
        <v>16820</v>
      </c>
      <c r="C11299">
        <v>1</v>
      </c>
      <c r="D11299">
        <v>0</v>
      </c>
    </row>
    <row r="11300" spans="1:4" x14ac:dyDescent="0.25">
      <c r="A11300" t="s">
        <v>16819</v>
      </c>
      <c r="B11300" t="s">
        <v>16821</v>
      </c>
      <c r="C11300">
        <v>1</v>
      </c>
      <c r="D11300">
        <v>0</v>
      </c>
    </row>
    <row r="11301" spans="1:4" x14ac:dyDescent="0.25">
      <c r="A11301" t="s">
        <v>16822</v>
      </c>
      <c r="B11301" t="s">
        <v>16823</v>
      </c>
      <c r="C11301">
        <v>2</v>
      </c>
      <c r="D11301">
        <v>0</v>
      </c>
    </row>
    <row r="11302" spans="1:4" x14ac:dyDescent="0.25">
      <c r="A11302" t="s">
        <v>16824</v>
      </c>
      <c r="B11302" t="s">
        <v>16825</v>
      </c>
      <c r="C11302">
        <v>1</v>
      </c>
      <c r="D11302">
        <v>0</v>
      </c>
    </row>
    <row r="11303" spans="1:4" x14ac:dyDescent="0.25">
      <c r="A11303" t="s">
        <v>16826</v>
      </c>
      <c r="B11303" t="s">
        <v>9039</v>
      </c>
      <c r="C11303">
        <v>2</v>
      </c>
      <c r="D11303">
        <v>0</v>
      </c>
    </row>
    <row r="11304" spans="1:4" x14ac:dyDescent="0.25">
      <c r="A11304" t="s">
        <v>16827</v>
      </c>
      <c r="B11304" t="s">
        <v>16828</v>
      </c>
      <c r="C11304">
        <v>1</v>
      </c>
      <c r="D11304">
        <v>0</v>
      </c>
    </row>
    <row r="11305" spans="1:4" x14ac:dyDescent="0.25">
      <c r="A11305" t="s">
        <v>16829</v>
      </c>
      <c r="B11305" t="s">
        <v>16830</v>
      </c>
      <c r="C11305">
        <v>1</v>
      </c>
      <c r="D11305">
        <v>0</v>
      </c>
    </row>
    <row r="11306" spans="1:4" x14ac:dyDescent="0.25">
      <c r="A11306" t="s">
        <v>16829</v>
      </c>
      <c r="B11306" t="s">
        <v>16831</v>
      </c>
      <c r="C11306">
        <v>1</v>
      </c>
      <c r="D11306">
        <v>0</v>
      </c>
    </row>
    <row r="11307" spans="1:4" x14ac:dyDescent="0.25">
      <c r="A11307" t="s">
        <v>16829</v>
      </c>
      <c r="B11307" t="s">
        <v>16832</v>
      </c>
      <c r="C11307">
        <v>1</v>
      </c>
      <c r="D11307">
        <v>0</v>
      </c>
    </row>
    <row r="11308" spans="1:4" x14ac:dyDescent="0.25">
      <c r="A11308" t="s">
        <v>16833</v>
      </c>
      <c r="B11308" t="s">
        <v>16834</v>
      </c>
      <c r="C11308">
        <v>1</v>
      </c>
      <c r="D11308">
        <v>0</v>
      </c>
    </row>
    <row r="11309" spans="1:4" x14ac:dyDescent="0.25">
      <c r="A11309" t="s">
        <v>16835</v>
      </c>
      <c r="B11309" t="s">
        <v>852</v>
      </c>
      <c r="C11309">
        <v>0</v>
      </c>
      <c r="D11309">
        <v>0</v>
      </c>
    </row>
    <row r="11310" spans="1:4" x14ac:dyDescent="0.25">
      <c r="A11310" t="s">
        <v>16836</v>
      </c>
      <c r="B11310" t="s">
        <v>16837</v>
      </c>
      <c r="C11310">
        <v>0</v>
      </c>
      <c r="D11310">
        <v>0</v>
      </c>
    </row>
    <row r="11311" spans="1:4" x14ac:dyDescent="0.25">
      <c r="A11311" t="s">
        <v>16838</v>
      </c>
      <c r="B11311" t="s">
        <v>16839</v>
      </c>
      <c r="C11311">
        <v>1</v>
      </c>
      <c r="D11311">
        <v>0</v>
      </c>
    </row>
    <row r="11312" spans="1:4" x14ac:dyDescent="0.25">
      <c r="A11312" t="s">
        <v>16840</v>
      </c>
      <c r="B11312" t="s">
        <v>16841</v>
      </c>
      <c r="C11312">
        <v>0</v>
      </c>
      <c r="D11312">
        <v>0</v>
      </c>
    </row>
    <row r="11313" spans="1:4" x14ac:dyDescent="0.25">
      <c r="A11313" t="s">
        <v>16840</v>
      </c>
      <c r="B11313" t="s">
        <v>16842</v>
      </c>
      <c r="C11313">
        <v>2</v>
      </c>
      <c r="D11313">
        <v>0</v>
      </c>
    </row>
    <row r="11314" spans="1:4" x14ac:dyDescent="0.25">
      <c r="A11314" t="s">
        <v>16843</v>
      </c>
      <c r="B11314" t="s">
        <v>816</v>
      </c>
      <c r="C11314">
        <v>1</v>
      </c>
      <c r="D11314">
        <v>0</v>
      </c>
    </row>
    <row r="11315" spans="1:4" x14ac:dyDescent="0.25">
      <c r="A11315" t="s">
        <v>16844</v>
      </c>
      <c r="B11315" t="s">
        <v>16845</v>
      </c>
      <c r="C11315">
        <v>0</v>
      </c>
      <c r="D11315">
        <v>0</v>
      </c>
    </row>
    <row r="11316" spans="1:4" x14ac:dyDescent="0.25">
      <c r="A11316" t="s">
        <v>16846</v>
      </c>
      <c r="B11316" t="s">
        <v>16847</v>
      </c>
      <c r="C11316">
        <v>0</v>
      </c>
      <c r="D11316">
        <v>0</v>
      </c>
    </row>
    <row r="11317" spans="1:4" x14ac:dyDescent="0.25">
      <c r="A11317" t="s">
        <v>16848</v>
      </c>
      <c r="B11317" t="s">
        <v>852</v>
      </c>
      <c r="C11317">
        <v>0</v>
      </c>
      <c r="D11317">
        <v>0</v>
      </c>
    </row>
    <row r="11318" spans="1:4" x14ac:dyDescent="0.25">
      <c r="A11318" t="s">
        <v>16849</v>
      </c>
      <c r="B11318" t="s">
        <v>16850</v>
      </c>
      <c r="C11318">
        <v>2</v>
      </c>
      <c r="D11318">
        <v>0</v>
      </c>
    </row>
    <row r="11319" spans="1:4" x14ac:dyDescent="0.25">
      <c r="A11319" t="s">
        <v>16851</v>
      </c>
      <c r="B11319" t="s">
        <v>16852</v>
      </c>
      <c r="C11319">
        <v>0</v>
      </c>
      <c r="D11319">
        <v>0</v>
      </c>
    </row>
    <row r="11320" spans="1:4" x14ac:dyDescent="0.25">
      <c r="A11320" t="s">
        <v>16851</v>
      </c>
      <c r="B11320" t="s">
        <v>16853</v>
      </c>
      <c r="C11320">
        <v>1</v>
      </c>
      <c r="D11320">
        <v>0</v>
      </c>
    </row>
    <row r="11321" spans="1:4" x14ac:dyDescent="0.25">
      <c r="A11321" t="s">
        <v>16854</v>
      </c>
      <c r="B11321" t="s">
        <v>16855</v>
      </c>
      <c r="C11321">
        <v>1</v>
      </c>
      <c r="D11321">
        <v>0</v>
      </c>
    </row>
    <row r="11322" spans="1:4" x14ac:dyDescent="0.25">
      <c r="A11322" t="s">
        <v>16856</v>
      </c>
      <c r="B11322" t="s">
        <v>16857</v>
      </c>
      <c r="C11322">
        <v>0</v>
      </c>
      <c r="D11322">
        <v>0</v>
      </c>
    </row>
    <row r="11323" spans="1:4" x14ac:dyDescent="0.25">
      <c r="A11323" t="s">
        <v>16858</v>
      </c>
      <c r="B11323" t="s">
        <v>16859</v>
      </c>
      <c r="C11323">
        <v>1</v>
      </c>
      <c r="D11323">
        <v>0</v>
      </c>
    </row>
    <row r="11324" spans="1:4" x14ac:dyDescent="0.25">
      <c r="A11324" t="s">
        <v>16860</v>
      </c>
      <c r="B11324" t="s">
        <v>16861</v>
      </c>
      <c r="C11324">
        <v>0</v>
      </c>
      <c r="D11324">
        <v>0</v>
      </c>
    </row>
    <row r="11325" spans="1:4" x14ac:dyDescent="0.25">
      <c r="A11325" t="s">
        <v>16860</v>
      </c>
      <c r="B11325" t="s">
        <v>16862</v>
      </c>
      <c r="C11325">
        <v>1</v>
      </c>
      <c r="D11325">
        <v>0</v>
      </c>
    </row>
    <row r="11326" spans="1:4" x14ac:dyDescent="0.25">
      <c r="A11326" t="s">
        <v>16863</v>
      </c>
      <c r="B11326" t="s">
        <v>16864</v>
      </c>
      <c r="C11326">
        <v>0</v>
      </c>
      <c r="D11326">
        <v>0</v>
      </c>
    </row>
    <row r="11327" spans="1:4" x14ac:dyDescent="0.25">
      <c r="A11327" t="s">
        <v>16865</v>
      </c>
      <c r="B11327" t="s">
        <v>16866</v>
      </c>
      <c r="C11327">
        <v>0</v>
      </c>
      <c r="D11327">
        <v>0</v>
      </c>
    </row>
    <row r="11328" spans="1:4" x14ac:dyDescent="0.25">
      <c r="A11328" t="s">
        <v>16867</v>
      </c>
      <c r="B11328" t="s">
        <v>16868</v>
      </c>
      <c r="C11328">
        <v>2</v>
      </c>
      <c r="D11328">
        <v>0</v>
      </c>
    </row>
    <row r="11329" spans="1:4" x14ac:dyDescent="0.25">
      <c r="A11329" t="s">
        <v>16867</v>
      </c>
      <c r="B11329" t="s">
        <v>16869</v>
      </c>
      <c r="C11329">
        <v>1</v>
      </c>
      <c r="D11329">
        <v>0</v>
      </c>
    </row>
    <row r="11330" spans="1:4" x14ac:dyDescent="0.25">
      <c r="A11330" t="s">
        <v>16870</v>
      </c>
      <c r="B11330" t="s">
        <v>16871</v>
      </c>
      <c r="C11330">
        <v>1</v>
      </c>
      <c r="D11330">
        <v>0</v>
      </c>
    </row>
    <row r="11331" spans="1:4" x14ac:dyDescent="0.25">
      <c r="A11331" t="s">
        <v>16870</v>
      </c>
      <c r="B11331" t="s">
        <v>16872</v>
      </c>
      <c r="C11331">
        <v>2</v>
      </c>
      <c r="D11331">
        <v>0</v>
      </c>
    </row>
    <row r="11332" spans="1:4" x14ac:dyDescent="0.25">
      <c r="A11332" t="s">
        <v>16873</v>
      </c>
      <c r="B11332" t="s">
        <v>16874</v>
      </c>
      <c r="C11332">
        <v>1</v>
      </c>
      <c r="D11332">
        <v>0</v>
      </c>
    </row>
    <row r="11333" spans="1:4" x14ac:dyDescent="0.25">
      <c r="A11333" t="s">
        <v>16875</v>
      </c>
      <c r="B11333" t="s">
        <v>16876</v>
      </c>
      <c r="C11333">
        <v>1</v>
      </c>
      <c r="D11333">
        <v>0</v>
      </c>
    </row>
    <row r="11334" spans="1:4" x14ac:dyDescent="0.25">
      <c r="A11334" t="s">
        <v>16875</v>
      </c>
      <c r="B11334" t="s">
        <v>16877</v>
      </c>
      <c r="C11334">
        <v>0</v>
      </c>
      <c r="D11334">
        <v>0</v>
      </c>
    </row>
    <row r="11335" spans="1:4" x14ac:dyDescent="0.25">
      <c r="A11335" t="s">
        <v>16878</v>
      </c>
      <c r="B11335" t="s">
        <v>16879</v>
      </c>
      <c r="C11335">
        <v>1</v>
      </c>
      <c r="D11335">
        <v>0</v>
      </c>
    </row>
    <row r="11336" spans="1:4" x14ac:dyDescent="0.25">
      <c r="A11336" t="s">
        <v>16878</v>
      </c>
      <c r="B11336" t="s">
        <v>16880</v>
      </c>
      <c r="C11336">
        <v>1</v>
      </c>
      <c r="D11336">
        <v>0</v>
      </c>
    </row>
    <row r="11337" spans="1:4" x14ac:dyDescent="0.25">
      <c r="A11337" t="s">
        <v>16878</v>
      </c>
      <c r="B11337" t="s">
        <v>16881</v>
      </c>
      <c r="C11337">
        <v>1</v>
      </c>
      <c r="D11337">
        <v>0</v>
      </c>
    </row>
    <row r="11338" spans="1:4" x14ac:dyDescent="0.25">
      <c r="A11338" t="s">
        <v>16882</v>
      </c>
      <c r="B11338" t="s">
        <v>2651</v>
      </c>
      <c r="C11338">
        <v>0</v>
      </c>
      <c r="D11338">
        <v>0</v>
      </c>
    </row>
    <row r="11339" spans="1:4" x14ac:dyDescent="0.25">
      <c r="A11339" t="s">
        <v>16883</v>
      </c>
      <c r="B11339" t="s">
        <v>16884</v>
      </c>
      <c r="C11339">
        <v>1</v>
      </c>
      <c r="D11339">
        <v>0</v>
      </c>
    </row>
    <row r="11340" spans="1:4" x14ac:dyDescent="0.25">
      <c r="A11340" t="s">
        <v>16885</v>
      </c>
      <c r="B11340" t="s">
        <v>16886</v>
      </c>
      <c r="C11340">
        <v>1</v>
      </c>
      <c r="D11340">
        <v>0</v>
      </c>
    </row>
    <row r="11341" spans="1:4" x14ac:dyDescent="0.25">
      <c r="A11341" t="s">
        <v>16887</v>
      </c>
      <c r="B11341" t="s">
        <v>16888</v>
      </c>
      <c r="C11341">
        <v>0</v>
      </c>
      <c r="D11341">
        <v>0</v>
      </c>
    </row>
    <row r="11342" spans="1:4" x14ac:dyDescent="0.25">
      <c r="A11342" t="s">
        <v>16887</v>
      </c>
      <c r="B11342" t="s">
        <v>16889</v>
      </c>
      <c r="C11342">
        <v>0</v>
      </c>
      <c r="D11342">
        <v>0</v>
      </c>
    </row>
    <row r="11343" spans="1:4" x14ac:dyDescent="0.25">
      <c r="A11343" t="s">
        <v>16890</v>
      </c>
      <c r="B11343" t="s">
        <v>16891</v>
      </c>
      <c r="C11343">
        <v>1</v>
      </c>
      <c r="D11343">
        <v>0</v>
      </c>
    </row>
    <row r="11344" spans="1:4" x14ac:dyDescent="0.25">
      <c r="A11344" t="s">
        <v>16892</v>
      </c>
      <c r="B11344" t="s">
        <v>16893</v>
      </c>
      <c r="C11344">
        <v>1</v>
      </c>
      <c r="D11344">
        <v>0</v>
      </c>
    </row>
    <row r="11345" spans="1:4" x14ac:dyDescent="0.25">
      <c r="A11345" t="s">
        <v>16892</v>
      </c>
      <c r="B11345" t="s">
        <v>16894</v>
      </c>
      <c r="C11345">
        <v>1</v>
      </c>
      <c r="D11345">
        <v>0</v>
      </c>
    </row>
    <row r="11346" spans="1:4" x14ac:dyDescent="0.25">
      <c r="A11346" t="s">
        <v>16892</v>
      </c>
      <c r="B11346" t="s">
        <v>16895</v>
      </c>
      <c r="C11346">
        <v>1</v>
      </c>
      <c r="D11346">
        <v>0</v>
      </c>
    </row>
    <row r="11347" spans="1:4" x14ac:dyDescent="0.25">
      <c r="A11347" t="s">
        <v>16896</v>
      </c>
      <c r="B11347" t="s">
        <v>16897</v>
      </c>
      <c r="C11347">
        <v>2</v>
      </c>
      <c r="D11347">
        <v>0</v>
      </c>
    </row>
    <row r="11348" spans="1:4" x14ac:dyDescent="0.25">
      <c r="A11348" t="s">
        <v>16898</v>
      </c>
      <c r="B11348" t="s">
        <v>16899</v>
      </c>
      <c r="C11348">
        <v>2</v>
      </c>
      <c r="D11348">
        <v>0</v>
      </c>
    </row>
    <row r="11349" spans="1:4" x14ac:dyDescent="0.25">
      <c r="A11349" t="s">
        <v>16900</v>
      </c>
      <c r="B11349" t="s">
        <v>16901</v>
      </c>
      <c r="C11349">
        <v>1</v>
      </c>
      <c r="D11349">
        <v>0</v>
      </c>
    </row>
    <row r="11350" spans="1:4" x14ac:dyDescent="0.25">
      <c r="A11350" t="s">
        <v>16900</v>
      </c>
      <c r="B11350" t="s">
        <v>16902</v>
      </c>
      <c r="C11350">
        <v>1</v>
      </c>
      <c r="D11350">
        <v>0</v>
      </c>
    </row>
    <row r="11351" spans="1:4" x14ac:dyDescent="0.25">
      <c r="A11351" t="s">
        <v>16903</v>
      </c>
      <c r="B11351" t="s">
        <v>16904</v>
      </c>
      <c r="C11351">
        <v>0</v>
      </c>
      <c r="D11351">
        <v>0</v>
      </c>
    </row>
    <row r="11352" spans="1:4" x14ac:dyDescent="0.25">
      <c r="A11352" t="s">
        <v>16903</v>
      </c>
      <c r="B11352" t="s">
        <v>16905</v>
      </c>
      <c r="C11352">
        <v>1</v>
      </c>
      <c r="D11352">
        <v>0</v>
      </c>
    </row>
    <row r="11353" spans="1:4" x14ac:dyDescent="0.25">
      <c r="A11353" t="s">
        <v>16906</v>
      </c>
      <c r="B11353" t="s">
        <v>16907</v>
      </c>
      <c r="C11353">
        <v>1</v>
      </c>
      <c r="D11353">
        <v>0</v>
      </c>
    </row>
    <row r="11354" spans="1:4" x14ac:dyDescent="0.25">
      <c r="A11354" t="s">
        <v>16908</v>
      </c>
      <c r="B11354" t="s">
        <v>16909</v>
      </c>
      <c r="C11354">
        <v>0</v>
      </c>
      <c r="D11354">
        <v>0</v>
      </c>
    </row>
    <row r="11355" spans="1:4" x14ac:dyDescent="0.25">
      <c r="A11355" t="s">
        <v>16910</v>
      </c>
      <c r="B11355" t="s">
        <v>1101</v>
      </c>
      <c r="C11355">
        <v>1</v>
      </c>
      <c r="D11355">
        <v>0</v>
      </c>
    </row>
    <row r="11356" spans="1:4" x14ac:dyDescent="0.25">
      <c r="A11356" t="s">
        <v>16911</v>
      </c>
      <c r="B11356" t="s">
        <v>16912</v>
      </c>
      <c r="C11356">
        <v>1</v>
      </c>
      <c r="D11356">
        <v>0</v>
      </c>
    </row>
    <row r="11357" spans="1:4" x14ac:dyDescent="0.25">
      <c r="A11357" t="s">
        <v>16911</v>
      </c>
      <c r="B11357" t="s">
        <v>16913</v>
      </c>
      <c r="C11357">
        <v>1</v>
      </c>
      <c r="D11357">
        <v>0</v>
      </c>
    </row>
    <row r="11358" spans="1:4" x14ac:dyDescent="0.25">
      <c r="A11358" t="s">
        <v>16911</v>
      </c>
      <c r="B11358" t="s">
        <v>16914</v>
      </c>
      <c r="C11358">
        <v>0</v>
      </c>
      <c r="D11358">
        <v>0</v>
      </c>
    </row>
    <row r="11359" spans="1:4" x14ac:dyDescent="0.25">
      <c r="A11359" t="s">
        <v>16915</v>
      </c>
      <c r="B11359" t="s">
        <v>1499</v>
      </c>
      <c r="C11359">
        <v>1</v>
      </c>
      <c r="D11359">
        <v>0</v>
      </c>
    </row>
    <row r="11360" spans="1:4" x14ac:dyDescent="0.25">
      <c r="A11360" t="s">
        <v>16916</v>
      </c>
      <c r="B11360" t="s">
        <v>16917</v>
      </c>
      <c r="C11360">
        <v>1</v>
      </c>
      <c r="D11360">
        <v>0</v>
      </c>
    </row>
    <row r="11361" spans="1:4" x14ac:dyDescent="0.25">
      <c r="A11361" t="s">
        <v>16918</v>
      </c>
      <c r="B11361" t="s">
        <v>16919</v>
      </c>
      <c r="C11361">
        <v>2</v>
      </c>
      <c r="D11361">
        <v>0</v>
      </c>
    </row>
    <row r="11362" spans="1:4" x14ac:dyDescent="0.25">
      <c r="A11362" t="s">
        <v>16920</v>
      </c>
      <c r="B11362" t="s">
        <v>16921</v>
      </c>
      <c r="C11362">
        <v>1</v>
      </c>
      <c r="D11362">
        <v>0</v>
      </c>
    </row>
    <row r="11363" spans="1:4" x14ac:dyDescent="0.25">
      <c r="A11363" t="s">
        <v>16922</v>
      </c>
      <c r="B11363" t="s">
        <v>16923</v>
      </c>
      <c r="C11363">
        <v>0</v>
      </c>
      <c r="D11363">
        <v>0</v>
      </c>
    </row>
    <row r="11364" spans="1:4" x14ac:dyDescent="0.25">
      <c r="A11364" t="s">
        <v>16924</v>
      </c>
      <c r="B11364" t="s">
        <v>16925</v>
      </c>
      <c r="C11364">
        <v>0</v>
      </c>
      <c r="D11364">
        <v>0</v>
      </c>
    </row>
    <row r="11365" spans="1:4" x14ac:dyDescent="0.25">
      <c r="A11365" t="s">
        <v>16926</v>
      </c>
      <c r="B11365" t="s">
        <v>16927</v>
      </c>
      <c r="C11365">
        <v>1</v>
      </c>
      <c r="D11365">
        <v>0</v>
      </c>
    </row>
    <row r="11366" spans="1:4" x14ac:dyDescent="0.25">
      <c r="A11366" t="s">
        <v>16926</v>
      </c>
      <c r="B11366" t="s">
        <v>16928</v>
      </c>
      <c r="C11366">
        <v>1</v>
      </c>
      <c r="D11366">
        <v>0</v>
      </c>
    </row>
    <row r="11367" spans="1:4" x14ac:dyDescent="0.25">
      <c r="A11367" t="s">
        <v>16929</v>
      </c>
      <c r="B11367" t="s">
        <v>16930</v>
      </c>
      <c r="C11367">
        <v>1</v>
      </c>
      <c r="D11367">
        <v>0</v>
      </c>
    </row>
    <row r="11368" spans="1:4" x14ac:dyDescent="0.25">
      <c r="A11368" t="s">
        <v>16931</v>
      </c>
      <c r="B11368" t="s">
        <v>16932</v>
      </c>
      <c r="C11368">
        <v>1</v>
      </c>
      <c r="D11368">
        <v>0</v>
      </c>
    </row>
    <row r="11369" spans="1:4" x14ac:dyDescent="0.25">
      <c r="A11369" t="s">
        <v>16931</v>
      </c>
      <c r="B11369" t="s">
        <v>16933</v>
      </c>
      <c r="C11369">
        <v>1</v>
      </c>
      <c r="D11369">
        <v>0</v>
      </c>
    </row>
    <row r="11370" spans="1:4" x14ac:dyDescent="0.25">
      <c r="A11370" t="s">
        <v>16934</v>
      </c>
      <c r="B11370" t="s">
        <v>16935</v>
      </c>
      <c r="C11370">
        <v>1</v>
      </c>
      <c r="D11370">
        <v>0</v>
      </c>
    </row>
    <row r="11371" spans="1:4" x14ac:dyDescent="0.25">
      <c r="A11371" t="s">
        <v>16936</v>
      </c>
      <c r="B11371" t="s">
        <v>16937</v>
      </c>
      <c r="C11371">
        <v>1</v>
      </c>
      <c r="D11371">
        <v>0</v>
      </c>
    </row>
    <row r="11372" spans="1:4" x14ac:dyDescent="0.25">
      <c r="A11372" t="s">
        <v>16936</v>
      </c>
      <c r="B11372" t="s">
        <v>16938</v>
      </c>
      <c r="C11372">
        <v>2</v>
      </c>
      <c r="D11372">
        <v>0</v>
      </c>
    </row>
    <row r="11373" spans="1:4" x14ac:dyDescent="0.25">
      <c r="A11373" t="s">
        <v>16939</v>
      </c>
      <c r="B11373" t="s">
        <v>16940</v>
      </c>
      <c r="C11373">
        <v>1</v>
      </c>
      <c r="D11373">
        <v>0</v>
      </c>
    </row>
    <row r="11374" spans="1:4" x14ac:dyDescent="0.25">
      <c r="A11374" t="s">
        <v>16939</v>
      </c>
      <c r="B11374" t="s">
        <v>16941</v>
      </c>
      <c r="C11374">
        <v>1</v>
      </c>
      <c r="D11374">
        <v>0</v>
      </c>
    </row>
    <row r="11375" spans="1:4" x14ac:dyDescent="0.25">
      <c r="A11375" t="s">
        <v>16939</v>
      </c>
      <c r="B11375" t="s">
        <v>16942</v>
      </c>
      <c r="C11375">
        <v>1</v>
      </c>
      <c r="D11375">
        <v>0</v>
      </c>
    </row>
    <row r="11376" spans="1:4" x14ac:dyDescent="0.25">
      <c r="A11376" t="s">
        <v>16943</v>
      </c>
      <c r="B11376" t="s">
        <v>1567</v>
      </c>
      <c r="C11376">
        <v>0</v>
      </c>
      <c r="D11376">
        <v>0</v>
      </c>
    </row>
    <row r="11377" spans="1:4" x14ac:dyDescent="0.25">
      <c r="A11377" t="s">
        <v>16944</v>
      </c>
      <c r="B11377" t="s">
        <v>16945</v>
      </c>
      <c r="C11377">
        <v>0</v>
      </c>
      <c r="D11377">
        <v>0</v>
      </c>
    </row>
    <row r="11378" spans="1:4" x14ac:dyDescent="0.25">
      <c r="A11378" t="s">
        <v>16944</v>
      </c>
      <c r="B11378" t="s">
        <v>16946</v>
      </c>
      <c r="C11378">
        <v>0</v>
      </c>
      <c r="D11378">
        <v>0</v>
      </c>
    </row>
    <row r="11379" spans="1:4" x14ac:dyDescent="0.25">
      <c r="A11379" t="s">
        <v>16944</v>
      </c>
      <c r="B11379" t="s">
        <v>16947</v>
      </c>
      <c r="C11379">
        <v>0</v>
      </c>
      <c r="D11379">
        <v>0</v>
      </c>
    </row>
    <row r="11380" spans="1:4" x14ac:dyDescent="0.25">
      <c r="A11380" t="s">
        <v>16948</v>
      </c>
      <c r="B11380" t="s">
        <v>16949</v>
      </c>
      <c r="C11380">
        <v>0</v>
      </c>
      <c r="D11380">
        <v>0</v>
      </c>
    </row>
    <row r="11381" spans="1:4" x14ac:dyDescent="0.25">
      <c r="A11381" t="s">
        <v>16950</v>
      </c>
      <c r="B11381" t="s">
        <v>16951</v>
      </c>
      <c r="C11381">
        <v>2</v>
      </c>
      <c r="D11381">
        <v>0</v>
      </c>
    </row>
    <row r="11382" spans="1:4" x14ac:dyDescent="0.25">
      <c r="A11382" t="s">
        <v>16952</v>
      </c>
      <c r="B11382" t="s">
        <v>16953</v>
      </c>
      <c r="C11382">
        <v>1</v>
      </c>
      <c r="D11382">
        <v>0</v>
      </c>
    </row>
    <row r="11383" spans="1:4" x14ac:dyDescent="0.25">
      <c r="A11383" t="s">
        <v>16952</v>
      </c>
      <c r="B11383" t="s">
        <v>16954</v>
      </c>
      <c r="C11383">
        <v>1</v>
      </c>
      <c r="D11383">
        <v>0</v>
      </c>
    </row>
    <row r="11384" spans="1:4" x14ac:dyDescent="0.25">
      <c r="A11384" t="s">
        <v>16952</v>
      </c>
      <c r="B11384" t="s">
        <v>16955</v>
      </c>
      <c r="C11384">
        <v>1</v>
      </c>
      <c r="D11384">
        <v>0</v>
      </c>
    </row>
    <row r="11385" spans="1:4" x14ac:dyDescent="0.25">
      <c r="A11385" t="s">
        <v>16956</v>
      </c>
      <c r="B11385" t="s">
        <v>16957</v>
      </c>
      <c r="C11385">
        <v>0</v>
      </c>
      <c r="D11385">
        <v>0</v>
      </c>
    </row>
    <row r="11386" spans="1:4" x14ac:dyDescent="0.25">
      <c r="A11386" t="s">
        <v>16958</v>
      </c>
      <c r="B11386" t="s">
        <v>16959</v>
      </c>
      <c r="C11386">
        <v>1</v>
      </c>
      <c r="D11386">
        <v>0</v>
      </c>
    </row>
    <row r="11387" spans="1:4" x14ac:dyDescent="0.25">
      <c r="A11387" t="s">
        <v>16958</v>
      </c>
      <c r="B11387" t="s">
        <v>16960</v>
      </c>
      <c r="C11387">
        <v>1</v>
      </c>
      <c r="D11387">
        <v>0</v>
      </c>
    </row>
    <row r="11388" spans="1:4" x14ac:dyDescent="0.25">
      <c r="A11388" t="s">
        <v>16961</v>
      </c>
      <c r="B11388" t="s">
        <v>1001</v>
      </c>
      <c r="C11388">
        <v>1</v>
      </c>
      <c r="D11388">
        <v>0</v>
      </c>
    </row>
    <row r="11389" spans="1:4" x14ac:dyDescent="0.25">
      <c r="A11389" t="s">
        <v>16962</v>
      </c>
      <c r="B11389" t="s">
        <v>16963</v>
      </c>
      <c r="C11389">
        <v>1</v>
      </c>
      <c r="D11389">
        <v>0</v>
      </c>
    </row>
    <row r="11390" spans="1:4" x14ac:dyDescent="0.25">
      <c r="A11390" t="s">
        <v>16962</v>
      </c>
      <c r="B11390" t="s">
        <v>16964</v>
      </c>
      <c r="C11390">
        <v>0</v>
      </c>
      <c r="D11390">
        <v>0</v>
      </c>
    </row>
    <row r="11391" spans="1:4" x14ac:dyDescent="0.25">
      <c r="A11391" t="s">
        <v>16965</v>
      </c>
      <c r="B11391" t="s">
        <v>16966</v>
      </c>
      <c r="C11391">
        <v>1</v>
      </c>
      <c r="D11391">
        <v>0</v>
      </c>
    </row>
    <row r="11392" spans="1:4" x14ac:dyDescent="0.25">
      <c r="A11392" t="s">
        <v>16967</v>
      </c>
      <c r="B11392" t="s">
        <v>16968</v>
      </c>
      <c r="C11392">
        <v>1</v>
      </c>
      <c r="D11392">
        <v>0</v>
      </c>
    </row>
    <row r="11393" spans="1:4" x14ac:dyDescent="0.25">
      <c r="A11393" t="s">
        <v>16969</v>
      </c>
      <c r="B11393" t="s">
        <v>16970</v>
      </c>
      <c r="C11393">
        <v>1</v>
      </c>
      <c r="D11393">
        <v>0</v>
      </c>
    </row>
    <row r="11394" spans="1:4" x14ac:dyDescent="0.25">
      <c r="A11394" t="s">
        <v>16971</v>
      </c>
      <c r="B11394" t="s">
        <v>16972</v>
      </c>
      <c r="C11394">
        <v>1</v>
      </c>
      <c r="D11394">
        <v>0</v>
      </c>
    </row>
    <row r="11395" spans="1:4" x14ac:dyDescent="0.25">
      <c r="A11395" t="s">
        <v>16973</v>
      </c>
      <c r="B11395" t="s">
        <v>16974</v>
      </c>
      <c r="C11395">
        <v>0</v>
      </c>
      <c r="D11395">
        <v>0</v>
      </c>
    </row>
    <row r="11396" spans="1:4" x14ac:dyDescent="0.25">
      <c r="A11396" t="s">
        <v>16975</v>
      </c>
      <c r="B11396" t="s">
        <v>16976</v>
      </c>
      <c r="C11396">
        <v>2</v>
      </c>
      <c r="D11396">
        <v>0</v>
      </c>
    </row>
    <row r="11397" spans="1:4" x14ac:dyDescent="0.25">
      <c r="A11397" t="s">
        <v>16975</v>
      </c>
      <c r="B11397" t="s">
        <v>16977</v>
      </c>
      <c r="C11397">
        <v>2</v>
      </c>
      <c r="D11397">
        <v>0</v>
      </c>
    </row>
    <row r="11398" spans="1:4" x14ac:dyDescent="0.25">
      <c r="A11398" t="s">
        <v>16975</v>
      </c>
      <c r="B11398" t="s">
        <v>16978</v>
      </c>
      <c r="C11398">
        <v>0</v>
      </c>
      <c r="D11398">
        <v>0</v>
      </c>
    </row>
    <row r="11399" spans="1:4" x14ac:dyDescent="0.25">
      <c r="A11399" t="s">
        <v>16979</v>
      </c>
      <c r="B11399" t="s">
        <v>16980</v>
      </c>
      <c r="C11399">
        <v>1</v>
      </c>
      <c r="D11399">
        <v>0</v>
      </c>
    </row>
    <row r="11400" spans="1:4" x14ac:dyDescent="0.25">
      <c r="A11400" t="s">
        <v>16979</v>
      </c>
      <c r="B11400" t="s">
        <v>16981</v>
      </c>
      <c r="C11400">
        <v>1</v>
      </c>
      <c r="D11400">
        <v>0</v>
      </c>
    </row>
    <row r="11401" spans="1:4" x14ac:dyDescent="0.25">
      <c r="A11401" t="s">
        <v>16982</v>
      </c>
      <c r="B11401" t="s">
        <v>10893</v>
      </c>
      <c r="C11401">
        <v>1</v>
      </c>
      <c r="D11401">
        <v>0</v>
      </c>
    </row>
    <row r="11402" spans="1:4" x14ac:dyDescent="0.25">
      <c r="A11402" t="s">
        <v>16982</v>
      </c>
      <c r="B11402" t="s">
        <v>16983</v>
      </c>
      <c r="C11402">
        <v>1</v>
      </c>
      <c r="D11402">
        <v>0</v>
      </c>
    </row>
    <row r="11403" spans="1:4" x14ac:dyDescent="0.25">
      <c r="A11403" t="s">
        <v>16984</v>
      </c>
      <c r="B11403" t="s">
        <v>16985</v>
      </c>
      <c r="C11403">
        <v>1</v>
      </c>
      <c r="D11403">
        <v>0</v>
      </c>
    </row>
    <row r="11404" spans="1:4" x14ac:dyDescent="0.25">
      <c r="A11404" t="s">
        <v>16986</v>
      </c>
      <c r="B11404" t="s">
        <v>16987</v>
      </c>
      <c r="C11404">
        <v>1</v>
      </c>
      <c r="D11404">
        <v>0</v>
      </c>
    </row>
    <row r="11405" spans="1:4" x14ac:dyDescent="0.25">
      <c r="A11405" t="s">
        <v>16986</v>
      </c>
      <c r="B11405" t="s">
        <v>16988</v>
      </c>
      <c r="C11405">
        <v>1</v>
      </c>
      <c r="D11405">
        <v>0</v>
      </c>
    </row>
    <row r="11406" spans="1:4" x14ac:dyDescent="0.25">
      <c r="A11406" t="s">
        <v>16989</v>
      </c>
      <c r="B11406" t="s">
        <v>16990</v>
      </c>
      <c r="C11406">
        <v>0</v>
      </c>
      <c r="D11406">
        <v>0</v>
      </c>
    </row>
    <row r="11407" spans="1:4" x14ac:dyDescent="0.25">
      <c r="A11407" t="s">
        <v>16989</v>
      </c>
      <c r="B11407" t="s">
        <v>16991</v>
      </c>
      <c r="C11407">
        <v>0</v>
      </c>
      <c r="D11407">
        <v>0</v>
      </c>
    </row>
    <row r="11408" spans="1:4" x14ac:dyDescent="0.25">
      <c r="A11408" t="s">
        <v>16992</v>
      </c>
      <c r="B11408" t="s">
        <v>1001</v>
      </c>
      <c r="C11408">
        <v>1</v>
      </c>
      <c r="D11408">
        <v>0</v>
      </c>
    </row>
    <row r="11409" spans="1:4" x14ac:dyDescent="0.25">
      <c r="A11409" t="s">
        <v>16993</v>
      </c>
      <c r="B11409" t="s">
        <v>16994</v>
      </c>
      <c r="C11409">
        <v>2</v>
      </c>
      <c r="D11409">
        <v>0</v>
      </c>
    </row>
    <row r="11410" spans="1:4" x14ac:dyDescent="0.25">
      <c r="A11410" t="s">
        <v>16993</v>
      </c>
      <c r="B11410" t="s">
        <v>16995</v>
      </c>
      <c r="C11410">
        <v>0</v>
      </c>
      <c r="D11410">
        <v>0</v>
      </c>
    </row>
    <row r="11411" spans="1:4" x14ac:dyDescent="0.25">
      <c r="A11411" t="s">
        <v>16996</v>
      </c>
      <c r="B11411" t="s">
        <v>16997</v>
      </c>
      <c r="C11411">
        <v>1</v>
      </c>
      <c r="D11411">
        <v>0</v>
      </c>
    </row>
    <row r="11412" spans="1:4" x14ac:dyDescent="0.25">
      <c r="A11412" t="s">
        <v>16998</v>
      </c>
      <c r="B11412" t="s">
        <v>16999</v>
      </c>
      <c r="C11412">
        <v>0</v>
      </c>
      <c r="D11412">
        <v>0</v>
      </c>
    </row>
    <row r="11413" spans="1:4" x14ac:dyDescent="0.25">
      <c r="A11413" t="s">
        <v>17000</v>
      </c>
      <c r="B11413" t="s">
        <v>17001</v>
      </c>
      <c r="C11413">
        <v>0</v>
      </c>
      <c r="D11413">
        <v>0</v>
      </c>
    </row>
    <row r="11414" spans="1:4" x14ac:dyDescent="0.25">
      <c r="A11414" t="s">
        <v>17000</v>
      </c>
      <c r="B11414" t="s">
        <v>17002</v>
      </c>
      <c r="C11414">
        <v>0</v>
      </c>
      <c r="D11414">
        <v>0</v>
      </c>
    </row>
    <row r="11415" spans="1:4" x14ac:dyDescent="0.25">
      <c r="A11415" t="s">
        <v>17000</v>
      </c>
      <c r="B11415" t="s">
        <v>17003</v>
      </c>
      <c r="C11415">
        <v>0</v>
      </c>
      <c r="D11415">
        <v>0</v>
      </c>
    </row>
    <row r="11416" spans="1:4" x14ac:dyDescent="0.25">
      <c r="A11416" t="s">
        <v>17004</v>
      </c>
      <c r="B11416" t="s">
        <v>1001</v>
      </c>
      <c r="C11416">
        <v>1</v>
      </c>
      <c r="D11416">
        <v>0</v>
      </c>
    </row>
    <row r="11417" spans="1:4" x14ac:dyDescent="0.25">
      <c r="A11417" t="s">
        <v>17005</v>
      </c>
      <c r="B11417" t="s">
        <v>3195</v>
      </c>
      <c r="C11417">
        <v>1</v>
      </c>
      <c r="D11417">
        <v>0</v>
      </c>
    </row>
    <row r="11418" spans="1:4" x14ac:dyDescent="0.25">
      <c r="A11418" t="s">
        <v>17006</v>
      </c>
      <c r="B11418" t="s">
        <v>17007</v>
      </c>
      <c r="C11418">
        <v>0</v>
      </c>
      <c r="D11418">
        <v>0</v>
      </c>
    </row>
    <row r="11419" spans="1:4" x14ac:dyDescent="0.25">
      <c r="A11419" t="s">
        <v>17008</v>
      </c>
      <c r="B11419" t="s">
        <v>17009</v>
      </c>
      <c r="C11419">
        <v>1</v>
      </c>
      <c r="D11419">
        <v>0</v>
      </c>
    </row>
    <row r="11420" spans="1:4" x14ac:dyDescent="0.25">
      <c r="A11420" t="s">
        <v>17010</v>
      </c>
      <c r="B11420" t="s">
        <v>17011</v>
      </c>
      <c r="C11420">
        <v>1</v>
      </c>
      <c r="D11420">
        <v>0</v>
      </c>
    </row>
    <row r="11421" spans="1:4" x14ac:dyDescent="0.25">
      <c r="A11421" t="s">
        <v>17012</v>
      </c>
      <c r="B11421" t="s">
        <v>17013</v>
      </c>
      <c r="C11421">
        <v>0</v>
      </c>
      <c r="D11421">
        <v>0</v>
      </c>
    </row>
    <row r="11422" spans="1:4" x14ac:dyDescent="0.25">
      <c r="A11422" t="s">
        <v>17012</v>
      </c>
      <c r="B11422" t="s">
        <v>17014</v>
      </c>
      <c r="C11422">
        <v>1</v>
      </c>
      <c r="D11422">
        <v>0</v>
      </c>
    </row>
    <row r="11423" spans="1:4" x14ac:dyDescent="0.25">
      <c r="A11423" t="s">
        <v>17015</v>
      </c>
      <c r="B11423" t="s">
        <v>17016</v>
      </c>
      <c r="C11423">
        <v>1</v>
      </c>
      <c r="D11423">
        <v>0</v>
      </c>
    </row>
    <row r="11424" spans="1:4" x14ac:dyDescent="0.25">
      <c r="A11424" t="s">
        <v>17017</v>
      </c>
      <c r="B11424" t="s">
        <v>17018</v>
      </c>
      <c r="C11424">
        <v>2</v>
      </c>
      <c r="D11424">
        <v>0</v>
      </c>
    </row>
    <row r="11425" spans="1:4" x14ac:dyDescent="0.25">
      <c r="A11425" t="s">
        <v>17019</v>
      </c>
      <c r="B11425" t="s">
        <v>17020</v>
      </c>
      <c r="C11425">
        <v>0</v>
      </c>
      <c r="D11425">
        <v>0</v>
      </c>
    </row>
    <row r="11426" spans="1:4" x14ac:dyDescent="0.25">
      <c r="A11426" t="s">
        <v>17019</v>
      </c>
      <c r="B11426" t="s">
        <v>17021</v>
      </c>
      <c r="C11426">
        <v>1</v>
      </c>
      <c r="D11426">
        <v>0</v>
      </c>
    </row>
    <row r="11427" spans="1:4" x14ac:dyDescent="0.25">
      <c r="A11427" t="s">
        <v>17022</v>
      </c>
      <c r="B11427" t="s">
        <v>17023</v>
      </c>
      <c r="C11427">
        <v>0</v>
      </c>
      <c r="D11427">
        <v>0</v>
      </c>
    </row>
    <row r="11428" spans="1:4" x14ac:dyDescent="0.25">
      <c r="A11428" t="s">
        <v>17024</v>
      </c>
      <c r="B11428" t="s">
        <v>17025</v>
      </c>
      <c r="C11428">
        <v>1</v>
      </c>
      <c r="D11428">
        <v>0</v>
      </c>
    </row>
    <row r="11429" spans="1:4" x14ac:dyDescent="0.25">
      <c r="A11429" t="s">
        <v>17026</v>
      </c>
      <c r="B11429" t="s">
        <v>17027</v>
      </c>
      <c r="C11429">
        <v>0</v>
      </c>
      <c r="D11429">
        <v>0</v>
      </c>
    </row>
    <row r="11430" spans="1:4" x14ac:dyDescent="0.25">
      <c r="A11430" t="s">
        <v>17028</v>
      </c>
      <c r="B11430" t="s">
        <v>17029</v>
      </c>
      <c r="C11430">
        <v>1</v>
      </c>
      <c r="D11430">
        <v>0</v>
      </c>
    </row>
    <row r="11431" spans="1:4" x14ac:dyDescent="0.25">
      <c r="A11431" t="s">
        <v>17030</v>
      </c>
      <c r="B11431" t="s">
        <v>17031</v>
      </c>
      <c r="C11431">
        <v>1</v>
      </c>
      <c r="D11431">
        <v>0</v>
      </c>
    </row>
    <row r="11432" spans="1:4" x14ac:dyDescent="0.25">
      <c r="A11432" t="s">
        <v>17032</v>
      </c>
      <c r="B11432" t="s">
        <v>17033</v>
      </c>
      <c r="C11432">
        <v>1</v>
      </c>
      <c r="D11432">
        <v>0</v>
      </c>
    </row>
    <row r="11433" spans="1:4" x14ac:dyDescent="0.25">
      <c r="A11433" t="s">
        <v>17034</v>
      </c>
      <c r="B11433" t="s">
        <v>816</v>
      </c>
      <c r="C11433">
        <v>1</v>
      </c>
      <c r="D11433">
        <v>0</v>
      </c>
    </row>
    <row r="11434" spans="1:4" x14ac:dyDescent="0.25">
      <c r="A11434" t="s">
        <v>17035</v>
      </c>
      <c r="B11434" t="s">
        <v>17036</v>
      </c>
      <c r="C11434">
        <v>1</v>
      </c>
      <c r="D11434">
        <v>0</v>
      </c>
    </row>
    <row r="11435" spans="1:4" x14ac:dyDescent="0.25">
      <c r="A11435" t="s">
        <v>17037</v>
      </c>
      <c r="B11435" t="s">
        <v>968</v>
      </c>
      <c r="C11435">
        <v>1</v>
      </c>
      <c r="D11435">
        <v>0</v>
      </c>
    </row>
    <row r="11436" spans="1:4" x14ac:dyDescent="0.25">
      <c r="A11436" t="s">
        <v>17038</v>
      </c>
      <c r="B11436" t="s">
        <v>17039</v>
      </c>
      <c r="C11436">
        <v>1</v>
      </c>
      <c r="D11436">
        <v>0</v>
      </c>
    </row>
    <row r="11437" spans="1:4" x14ac:dyDescent="0.25">
      <c r="A11437" t="s">
        <v>17040</v>
      </c>
      <c r="B11437" t="s">
        <v>17041</v>
      </c>
      <c r="C11437">
        <v>0</v>
      </c>
      <c r="D11437">
        <v>0</v>
      </c>
    </row>
    <row r="11438" spans="1:4" x14ac:dyDescent="0.25">
      <c r="A11438" t="s">
        <v>17042</v>
      </c>
      <c r="B11438" t="s">
        <v>17043</v>
      </c>
      <c r="C11438">
        <v>1</v>
      </c>
      <c r="D11438">
        <v>0</v>
      </c>
    </row>
    <row r="11439" spans="1:4" x14ac:dyDescent="0.25">
      <c r="A11439" t="s">
        <v>17044</v>
      </c>
      <c r="B11439" t="s">
        <v>17045</v>
      </c>
      <c r="C11439">
        <v>1</v>
      </c>
      <c r="D11439">
        <v>0</v>
      </c>
    </row>
    <row r="11440" spans="1:4" x14ac:dyDescent="0.25">
      <c r="A11440" t="s">
        <v>17044</v>
      </c>
      <c r="B11440" t="s">
        <v>17046</v>
      </c>
      <c r="C11440">
        <v>1</v>
      </c>
      <c r="D11440">
        <v>0</v>
      </c>
    </row>
    <row r="11441" spans="1:4" x14ac:dyDescent="0.25">
      <c r="A11441" t="s">
        <v>17044</v>
      </c>
      <c r="B11441" t="s">
        <v>17047</v>
      </c>
      <c r="C11441">
        <v>1</v>
      </c>
      <c r="D11441">
        <v>0</v>
      </c>
    </row>
    <row r="11442" spans="1:4" x14ac:dyDescent="0.25">
      <c r="A11442" t="s">
        <v>17048</v>
      </c>
      <c r="B11442" t="s">
        <v>17049</v>
      </c>
      <c r="C11442">
        <v>2</v>
      </c>
      <c r="D11442">
        <v>0</v>
      </c>
    </row>
    <row r="11443" spans="1:4" x14ac:dyDescent="0.25">
      <c r="A11443" t="s">
        <v>17050</v>
      </c>
      <c r="B11443" t="s">
        <v>17051</v>
      </c>
      <c r="C11443">
        <v>1</v>
      </c>
      <c r="D11443">
        <v>0</v>
      </c>
    </row>
    <row r="11444" spans="1:4" x14ac:dyDescent="0.25">
      <c r="A11444" t="s">
        <v>17050</v>
      </c>
      <c r="B11444" t="s">
        <v>17052</v>
      </c>
      <c r="C11444">
        <v>1</v>
      </c>
      <c r="D11444">
        <v>0</v>
      </c>
    </row>
    <row r="11445" spans="1:4" x14ac:dyDescent="0.25">
      <c r="A11445" t="s">
        <v>17053</v>
      </c>
      <c r="B11445" t="s">
        <v>17054</v>
      </c>
      <c r="C11445">
        <v>2</v>
      </c>
      <c r="D11445">
        <v>0</v>
      </c>
    </row>
    <row r="11446" spans="1:4" x14ac:dyDescent="0.25">
      <c r="A11446" t="s">
        <v>17055</v>
      </c>
      <c r="B11446" t="s">
        <v>1526</v>
      </c>
      <c r="C11446">
        <v>1</v>
      </c>
      <c r="D11446">
        <v>0</v>
      </c>
    </row>
    <row r="11447" spans="1:4" x14ac:dyDescent="0.25">
      <c r="A11447" t="s">
        <v>17056</v>
      </c>
      <c r="B11447" t="s">
        <v>17057</v>
      </c>
      <c r="C11447">
        <v>0</v>
      </c>
      <c r="D11447">
        <v>0</v>
      </c>
    </row>
    <row r="11448" spans="1:4" x14ac:dyDescent="0.25">
      <c r="A11448" t="s">
        <v>17056</v>
      </c>
      <c r="B11448" t="s">
        <v>17058</v>
      </c>
      <c r="C11448">
        <v>0</v>
      </c>
      <c r="D11448">
        <v>0</v>
      </c>
    </row>
    <row r="11449" spans="1:4" x14ac:dyDescent="0.25">
      <c r="A11449" t="s">
        <v>17059</v>
      </c>
      <c r="B11449" t="s">
        <v>17060</v>
      </c>
      <c r="C11449">
        <v>1</v>
      </c>
      <c r="D11449">
        <v>0</v>
      </c>
    </row>
    <row r="11450" spans="1:4" x14ac:dyDescent="0.25">
      <c r="A11450" t="s">
        <v>17059</v>
      </c>
      <c r="B11450" t="s">
        <v>17061</v>
      </c>
      <c r="C11450">
        <v>1</v>
      </c>
      <c r="D11450">
        <v>0</v>
      </c>
    </row>
    <row r="11451" spans="1:4" x14ac:dyDescent="0.25">
      <c r="A11451" t="s">
        <v>17059</v>
      </c>
      <c r="B11451" t="s">
        <v>17062</v>
      </c>
      <c r="C11451">
        <v>0</v>
      </c>
      <c r="D11451">
        <v>0</v>
      </c>
    </row>
    <row r="11452" spans="1:4" x14ac:dyDescent="0.25">
      <c r="A11452" t="s">
        <v>17063</v>
      </c>
      <c r="B11452" t="s">
        <v>17064</v>
      </c>
      <c r="C11452">
        <v>2</v>
      </c>
      <c r="D11452">
        <v>0</v>
      </c>
    </row>
    <row r="11453" spans="1:4" x14ac:dyDescent="0.25">
      <c r="A11453" t="s">
        <v>17063</v>
      </c>
      <c r="B11453" t="s">
        <v>17065</v>
      </c>
      <c r="C11453">
        <v>2</v>
      </c>
      <c r="D11453">
        <v>0</v>
      </c>
    </row>
    <row r="11454" spans="1:4" x14ac:dyDescent="0.25">
      <c r="A11454" t="s">
        <v>17066</v>
      </c>
      <c r="B11454" t="s">
        <v>1001</v>
      </c>
      <c r="C11454">
        <v>1</v>
      </c>
      <c r="D11454">
        <v>0</v>
      </c>
    </row>
    <row r="11455" spans="1:4" x14ac:dyDescent="0.25">
      <c r="A11455" t="s">
        <v>17067</v>
      </c>
      <c r="B11455" t="s">
        <v>17068</v>
      </c>
      <c r="C11455">
        <v>1</v>
      </c>
      <c r="D11455">
        <v>0</v>
      </c>
    </row>
    <row r="11456" spans="1:4" x14ac:dyDescent="0.25">
      <c r="A11456" t="s">
        <v>17069</v>
      </c>
      <c r="B11456" t="s">
        <v>17070</v>
      </c>
      <c r="C11456">
        <v>1</v>
      </c>
      <c r="D11456">
        <v>0</v>
      </c>
    </row>
    <row r="11457" spans="1:4" x14ac:dyDescent="0.25">
      <c r="A11457" t="s">
        <v>17069</v>
      </c>
      <c r="B11457" t="s">
        <v>17071</v>
      </c>
      <c r="C11457">
        <v>0</v>
      </c>
      <c r="D11457">
        <v>0</v>
      </c>
    </row>
    <row r="11458" spans="1:4" x14ac:dyDescent="0.25">
      <c r="A11458" t="s">
        <v>17072</v>
      </c>
      <c r="B11458" t="s">
        <v>398</v>
      </c>
      <c r="C11458">
        <v>0</v>
      </c>
      <c r="D11458">
        <v>0</v>
      </c>
    </row>
    <row r="11459" spans="1:4" x14ac:dyDescent="0.25">
      <c r="A11459" t="s">
        <v>17073</v>
      </c>
      <c r="B11459" t="s">
        <v>17074</v>
      </c>
      <c r="C11459">
        <v>0</v>
      </c>
      <c r="D11459">
        <v>0</v>
      </c>
    </row>
    <row r="11460" spans="1:4" x14ac:dyDescent="0.25">
      <c r="A11460" t="s">
        <v>17075</v>
      </c>
      <c r="B11460" t="s">
        <v>17076</v>
      </c>
      <c r="C11460">
        <v>2</v>
      </c>
      <c r="D11460">
        <v>0</v>
      </c>
    </row>
    <row r="11461" spans="1:4" x14ac:dyDescent="0.25">
      <c r="A11461" t="s">
        <v>17077</v>
      </c>
      <c r="B11461" t="s">
        <v>17078</v>
      </c>
      <c r="C11461">
        <v>1</v>
      </c>
      <c r="D11461">
        <v>0</v>
      </c>
    </row>
    <row r="11462" spans="1:4" x14ac:dyDescent="0.25">
      <c r="A11462" t="s">
        <v>17079</v>
      </c>
      <c r="B11462" t="s">
        <v>17080</v>
      </c>
      <c r="C11462">
        <v>2</v>
      </c>
      <c r="D11462">
        <v>0</v>
      </c>
    </row>
    <row r="11463" spans="1:4" x14ac:dyDescent="0.25">
      <c r="A11463" t="s">
        <v>17081</v>
      </c>
      <c r="B11463" t="s">
        <v>17082</v>
      </c>
      <c r="C11463">
        <v>1</v>
      </c>
      <c r="D11463">
        <v>0</v>
      </c>
    </row>
    <row r="11464" spans="1:4" x14ac:dyDescent="0.25">
      <c r="A11464" t="s">
        <v>17081</v>
      </c>
      <c r="B11464" t="s">
        <v>17083</v>
      </c>
      <c r="C11464">
        <v>1</v>
      </c>
      <c r="D11464">
        <v>0</v>
      </c>
    </row>
    <row r="11465" spans="1:4" x14ac:dyDescent="0.25">
      <c r="A11465" t="s">
        <v>17084</v>
      </c>
      <c r="B11465" t="s">
        <v>17085</v>
      </c>
      <c r="C11465">
        <v>1</v>
      </c>
      <c r="D11465">
        <v>0</v>
      </c>
    </row>
    <row r="11466" spans="1:4" x14ac:dyDescent="0.25">
      <c r="A11466" t="s">
        <v>17084</v>
      </c>
      <c r="B11466" t="s">
        <v>17086</v>
      </c>
      <c r="C11466">
        <v>1</v>
      </c>
      <c r="D11466">
        <v>0</v>
      </c>
    </row>
    <row r="11467" spans="1:4" x14ac:dyDescent="0.25">
      <c r="A11467" t="s">
        <v>17084</v>
      </c>
      <c r="B11467" t="s">
        <v>17087</v>
      </c>
      <c r="C11467">
        <v>0</v>
      </c>
      <c r="D11467">
        <v>0</v>
      </c>
    </row>
    <row r="11468" spans="1:4" x14ac:dyDescent="0.25">
      <c r="A11468" t="s">
        <v>17088</v>
      </c>
      <c r="B11468" t="s">
        <v>17089</v>
      </c>
      <c r="C11468">
        <v>0</v>
      </c>
      <c r="D11468">
        <v>0</v>
      </c>
    </row>
    <row r="11469" spans="1:4" x14ac:dyDescent="0.25">
      <c r="A11469" t="s">
        <v>17088</v>
      </c>
      <c r="B11469" t="s">
        <v>17090</v>
      </c>
      <c r="C11469">
        <v>0</v>
      </c>
      <c r="D11469">
        <v>0</v>
      </c>
    </row>
    <row r="11470" spans="1:4" x14ac:dyDescent="0.25">
      <c r="A11470" t="s">
        <v>17091</v>
      </c>
      <c r="B11470" t="s">
        <v>17092</v>
      </c>
      <c r="C11470">
        <v>1</v>
      </c>
      <c r="D11470">
        <v>0</v>
      </c>
    </row>
    <row r="11471" spans="1:4" x14ac:dyDescent="0.25">
      <c r="A11471" t="s">
        <v>17091</v>
      </c>
      <c r="B11471" t="s">
        <v>17093</v>
      </c>
      <c r="C11471">
        <v>1</v>
      </c>
      <c r="D11471">
        <v>0</v>
      </c>
    </row>
    <row r="11472" spans="1:4" x14ac:dyDescent="0.25">
      <c r="A11472" t="s">
        <v>17094</v>
      </c>
      <c r="B11472" t="s">
        <v>5816</v>
      </c>
      <c r="C11472">
        <v>1</v>
      </c>
      <c r="D11472">
        <v>0</v>
      </c>
    </row>
    <row r="11473" spans="1:4" x14ac:dyDescent="0.25">
      <c r="A11473" t="s">
        <v>17094</v>
      </c>
      <c r="B11473" t="s">
        <v>17095</v>
      </c>
      <c r="C11473">
        <v>0</v>
      </c>
      <c r="D11473">
        <v>0</v>
      </c>
    </row>
    <row r="11474" spans="1:4" x14ac:dyDescent="0.25">
      <c r="A11474" t="s">
        <v>17096</v>
      </c>
      <c r="B11474" t="s">
        <v>17097</v>
      </c>
      <c r="C11474">
        <v>2</v>
      </c>
      <c r="D11474">
        <v>0</v>
      </c>
    </row>
    <row r="11475" spans="1:4" x14ac:dyDescent="0.25">
      <c r="A11475" t="s">
        <v>17096</v>
      </c>
      <c r="B11475" t="s">
        <v>17098</v>
      </c>
      <c r="C11475">
        <v>1</v>
      </c>
      <c r="D11475">
        <v>0</v>
      </c>
    </row>
    <row r="11476" spans="1:4" x14ac:dyDescent="0.25">
      <c r="A11476" t="s">
        <v>17099</v>
      </c>
      <c r="B11476" t="s">
        <v>843</v>
      </c>
      <c r="C11476">
        <v>1</v>
      </c>
      <c r="D11476">
        <v>0</v>
      </c>
    </row>
    <row r="11477" spans="1:4" x14ac:dyDescent="0.25">
      <c r="A11477" t="s">
        <v>17100</v>
      </c>
      <c r="B11477" t="s">
        <v>17101</v>
      </c>
      <c r="C11477">
        <v>1</v>
      </c>
      <c r="D11477">
        <v>0</v>
      </c>
    </row>
    <row r="11478" spans="1:4" x14ac:dyDescent="0.25">
      <c r="A11478" t="s">
        <v>17102</v>
      </c>
      <c r="B11478" t="s">
        <v>17103</v>
      </c>
      <c r="C11478">
        <v>0</v>
      </c>
      <c r="D11478">
        <v>0</v>
      </c>
    </row>
    <row r="11479" spans="1:4" x14ac:dyDescent="0.25">
      <c r="A11479" t="s">
        <v>17104</v>
      </c>
      <c r="B11479" t="s">
        <v>17105</v>
      </c>
      <c r="C11479">
        <v>2</v>
      </c>
      <c r="D11479">
        <v>0</v>
      </c>
    </row>
    <row r="11480" spans="1:4" x14ac:dyDescent="0.25">
      <c r="A11480" t="s">
        <v>17106</v>
      </c>
      <c r="B11480" t="s">
        <v>17107</v>
      </c>
      <c r="C11480">
        <v>1</v>
      </c>
      <c r="D11480">
        <v>0</v>
      </c>
    </row>
    <row r="11481" spans="1:4" x14ac:dyDescent="0.25">
      <c r="A11481" t="s">
        <v>17106</v>
      </c>
      <c r="B11481" t="s">
        <v>17108</v>
      </c>
      <c r="C11481">
        <v>1</v>
      </c>
      <c r="D11481">
        <v>0</v>
      </c>
    </row>
    <row r="11482" spans="1:4" x14ac:dyDescent="0.25">
      <c r="A11482" t="s">
        <v>17109</v>
      </c>
      <c r="B11482" t="s">
        <v>852</v>
      </c>
      <c r="C11482">
        <v>0</v>
      </c>
      <c r="D11482">
        <v>0</v>
      </c>
    </row>
    <row r="11483" spans="1:4" x14ac:dyDescent="0.25">
      <c r="A11483" t="s">
        <v>17110</v>
      </c>
      <c r="B11483" t="s">
        <v>816</v>
      </c>
      <c r="C11483">
        <v>1</v>
      </c>
      <c r="D11483">
        <v>0</v>
      </c>
    </row>
    <row r="11484" spans="1:4" x14ac:dyDescent="0.25">
      <c r="A11484" t="s">
        <v>17110</v>
      </c>
      <c r="B11484" t="s">
        <v>852</v>
      </c>
      <c r="C11484">
        <v>0</v>
      </c>
      <c r="D11484">
        <v>0</v>
      </c>
    </row>
    <row r="11485" spans="1:4" x14ac:dyDescent="0.25">
      <c r="A11485" t="s">
        <v>17110</v>
      </c>
      <c r="B11485" t="s">
        <v>7422</v>
      </c>
      <c r="C11485">
        <v>2</v>
      </c>
      <c r="D11485">
        <v>0</v>
      </c>
    </row>
    <row r="11486" spans="1:4" x14ac:dyDescent="0.25">
      <c r="A11486" t="s">
        <v>17111</v>
      </c>
      <c r="B11486" t="s">
        <v>17112</v>
      </c>
      <c r="C11486">
        <v>2</v>
      </c>
      <c r="D11486">
        <v>0</v>
      </c>
    </row>
    <row r="11487" spans="1:4" x14ac:dyDescent="0.25">
      <c r="A11487" t="s">
        <v>17111</v>
      </c>
      <c r="B11487" t="s">
        <v>17113</v>
      </c>
      <c r="C11487">
        <v>1</v>
      </c>
      <c r="D11487">
        <v>0</v>
      </c>
    </row>
    <row r="11488" spans="1:4" x14ac:dyDescent="0.25">
      <c r="A11488" t="s">
        <v>17114</v>
      </c>
      <c r="B11488" t="s">
        <v>17115</v>
      </c>
      <c r="C11488">
        <v>2</v>
      </c>
      <c r="D11488">
        <v>0</v>
      </c>
    </row>
    <row r="11489" spans="1:4" x14ac:dyDescent="0.25">
      <c r="A11489" t="s">
        <v>17114</v>
      </c>
      <c r="B11489" t="s">
        <v>17116</v>
      </c>
      <c r="C11489">
        <v>1</v>
      </c>
      <c r="D11489">
        <v>0</v>
      </c>
    </row>
    <row r="11490" spans="1:4" x14ac:dyDescent="0.25">
      <c r="A11490" t="s">
        <v>17117</v>
      </c>
      <c r="B11490" t="s">
        <v>17118</v>
      </c>
      <c r="C11490">
        <v>1</v>
      </c>
      <c r="D11490">
        <v>0</v>
      </c>
    </row>
    <row r="11491" spans="1:4" x14ac:dyDescent="0.25">
      <c r="A11491" t="s">
        <v>17117</v>
      </c>
      <c r="B11491" t="s">
        <v>17119</v>
      </c>
      <c r="C11491">
        <v>2</v>
      </c>
      <c r="D11491">
        <v>0</v>
      </c>
    </row>
    <row r="11492" spans="1:4" x14ac:dyDescent="0.25">
      <c r="A11492" t="s">
        <v>17120</v>
      </c>
      <c r="B11492" t="s">
        <v>17121</v>
      </c>
      <c r="C11492">
        <v>1</v>
      </c>
      <c r="D11492">
        <v>0</v>
      </c>
    </row>
    <row r="11493" spans="1:4" x14ac:dyDescent="0.25">
      <c r="A11493" t="s">
        <v>17122</v>
      </c>
      <c r="B11493" t="s">
        <v>17123</v>
      </c>
      <c r="C11493">
        <v>0</v>
      </c>
      <c r="D11493">
        <v>0</v>
      </c>
    </row>
    <row r="11494" spans="1:4" x14ac:dyDescent="0.25">
      <c r="A11494" t="s">
        <v>17122</v>
      </c>
      <c r="B11494" t="s">
        <v>17124</v>
      </c>
      <c r="C11494">
        <v>1</v>
      </c>
      <c r="D11494">
        <v>0</v>
      </c>
    </row>
    <row r="11495" spans="1:4" x14ac:dyDescent="0.25">
      <c r="A11495" t="s">
        <v>17125</v>
      </c>
      <c r="B11495" t="s">
        <v>1101</v>
      </c>
      <c r="C11495">
        <v>1</v>
      </c>
      <c r="D11495">
        <v>0</v>
      </c>
    </row>
    <row r="11496" spans="1:4" x14ac:dyDescent="0.25">
      <c r="A11496" t="s">
        <v>17126</v>
      </c>
      <c r="B11496" t="s">
        <v>17127</v>
      </c>
      <c r="C11496">
        <v>1</v>
      </c>
      <c r="D11496">
        <v>0</v>
      </c>
    </row>
    <row r="11497" spans="1:4" x14ac:dyDescent="0.25">
      <c r="A11497" t="s">
        <v>17128</v>
      </c>
      <c r="B11497" t="s">
        <v>17129</v>
      </c>
      <c r="C11497">
        <v>1</v>
      </c>
      <c r="D11497">
        <v>0</v>
      </c>
    </row>
    <row r="11498" spans="1:4" x14ac:dyDescent="0.25">
      <c r="A11498" t="s">
        <v>17130</v>
      </c>
      <c r="B11498" t="s">
        <v>3926</v>
      </c>
      <c r="C11498">
        <v>1</v>
      </c>
      <c r="D11498">
        <v>0</v>
      </c>
    </row>
    <row r="11499" spans="1:4" x14ac:dyDescent="0.25">
      <c r="A11499" t="s">
        <v>17131</v>
      </c>
      <c r="B11499" t="s">
        <v>17132</v>
      </c>
      <c r="C11499">
        <v>0</v>
      </c>
      <c r="D11499">
        <v>0</v>
      </c>
    </row>
    <row r="11500" spans="1:4" x14ac:dyDescent="0.25">
      <c r="A11500" t="s">
        <v>17133</v>
      </c>
      <c r="B11500" t="s">
        <v>17134</v>
      </c>
      <c r="C11500">
        <v>0</v>
      </c>
      <c r="D11500">
        <v>0</v>
      </c>
    </row>
    <row r="11501" spans="1:4" x14ac:dyDescent="0.25">
      <c r="A11501" t="s">
        <v>17133</v>
      </c>
      <c r="B11501" t="s">
        <v>17135</v>
      </c>
      <c r="C11501">
        <v>1</v>
      </c>
      <c r="D11501">
        <v>0</v>
      </c>
    </row>
    <row r="11502" spans="1:4" x14ac:dyDescent="0.25">
      <c r="A11502" t="s">
        <v>17133</v>
      </c>
      <c r="B11502" t="s">
        <v>17136</v>
      </c>
      <c r="C11502">
        <v>1</v>
      </c>
      <c r="D11502">
        <v>0</v>
      </c>
    </row>
    <row r="11503" spans="1:4" x14ac:dyDescent="0.25">
      <c r="A11503" t="s">
        <v>17137</v>
      </c>
      <c r="B11503" t="s">
        <v>17138</v>
      </c>
      <c r="C11503">
        <v>0</v>
      </c>
      <c r="D11503">
        <v>0</v>
      </c>
    </row>
    <row r="11504" spans="1:4" x14ac:dyDescent="0.25">
      <c r="A11504" t="s">
        <v>17137</v>
      </c>
      <c r="B11504" t="s">
        <v>17139</v>
      </c>
      <c r="C11504">
        <v>0</v>
      </c>
      <c r="D11504">
        <v>0</v>
      </c>
    </row>
    <row r="11505" spans="1:4" x14ac:dyDescent="0.25">
      <c r="A11505" t="s">
        <v>17140</v>
      </c>
      <c r="B11505" t="s">
        <v>17141</v>
      </c>
      <c r="C11505">
        <v>1</v>
      </c>
      <c r="D11505">
        <v>0</v>
      </c>
    </row>
    <row r="11506" spans="1:4" x14ac:dyDescent="0.25">
      <c r="A11506" t="s">
        <v>17142</v>
      </c>
      <c r="B11506" t="s">
        <v>17143</v>
      </c>
      <c r="C11506">
        <v>0</v>
      </c>
      <c r="D11506">
        <v>0</v>
      </c>
    </row>
    <row r="11507" spans="1:4" x14ac:dyDescent="0.25">
      <c r="A11507" t="s">
        <v>17144</v>
      </c>
      <c r="B11507" t="s">
        <v>17145</v>
      </c>
      <c r="C11507">
        <v>2</v>
      </c>
      <c r="D11507">
        <v>0</v>
      </c>
    </row>
    <row r="11508" spans="1:4" x14ac:dyDescent="0.25">
      <c r="A11508" t="s">
        <v>17144</v>
      </c>
      <c r="B11508" t="s">
        <v>17146</v>
      </c>
      <c r="C11508">
        <v>2</v>
      </c>
      <c r="D11508">
        <v>0</v>
      </c>
    </row>
    <row r="11509" spans="1:4" x14ac:dyDescent="0.25">
      <c r="A11509" t="s">
        <v>17144</v>
      </c>
      <c r="B11509" t="s">
        <v>1246</v>
      </c>
      <c r="C11509">
        <v>0</v>
      </c>
      <c r="D11509">
        <v>0</v>
      </c>
    </row>
    <row r="11510" spans="1:4" x14ac:dyDescent="0.25">
      <c r="A11510" t="s">
        <v>17147</v>
      </c>
      <c r="B11510" t="s">
        <v>17148</v>
      </c>
      <c r="C11510">
        <v>0</v>
      </c>
      <c r="D11510">
        <v>0</v>
      </c>
    </row>
    <row r="11511" spans="1:4" x14ac:dyDescent="0.25">
      <c r="A11511" t="s">
        <v>17147</v>
      </c>
      <c r="B11511" t="s">
        <v>17149</v>
      </c>
      <c r="C11511">
        <v>2</v>
      </c>
      <c r="D11511">
        <v>0</v>
      </c>
    </row>
    <row r="11512" spans="1:4" x14ac:dyDescent="0.25">
      <c r="A11512" t="s">
        <v>17150</v>
      </c>
      <c r="B11512" t="s">
        <v>17151</v>
      </c>
      <c r="C11512">
        <v>1</v>
      </c>
      <c r="D11512">
        <v>0</v>
      </c>
    </row>
    <row r="11513" spans="1:4" x14ac:dyDescent="0.25">
      <c r="A11513" t="s">
        <v>17150</v>
      </c>
      <c r="B11513" t="s">
        <v>17152</v>
      </c>
      <c r="C11513">
        <v>1</v>
      </c>
      <c r="D11513">
        <v>0</v>
      </c>
    </row>
    <row r="11514" spans="1:4" x14ac:dyDescent="0.25">
      <c r="A11514" t="s">
        <v>17153</v>
      </c>
      <c r="B11514" t="s">
        <v>17154</v>
      </c>
      <c r="C11514">
        <v>0</v>
      </c>
      <c r="D11514">
        <v>0</v>
      </c>
    </row>
    <row r="11515" spans="1:4" x14ac:dyDescent="0.25">
      <c r="A11515" t="s">
        <v>17153</v>
      </c>
      <c r="B11515" t="s">
        <v>17155</v>
      </c>
      <c r="C11515">
        <v>2</v>
      </c>
      <c r="D11515">
        <v>0</v>
      </c>
    </row>
    <row r="11516" spans="1:4" x14ac:dyDescent="0.25">
      <c r="A11516" t="s">
        <v>17153</v>
      </c>
      <c r="B11516" t="s">
        <v>17156</v>
      </c>
      <c r="C11516">
        <v>0</v>
      </c>
      <c r="D11516">
        <v>0</v>
      </c>
    </row>
    <row r="11517" spans="1:4" x14ac:dyDescent="0.25">
      <c r="A11517" t="s">
        <v>17157</v>
      </c>
      <c r="B11517" t="s">
        <v>17158</v>
      </c>
      <c r="C11517">
        <v>1</v>
      </c>
      <c r="D11517">
        <v>0</v>
      </c>
    </row>
    <row r="11518" spans="1:4" x14ac:dyDescent="0.25">
      <c r="A11518" t="s">
        <v>17157</v>
      </c>
      <c r="B11518" t="s">
        <v>17159</v>
      </c>
      <c r="C11518">
        <v>2</v>
      </c>
      <c r="D11518">
        <v>0</v>
      </c>
    </row>
    <row r="11519" spans="1:4" x14ac:dyDescent="0.25">
      <c r="A11519" t="s">
        <v>17157</v>
      </c>
      <c r="B11519" t="s">
        <v>17160</v>
      </c>
      <c r="C11519">
        <v>2</v>
      </c>
      <c r="D11519">
        <v>0</v>
      </c>
    </row>
    <row r="11520" spans="1:4" x14ac:dyDescent="0.25">
      <c r="A11520" t="s">
        <v>17161</v>
      </c>
      <c r="B11520" t="s">
        <v>7397</v>
      </c>
      <c r="C11520">
        <v>0</v>
      </c>
      <c r="D11520">
        <v>0</v>
      </c>
    </row>
    <row r="11521" spans="1:4" x14ac:dyDescent="0.25">
      <c r="A11521" t="s">
        <v>17162</v>
      </c>
      <c r="B11521" t="s">
        <v>17163</v>
      </c>
      <c r="C11521">
        <v>2</v>
      </c>
      <c r="D11521">
        <v>0</v>
      </c>
    </row>
    <row r="11522" spans="1:4" x14ac:dyDescent="0.25">
      <c r="A11522" t="s">
        <v>17164</v>
      </c>
      <c r="B11522" t="s">
        <v>17165</v>
      </c>
      <c r="C11522">
        <v>0</v>
      </c>
      <c r="D11522">
        <v>0</v>
      </c>
    </row>
    <row r="11523" spans="1:4" x14ac:dyDescent="0.25">
      <c r="A11523" t="s">
        <v>17166</v>
      </c>
      <c r="B11523" t="s">
        <v>17167</v>
      </c>
      <c r="C11523">
        <v>1</v>
      </c>
      <c r="D11523">
        <v>0</v>
      </c>
    </row>
    <row r="11524" spans="1:4" x14ac:dyDescent="0.25">
      <c r="A11524" t="s">
        <v>17168</v>
      </c>
      <c r="B11524" t="s">
        <v>17169</v>
      </c>
      <c r="C11524">
        <v>1</v>
      </c>
      <c r="D11524">
        <v>0</v>
      </c>
    </row>
    <row r="11525" spans="1:4" x14ac:dyDescent="0.25">
      <c r="A11525" t="s">
        <v>17170</v>
      </c>
      <c r="B11525" t="s">
        <v>17171</v>
      </c>
      <c r="C11525">
        <v>2</v>
      </c>
      <c r="D11525">
        <v>0</v>
      </c>
    </row>
    <row r="11526" spans="1:4" x14ac:dyDescent="0.25">
      <c r="A11526" t="s">
        <v>17170</v>
      </c>
      <c r="B11526" t="s">
        <v>17172</v>
      </c>
      <c r="C11526">
        <v>0</v>
      </c>
      <c r="D11526">
        <v>0</v>
      </c>
    </row>
    <row r="11527" spans="1:4" x14ac:dyDescent="0.25">
      <c r="A11527" t="s">
        <v>17173</v>
      </c>
      <c r="B11527" t="s">
        <v>17174</v>
      </c>
      <c r="C11527">
        <v>1</v>
      </c>
      <c r="D11527">
        <v>0</v>
      </c>
    </row>
    <row r="11528" spans="1:4" x14ac:dyDescent="0.25">
      <c r="A11528" t="s">
        <v>17173</v>
      </c>
      <c r="B11528" t="s">
        <v>17175</v>
      </c>
      <c r="C11528">
        <v>2</v>
      </c>
      <c r="D11528">
        <v>0</v>
      </c>
    </row>
    <row r="11529" spans="1:4" x14ac:dyDescent="0.25">
      <c r="A11529" t="s">
        <v>17173</v>
      </c>
      <c r="B11529" t="s">
        <v>17176</v>
      </c>
      <c r="C11529">
        <v>1</v>
      </c>
      <c r="D11529">
        <v>0</v>
      </c>
    </row>
    <row r="11530" spans="1:4" x14ac:dyDescent="0.25">
      <c r="A11530" t="s">
        <v>17177</v>
      </c>
      <c r="B11530" t="s">
        <v>17178</v>
      </c>
      <c r="C11530">
        <v>1</v>
      </c>
      <c r="D11530">
        <v>0</v>
      </c>
    </row>
    <row r="11531" spans="1:4" x14ac:dyDescent="0.25">
      <c r="A11531" t="s">
        <v>17177</v>
      </c>
      <c r="B11531" t="s">
        <v>5322</v>
      </c>
      <c r="C11531">
        <v>0</v>
      </c>
      <c r="D11531">
        <v>0</v>
      </c>
    </row>
    <row r="11532" spans="1:4" x14ac:dyDescent="0.25">
      <c r="A11532" t="s">
        <v>17179</v>
      </c>
      <c r="B11532" t="s">
        <v>1001</v>
      </c>
      <c r="C11532">
        <v>1</v>
      </c>
      <c r="D11532">
        <v>0</v>
      </c>
    </row>
    <row r="11533" spans="1:4" x14ac:dyDescent="0.25">
      <c r="A11533" t="s">
        <v>17180</v>
      </c>
      <c r="B11533" t="s">
        <v>17181</v>
      </c>
      <c r="C11533">
        <v>0</v>
      </c>
      <c r="D11533">
        <v>0</v>
      </c>
    </row>
    <row r="11534" spans="1:4" x14ac:dyDescent="0.25">
      <c r="A11534" t="s">
        <v>17180</v>
      </c>
      <c r="B11534" t="s">
        <v>17182</v>
      </c>
      <c r="C11534">
        <v>1</v>
      </c>
      <c r="D11534">
        <v>0</v>
      </c>
    </row>
    <row r="11535" spans="1:4" x14ac:dyDescent="0.25">
      <c r="A11535" t="s">
        <v>17180</v>
      </c>
      <c r="B11535" t="s">
        <v>17183</v>
      </c>
      <c r="C11535">
        <v>0</v>
      </c>
      <c r="D11535">
        <v>0</v>
      </c>
    </row>
    <row r="11536" spans="1:4" x14ac:dyDescent="0.25">
      <c r="A11536" t="s">
        <v>17184</v>
      </c>
      <c r="B11536" t="s">
        <v>1001</v>
      </c>
      <c r="C11536">
        <v>1</v>
      </c>
      <c r="D11536">
        <v>0</v>
      </c>
    </row>
    <row r="11537" spans="1:4" x14ac:dyDescent="0.25">
      <c r="A11537" t="s">
        <v>17185</v>
      </c>
      <c r="B11537" t="s">
        <v>17186</v>
      </c>
      <c r="C11537">
        <v>0</v>
      </c>
      <c r="D11537">
        <v>0</v>
      </c>
    </row>
    <row r="11538" spans="1:4" x14ac:dyDescent="0.25">
      <c r="A11538" t="s">
        <v>17187</v>
      </c>
      <c r="B11538" t="s">
        <v>17188</v>
      </c>
      <c r="C11538">
        <v>1</v>
      </c>
      <c r="D11538">
        <v>0</v>
      </c>
    </row>
    <row r="11539" spans="1:4" x14ac:dyDescent="0.25">
      <c r="A11539" t="s">
        <v>17187</v>
      </c>
      <c r="B11539" t="s">
        <v>1101</v>
      </c>
      <c r="C11539">
        <v>1</v>
      </c>
      <c r="D11539">
        <v>0</v>
      </c>
    </row>
    <row r="11540" spans="1:4" x14ac:dyDescent="0.25">
      <c r="A11540" t="s">
        <v>17187</v>
      </c>
      <c r="B11540" t="s">
        <v>17189</v>
      </c>
      <c r="C11540">
        <v>1</v>
      </c>
      <c r="D11540">
        <v>0</v>
      </c>
    </row>
    <row r="11541" spans="1:4" x14ac:dyDescent="0.25">
      <c r="A11541" t="s">
        <v>17190</v>
      </c>
      <c r="B11541" t="s">
        <v>17191</v>
      </c>
      <c r="C11541">
        <v>1</v>
      </c>
      <c r="D11541">
        <v>0</v>
      </c>
    </row>
    <row r="11542" spans="1:4" x14ac:dyDescent="0.25">
      <c r="A11542" t="s">
        <v>17192</v>
      </c>
      <c r="B11542" t="s">
        <v>17193</v>
      </c>
      <c r="C11542">
        <v>2</v>
      </c>
      <c r="D11542">
        <v>0</v>
      </c>
    </row>
    <row r="11543" spans="1:4" x14ac:dyDescent="0.25">
      <c r="A11543" t="s">
        <v>17194</v>
      </c>
      <c r="B11543" t="s">
        <v>17195</v>
      </c>
      <c r="C11543">
        <v>2</v>
      </c>
      <c r="D11543">
        <v>0</v>
      </c>
    </row>
    <row r="11544" spans="1:4" x14ac:dyDescent="0.25">
      <c r="A11544" t="s">
        <v>17196</v>
      </c>
      <c r="B11544" t="s">
        <v>17197</v>
      </c>
      <c r="C11544">
        <v>0</v>
      </c>
      <c r="D11544">
        <v>0</v>
      </c>
    </row>
    <row r="11545" spans="1:4" x14ac:dyDescent="0.25">
      <c r="A11545" t="s">
        <v>17196</v>
      </c>
      <c r="B11545" t="s">
        <v>17198</v>
      </c>
      <c r="C11545">
        <v>1</v>
      </c>
      <c r="D11545">
        <v>0</v>
      </c>
    </row>
    <row r="11546" spans="1:4" x14ac:dyDescent="0.25">
      <c r="A11546" t="s">
        <v>17199</v>
      </c>
      <c r="B11546" t="s">
        <v>17200</v>
      </c>
      <c r="C11546">
        <v>0</v>
      </c>
      <c r="D11546">
        <v>0</v>
      </c>
    </row>
    <row r="11547" spans="1:4" x14ac:dyDescent="0.25">
      <c r="A11547" t="s">
        <v>17199</v>
      </c>
      <c r="B11547" t="s">
        <v>17201</v>
      </c>
      <c r="C11547">
        <v>1</v>
      </c>
      <c r="D11547">
        <v>0</v>
      </c>
    </row>
    <row r="11548" spans="1:4" x14ac:dyDescent="0.25">
      <c r="A11548" t="s">
        <v>17202</v>
      </c>
      <c r="B11548" t="s">
        <v>17203</v>
      </c>
      <c r="C11548">
        <v>1</v>
      </c>
      <c r="D11548">
        <v>0</v>
      </c>
    </row>
    <row r="11549" spans="1:4" x14ac:dyDescent="0.25">
      <c r="A11549" t="s">
        <v>17202</v>
      </c>
      <c r="B11549" t="s">
        <v>17204</v>
      </c>
      <c r="C11549">
        <v>2</v>
      </c>
      <c r="D11549">
        <v>0</v>
      </c>
    </row>
    <row r="11550" spans="1:4" x14ac:dyDescent="0.25">
      <c r="A11550" t="s">
        <v>17202</v>
      </c>
      <c r="B11550" t="s">
        <v>17205</v>
      </c>
      <c r="C11550">
        <v>0</v>
      </c>
      <c r="D11550">
        <v>0</v>
      </c>
    </row>
    <row r="11551" spans="1:4" x14ac:dyDescent="0.25">
      <c r="A11551" t="s">
        <v>17206</v>
      </c>
      <c r="B11551" t="s">
        <v>1097</v>
      </c>
      <c r="C11551">
        <v>1</v>
      </c>
      <c r="D11551">
        <v>0</v>
      </c>
    </row>
    <row r="11552" spans="1:4" x14ac:dyDescent="0.25">
      <c r="A11552" t="s">
        <v>17206</v>
      </c>
      <c r="B11552" t="s">
        <v>17207</v>
      </c>
      <c r="C11552">
        <v>1</v>
      </c>
      <c r="D11552">
        <v>0</v>
      </c>
    </row>
    <row r="11553" spans="1:4" x14ac:dyDescent="0.25">
      <c r="A11553" t="s">
        <v>17208</v>
      </c>
      <c r="B11553" t="s">
        <v>17209</v>
      </c>
      <c r="C11553">
        <v>0</v>
      </c>
      <c r="D11553">
        <v>0</v>
      </c>
    </row>
    <row r="11554" spans="1:4" x14ac:dyDescent="0.25">
      <c r="A11554" t="s">
        <v>17208</v>
      </c>
      <c r="B11554" t="s">
        <v>17210</v>
      </c>
      <c r="C11554">
        <v>0</v>
      </c>
      <c r="D11554">
        <v>0</v>
      </c>
    </row>
    <row r="11555" spans="1:4" x14ac:dyDescent="0.25">
      <c r="A11555" t="s">
        <v>17211</v>
      </c>
      <c r="B11555" t="s">
        <v>1938</v>
      </c>
      <c r="C11555">
        <v>0</v>
      </c>
      <c r="D11555">
        <v>0</v>
      </c>
    </row>
    <row r="11556" spans="1:4" x14ac:dyDescent="0.25">
      <c r="A11556" t="s">
        <v>17212</v>
      </c>
      <c r="B11556" t="s">
        <v>17213</v>
      </c>
      <c r="C11556">
        <v>1</v>
      </c>
      <c r="D11556">
        <v>0</v>
      </c>
    </row>
    <row r="11557" spans="1:4" x14ac:dyDescent="0.25">
      <c r="A11557" t="s">
        <v>17212</v>
      </c>
      <c r="B11557" t="s">
        <v>17214</v>
      </c>
      <c r="C11557">
        <v>1</v>
      </c>
      <c r="D11557">
        <v>0</v>
      </c>
    </row>
    <row r="11558" spans="1:4" x14ac:dyDescent="0.25">
      <c r="A11558" t="s">
        <v>17215</v>
      </c>
      <c r="B11558" t="s">
        <v>2061</v>
      </c>
      <c r="C11558">
        <v>0</v>
      </c>
      <c r="D11558">
        <v>0</v>
      </c>
    </row>
    <row r="11559" spans="1:4" x14ac:dyDescent="0.25">
      <c r="A11559" t="s">
        <v>17216</v>
      </c>
      <c r="B11559" t="s">
        <v>17217</v>
      </c>
      <c r="C11559">
        <v>0</v>
      </c>
      <c r="D11559">
        <v>0</v>
      </c>
    </row>
    <row r="11560" spans="1:4" x14ac:dyDescent="0.25">
      <c r="A11560" t="s">
        <v>17218</v>
      </c>
      <c r="B11560" t="s">
        <v>17219</v>
      </c>
      <c r="C11560">
        <v>1</v>
      </c>
      <c r="D11560">
        <v>0</v>
      </c>
    </row>
    <row r="11561" spans="1:4" x14ac:dyDescent="0.25">
      <c r="A11561" t="s">
        <v>17218</v>
      </c>
      <c r="B11561" t="s">
        <v>17220</v>
      </c>
      <c r="C11561">
        <v>1</v>
      </c>
      <c r="D11561">
        <v>0</v>
      </c>
    </row>
    <row r="11562" spans="1:4" x14ac:dyDescent="0.25">
      <c r="A11562" t="s">
        <v>17218</v>
      </c>
      <c r="B11562" t="s">
        <v>17221</v>
      </c>
      <c r="C11562">
        <v>1</v>
      </c>
      <c r="D11562">
        <v>0</v>
      </c>
    </row>
    <row r="11563" spans="1:4" x14ac:dyDescent="0.25">
      <c r="A11563" t="s">
        <v>17222</v>
      </c>
      <c r="B11563" t="s">
        <v>17223</v>
      </c>
      <c r="C11563">
        <v>1</v>
      </c>
      <c r="D11563">
        <v>0</v>
      </c>
    </row>
    <row r="11564" spans="1:4" x14ac:dyDescent="0.25">
      <c r="A11564" t="s">
        <v>17222</v>
      </c>
      <c r="B11564" t="s">
        <v>17224</v>
      </c>
      <c r="C11564">
        <v>2</v>
      </c>
      <c r="D11564">
        <v>0</v>
      </c>
    </row>
    <row r="11565" spans="1:4" x14ac:dyDescent="0.25">
      <c r="A11565" t="s">
        <v>17225</v>
      </c>
      <c r="B11565" t="s">
        <v>17226</v>
      </c>
      <c r="C11565">
        <v>0</v>
      </c>
      <c r="D11565">
        <v>0</v>
      </c>
    </row>
    <row r="11566" spans="1:4" x14ac:dyDescent="0.25">
      <c r="A11566" t="s">
        <v>17227</v>
      </c>
      <c r="B11566" t="s">
        <v>17228</v>
      </c>
      <c r="C11566">
        <v>1</v>
      </c>
      <c r="D11566">
        <v>0</v>
      </c>
    </row>
    <row r="11567" spans="1:4" x14ac:dyDescent="0.25">
      <c r="A11567" t="s">
        <v>17227</v>
      </c>
      <c r="B11567" t="s">
        <v>398</v>
      </c>
      <c r="C11567">
        <v>0</v>
      </c>
      <c r="D11567">
        <v>0</v>
      </c>
    </row>
    <row r="11568" spans="1:4" x14ac:dyDescent="0.25">
      <c r="A11568" t="s">
        <v>17227</v>
      </c>
      <c r="B11568" t="s">
        <v>17229</v>
      </c>
      <c r="C11568">
        <v>0</v>
      </c>
      <c r="D11568">
        <v>0</v>
      </c>
    </row>
    <row r="11569" spans="1:4" x14ac:dyDescent="0.25">
      <c r="A11569" t="s">
        <v>17230</v>
      </c>
      <c r="B11569" t="s">
        <v>17231</v>
      </c>
      <c r="C11569">
        <v>1</v>
      </c>
      <c r="D11569">
        <v>0</v>
      </c>
    </row>
    <row r="11570" spans="1:4" x14ac:dyDescent="0.25">
      <c r="A11570" t="s">
        <v>17230</v>
      </c>
      <c r="B11570" t="s">
        <v>17232</v>
      </c>
      <c r="C11570">
        <v>1</v>
      </c>
      <c r="D11570">
        <v>0</v>
      </c>
    </row>
    <row r="11571" spans="1:4" x14ac:dyDescent="0.25">
      <c r="A11571" t="s">
        <v>17230</v>
      </c>
      <c r="B11571" t="s">
        <v>17233</v>
      </c>
      <c r="C11571">
        <v>1</v>
      </c>
      <c r="D11571">
        <v>0</v>
      </c>
    </row>
    <row r="11572" spans="1:4" x14ac:dyDescent="0.25">
      <c r="A11572" t="s">
        <v>17234</v>
      </c>
      <c r="B11572" t="s">
        <v>17235</v>
      </c>
      <c r="C11572">
        <v>1</v>
      </c>
      <c r="D11572">
        <v>0</v>
      </c>
    </row>
    <row r="11573" spans="1:4" x14ac:dyDescent="0.25">
      <c r="A11573" t="s">
        <v>17236</v>
      </c>
      <c r="B11573" t="s">
        <v>17237</v>
      </c>
      <c r="C11573">
        <v>2</v>
      </c>
      <c r="D11573">
        <v>0</v>
      </c>
    </row>
    <row r="11574" spans="1:4" x14ac:dyDescent="0.25">
      <c r="A11574" t="s">
        <v>17236</v>
      </c>
      <c r="B11574" t="s">
        <v>17238</v>
      </c>
      <c r="C11574">
        <v>1</v>
      </c>
      <c r="D11574">
        <v>0</v>
      </c>
    </row>
    <row r="11575" spans="1:4" x14ac:dyDescent="0.25">
      <c r="A11575" t="s">
        <v>17236</v>
      </c>
      <c r="B11575" t="s">
        <v>17239</v>
      </c>
      <c r="C11575">
        <v>1</v>
      </c>
      <c r="D11575">
        <v>0</v>
      </c>
    </row>
    <row r="11576" spans="1:4" x14ac:dyDescent="0.25">
      <c r="A11576" t="s">
        <v>17240</v>
      </c>
      <c r="B11576" t="s">
        <v>17241</v>
      </c>
      <c r="C11576">
        <v>1</v>
      </c>
      <c r="D11576">
        <v>0</v>
      </c>
    </row>
    <row r="11577" spans="1:4" x14ac:dyDescent="0.25">
      <c r="A11577" t="s">
        <v>17242</v>
      </c>
      <c r="B11577" t="s">
        <v>17243</v>
      </c>
      <c r="C11577">
        <v>1</v>
      </c>
      <c r="D11577">
        <v>0</v>
      </c>
    </row>
    <row r="11578" spans="1:4" x14ac:dyDescent="0.25">
      <c r="A11578" t="s">
        <v>17244</v>
      </c>
      <c r="B11578" t="s">
        <v>17245</v>
      </c>
      <c r="C11578">
        <v>1</v>
      </c>
      <c r="D11578">
        <v>0</v>
      </c>
    </row>
    <row r="11579" spans="1:4" x14ac:dyDescent="0.25">
      <c r="A11579" t="s">
        <v>17246</v>
      </c>
      <c r="B11579" t="s">
        <v>17247</v>
      </c>
      <c r="C11579">
        <v>0</v>
      </c>
      <c r="D11579">
        <v>0</v>
      </c>
    </row>
    <row r="11580" spans="1:4" x14ac:dyDescent="0.25">
      <c r="A11580" t="s">
        <v>17248</v>
      </c>
      <c r="B11580" t="s">
        <v>17249</v>
      </c>
      <c r="C11580">
        <v>2</v>
      </c>
      <c r="D11580">
        <v>0</v>
      </c>
    </row>
    <row r="11581" spans="1:4" x14ac:dyDescent="0.25">
      <c r="A11581" t="s">
        <v>17250</v>
      </c>
      <c r="B11581" t="s">
        <v>17251</v>
      </c>
      <c r="C11581">
        <v>0</v>
      </c>
      <c r="D11581">
        <v>0</v>
      </c>
    </row>
    <row r="11582" spans="1:4" x14ac:dyDescent="0.25">
      <c r="A11582" t="s">
        <v>17250</v>
      </c>
      <c r="B11582" t="s">
        <v>17252</v>
      </c>
      <c r="C11582">
        <v>0</v>
      </c>
      <c r="D11582">
        <v>0</v>
      </c>
    </row>
    <row r="11583" spans="1:4" x14ac:dyDescent="0.25">
      <c r="A11583" t="s">
        <v>17250</v>
      </c>
      <c r="B11583" t="s">
        <v>17253</v>
      </c>
      <c r="C11583">
        <v>0</v>
      </c>
      <c r="D11583">
        <v>0</v>
      </c>
    </row>
    <row r="11584" spans="1:4" x14ac:dyDescent="0.25">
      <c r="A11584" t="s">
        <v>17250</v>
      </c>
      <c r="B11584" t="s">
        <v>17254</v>
      </c>
      <c r="C11584">
        <v>2</v>
      </c>
      <c r="D11584">
        <v>0</v>
      </c>
    </row>
    <row r="11585" spans="1:4" x14ac:dyDescent="0.25">
      <c r="A11585" t="s">
        <v>17255</v>
      </c>
      <c r="B11585" t="s">
        <v>17256</v>
      </c>
      <c r="C11585">
        <v>0</v>
      </c>
      <c r="D11585">
        <v>0</v>
      </c>
    </row>
    <row r="11586" spans="1:4" x14ac:dyDescent="0.25">
      <c r="A11586" t="s">
        <v>17255</v>
      </c>
      <c r="B11586" t="s">
        <v>17257</v>
      </c>
      <c r="C11586">
        <v>2</v>
      </c>
      <c r="D11586">
        <v>0</v>
      </c>
    </row>
    <row r="11587" spans="1:4" x14ac:dyDescent="0.25">
      <c r="A11587" t="s">
        <v>17258</v>
      </c>
      <c r="B11587" t="s">
        <v>17259</v>
      </c>
      <c r="C11587">
        <v>0</v>
      </c>
      <c r="D11587">
        <v>0</v>
      </c>
    </row>
    <row r="11588" spans="1:4" x14ac:dyDescent="0.25">
      <c r="A11588" t="s">
        <v>17260</v>
      </c>
      <c r="B11588" t="s">
        <v>17261</v>
      </c>
      <c r="C11588">
        <v>1</v>
      </c>
      <c r="D11588">
        <v>0</v>
      </c>
    </row>
    <row r="11589" spans="1:4" x14ac:dyDescent="0.25">
      <c r="A11589" t="s">
        <v>17262</v>
      </c>
      <c r="B11589" t="s">
        <v>17263</v>
      </c>
      <c r="C11589">
        <v>1</v>
      </c>
      <c r="D11589">
        <v>0</v>
      </c>
    </row>
    <row r="11590" spans="1:4" x14ac:dyDescent="0.25">
      <c r="A11590" t="s">
        <v>17264</v>
      </c>
      <c r="B11590" t="s">
        <v>17265</v>
      </c>
      <c r="C11590">
        <v>1</v>
      </c>
      <c r="D11590">
        <v>0</v>
      </c>
    </row>
    <row r="11591" spans="1:4" x14ac:dyDescent="0.25">
      <c r="A11591" t="s">
        <v>17266</v>
      </c>
      <c r="B11591" t="s">
        <v>17267</v>
      </c>
      <c r="C11591">
        <v>1</v>
      </c>
      <c r="D11591">
        <v>0</v>
      </c>
    </row>
    <row r="11592" spans="1:4" x14ac:dyDescent="0.25">
      <c r="A11592" t="s">
        <v>17268</v>
      </c>
      <c r="B11592" t="s">
        <v>17269</v>
      </c>
      <c r="C11592">
        <v>1</v>
      </c>
      <c r="D11592">
        <v>0</v>
      </c>
    </row>
    <row r="11593" spans="1:4" x14ac:dyDescent="0.25">
      <c r="A11593" t="s">
        <v>17268</v>
      </c>
      <c r="B11593" t="s">
        <v>17270</v>
      </c>
      <c r="C11593">
        <v>1</v>
      </c>
      <c r="D11593">
        <v>0</v>
      </c>
    </row>
    <row r="11594" spans="1:4" x14ac:dyDescent="0.25">
      <c r="A11594" t="s">
        <v>17271</v>
      </c>
      <c r="B11594" t="s">
        <v>17272</v>
      </c>
      <c r="C11594">
        <v>2</v>
      </c>
      <c r="D11594">
        <v>0</v>
      </c>
    </row>
    <row r="11595" spans="1:4" x14ac:dyDescent="0.25">
      <c r="A11595" t="s">
        <v>17273</v>
      </c>
      <c r="B11595" t="s">
        <v>17274</v>
      </c>
      <c r="C11595">
        <v>1</v>
      </c>
      <c r="D11595">
        <v>0</v>
      </c>
    </row>
    <row r="11596" spans="1:4" x14ac:dyDescent="0.25">
      <c r="A11596" t="s">
        <v>17273</v>
      </c>
      <c r="B11596" t="s">
        <v>17275</v>
      </c>
      <c r="C11596">
        <v>0</v>
      </c>
      <c r="D11596">
        <v>0</v>
      </c>
    </row>
    <row r="11597" spans="1:4" x14ac:dyDescent="0.25">
      <c r="A11597" t="s">
        <v>17273</v>
      </c>
      <c r="B11597" t="s">
        <v>17276</v>
      </c>
      <c r="C11597">
        <v>2</v>
      </c>
      <c r="D11597">
        <v>0</v>
      </c>
    </row>
    <row r="11598" spans="1:4" x14ac:dyDescent="0.25">
      <c r="A11598" t="s">
        <v>17273</v>
      </c>
      <c r="B11598" t="s">
        <v>17277</v>
      </c>
      <c r="C11598">
        <v>2</v>
      </c>
      <c r="D11598">
        <v>0</v>
      </c>
    </row>
    <row r="11599" spans="1:4" x14ac:dyDescent="0.25">
      <c r="A11599" t="s">
        <v>17278</v>
      </c>
      <c r="B11599" t="s">
        <v>17279</v>
      </c>
      <c r="C11599">
        <v>1</v>
      </c>
      <c r="D11599">
        <v>0</v>
      </c>
    </row>
    <row r="11600" spans="1:4" x14ac:dyDescent="0.25">
      <c r="A11600" t="s">
        <v>17280</v>
      </c>
      <c r="B11600" t="s">
        <v>17281</v>
      </c>
      <c r="C11600">
        <v>1</v>
      </c>
      <c r="D11600">
        <v>0</v>
      </c>
    </row>
    <row r="11601" spans="1:4" x14ac:dyDescent="0.25">
      <c r="A11601" t="s">
        <v>17282</v>
      </c>
      <c r="B11601" t="s">
        <v>17283</v>
      </c>
      <c r="C11601">
        <v>2</v>
      </c>
      <c r="D11601">
        <v>0</v>
      </c>
    </row>
    <row r="11602" spans="1:4" x14ac:dyDescent="0.25">
      <c r="A11602" t="s">
        <v>17284</v>
      </c>
      <c r="B11602" t="s">
        <v>17285</v>
      </c>
      <c r="C11602">
        <v>1</v>
      </c>
      <c r="D11602">
        <v>0</v>
      </c>
    </row>
    <row r="11603" spans="1:4" x14ac:dyDescent="0.25">
      <c r="A11603" t="s">
        <v>17286</v>
      </c>
      <c r="B11603" t="s">
        <v>17287</v>
      </c>
      <c r="C11603">
        <v>0</v>
      </c>
      <c r="D11603">
        <v>0</v>
      </c>
    </row>
    <row r="11604" spans="1:4" x14ac:dyDescent="0.25">
      <c r="A11604" t="s">
        <v>17288</v>
      </c>
      <c r="B11604" t="s">
        <v>17289</v>
      </c>
      <c r="C11604">
        <v>1</v>
      </c>
      <c r="D11604">
        <v>0</v>
      </c>
    </row>
    <row r="11605" spans="1:4" x14ac:dyDescent="0.25">
      <c r="A11605" t="s">
        <v>17290</v>
      </c>
      <c r="B11605" t="s">
        <v>17291</v>
      </c>
      <c r="C11605">
        <v>0</v>
      </c>
      <c r="D11605">
        <v>0</v>
      </c>
    </row>
    <row r="11606" spans="1:4" x14ac:dyDescent="0.25">
      <c r="A11606" t="s">
        <v>17292</v>
      </c>
      <c r="B11606" t="s">
        <v>17293</v>
      </c>
      <c r="C11606">
        <v>2</v>
      </c>
      <c r="D11606">
        <v>0</v>
      </c>
    </row>
    <row r="11607" spans="1:4" x14ac:dyDescent="0.25">
      <c r="A11607" t="s">
        <v>17294</v>
      </c>
      <c r="B11607" t="s">
        <v>17295</v>
      </c>
      <c r="C11607">
        <v>1</v>
      </c>
      <c r="D11607">
        <v>0</v>
      </c>
    </row>
    <row r="11608" spans="1:4" x14ac:dyDescent="0.25">
      <c r="A11608" t="s">
        <v>17296</v>
      </c>
      <c r="B11608" t="s">
        <v>17297</v>
      </c>
      <c r="C11608">
        <v>2</v>
      </c>
      <c r="D11608">
        <v>0</v>
      </c>
    </row>
    <row r="11609" spans="1:4" x14ac:dyDescent="0.25">
      <c r="A11609" t="s">
        <v>17298</v>
      </c>
      <c r="B11609" t="s">
        <v>17299</v>
      </c>
      <c r="C11609">
        <v>1</v>
      </c>
      <c r="D11609">
        <v>0</v>
      </c>
    </row>
    <row r="11610" spans="1:4" x14ac:dyDescent="0.25">
      <c r="A11610" t="s">
        <v>17300</v>
      </c>
      <c r="B11610" t="s">
        <v>17301</v>
      </c>
      <c r="C11610">
        <v>1</v>
      </c>
      <c r="D11610">
        <v>0</v>
      </c>
    </row>
    <row r="11611" spans="1:4" x14ac:dyDescent="0.25">
      <c r="A11611" t="s">
        <v>17300</v>
      </c>
      <c r="B11611" t="s">
        <v>17302</v>
      </c>
      <c r="C11611">
        <v>0</v>
      </c>
      <c r="D11611">
        <v>0</v>
      </c>
    </row>
    <row r="11612" spans="1:4" x14ac:dyDescent="0.25">
      <c r="A11612" t="s">
        <v>17300</v>
      </c>
      <c r="B11612" t="s">
        <v>17302</v>
      </c>
      <c r="C11612">
        <v>2</v>
      </c>
      <c r="D11612">
        <v>0</v>
      </c>
    </row>
    <row r="11613" spans="1:4" x14ac:dyDescent="0.25">
      <c r="A11613" t="s">
        <v>17303</v>
      </c>
      <c r="B11613" t="s">
        <v>17304</v>
      </c>
      <c r="C11613">
        <v>1</v>
      </c>
      <c r="D11613">
        <v>0</v>
      </c>
    </row>
    <row r="11614" spans="1:4" x14ac:dyDescent="0.25">
      <c r="A11614" t="s">
        <v>17303</v>
      </c>
      <c r="B11614" t="s">
        <v>17305</v>
      </c>
      <c r="C11614">
        <v>0</v>
      </c>
      <c r="D11614">
        <v>0</v>
      </c>
    </row>
    <row r="11615" spans="1:4" x14ac:dyDescent="0.25">
      <c r="A11615" t="s">
        <v>17306</v>
      </c>
      <c r="B11615" t="s">
        <v>17307</v>
      </c>
      <c r="C11615">
        <v>1</v>
      </c>
      <c r="D11615">
        <v>0</v>
      </c>
    </row>
    <row r="11616" spans="1:4" x14ac:dyDescent="0.25">
      <c r="A11616" t="s">
        <v>17308</v>
      </c>
      <c r="B11616" t="s">
        <v>17309</v>
      </c>
      <c r="C11616">
        <v>1</v>
      </c>
      <c r="D11616">
        <v>0</v>
      </c>
    </row>
    <row r="11617" spans="1:4" x14ac:dyDescent="0.25">
      <c r="A11617" t="s">
        <v>17310</v>
      </c>
      <c r="B11617" t="s">
        <v>17311</v>
      </c>
      <c r="C11617">
        <v>1</v>
      </c>
      <c r="D11617">
        <v>0</v>
      </c>
    </row>
    <row r="11618" spans="1:4" x14ac:dyDescent="0.25">
      <c r="A11618" t="s">
        <v>17312</v>
      </c>
      <c r="B11618" t="s">
        <v>17313</v>
      </c>
      <c r="C11618">
        <v>1</v>
      </c>
      <c r="D11618">
        <v>0</v>
      </c>
    </row>
    <row r="11619" spans="1:4" x14ac:dyDescent="0.25">
      <c r="A11619" t="s">
        <v>17312</v>
      </c>
      <c r="B11619" t="s">
        <v>17314</v>
      </c>
      <c r="C11619">
        <v>0</v>
      </c>
      <c r="D11619">
        <v>0</v>
      </c>
    </row>
    <row r="11620" spans="1:4" x14ac:dyDescent="0.25">
      <c r="A11620" t="s">
        <v>17315</v>
      </c>
      <c r="B11620" t="s">
        <v>17316</v>
      </c>
      <c r="C11620">
        <v>1</v>
      </c>
      <c r="D11620">
        <v>0</v>
      </c>
    </row>
    <row r="11621" spans="1:4" x14ac:dyDescent="0.25">
      <c r="A11621" t="s">
        <v>17317</v>
      </c>
      <c r="B11621" t="s">
        <v>17318</v>
      </c>
      <c r="C11621">
        <v>2</v>
      </c>
      <c r="D11621">
        <v>0</v>
      </c>
    </row>
    <row r="11622" spans="1:4" x14ac:dyDescent="0.25">
      <c r="A11622" t="s">
        <v>17319</v>
      </c>
      <c r="B11622" t="s">
        <v>17320</v>
      </c>
      <c r="C11622">
        <v>1</v>
      </c>
      <c r="D11622">
        <v>0</v>
      </c>
    </row>
    <row r="11623" spans="1:4" x14ac:dyDescent="0.25">
      <c r="A11623" t="s">
        <v>17321</v>
      </c>
      <c r="B11623" t="s">
        <v>17322</v>
      </c>
      <c r="C11623">
        <v>1</v>
      </c>
      <c r="D11623">
        <v>0</v>
      </c>
    </row>
    <row r="11624" spans="1:4" x14ac:dyDescent="0.25">
      <c r="A11624" t="s">
        <v>17323</v>
      </c>
      <c r="B11624" t="s">
        <v>17324</v>
      </c>
      <c r="C11624">
        <v>1</v>
      </c>
      <c r="D11624">
        <v>0</v>
      </c>
    </row>
    <row r="11625" spans="1:4" x14ac:dyDescent="0.25">
      <c r="A11625" t="s">
        <v>17325</v>
      </c>
      <c r="B11625" t="s">
        <v>17326</v>
      </c>
      <c r="C11625">
        <v>1</v>
      </c>
      <c r="D11625">
        <v>0</v>
      </c>
    </row>
    <row r="11626" spans="1:4" x14ac:dyDescent="0.25">
      <c r="A11626" t="s">
        <v>17327</v>
      </c>
      <c r="B11626" t="s">
        <v>17328</v>
      </c>
      <c r="C11626">
        <v>0</v>
      </c>
      <c r="D11626">
        <v>0</v>
      </c>
    </row>
    <row r="11627" spans="1:4" x14ac:dyDescent="0.25">
      <c r="A11627" t="s">
        <v>17329</v>
      </c>
      <c r="B11627" t="s">
        <v>17330</v>
      </c>
      <c r="C11627">
        <v>1</v>
      </c>
      <c r="D11627">
        <v>0</v>
      </c>
    </row>
    <row r="11628" spans="1:4" x14ac:dyDescent="0.25">
      <c r="A11628" t="s">
        <v>17331</v>
      </c>
      <c r="B11628" t="s">
        <v>17332</v>
      </c>
      <c r="C11628">
        <v>0</v>
      </c>
      <c r="D11628">
        <v>0</v>
      </c>
    </row>
    <row r="11629" spans="1:4" x14ac:dyDescent="0.25">
      <c r="A11629" t="s">
        <v>17333</v>
      </c>
      <c r="B11629" t="s">
        <v>17334</v>
      </c>
      <c r="C11629">
        <v>0</v>
      </c>
      <c r="D11629">
        <v>0</v>
      </c>
    </row>
    <row r="11630" spans="1:4" x14ac:dyDescent="0.25">
      <c r="A11630" t="s">
        <v>17335</v>
      </c>
      <c r="B11630" t="s">
        <v>17336</v>
      </c>
      <c r="C11630">
        <v>1</v>
      </c>
      <c r="D11630">
        <v>0</v>
      </c>
    </row>
    <row r="11631" spans="1:4" x14ac:dyDescent="0.25">
      <c r="A11631" t="s">
        <v>17337</v>
      </c>
      <c r="B11631" t="s">
        <v>17338</v>
      </c>
      <c r="C11631">
        <v>0</v>
      </c>
      <c r="D11631">
        <v>0</v>
      </c>
    </row>
    <row r="11632" spans="1:4" x14ac:dyDescent="0.25">
      <c r="A11632" t="s">
        <v>17337</v>
      </c>
      <c r="B11632" t="s">
        <v>17339</v>
      </c>
      <c r="C11632">
        <v>2</v>
      </c>
      <c r="D11632">
        <v>0</v>
      </c>
    </row>
    <row r="11633" spans="1:4" x14ac:dyDescent="0.25">
      <c r="A11633" t="s">
        <v>17340</v>
      </c>
      <c r="B11633" t="s">
        <v>17341</v>
      </c>
      <c r="C11633">
        <v>1</v>
      </c>
      <c r="D11633">
        <v>0</v>
      </c>
    </row>
    <row r="11634" spans="1:4" x14ac:dyDescent="0.25">
      <c r="A11634" t="s">
        <v>17342</v>
      </c>
      <c r="B11634" t="s">
        <v>17343</v>
      </c>
      <c r="C11634">
        <v>1</v>
      </c>
      <c r="D11634">
        <v>0</v>
      </c>
    </row>
    <row r="11635" spans="1:4" x14ac:dyDescent="0.25">
      <c r="A11635" t="s">
        <v>17344</v>
      </c>
      <c r="B11635" t="s">
        <v>17345</v>
      </c>
      <c r="C11635">
        <v>1</v>
      </c>
      <c r="D11635">
        <v>0</v>
      </c>
    </row>
    <row r="11636" spans="1:4" x14ac:dyDescent="0.25">
      <c r="A11636" t="s">
        <v>17346</v>
      </c>
      <c r="B11636" t="s">
        <v>17347</v>
      </c>
      <c r="C11636">
        <v>1</v>
      </c>
      <c r="D11636">
        <v>0</v>
      </c>
    </row>
    <row r="11637" spans="1:4" x14ac:dyDescent="0.25">
      <c r="A11637" t="s">
        <v>17348</v>
      </c>
      <c r="B11637" t="s">
        <v>17349</v>
      </c>
      <c r="C11637">
        <v>0</v>
      </c>
      <c r="D11637">
        <v>0</v>
      </c>
    </row>
    <row r="11638" spans="1:4" x14ac:dyDescent="0.25">
      <c r="A11638" t="s">
        <v>17350</v>
      </c>
      <c r="B11638" t="s">
        <v>17351</v>
      </c>
      <c r="C11638">
        <v>1</v>
      </c>
      <c r="D11638">
        <v>0</v>
      </c>
    </row>
    <row r="11639" spans="1:4" x14ac:dyDescent="0.25">
      <c r="A11639" t="s">
        <v>17352</v>
      </c>
      <c r="B11639" t="s">
        <v>17353</v>
      </c>
      <c r="C11639">
        <v>2</v>
      </c>
      <c r="D11639">
        <v>0</v>
      </c>
    </row>
    <row r="11640" spans="1:4" x14ac:dyDescent="0.25">
      <c r="A11640" t="s">
        <v>17354</v>
      </c>
      <c r="B11640" t="s">
        <v>17355</v>
      </c>
      <c r="C11640">
        <v>1</v>
      </c>
      <c r="D11640">
        <v>0</v>
      </c>
    </row>
    <row r="11641" spans="1:4" x14ac:dyDescent="0.25">
      <c r="A11641" t="s">
        <v>17354</v>
      </c>
      <c r="B11641" t="s">
        <v>17356</v>
      </c>
      <c r="C11641">
        <v>0</v>
      </c>
      <c r="D11641">
        <v>0</v>
      </c>
    </row>
    <row r="11642" spans="1:4" x14ac:dyDescent="0.25">
      <c r="A11642" t="s">
        <v>17354</v>
      </c>
      <c r="B11642" t="s">
        <v>17357</v>
      </c>
      <c r="C11642">
        <v>2</v>
      </c>
      <c r="D11642">
        <v>0</v>
      </c>
    </row>
    <row r="11643" spans="1:4" x14ac:dyDescent="0.25">
      <c r="A11643" t="s">
        <v>17358</v>
      </c>
      <c r="B11643" t="s">
        <v>17359</v>
      </c>
      <c r="C11643">
        <v>1</v>
      </c>
      <c r="D11643">
        <v>0</v>
      </c>
    </row>
    <row r="11644" spans="1:4" x14ac:dyDescent="0.25">
      <c r="A11644" t="s">
        <v>17360</v>
      </c>
      <c r="B11644" t="s">
        <v>17361</v>
      </c>
      <c r="C11644">
        <v>1</v>
      </c>
      <c r="D11644">
        <v>0</v>
      </c>
    </row>
    <row r="11645" spans="1:4" x14ac:dyDescent="0.25">
      <c r="A11645" t="s">
        <v>17362</v>
      </c>
      <c r="B11645" t="s">
        <v>17363</v>
      </c>
      <c r="C11645">
        <v>1</v>
      </c>
      <c r="D11645">
        <v>0</v>
      </c>
    </row>
    <row r="11646" spans="1:4" x14ac:dyDescent="0.25">
      <c r="A11646" t="s">
        <v>17364</v>
      </c>
      <c r="B11646" t="s">
        <v>17365</v>
      </c>
      <c r="C11646">
        <v>1</v>
      </c>
      <c r="D11646">
        <v>0</v>
      </c>
    </row>
    <row r="11647" spans="1:4" x14ac:dyDescent="0.25">
      <c r="A11647" t="s">
        <v>17366</v>
      </c>
      <c r="B11647" t="s">
        <v>17367</v>
      </c>
      <c r="C11647">
        <v>1</v>
      </c>
      <c r="D11647">
        <v>0</v>
      </c>
    </row>
    <row r="11648" spans="1:4" x14ac:dyDescent="0.25">
      <c r="A11648" t="s">
        <v>17368</v>
      </c>
      <c r="B11648" t="s">
        <v>17369</v>
      </c>
      <c r="C11648">
        <v>1</v>
      </c>
      <c r="D11648">
        <v>0</v>
      </c>
    </row>
    <row r="11649" spans="1:4" x14ac:dyDescent="0.25">
      <c r="A11649" t="s">
        <v>17368</v>
      </c>
      <c r="B11649" t="s">
        <v>17370</v>
      </c>
      <c r="C11649">
        <v>0</v>
      </c>
      <c r="D11649">
        <v>0</v>
      </c>
    </row>
    <row r="11650" spans="1:4" x14ac:dyDescent="0.25">
      <c r="A11650" t="s">
        <v>17371</v>
      </c>
      <c r="B11650" t="s">
        <v>17372</v>
      </c>
      <c r="C11650">
        <v>1</v>
      </c>
      <c r="D11650">
        <v>0</v>
      </c>
    </row>
    <row r="11651" spans="1:4" x14ac:dyDescent="0.25">
      <c r="A11651" t="s">
        <v>17371</v>
      </c>
      <c r="B11651" t="s">
        <v>17373</v>
      </c>
      <c r="C11651">
        <v>0</v>
      </c>
      <c r="D11651">
        <v>0</v>
      </c>
    </row>
    <row r="11652" spans="1:4" x14ac:dyDescent="0.25">
      <c r="A11652" t="s">
        <v>17374</v>
      </c>
      <c r="B11652" t="s">
        <v>17375</v>
      </c>
      <c r="C11652">
        <v>0</v>
      </c>
      <c r="D11652">
        <v>0</v>
      </c>
    </row>
    <row r="11653" spans="1:4" x14ac:dyDescent="0.25">
      <c r="A11653" t="s">
        <v>17376</v>
      </c>
      <c r="B11653" t="s">
        <v>17377</v>
      </c>
      <c r="C11653">
        <v>0</v>
      </c>
      <c r="D11653">
        <v>0</v>
      </c>
    </row>
    <row r="11654" spans="1:4" x14ac:dyDescent="0.25">
      <c r="A11654" t="s">
        <v>17376</v>
      </c>
      <c r="B11654" t="s">
        <v>17378</v>
      </c>
      <c r="C11654">
        <v>2</v>
      </c>
      <c r="D11654">
        <v>0</v>
      </c>
    </row>
    <row r="11655" spans="1:4" x14ac:dyDescent="0.25">
      <c r="A11655" t="s">
        <v>17376</v>
      </c>
      <c r="B11655" t="s">
        <v>17379</v>
      </c>
      <c r="C11655">
        <v>2</v>
      </c>
      <c r="D11655">
        <v>0</v>
      </c>
    </row>
    <row r="11656" spans="1:4" x14ac:dyDescent="0.25">
      <c r="A11656" t="s">
        <v>17380</v>
      </c>
      <c r="B11656" t="s">
        <v>17381</v>
      </c>
      <c r="C11656">
        <v>1</v>
      </c>
      <c r="D11656">
        <v>0</v>
      </c>
    </row>
    <row r="11657" spans="1:4" x14ac:dyDescent="0.25">
      <c r="A11657" t="s">
        <v>17382</v>
      </c>
      <c r="B11657" t="s">
        <v>17383</v>
      </c>
      <c r="C11657">
        <v>1</v>
      </c>
      <c r="D11657">
        <v>0</v>
      </c>
    </row>
    <row r="11658" spans="1:4" x14ac:dyDescent="0.25">
      <c r="A11658" t="s">
        <v>17384</v>
      </c>
      <c r="B11658" t="s">
        <v>17385</v>
      </c>
      <c r="C11658">
        <v>1</v>
      </c>
      <c r="D11658">
        <v>0</v>
      </c>
    </row>
    <row r="11659" spans="1:4" x14ac:dyDescent="0.25">
      <c r="A11659" t="s">
        <v>17386</v>
      </c>
      <c r="B11659" t="s">
        <v>17387</v>
      </c>
      <c r="C11659">
        <v>1</v>
      </c>
      <c r="D11659">
        <v>0</v>
      </c>
    </row>
    <row r="11660" spans="1:4" x14ac:dyDescent="0.25">
      <c r="A11660" t="s">
        <v>17388</v>
      </c>
      <c r="B11660" t="s">
        <v>17389</v>
      </c>
      <c r="C11660">
        <v>2</v>
      </c>
      <c r="D11660">
        <v>0</v>
      </c>
    </row>
    <row r="11661" spans="1:4" x14ac:dyDescent="0.25">
      <c r="A11661" t="s">
        <v>17390</v>
      </c>
      <c r="B11661" t="s">
        <v>17391</v>
      </c>
      <c r="C11661">
        <v>0</v>
      </c>
      <c r="D11661">
        <v>0</v>
      </c>
    </row>
    <row r="11662" spans="1:4" x14ac:dyDescent="0.25">
      <c r="A11662" t="s">
        <v>17392</v>
      </c>
      <c r="B11662" t="s">
        <v>17393</v>
      </c>
      <c r="C11662">
        <v>1</v>
      </c>
      <c r="D11662">
        <v>0</v>
      </c>
    </row>
    <row r="11663" spans="1:4" x14ac:dyDescent="0.25">
      <c r="A11663" t="s">
        <v>17394</v>
      </c>
      <c r="B11663" t="s">
        <v>17395</v>
      </c>
      <c r="C11663">
        <v>0</v>
      </c>
      <c r="D11663">
        <v>0</v>
      </c>
    </row>
    <row r="11664" spans="1:4" x14ac:dyDescent="0.25">
      <c r="A11664" t="s">
        <v>17396</v>
      </c>
      <c r="B11664" t="s">
        <v>17397</v>
      </c>
      <c r="C11664">
        <v>1</v>
      </c>
      <c r="D11664">
        <v>0</v>
      </c>
    </row>
    <row r="11665" spans="1:4" x14ac:dyDescent="0.25">
      <c r="A11665" t="s">
        <v>17396</v>
      </c>
      <c r="B11665" t="s">
        <v>17398</v>
      </c>
      <c r="C11665">
        <v>0</v>
      </c>
      <c r="D11665">
        <v>0</v>
      </c>
    </row>
    <row r="11666" spans="1:4" x14ac:dyDescent="0.25">
      <c r="A11666" t="s">
        <v>17399</v>
      </c>
      <c r="B11666" t="s">
        <v>17400</v>
      </c>
      <c r="C11666">
        <v>1</v>
      </c>
      <c r="D11666">
        <v>0</v>
      </c>
    </row>
    <row r="11667" spans="1:4" x14ac:dyDescent="0.25">
      <c r="A11667" t="s">
        <v>17401</v>
      </c>
      <c r="B11667" t="s">
        <v>17402</v>
      </c>
      <c r="C11667">
        <v>0</v>
      </c>
      <c r="D11667">
        <v>0</v>
      </c>
    </row>
    <row r="11668" spans="1:4" x14ac:dyDescent="0.25">
      <c r="A11668" t="s">
        <v>17403</v>
      </c>
      <c r="B11668" t="s">
        <v>17404</v>
      </c>
      <c r="C11668">
        <v>1</v>
      </c>
      <c r="D11668">
        <v>0</v>
      </c>
    </row>
    <row r="11669" spans="1:4" x14ac:dyDescent="0.25">
      <c r="A11669" t="s">
        <v>17403</v>
      </c>
      <c r="B11669" t="s">
        <v>17405</v>
      </c>
      <c r="C11669">
        <v>0</v>
      </c>
      <c r="D11669">
        <v>0</v>
      </c>
    </row>
    <row r="11670" spans="1:4" x14ac:dyDescent="0.25">
      <c r="A11670" t="s">
        <v>17406</v>
      </c>
      <c r="B11670" t="s">
        <v>17407</v>
      </c>
      <c r="C11670">
        <v>1</v>
      </c>
      <c r="D11670">
        <v>0</v>
      </c>
    </row>
    <row r="11671" spans="1:4" x14ac:dyDescent="0.25">
      <c r="A11671" t="s">
        <v>17408</v>
      </c>
      <c r="B11671" t="s">
        <v>17409</v>
      </c>
      <c r="C11671">
        <v>2</v>
      </c>
      <c r="D11671">
        <v>0</v>
      </c>
    </row>
    <row r="11672" spans="1:4" x14ac:dyDescent="0.25">
      <c r="A11672" t="s">
        <v>17410</v>
      </c>
      <c r="B11672" t="s">
        <v>17411</v>
      </c>
      <c r="C11672">
        <v>1</v>
      </c>
      <c r="D11672">
        <v>0</v>
      </c>
    </row>
    <row r="11673" spans="1:4" x14ac:dyDescent="0.25">
      <c r="A11673" t="s">
        <v>17410</v>
      </c>
      <c r="B11673" t="s">
        <v>17412</v>
      </c>
      <c r="C11673">
        <v>2</v>
      </c>
      <c r="D11673">
        <v>0</v>
      </c>
    </row>
    <row r="11674" spans="1:4" x14ac:dyDescent="0.25">
      <c r="A11674" t="s">
        <v>17413</v>
      </c>
      <c r="B11674" t="s">
        <v>398</v>
      </c>
      <c r="C11674">
        <v>0</v>
      </c>
      <c r="D11674">
        <v>0</v>
      </c>
    </row>
    <row r="11675" spans="1:4" x14ac:dyDescent="0.25">
      <c r="A11675" t="s">
        <v>17414</v>
      </c>
      <c r="B11675" t="s">
        <v>17415</v>
      </c>
      <c r="C11675">
        <v>1</v>
      </c>
      <c r="D11675">
        <v>0</v>
      </c>
    </row>
    <row r="11676" spans="1:4" x14ac:dyDescent="0.25">
      <c r="A11676" t="s">
        <v>17414</v>
      </c>
      <c r="B11676" t="s">
        <v>17416</v>
      </c>
      <c r="C11676">
        <v>0</v>
      </c>
      <c r="D11676">
        <v>0</v>
      </c>
    </row>
    <row r="11677" spans="1:4" x14ac:dyDescent="0.25">
      <c r="A11677" t="s">
        <v>17417</v>
      </c>
      <c r="B11677" t="s">
        <v>17418</v>
      </c>
      <c r="C11677">
        <v>0</v>
      </c>
      <c r="D11677">
        <v>0</v>
      </c>
    </row>
    <row r="11678" spans="1:4" x14ac:dyDescent="0.25">
      <c r="A11678" t="s">
        <v>17419</v>
      </c>
      <c r="B11678" t="s">
        <v>17420</v>
      </c>
      <c r="C11678">
        <v>1</v>
      </c>
      <c r="D11678">
        <v>0</v>
      </c>
    </row>
    <row r="11679" spans="1:4" x14ac:dyDescent="0.25">
      <c r="A11679" t="s">
        <v>17419</v>
      </c>
      <c r="B11679" t="s">
        <v>17421</v>
      </c>
      <c r="C11679">
        <v>0</v>
      </c>
      <c r="D11679">
        <v>0</v>
      </c>
    </row>
    <row r="11680" spans="1:4" x14ac:dyDescent="0.25">
      <c r="A11680" t="s">
        <v>17422</v>
      </c>
      <c r="B11680" t="s">
        <v>17423</v>
      </c>
      <c r="C11680">
        <v>1</v>
      </c>
      <c r="D11680">
        <v>0</v>
      </c>
    </row>
    <row r="11681" spans="1:4" x14ac:dyDescent="0.25">
      <c r="A11681" t="s">
        <v>17424</v>
      </c>
      <c r="B11681" t="s">
        <v>17425</v>
      </c>
      <c r="C11681">
        <v>1</v>
      </c>
      <c r="D11681">
        <v>0</v>
      </c>
    </row>
    <row r="11682" spans="1:4" x14ac:dyDescent="0.25">
      <c r="A11682" t="s">
        <v>17426</v>
      </c>
      <c r="B11682" t="s">
        <v>17427</v>
      </c>
      <c r="C11682">
        <v>2</v>
      </c>
      <c r="D11682">
        <v>0</v>
      </c>
    </row>
    <row r="11683" spans="1:4" x14ac:dyDescent="0.25">
      <c r="A11683" t="s">
        <v>17428</v>
      </c>
      <c r="B11683" t="s">
        <v>17429</v>
      </c>
      <c r="C11683">
        <v>1</v>
      </c>
      <c r="D11683">
        <v>0</v>
      </c>
    </row>
    <row r="11684" spans="1:4" x14ac:dyDescent="0.25">
      <c r="A11684" t="s">
        <v>17430</v>
      </c>
      <c r="B11684" t="s">
        <v>17431</v>
      </c>
      <c r="C11684">
        <v>1</v>
      </c>
      <c r="D11684">
        <v>0</v>
      </c>
    </row>
    <row r="11685" spans="1:4" x14ac:dyDescent="0.25">
      <c r="A11685" t="s">
        <v>17432</v>
      </c>
      <c r="B11685" t="s">
        <v>17433</v>
      </c>
      <c r="C11685">
        <v>1</v>
      </c>
      <c r="D11685">
        <v>0</v>
      </c>
    </row>
    <row r="11686" spans="1:4" x14ac:dyDescent="0.25">
      <c r="A11686" t="s">
        <v>17434</v>
      </c>
      <c r="B11686" t="s">
        <v>17435</v>
      </c>
      <c r="C11686">
        <v>1</v>
      </c>
      <c r="D11686">
        <v>0</v>
      </c>
    </row>
    <row r="11687" spans="1:4" x14ac:dyDescent="0.25">
      <c r="A11687" t="s">
        <v>17436</v>
      </c>
      <c r="B11687" t="s">
        <v>17437</v>
      </c>
      <c r="C11687">
        <v>1</v>
      </c>
      <c r="D11687">
        <v>0</v>
      </c>
    </row>
    <row r="11688" spans="1:4" x14ac:dyDescent="0.25">
      <c r="A11688" t="s">
        <v>17438</v>
      </c>
      <c r="B11688" t="s">
        <v>17439</v>
      </c>
      <c r="C11688">
        <v>0</v>
      </c>
      <c r="D11688">
        <v>0</v>
      </c>
    </row>
    <row r="11689" spans="1:4" x14ac:dyDescent="0.25">
      <c r="A11689" t="s">
        <v>17438</v>
      </c>
      <c r="B11689" t="s">
        <v>17440</v>
      </c>
      <c r="C11689">
        <v>2</v>
      </c>
      <c r="D11689">
        <v>0</v>
      </c>
    </row>
    <row r="11690" spans="1:4" x14ac:dyDescent="0.25">
      <c r="A11690" t="s">
        <v>17441</v>
      </c>
      <c r="B11690" t="s">
        <v>17442</v>
      </c>
      <c r="C11690">
        <v>0</v>
      </c>
      <c r="D11690">
        <v>0</v>
      </c>
    </row>
    <row r="11691" spans="1:4" x14ac:dyDescent="0.25">
      <c r="A11691" t="s">
        <v>17443</v>
      </c>
      <c r="B11691" t="s">
        <v>11948</v>
      </c>
      <c r="C11691">
        <v>0</v>
      </c>
      <c r="D11691">
        <v>0</v>
      </c>
    </row>
    <row r="11692" spans="1:4" x14ac:dyDescent="0.25">
      <c r="A11692" t="s">
        <v>17444</v>
      </c>
      <c r="B11692" t="s">
        <v>17445</v>
      </c>
      <c r="C11692">
        <v>1</v>
      </c>
      <c r="D11692">
        <v>0</v>
      </c>
    </row>
    <row r="11693" spans="1:4" x14ac:dyDescent="0.25">
      <c r="A11693" t="s">
        <v>17446</v>
      </c>
      <c r="B11693" t="s">
        <v>17447</v>
      </c>
      <c r="C11693">
        <v>2</v>
      </c>
      <c r="D11693">
        <v>0</v>
      </c>
    </row>
    <row r="11694" spans="1:4" x14ac:dyDescent="0.25">
      <c r="A11694" t="s">
        <v>17446</v>
      </c>
      <c r="B11694" t="s">
        <v>17448</v>
      </c>
      <c r="C11694">
        <v>2</v>
      </c>
      <c r="D11694">
        <v>0</v>
      </c>
    </row>
    <row r="11695" spans="1:4" x14ac:dyDescent="0.25">
      <c r="A11695" t="s">
        <v>17449</v>
      </c>
      <c r="B11695" t="s">
        <v>17450</v>
      </c>
      <c r="C11695">
        <v>1</v>
      </c>
      <c r="D11695">
        <v>0</v>
      </c>
    </row>
    <row r="11696" spans="1:4" x14ac:dyDescent="0.25">
      <c r="A11696" t="s">
        <v>17449</v>
      </c>
      <c r="B11696" t="s">
        <v>17451</v>
      </c>
      <c r="C11696">
        <v>2</v>
      </c>
      <c r="D11696">
        <v>0</v>
      </c>
    </row>
    <row r="11697" spans="1:4" x14ac:dyDescent="0.25">
      <c r="A11697" t="s">
        <v>17452</v>
      </c>
      <c r="B11697" t="s">
        <v>5864</v>
      </c>
      <c r="C11697">
        <v>1</v>
      </c>
      <c r="D11697">
        <v>0</v>
      </c>
    </row>
    <row r="11698" spans="1:4" x14ac:dyDescent="0.25">
      <c r="A11698" t="s">
        <v>17453</v>
      </c>
      <c r="B11698" t="s">
        <v>17454</v>
      </c>
      <c r="C11698">
        <v>0</v>
      </c>
      <c r="D11698">
        <v>0</v>
      </c>
    </row>
    <row r="11699" spans="1:4" x14ac:dyDescent="0.25">
      <c r="A11699" t="s">
        <v>17455</v>
      </c>
      <c r="B11699" t="s">
        <v>17456</v>
      </c>
      <c r="C11699">
        <v>1</v>
      </c>
      <c r="D11699">
        <v>0</v>
      </c>
    </row>
    <row r="11700" spans="1:4" x14ac:dyDescent="0.25">
      <c r="A11700" t="s">
        <v>17457</v>
      </c>
      <c r="B11700" t="s">
        <v>17458</v>
      </c>
      <c r="C11700">
        <v>1</v>
      </c>
      <c r="D11700">
        <v>0</v>
      </c>
    </row>
    <row r="11701" spans="1:4" x14ac:dyDescent="0.25">
      <c r="A11701" t="s">
        <v>17459</v>
      </c>
      <c r="B11701" t="s">
        <v>17460</v>
      </c>
      <c r="C11701">
        <v>1</v>
      </c>
      <c r="D11701">
        <v>0</v>
      </c>
    </row>
    <row r="11702" spans="1:4" x14ac:dyDescent="0.25">
      <c r="A11702" t="s">
        <v>17461</v>
      </c>
      <c r="B11702" t="s">
        <v>17462</v>
      </c>
      <c r="C11702">
        <v>0</v>
      </c>
      <c r="D11702">
        <v>0</v>
      </c>
    </row>
    <row r="11703" spans="1:4" x14ac:dyDescent="0.25">
      <c r="A11703" t="s">
        <v>17463</v>
      </c>
      <c r="B11703" t="s">
        <v>17464</v>
      </c>
      <c r="C11703">
        <v>1</v>
      </c>
      <c r="D11703">
        <v>0</v>
      </c>
    </row>
    <row r="11704" spans="1:4" x14ac:dyDescent="0.25">
      <c r="A11704" t="s">
        <v>17465</v>
      </c>
      <c r="B11704" t="s">
        <v>17466</v>
      </c>
      <c r="C11704">
        <v>1</v>
      </c>
      <c r="D11704">
        <v>0</v>
      </c>
    </row>
    <row r="11705" spans="1:4" x14ac:dyDescent="0.25">
      <c r="A11705" t="s">
        <v>17467</v>
      </c>
      <c r="B11705" t="s">
        <v>17468</v>
      </c>
      <c r="C11705">
        <v>1</v>
      </c>
      <c r="D11705">
        <v>0</v>
      </c>
    </row>
    <row r="11706" spans="1:4" x14ac:dyDescent="0.25">
      <c r="A11706" t="s">
        <v>17467</v>
      </c>
      <c r="B11706" t="s">
        <v>17469</v>
      </c>
      <c r="C11706">
        <v>0</v>
      </c>
      <c r="D11706">
        <v>0</v>
      </c>
    </row>
    <row r="11707" spans="1:4" x14ac:dyDescent="0.25">
      <c r="A11707" t="s">
        <v>17470</v>
      </c>
      <c r="B11707" t="s">
        <v>17471</v>
      </c>
      <c r="C11707">
        <v>1</v>
      </c>
      <c r="D11707">
        <v>0</v>
      </c>
    </row>
    <row r="11708" spans="1:4" x14ac:dyDescent="0.25">
      <c r="A11708" t="s">
        <v>17472</v>
      </c>
      <c r="B11708" t="s">
        <v>17473</v>
      </c>
      <c r="C11708">
        <v>2</v>
      </c>
      <c r="D11708">
        <v>0</v>
      </c>
    </row>
    <row r="11709" spans="1:4" x14ac:dyDescent="0.25">
      <c r="A11709" t="s">
        <v>17474</v>
      </c>
      <c r="B11709" t="s">
        <v>17475</v>
      </c>
      <c r="C11709">
        <v>2</v>
      </c>
      <c r="D11709">
        <v>0</v>
      </c>
    </row>
    <row r="11710" spans="1:4" x14ac:dyDescent="0.25">
      <c r="A11710" t="s">
        <v>17476</v>
      </c>
      <c r="B11710" t="s">
        <v>17477</v>
      </c>
      <c r="C11710">
        <v>1</v>
      </c>
      <c r="D11710">
        <v>0</v>
      </c>
    </row>
    <row r="11711" spans="1:4" x14ac:dyDescent="0.25">
      <c r="A11711" t="s">
        <v>17478</v>
      </c>
      <c r="B11711" t="s">
        <v>17479</v>
      </c>
      <c r="C11711">
        <v>0</v>
      </c>
      <c r="D11711">
        <v>0</v>
      </c>
    </row>
    <row r="11712" spans="1:4" x14ac:dyDescent="0.25">
      <c r="A11712" t="s">
        <v>17478</v>
      </c>
      <c r="B11712" t="s">
        <v>17480</v>
      </c>
      <c r="C11712">
        <v>2</v>
      </c>
      <c r="D11712">
        <v>0</v>
      </c>
    </row>
    <row r="11713" spans="1:4" x14ac:dyDescent="0.25">
      <c r="A11713" t="s">
        <v>17481</v>
      </c>
      <c r="B11713" t="s">
        <v>17482</v>
      </c>
      <c r="C11713">
        <v>1</v>
      </c>
      <c r="D11713">
        <v>0</v>
      </c>
    </row>
    <row r="11714" spans="1:4" x14ac:dyDescent="0.25">
      <c r="A11714" t="s">
        <v>17483</v>
      </c>
      <c r="B11714" t="s">
        <v>17484</v>
      </c>
      <c r="C11714">
        <v>1</v>
      </c>
      <c r="D11714">
        <v>0</v>
      </c>
    </row>
    <row r="11715" spans="1:4" x14ac:dyDescent="0.25">
      <c r="A11715" t="s">
        <v>17485</v>
      </c>
      <c r="B11715" t="s">
        <v>17486</v>
      </c>
      <c r="C11715">
        <v>1</v>
      </c>
      <c r="D11715">
        <v>0</v>
      </c>
    </row>
    <row r="11716" spans="1:4" x14ac:dyDescent="0.25">
      <c r="A11716" t="s">
        <v>17487</v>
      </c>
      <c r="B11716" t="s">
        <v>17488</v>
      </c>
      <c r="C11716">
        <v>2</v>
      </c>
      <c r="D11716">
        <v>0</v>
      </c>
    </row>
    <row r="11717" spans="1:4" x14ac:dyDescent="0.25">
      <c r="A11717" t="s">
        <v>17489</v>
      </c>
      <c r="B11717" t="s">
        <v>17490</v>
      </c>
      <c r="C11717">
        <v>1</v>
      </c>
      <c r="D11717">
        <v>0</v>
      </c>
    </row>
    <row r="11718" spans="1:4" x14ac:dyDescent="0.25">
      <c r="A11718" t="s">
        <v>17491</v>
      </c>
      <c r="B11718" t="s">
        <v>17492</v>
      </c>
      <c r="C11718">
        <v>1</v>
      </c>
      <c r="D11718">
        <v>0</v>
      </c>
    </row>
    <row r="11719" spans="1:4" x14ac:dyDescent="0.25">
      <c r="A11719" t="s">
        <v>17493</v>
      </c>
      <c r="B11719" t="s">
        <v>17494</v>
      </c>
      <c r="C11719">
        <v>1</v>
      </c>
      <c r="D11719">
        <v>0</v>
      </c>
    </row>
    <row r="11720" spans="1:4" x14ac:dyDescent="0.25">
      <c r="A11720" t="s">
        <v>17493</v>
      </c>
      <c r="B11720" t="s">
        <v>17495</v>
      </c>
      <c r="C11720">
        <v>2</v>
      </c>
      <c r="D11720">
        <v>0</v>
      </c>
    </row>
    <row r="11721" spans="1:4" x14ac:dyDescent="0.25">
      <c r="A11721" t="s">
        <v>17496</v>
      </c>
      <c r="B11721" t="s">
        <v>17497</v>
      </c>
      <c r="C11721">
        <v>2</v>
      </c>
      <c r="D11721">
        <v>0</v>
      </c>
    </row>
    <row r="11722" spans="1:4" x14ac:dyDescent="0.25">
      <c r="A11722" t="s">
        <v>17498</v>
      </c>
      <c r="B11722" t="s">
        <v>17499</v>
      </c>
      <c r="C11722">
        <v>1</v>
      </c>
      <c r="D11722">
        <v>0</v>
      </c>
    </row>
    <row r="11723" spans="1:4" x14ac:dyDescent="0.25">
      <c r="A11723" t="s">
        <v>17500</v>
      </c>
      <c r="B11723" t="s">
        <v>17501</v>
      </c>
      <c r="C11723">
        <v>1</v>
      </c>
      <c r="D11723">
        <v>0</v>
      </c>
    </row>
    <row r="11724" spans="1:4" x14ac:dyDescent="0.25">
      <c r="A11724" t="s">
        <v>17502</v>
      </c>
      <c r="B11724" t="s">
        <v>17503</v>
      </c>
      <c r="C11724">
        <v>0</v>
      </c>
      <c r="D11724">
        <v>0</v>
      </c>
    </row>
    <row r="11725" spans="1:4" x14ac:dyDescent="0.25">
      <c r="A11725" t="s">
        <v>17504</v>
      </c>
      <c r="B11725" t="s">
        <v>17505</v>
      </c>
      <c r="C11725">
        <v>2</v>
      </c>
      <c r="D11725">
        <v>0</v>
      </c>
    </row>
    <row r="11726" spans="1:4" x14ac:dyDescent="0.25">
      <c r="A11726" t="s">
        <v>17506</v>
      </c>
      <c r="B11726" t="s">
        <v>17507</v>
      </c>
      <c r="C11726">
        <v>1</v>
      </c>
      <c r="D11726">
        <v>0</v>
      </c>
    </row>
    <row r="11727" spans="1:4" x14ac:dyDescent="0.25">
      <c r="A11727" t="s">
        <v>17508</v>
      </c>
      <c r="B11727" t="s">
        <v>17509</v>
      </c>
      <c r="C11727">
        <v>0</v>
      </c>
      <c r="D11727">
        <v>0</v>
      </c>
    </row>
    <row r="11728" spans="1:4" x14ac:dyDescent="0.25">
      <c r="A11728" t="s">
        <v>17510</v>
      </c>
      <c r="B11728" t="s">
        <v>17511</v>
      </c>
      <c r="C11728">
        <v>1</v>
      </c>
      <c r="D11728">
        <v>0</v>
      </c>
    </row>
    <row r="11729" spans="1:4" x14ac:dyDescent="0.25">
      <c r="A11729" t="s">
        <v>17512</v>
      </c>
      <c r="B11729" t="s">
        <v>17513</v>
      </c>
      <c r="C11729">
        <v>1</v>
      </c>
      <c r="D11729">
        <v>0</v>
      </c>
    </row>
    <row r="11730" spans="1:4" x14ac:dyDescent="0.25">
      <c r="A11730" t="s">
        <v>17514</v>
      </c>
      <c r="B11730" t="s">
        <v>17515</v>
      </c>
      <c r="C11730">
        <v>2</v>
      </c>
      <c r="D11730">
        <v>0</v>
      </c>
    </row>
    <row r="11731" spans="1:4" x14ac:dyDescent="0.25">
      <c r="A11731" t="s">
        <v>17516</v>
      </c>
      <c r="B11731" t="s">
        <v>17517</v>
      </c>
      <c r="C11731">
        <v>2</v>
      </c>
      <c r="D11731">
        <v>0</v>
      </c>
    </row>
    <row r="11732" spans="1:4" x14ac:dyDescent="0.25">
      <c r="A11732" t="s">
        <v>17518</v>
      </c>
      <c r="B11732" t="s">
        <v>17519</v>
      </c>
      <c r="C11732">
        <v>2</v>
      </c>
      <c r="D11732">
        <v>0</v>
      </c>
    </row>
    <row r="11733" spans="1:4" x14ac:dyDescent="0.25">
      <c r="A11733" t="s">
        <v>17520</v>
      </c>
      <c r="B11733" t="s">
        <v>17521</v>
      </c>
      <c r="C11733">
        <v>0</v>
      </c>
      <c r="D11733">
        <v>0</v>
      </c>
    </row>
    <row r="11734" spans="1:4" x14ac:dyDescent="0.25">
      <c r="A11734" t="s">
        <v>17522</v>
      </c>
      <c r="B11734" t="s">
        <v>17523</v>
      </c>
      <c r="C11734">
        <v>1</v>
      </c>
      <c r="D11734">
        <v>0</v>
      </c>
    </row>
    <row r="11735" spans="1:4" x14ac:dyDescent="0.25">
      <c r="A11735" t="s">
        <v>17524</v>
      </c>
      <c r="B11735" t="s">
        <v>17525</v>
      </c>
      <c r="C11735">
        <v>1</v>
      </c>
      <c r="D11735">
        <v>0</v>
      </c>
    </row>
    <row r="11736" spans="1:4" x14ac:dyDescent="0.25">
      <c r="A11736" t="s">
        <v>17526</v>
      </c>
      <c r="B11736" t="s">
        <v>17527</v>
      </c>
      <c r="C11736">
        <v>0</v>
      </c>
      <c r="D11736">
        <v>0</v>
      </c>
    </row>
    <row r="11737" spans="1:4" x14ac:dyDescent="0.25">
      <c r="A11737" t="s">
        <v>17528</v>
      </c>
      <c r="B11737" t="s">
        <v>17529</v>
      </c>
      <c r="C11737">
        <v>1</v>
      </c>
      <c r="D11737">
        <v>0</v>
      </c>
    </row>
    <row r="11738" spans="1:4" x14ac:dyDescent="0.25">
      <c r="A11738" t="s">
        <v>17530</v>
      </c>
      <c r="B11738" t="s">
        <v>17531</v>
      </c>
      <c r="C11738">
        <v>2</v>
      </c>
      <c r="D11738">
        <v>0</v>
      </c>
    </row>
    <row r="11739" spans="1:4" x14ac:dyDescent="0.25">
      <c r="A11739" t="s">
        <v>17532</v>
      </c>
      <c r="B11739" t="s">
        <v>17533</v>
      </c>
      <c r="C11739">
        <v>0</v>
      </c>
      <c r="D11739">
        <v>0</v>
      </c>
    </row>
    <row r="11740" spans="1:4" x14ac:dyDescent="0.25">
      <c r="A11740" t="s">
        <v>17534</v>
      </c>
      <c r="B11740" t="s">
        <v>17535</v>
      </c>
      <c r="C11740">
        <v>1</v>
      </c>
      <c r="D11740">
        <v>0</v>
      </c>
    </row>
    <row r="11741" spans="1:4" x14ac:dyDescent="0.25">
      <c r="A11741" t="s">
        <v>17536</v>
      </c>
      <c r="B11741" t="s">
        <v>17479</v>
      </c>
      <c r="C11741">
        <v>0</v>
      </c>
      <c r="D11741">
        <v>0</v>
      </c>
    </row>
    <row r="11742" spans="1:4" x14ac:dyDescent="0.25">
      <c r="A11742" t="s">
        <v>17536</v>
      </c>
      <c r="B11742" t="s">
        <v>17537</v>
      </c>
      <c r="C11742">
        <v>2</v>
      </c>
      <c r="D11742">
        <v>0</v>
      </c>
    </row>
    <row r="11743" spans="1:4" x14ac:dyDescent="0.25">
      <c r="A11743" t="s">
        <v>17538</v>
      </c>
      <c r="B11743" t="s">
        <v>17539</v>
      </c>
      <c r="C11743">
        <v>1</v>
      </c>
      <c r="D11743">
        <v>0</v>
      </c>
    </row>
    <row r="11744" spans="1:4" x14ac:dyDescent="0.25">
      <c r="A11744" t="s">
        <v>17538</v>
      </c>
      <c r="B11744" t="s">
        <v>17540</v>
      </c>
      <c r="C11744">
        <v>0</v>
      </c>
      <c r="D11744">
        <v>0</v>
      </c>
    </row>
    <row r="11745" spans="1:4" x14ac:dyDescent="0.25">
      <c r="A11745" t="s">
        <v>17541</v>
      </c>
      <c r="B11745" t="s">
        <v>17542</v>
      </c>
      <c r="C11745">
        <v>1</v>
      </c>
      <c r="D11745">
        <v>0</v>
      </c>
    </row>
    <row r="11746" spans="1:4" x14ac:dyDescent="0.25">
      <c r="A11746" t="s">
        <v>17543</v>
      </c>
      <c r="B11746" t="s">
        <v>17544</v>
      </c>
      <c r="C11746">
        <v>1</v>
      </c>
      <c r="D11746">
        <v>0</v>
      </c>
    </row>
    <row r="11747" spans="1:4" x14ac:dyDescent="0.25">
      <c r="A11747" t="s">
        <v>17545</v>
      </c>
      <c r="B11747" t="s">
        <v>17546</v>
      </c>
      <c r="C11747">
        <v>0</v>
      </c>
      <c r="D11747">
        <v>0</v>
      </c>
    </row>
    <row r="11748" spans="1:4" x14ac:dyDescent="0.25">
      <c r="A11748" t="s">
        <v>17547</v>
      </c>
      <c r="B11748" t="s">
        <v>17548</v>
      </c>
      <c r="C11748">
        <v>1</v>
      </c>
      <c r="D11748">
        <v>0</v>
      </c>
    </row>
    <row r="11749" spans="1:4" x14ac:dyDescent="0.25">
      <c r="A11749" t="s">
        <v>17549</v>
      </c>
      <c r="B11749" t="s">
        <v>17550</v>
      </c>
      <c r="C11749">
        <v>1</v>
      </c>
      <c r="D11749">
        <v>0</v>
      </c>
    </row>
    <row r="11750" spans="1:4" x14ac:dyDescent="0.25">
      <c r="A11750" t="s">
        <v>17551</v>
      </c>
      <c r="B11750" t="s">
        <v>17552</v>
      </c>
      <c r="C11750">
        <v>0</v>
      </c>
      <c r="D11750">
        <v>0</v>
      </c>
    </row>
    <row r="11751" spans="1:4" x14ac:dyDescent="0.25">
      <c r="A11751" t="s">
        <v>17551</v>
      </c>
      <c r="B11751" t="s">
        <v>17553</v>
      </c>
      <c r="C11751">
        <v>2</v>
      </c>
      <c r="D11751">
        <v>0</v>
      </c>
    </row>
    <row r="11752" spans="1:4" x14ac:dyDescent="0.25">
      <c r="A11752" t="s">
        <v>17554</v>
      </c>
      <c r="B11752" t="s">
        <v>17555</v>
      </c>
      <c r="C11752">
        <v>1</v>
      </c>
      <c r="D11752">
        <v>0</v>
      </c>
    </row>
    <row r="11753" spans="1:4" x14ac:dyDescent="0.25">
      <c r="A11753" t="s">
        <v>17554</v>
      </c>
      <c r="B11753" t="s">
        <v>17556</v>
      </c>
      <c r="C11753">
        <v>1</v>
      </c>
      <c r="D11753">
        <v>0</v>
      </c>
    </row>
    <row r="11754" spans="1:4" x14ac:dyDescent="0.25">
      <c r="A11754" t="s">
        <v>17557</v>
      </c>
      <c r="B11754" t="s">
        <v>17558</v>
      </c>
      <c r="C11754">
        <v>0</v>
      </c>
      <c r="D11754">
        <v>0</v>
      </c>
    </row>
    <row r="11755" spans="1:4" x14ac:dyDescent="0.25">
      <c r="A11755" t="s">
        <v>17559</v>
      </c>
      <c r="B11755" t="s">
        <v>17560</v>
      </c>
      <c r="C11755">
        <v>0</v>
      </c>
      <c r="D11755">
        <v>0</v>
      </c>
    </row>
    <row r="11756" spans="1:4" x14ac:dyDescent="0.25">
      <c r="A11756" t="s">
        <v>17561</v>
      </c>
      <c r="B11756" t="s">
        <v>17562</v>
      </c>
      <c r="C11756">
        <v>1</v>
      </c>
      <c r="D11756">
        <v>0</v>
      </c>
    </row>
    <row r="11757" spans="1:4" x14ac:dyDescent="0.25">
      <c r="A11757" t="s">
        <v>17561</v>
      </c>
      <c r="B11757" t="s">
        <v>17563</v>
      </c>
      <c r="C11757">
        <v>0</v>
      </c>
      <c r="D11757">
        <v>0</v>
      </c>
    </row>
    <row r="11758" spans="1:4" x14ac:dyDescent="0.25">
      <c r="A11758" t="s">
        <v>17561</v>
      </c>
      <c r="B11758" t="s">
        <v>17564</v>
      </c>
      <c r="C11758">
        <v>2</v>
      </c>
      <c r="D11758">
        <v>0</v>
      </c>
    </row>
    <row r="11759" spans="1:4" x14ac:dyDescent="0.25">
      <c r="A11759" t="s">
        <v>17565</v>
      </c>
      <c r="B11759" t="s">
        <v>17566</v>
      </c>
      <c r="C11759">
        <v>0</v>
      </c>
      <c r="D11759">
        <v>0</v>
      </c>
    </row>
    <row r="11760" spans="1:4" x14ac:dyDescent="0.25">
      <c r="A11760" t="s">
        <v>17567</v>
      </c>
      <c r="B11760" t="s">
        <v>17568</v>
      </c>
      <c r="C11760">
        <v>1</v>
      </c>
      <c r="D11760">
        <v>0</v>
      </c>
    </row>
    <row r="11761" spans="1:4" x14ac:dyDescent="0.25">
      <c r="A11761" t="s">
        <v>17567</v>
      </c>
      <c r="B11761" t="s">
        <v>17569</v>
      </c>
      <c r="C11761">
        <v>0</v>
      </c>
      <c r="D11761">
        <v>0</v>
      </c>
    </row>
    <row r="11762" spans="1:4" x14ac:dyDescent="0.25">
      <c r="A11762" t="s">
        <v>17570</v>
      </c>
      <c r="B11762" t="s">
        <v>17571</v>
      </c>
      <c r="C11762">
        <v>0</v>
      </c>
      <c r="D11762">
        <v>0</v>
      </c>
    </row>
    <row r="11763" spans="1:4" x14ac:dyDescent="0.25">
      <c r="A11763" t="s">
        <v>17572</v>
      </c>
      <c r="B11763" t="s">
        <v>17573</v>
      </c>
      <c r="C11763">
        <v>1</v>
      </c>
      <c r="D11763">
        <v>0</v>
      </c>
    </row>
    <row r="11764" spans="1:4" x14ac:dyDescent="0.25">
      <c r="A11764" t="s">
        <v>17574</v>
      </c>
      <c r="B11764" t="s">
        <v>17575</v>
      </c>
      <c r="C11764">
        <v>1</v>
      </c>
      <c r="D11764">
        <v>0</v>
      </c>
    </row>
    <row r="11765" spans="1:4" x14ac:dyDescent="0.25">
      <c r="A11765" t="s">
        <v>17574</v>
      </c>
      <c r="B11765" t="s">
        <v>17576</v>
      </c>
      <c r="C11765">
        <v>2</v>
      </c>
      <c r="D11765">
        <v>0</v>
      </c>
    </row>
    <row r="11766" spans="1:4" x14ac:dyDescent="0.25">
      <c r="A11766" t="s">
        <v>17577</v>
      </c>
      <c r="B11766" t="s">
        <v>17578</v>
      </c>
      <c r="C11766">
        <v>1</v>
      </c>
      <c r="D11766">
        <v>0</v>
      </c>
    </row>
    <row r="11767" spans="1:4" x14ac:dyDescent="0.25">
      <c r="A11767" t="s">
        <v>17579</v>
      </c>
      <c r="B11767" t="s">
        <v>17580</v>
      </c>
      <c r="C11767">
        <v>1</v>
      </c>
      <c r="D11767">
        <v>0</v>
      </c>
    </row>
    <row r="11768" spans="1:4" x14ac:dyDescent="0.25">
      <c r="A11768" t="s">
        <v>17579</v>
      </c>
      <c r="B11768" t="s">
        <v>17581</v>
      </c>
      <c r="C11768">
        <v>2</v>
      </c>
      <c r="D11768">
        <v>0</v>
      </c>
    </row>
    <row r="11769" spans="1:4" x14ac:dyDescent="0.25">
      <c r="A11769" t="s">
        <v>17582</v>
      </c>
      <c r="B11769" t="s">
        <v>17583</v>
      </c>
      <c r="C11769">
        <v>1</v>
      </c>
      <c r="D11769">
        <v>0</v>
      </c>
    </row>
    <row r="11770" spans="1:4" x14ac:dyDescent="0.25">
      <c r="A11770" t="s">
        <v>17584</v>
      </c>
      <c r="B11770" t="s">
        <v>17585</v>
      </c>
      <c r="C11770">
        <v>1</v>
      </c>
      <c r="D11770">
        <v>0</v>
      </c>
    </row>
    <row r="11771" spans="1:4" x14ac:dyDescent="0.25">
      <c r="A11771" t="s">
        <v>17586</v>
      </c>
      <c r="B11771" t="s">
        <v>17587</v>
      </c>
      <c r="C11771">
        <v>1</v>
      </c>
      <c r="D11771">
        <v>0</v>
      </c>
    </row>
    <row r="11772" spans="1:4" x14ac:dyDescent="0.25">
      <c r="A11772" t="s">
        <v>17588</v>
      </c>
      <c r="B11772" t="s">
        <v>17589</v>
      </c>
      <c r="C11772">
        <v>1</v>
      </c>
      <c r="D11772">
        <v>0</v>
      </c>
    </row>
    <row r="11773" spans="1:4" x14ac:dyDescent="0.25">
      <c r="A11773" t="s">
        <v>17590</v>
      </c>
      <c r="B11773" t="s">
        <v>17591</v>
      </c>
      <c r="C11773">
        <v>1</v>
      </c>
      <c r="D11773">
        <v>0</v>
      </c>
    </row>
    <row r="11774" spans="1:4" x14ac:dyDescent="0.25">
      <c r="A11774" t="s">
        <v>17590</v>
      </c>
      <c r="B11774" t="s">
        <v>17592</v>
      </c>
      <c r="C11774">
        <v>0</v>
      </c>
      <c r="D11774">
        <v>0</v>
      </c>
    </row>
    <row r="11775" spans="1:4" x14ac:dyDescent="0.25">
      <c r="A11775" t="s">
        <v>17590</v>
      </c>
      <c r="B11775" t="s">
        <v>17593</v>
      </c>
      <c r="C11775">
        <v>0</v>
      </c>
      <c r="D11775">
        <v>0</v>
      </c>
    </row>
    <row r="11776" spans="1:4" x14ac:dyDescent="0.25">
      <c r="A11776" t="s">
        <v>17594</v>
      </c>
      <c r="B11776" t="s">
        <v>17595</v>
      </c>
      <c r="C11776">
        <v>1</v>
      </c>
      <c r="D11776">
        <v>0</v>
      </c>
    </row>
    <row r="11777" spans="1:4" x14ac:dyDescent="0.25">
      <c r="A11777" t="s">
        <v>17596</v>
      </c>
      <c r="B11777" t="s">
        <v>17597</v>
      </c>
      <c r="C11777">
        <v>0</v>
      </c>
      <c r="D11777">
        <v>0</v>
      </c>
    </row>
    <row r="11778" spans="1:4" x14ac:dyDescent="0.25">
      <c r="A11778" t="s">
        <v>17598</v>
      </c>
      <c r="B11778" t="s">
        <v>17599</v>
      </c>
      <c r="C11778">
        <v>1</v>
      </c>
      <c r="D11778">
        <v>0</v>
      </c>
    </row>
    <row r="11779" spans="1:4" x14ac:dyDescent="0.25">
      <c r="A11779" t="s">
        <v>17600</v>
      </c>
      <c r="B11779" t="s">
        <v>17601</v>
      </c>
      <c r="C11779">
        <v>0</v>
      </c>
      <c r="D11779">
        <v>0</v>
      </c>
    </row>
    <row r="11780" spans="1:4" x14ac:dyDescent="0.25">
      <c r="A11780" t="s">
        <v>17602</v>
      </c>
      <c r="B11780" t="s">
        <v>17603</v>
      </c>
      <c r="C11780">
        <v>2</v>
      </c>
      <c r="D11780">
        <v>0</v>
      </c>
    </row>
    <row r="11781" spans="1:4" x14ac:dyDescent="0.25">
      <c r="A11781" t="s">
        <v>17604</v>
      </c>
      <c r="B11781" t="s">
        <v>17605</v>
      </c>
      <c r="C11781">
        <v>1</v>
      </c>
      <c r="D11781">
        <v>0</v>
      </c>
    </row>
    <row r="11782" spans="1:4" x14ac:dyDescent="0.25">
      <c r="A11782" t="s">
        <v>17606</v>
      </c>
      <c r="B11782" t="s">
        <v>17607</v>
      </c>
      <c r="C11782">
        <v>2</v>
      </c>
      <c r="D11782">
        <v>0</v>
      </c>
    </row>
    <row r="11783" spans="1:4" x14ac:dyDescent="0.25">
      <c r="A11783" t="s">
        <v>17608</v>
      </c>
      <c r="B11783" t="s">
        <v>17609</v>
      </c>
      <c r="C11783">
        <v>0</v>
      </c>
      <c r="D11783">
        <v>0</v>
      </c>
    </row>
    <row r="11784" spans="1:4" x14ac:dyDescent="0.25">
      <c r="A11784" t="s">
        <v>17610</v>
      </c>
      <c r="B11784" t="s">
        <v>17611</v>
      </c>
      <c r="C11784">
        <v>1</v>
      </c>
      <c r="D11784">
        <v>0</v>
      </c>
    </row>
    <row r="11785" spans="1:4" x14ac:dyDescent="0.25">
      <c r="A11785" t="s">
        <v>17612</v>
      </c>
      <c r="B11785" t="s">
        <v>17613</v>
      </c>
      <c r="C11785">
        <v>1</v>
      </c>
      <c r="D11785">
        <v>0</v>
      </c>
    </row>
    <row r="11786" spans="1:4" x14ac:dyDescent="0.25">
      <c r="A11786" t="s">
        <v>17614</v>
      </c>
      <c r="B11786" t="s">
        <v>17615</v>
      </c>
      <c r="C11786">
        <v>1</v>
      </c>
      <c r="D11786">
        <v>0</v>
      </c>
    </row>
    <row r="11787" spans="1:4" x14ac:dyDescent="0.25">
      <c r="A11787" t="s">
        <v>17614</v>
      </c>
      <c r="B11787" t="s">
        <v>17616</v>
      </c>
      <c r="C11787">
        <v>0</v>
      </c>
      <c r="D11787">
        <v>0</v>
      </c>
    </row>
    <row r="11788" spans="1:4" x14ac:dyDescent="0.25">
      <c r="A11788" t="s">
        <v>17617</v>
      </c>
      <c r="B11788" t="s">
        <v>17618</v>
      </c>
      <c r="C11788">
        <v>0</v>
      </c>
      <c r="D11788">
        <v>0</v>
      </c>
    </row>
    <row r="11789" spans="1:4" x14ac:dyDescent="0.25">
      <c r="A11789" t="s">
        <v>17619</v>
      </c>
      <c r="B11789" t="s">
        <v>17620</v>
      </c>
      <c r="C11789">
        <v>2</v>
      </c>
      <c r="D11789">
        <v>0</v>
      </c>
    </row>
    <row r="11790" spans="1:4" x14ac:dyDescent="0.25">
      <c r="A11790" t="s">
        <v>17619</v>
      </c>
      <c r="B11790" t="s">
        <v>17621</v>
      </c>
      <c r="C11790">
        <v>2</v>
      </c>
      <c r="D11790">
        <v>0</v>
      </c>
    </row>
    <row r="11791" spans="1:4" x14ac:dyDescent="0.25">
      <c r="A11791" t="s">
        <v>17622</v>
      </c>
      <c r="B11791" t="s">
        <v>17623</v>
      </c>
      <c r="C11791">
        <v>1</v>
      </c>
      <c r="D11791">
        <v>0</v>
      </c>
    </row>
    <row r="11792" spans="1:4" x14ac:dyDescent="0.25">
      <c r="A11792" t="s">
        <v>17624</v>
      </c>
      <c r="B11792" t="s">
        <v>17625</v>
      </c>
      <c r="C11792">
        <v>1</v>
      </c>
      <c r="D11792">
        <v>0</v>
      </c>
    </row>
    <row r="11793" spans="1:4" x14ac:dyDescent="0.25">
      <c r="A11793" t="s">
        <v>17626</v>
      </c>
      <c r="B11793" t="s">
        <v>2651</v>
      </c>
      <c r="C11793">
        <v>0</v>
      </c>
      <c r="D11793">
        <v>0</v>
      </c>
    </row>
    <row r="11794" spans="1:4" x14ac:dyDescent="0.25">
      <c r="A11794" t="s">
        <v>17627</v>
      </c>
      <c r="B11794" t="s">
        <v>17628</v>
      </c>
      <c r="C11794">
        <v>1</v>
      </c>
      <c r="D11794">
        <v>0</v>
      </c>
    </row>
    <row r="11795" spans="1:4" x14ac:dyDescent="0.25">
      <c r="A11795" t="s">
        <v>17627</v>
      </c>
      <c r="B11795" t="s">
        <v>17629</v>
      </c>
      <c r="C11795">
        <v>0</v>
      </c>
      <c r="D11795">
        <v>0</v>
      </c>
    </row>
    <row r="11796" spans="1:4" x14ac:dyDescent="0.25">
      <c r="A11796" t="s">
        <v>17627</v>
      </c>
      <c r="B11796" t="s">
        <v>17630</v>
      </c>
      <c r="C11796">
        <v>2</v>
      </c>
      <c r="D11796">
        <v>0</v>
      </c>
    </row>
    <row r="11797" spans="1:4" x14ac:dyDescent="0.25">
      <c r="A11797" t="s">
        <v>17631</v>
      </c>
      <c r="B11797" t="s">
        <v>17632</v>
      </c>
      <c r="C11797">
        <v>0</v>
      </c>
      <c r="D11797">
        <v>0</v>
      </c>
    </row>
    <row r="11798" spans="1:4" x14ac:dyDescent="0.25">
      <c r="A11798" t="s">
        <v>17633</v>
      </c>
      <c r="B11798" t="s">
        <v>17634</v>
      </c>
      <c r="C11798">
        <v>1</v>
      </c>
      <c r="D11798">
        <v>0</v>
      </c>
    </row>
    <row r="11799" spans="1:4" x14ac:dyDescent="0.25">
      <c r="A11799" t="s">
        <v>17635</v>
      </c>
      <c r="B11799" t="s">
        <v>17636</v>
      </c>
      <c r="C11799">
        <v>2</v>
      </c>
      <c r="D11799">
        <v>0</v>
      </c>
    </row>
    <row r="11800" spans="1:4" x14ac:dyDescent="0.25">
      <c r="A11800" t="s">
        <v>17637</v>
      </c>
      <c r="B11800" t="s">
        <v>17638</v>
      </c>
      <c r="C11800">
        <v>0</v>
      </c>
      <c r="D11800">
        <v>0</v>
      </c>
    </row>
    <row r="11801" spans="1:4" x14ac:dyDescent="0.25">
      <c r="A11801" t="s">
        <v>17639</v>
      </c>
      <c r="B11801" t="s">
        <v>17640</v>
      </c>
      <c r="C11801">
        <v>0</v>
      </c>
      <c r="D11801">
        <v>0</v>
      </c>
    </row>
    <row r="11802" spans="1:4" x14ac:dyDescent="0.25">
      <c r="A11802" t="s">
        <v>17641</v>
      </c>
      <c r="B11802" t="s">
        <v>17642</v>
      </c>
      <c r="C11802">
        <v>1</v>
      </c>
      <c r="D11802">
        <v>0</v>
      </c>
    </row>
    <row r="11803" spans="1:4" x14ac:dyDescent="0.25">
      <c r="A11803" t="s">
        <v>17643</v>
      </c>
      <c r="B11803" t="s">
        <v>17644</v>
      </c>
      <c r="C11803">
        <v>1</v>
      </c>
      <c r="D11803">
        <v>0</v>
      </c>
    </row>
    <row r="11804" spans="1:4" x14ac:dyDescent="0.25">
      <c r="A11804" t="s">
        <v>17645</v>
      </c>
      <c r="B11804" t="s">
        <v>17646</v>
      </c>
      <c r="C11804">
        <v>0</v>
      </c>
      <c r="D11804">
        <v>0</v>
      </c>
    </row>
    <row r="11805" spans="1:4" x14ac:dyDescent="0.25">
      <c r="A11805" t="s">
        <v>17647</v>
      </c>
      <c r="B11805" t="s">
        <v>17648</v>
      </c>
      <c r="C11805">
        <v>2</v>
      </c>
      <c r="D11805">
        <v>0</v>
      </c>
    </row>
    <row r="11806" spans="1:4" x14ac:dyDescent="0.25">
      <c r="A11806" t="s">
        <v>17649</v>
      </c>
      <c r="B11806" t="s">
        <v>17650</v>
      </c>
      <c r="C11806">
        <v>1</v>
      </c>
      <c r="D11806">
        <v>0</v>
      </c>
    </row>
    <row r="11807" spans="1:4" x14ac:dyDescent="0.25">
      <c r="A11807" t="s">
        <v>17651</v>
      </c>
      <c r="B11807" t="s">
        <v>17652</v>
      </c>
      <c r="C11807">
        <v>1</v>
      </c>
      <c r="D11807">
        <v>0</v>
      </c>
    </row>
    <row r="11808" spans="1:4" x14ac:dyDescent="0.25">
      <c r="A11808" t="s">
        <v>17653</v>
      </c>
      <c r="B11808" t="s">
        <v>17654</v>
      </c>
      <c r="C11808">
        <v>0</v>
      </c>
      <c r="D11808">
        <v>0</v>
      </c>
    </row>
    <row r="11809" spans="1:4" x14ac:dyDescent="0.25">
      <c r="A11809" t="s">
        <v>17655</v>
      </c>
      <c r="B11809" t="s">
        <v>17656</v>
      </c>
      <c r="C11809">
        <v>1</v>
      </c>
      <c r="D11809">
        <v>0</v>
      </c>
    </row>
    <row r="11810" spans="1:4" x14ac:dyDescent="0.25">
      <c r="A11810" t="s">
        <v>17657</v>
      </c>
      <c r="B11810" t="s">
        <v>17658</v>
      </c>
      <c r="C11810">
        <v>1</v>
      </c>
      <c r="D11810">
        <v>0</v>
      </c>
    </row>
    <row r="11811" spans="1:4" x14ac:dyDescent="0.25">
      <c r="A11811" t="s">
        <v>17659</v>
      </c>
      <c r="B11811" t="s">
        <v>17660</v>
      </c>
      <c r="C11811">
        <v>1</v>
      </c>
      <c r="D11811">
        <v>0</v>
      </c>
    </row>
    <row r="11812" spans="1:4" x14ac:dyDescent="0.25">
      <c r="A11812" t="s">
        <v>17661</v>
      </c>
      <c r="B11812" t="s">
        <v>17662</v>
      </c>
      <c r="C11812">
        <v>1</v>
      </c>
      <c r="D11812">
        <v>0</v>
      </c>
    </row>
    <row r="11813" spans="1:4" x14ac:dyDescent="0.25">
      <c r="A11813" t="s">
        <v>17663</v>
      </c>
      <c r="B11813" t="s">
        <v>17664</v>
      </c>
      <c r="C11813">
        <v>1</v>
      </c>
      <c r="D11813">
        <v>0</v>
      </c>
    </row>
    <row r="11814" spans="1:4" x14ac:dyDescent="0.25">
      <c r="A11814" t="s">
        <v>17665</v>
      </c>
      <c r="B11814" t="s">
        <v>17666</v>
      </c>
      <c r="C11814">
        <v>1</v>
      </c>
      <c r="D11814">
        <v>0</v>
      </c>
    </row>
    <row r="11815" spans="1:4" x14ac:dyDescent="0.25">
      <c r="A11815" t="s">
        <v>17665</v>
      </c>
      <c r="B11815" t="s">
        <v>17667</v>
      </c>
      <c r="C11815">
        <v>0</v>
      </c>
      <c r="D11815">
        <v>0</v>
      </c>
    </row>
    <row r="11816" spans="1:4" x14ac:dyDescent="0.25">
      <c r="A11816" t="s">
        <v>17668</v>
      </c>
      <c r="B11816" t="s">
        <v>17669</v>
      </c>
      <c r="C11816">
        <v>1</v>
      </c>
      <c r="D11816">
        <v>0</v>
      </c>
    </row>
    <row r="11817" spans="1:4" x14ac:dyDescent="0.25">
      <c r="A11817" t="s">
        <v>17670</v>
      </c>
      <c r="B11817" t="s">
        <v>17671</v>
      </c>
      <c r="C11817">
        <v>2</v>
      </c>
      <c r="D11817">
        <v>0</v>
      </c>
    </row>
    <row r="11818" spans="1:4" x14ac:dyDescent="0.25">
      <c r="A11818" t="s">
        <v>17672</v>
      </c>
      <c r="B11818" t="s">
        <v>17673</v>
      </c>
      <c r="C11818">
        <v>0</v>
      </c>
      <c r="D11818">
        <v>0</v>
      </c>
    </row>
    <row r="11819" spans="1:4" x14ac:dyDescent="0.25">
      <c r="A11819" t="s">
        <v>17672</v>
      </c>
      <c r="B11819" t="s">
        <v>17674</v>
      </c>
      <c r="C11819">
        <v>2</v>
      </c>
      <c r="D11819">
        <v>0</v>
      </c>
    </row>
    <row r="11820" spans="1:4" x14ac:dyDescent="0.25">
      <c r="A11820" t="s">
        <v>17675</v>
      </c>
      <c r="B11820" t="s">
        <v>17676</v>
      </c>
      <c r="C11820">
        <v>0</v>
      </c>
      <c r="D11820">
        <v>0</v>
      </c>
    </row>
    <row r="11821" spans="1:4" x14ac:dyDescent="0.25">
      <c r="A11821" t="s">
        <v>17677</v>
      </c>
      <c r="B11821" t="s">
        <v>17678</v>
      </c>
      <c r="C11821">
        <v>1</v>
      </c>
      <c r="D11821">
        <v>0</v>
      </c>
    </row>
    <row r="11822" spans="1:4" x14ac:dyDescent="0.25">
      <c r="A11822" t="s">
        <v>17679</v>
      </c>
      <c r="B11822" t="s">
        <v>17680</v>
      </c>
      <c r="C11822">
        <v>2</v>
      </c>
      <c r="D11822">
        <v>0</v>
      </c>
    </row>
    <row r="11823" spans="1:4" x14ac:dyDescent="0.25">
      <c r="A11823" t="s">
        <v>17679</v>
      </c>
      <c r="B11823" t="s">
        <v>17681</v>
      </c>
      <c r="C11823">
        <v>2</v>
      </c>
      <c r="D11823">
        <v>0</v>
      </c>
    </row>
    <row r="11824" spans="1:4" x14ac:dyDescent="0.25">
      <c r="A11824" t="s">
        <v>17682</v>
      </c>
      <c r="B11824" t="s">
        <v>17683</v>
      </c>
      <c r="C11824">
        <v>2</v>
      </c>
      <c r="D11824">
        <v>0</v>
      </c>
    </row>
    <row r="11825" spans="1:4" x14ac:dyDescent="0.25">
      <c r="A11825" t="s">
        <v>17684</v>
      </c>
      <c r="B11825" t="s">
        <v>17685</v>
      </c>
      <c r="C11825">
        <v>0</v>
      </c>
      <c r="D11825">
        <v>0</v>
      </c>
    </row>
    <row r="11826" spans="1:4" x14ac:dyDescent="0.25">
      <c r="A11826" t="s">
        <v>17684</v>
      </c>
      <c r="B11826" t="s">
        <v>17686</v>
      </c>
      <c r="C11826">
        <v>2</v>
      </c>
      <c r="D11826">
        <v>0</v>
      </c>
    </row>
    <row r="11827" spans="1:4" x14ac:dyDescent="0.25">
      <c r="A11827" t="s">
        <v>17687</v>
      </c>
      <c r="B11827" t="s">
        <v>17688</v>
      </c>
      <c r="C11827">
        <v>1</v>
      </c>
      <c r="D11827">
        <v>0</v>
      </c>
    </row>
    <row r="11828" spans="1:4" x14ac:dyDescent="0.25">
      <c r="A11828" t="s">
        <v>17689</v>
      </c>
      <c r="B11828" t="s">
        <v>17690</v>
      </c>
      <c r="C11828">
        <v>1</v>
      </c>
      <c r="D11828">
        <v>0</v>
      </c>
    </row>
    <row r="11829" spans="1:4" x14ac:dyDescent="0.25">
      <c r="A11829" t="s">
        <v>17691</v>
      </c>
      <c r="B11829" t="s">
        <v>17692</v>
      </c>
      <c r="C11829">
        <v>2</v>
      </c>
      <c r="D11829">
        <v>0</v>
      </c>
    </row>
    <row r="11830" spans="1:4" x14ac:dyDescent="0.25">
      <c r="A11830" t="s">
        <v>17691</v>
      </c>
      <c r="B11830" t="s">
        <v>17693</v>
      </c>
      <c r="C11830">
        <v>2</v>
      </c>
      <c r="D11830">
        <v>0</v>
      </c>
    </row>
    <row r="11831" spans="1:4" x14ac:dyDescent="0.25">
      <c r="A11831" t="s">
        <v>17694</v>
      </c>
      <c r="B11831" t="s">
        <v>17695</v>
      </c>
      <c r="C11831">
        <v>1</v>
      </c>
      <c r="D11831">
        <v>0</v>
      </c>
    </row>
    <row r="11832" spans="1:4" x14ac:dyDescent="0.25">
      <c r="A11832" t="s">
        <v>17696</v>
      </c>
      <c r="B11832" t="s">
        <v>17697</v>
      </c>
      <c r="C11832">
        <v>1</v>
      </c>
      <c r="D11832">
        <v>0</v>
      </c>
    </row>
    <row r="11833" spans="1:4" x14ac:dyDescent="0.25">
      <c r="A11833" t="s">
        <v>17696</v>
      </c>
      <c r="B11833" t="s">
        <v>17698</v>
      </c>
      <c r="C11833">
        <v>0</v>
      </c>
      <c r="D11833">
        <v>0</v>
      </c>
    </row>
    <row r="11834" spans="1:4" x14ac:dyDescent="0.25">
      <c r="A11834" t="s">
        <v>17699</v>
      </c>
      <c r="B11834" t="s">
        <v>17700</v>
      </c>
      <c r="C11834">
        <v>1</v>
      </c>
      <c r="D11834">
        <v>0</v>
      </c>
    </row>
    <row r="11835" spans="1:4" x14ac:dyDescent="0.25">
      <c r="A11835" t="s">
        <v>17701</v>
      </c>
      <c r="B11835" t="s">
        <v>17702</v>
      </c>
      <c r="C11835">
        <v>2</v>
      </c>
      <c r="D11835">
        <v>0</v>
      </c>
    </row>
    <row r="11836" spans="1:4" x14ac:dyDescent="0.25">
      <c r="A11836" t="s">
        <v>17703</v>
      </c>
      <c r="B11836" t="s">
        <v>17704</v>
      </c>
      <c r="C11836">
        <v>1</v>
      </c>
      <c r="D11836">
        <v>0</v>
      </c>
    </row>
    <row r="11837" spans="1:4" x14ac:dyDescent="0.25">
      <c r="A11837" t="s">
        <v>17705</v>
      </c>
      <c r="B11837" t="s">
        <v>17706</v>
      </c>
      <c r="C11837">
        <v>1</v>
      </c>
      <c r="D11837">
        <v>0</v>
      </c>
    </row>
    <row r="11838" spans="1:4" x14ac:dyDescent="0.25">
      <c r="A11838" t="s">
        <v>17707</v>
      </c>
      <c r="B11838" t="s">
        <v>17708</v>
      </c>
      <c r="C11838">
        <v>1</v>
      </c>
      <c r="D11838">
        <v>0</v>
      </c>
    </row>
    <row r="11839" spans="1:4" x14ac:dyDescent="0.25">
      <c r="A11839" t="s">
        <v>17707</v>
      </c>
      <c r="B11839" t="s">
        <v>17709</v>
      </c>
      <c r="C11839">
        <v>0</v>
      </c>
      <c r="D11839">
        <v>0</v>
      </c>
    </row>
    <row r="11840" spans="1:4" x14ac:dyDescent="0.25">
      <c r="A11840" t="s">
        <v>17710</v>
      </c>
      <c r="B11840" t="s">
        <v>17711</v>
      </c>
      <c r="C11840">
        <v>1</v>
      </c>
      <c r="D11840">
        <v>0</v>
      </c>
    </row>
    <row r="11841" spans="1:4" x14ac:dyDescent="0.25">
      <c r="A11841" t="s">
        <v>17712</v>
      </c>
      <c r="B11841" t="s">
        <v>17713</v>
      </c>
      <c r="C11841">
        <v>1</v>
      </c>
      <c r="D11841">
        <v>0</v>
      </c>
    </row>
    <row r="11842" spans="1:4" x14ac:dyDescent="0.25">
      <c r="A11842" t="s">
        <v>17712</v>
      </c>
      <c r="B11842" t="s">
        <v>17714</v>
      </c>
      <c r="C11842">
        <v>0</v>
      </c>
      <c r="D11842">
        <v>0</v>
      </c>
    </row>
    <row r="11843" spans="1:4" x14ac:dyDescent="0.25">
      <c r="A11843" t="s">
        <v>17715</v>
      </c>
      <c r="B11843" t="s">
        <v>17716</v>
      </c>
      <c r="C11843">
        <v>1</v>
      </c>
      <c r="D11843">
        <v>0</v>
      </c>
    </row>
    <row r="11844" spans="1:4" x14ac:dyDescent="0.25">
      <c r="A11844" t="s">
        <v>17717</v>
      </c>
      <c r="B11844" t="s">
        <v>17718</v>
      </c>
      <c r="C11844">
        <v>1</v>
      </c>
      <c r="D11844">
        <v>0</v>
      </c>
    </row>
    <row r="11845" spans="1:4" x14ac:dyDescent="0.25">
      <c r="A11845" t="s">
        <v>17719</v>
      </c>
      <c r="B11845" t="s">
        <v>17720</v>
      </c>
      <c r="C11845">
        <v>1</v>
      </c>
      <c r="D11845">
        <v>0</v>
      </c>
    </row>
    <row r="11846" spans="1:4" x14ac:dyDescent="0.25">
      <c r="A11846" t="s">
        <v>17721</v>
      </c>
      <c r="B11846" t="s">
        <v>17722</v>
      </c>
      <c r="C11846">
        <v>0</v>
      </c>
      <c r="D11846">
        <v>0</v>
      </c>
    </row>
    <row r="11847" spans="1:4" x14ac:dyDescent="0.25">
      <c r="A11847" t="s">
        <v>17723</v>
      </c>
      <c r="B11847" t="s">
        <v>17724</v>
      </c>
      <c r="C11847">
        <v>0</v>
      </c>
      <c r="D11847">
        <v>0</v>
      </c>
    </row>
    <row r="11848" spans="1:4" x14ac:dyDescent="0.25">
      <c r="A11848" t="s">
        <v>17725</v>
      </c>
      <c r="B11848" t="s">
        <v>17726</v>
      </c>
      <c r="C11848">
        <v>1</v>
      </c>
      <c r="D11848">
        <v>0</v>
      </c>
    </row>
    <row r="11849" spans="1:4" x14ac:dyDescent="0.25">
      <c r="A11849" t="s">
        <v>17727</v>
      </c>
      <c r="B11849" t="s">
        <v>17728</v>
      </c>
      <c r="C11849">
        <v>1</v>
      </c>
      <c r="D11849">
        <v>0</v>
      </c>
    </row>
    <row r="11850" spans="1:4" x14ac:dyDescent="0.25">
      <c r="A11850" t="s">
        <v>17729</v>
      </c>
      <c r="B11850" t="s">
        <v>17730</v>
      </c>
      <c r="C11850">
        <v>1</v>
      </c>
      <c r="D11850">
        <v>0</v>
      </c>
    </row>
    <row r="11851" spans="1:4" x14ac:dyDescent="0.25">
      <c r="A11851" t="s">
        <v>17731</v>
      </c>
      <c r="B11851" t="s">
        <v>17732</v>
      </c>
      <c r="C11851">
        <v>2</v>
      </c>
      <c r="D11851">
        <v>0</v>
      </c>
    </row>
    <row r="11852" spans="1:4" x14ac:dyDescent="0.25">
      <c r="A11852" t="s">
        <v>17733</v>
      </c>
      <c r="B11852" t="s">
        <v>17734</v>
      </c>
      <c r="C11852">
        <v>1</v>
      </c>
      <c r="D11852">
        <v>0</v>
      </c>
    </row>
    <row r="11853" spans="1:4" x14ac:dyDescent="0.25">
      <c r="A11853" t="s">
        <v>17735</v>
      </c>
      <c r="B11853" t="s">
        <v>17736</v>
      </c>
      <c r="C11853">
        <v>1</v>
      </c>
      <c r="D11853">
        <v>0</v>
      </c>
    </row>
    <row r="11854" spans="1:4" x14ac:dyDescent="0.25">
      <c r="A11854" t="s">
        <v>17735</v>
      </c>
      <c r="B11854" t="s">
        <v>17737</v>
      </c>
      <c r="C11854">
        <v>0</v>
      </c>
      <c r="D11854">
        <v>0</v>
      </c>
    </row>
    <row r="11855" spans="1:4" x14ac:dyDescent="0.25">
      <c r="A11855" t="s">
        <v>17738</v>
      </c>
      <c r="B11855" t="s">
        <v>17739</v>
      </c>
      <c r="C11855">
        <v>1</v>
      </c>
      <c r="D11855">
        <v>0</v>
      </c>
    </row>
    <row r="11856" spans="1:4" x14ac:dyDescent="0.25">
      <c r="A11856" t="s">
        <v>17740</v>
      </c>
      <c r="B11856" t="s">
        <v>17741</v>
      </c>
      <c r="C11856">
        <v>1</v>
      </c>
      <c r="D11856">
        <v>0</v>
      </c>
    </row>
    <row r="11857" spans="1:4" x14ac:dyDescent="0.25">
      <c r="A11857" t="s">
        <v>17742</v>
      </c>
      <c r="B11857" t="s">
        <v>17743</v>
      </c>
      <c r="C11857">
        <v>2</v>
      </c>
      <c r="D11857">
        <v>0</v>
      </c>
    </row>
    <row r="11858" spans="1:4" x14ac:dyDescent="0.25">
      <c r="A11858" t="s">
        <v>17744</v>
      </c>
      <c r="B11858" t="s">
        <v>17745</v>
      </c>
      <c r="C11858">
        <v>2</v>
      </c>
      <c r="D11858">
        <v>0</v>
      </c>
    </row>
    <row r="11859" spans="1:4" x14ac:dyDescent="0.25">
      <c r="A11859" t="s">
        <v>17746</v>
      </c>
      <c r="B11859" t="s">
        <v>17747</v>
      </c>
      <c r="C11859">
        <v>2</v>
      </c>
      <c r="D11859">
        <v>0</v>
      </c>
    </row>
    <row r="11860" spans="1:4" x14ac:dyDescent="0.25">
      <c r="A11860" t="s">
        <v>17748</v>
      </c>
      <c r="B11860" t="s">
        <v>17749</v>
      </c>
      <c r="C11860">
        <v>1</v>
      </c>
      <c r="D11860">
        <v>0</v>
      </c>
    </row>
    <row r="11861" spans="1:4" x14ac:dyDescent="0.25">
      <c r="A11861" t="s">
        <v>17750</v>
      </c>
      <c r="B11861" t="s">
        <v>17751</v>
      </c>
      <c r="C11861">
        <v>1</v>
      </c>
      <c r="D11861">
        <v>0</v>
      </c>
    </row>
    <row r="11862" spans="1:4" x14ac:dyDescent="0.25">
      <c r="A11862" t="s">
        <v>17752</v>
      </c>
      <c r="B11862" t="s">
        <v>17753</v>
      </c>
      <c r="C11862">
        <v>1</v>
      </c>
      <c r="D11862">
        <v>0</v>
      </c>
    </row>
    <row r="11863" spans="1:4" x14ac:dyDescent="0.25">
      <c r="A11863" t="s">
        <v>17754</v>
      </c>
      <c r="B11863" t="s">
        <v>17755</v>
      </c>
      <c r="C11863">
        <v>1</v>
      </c>
      <c r="D11863">
        <v>0</v>
      </c>
    </row>
    <row r="11864" spans="1:4" x14ac:dyDescent="0.25">
      <c r="A11864" t="s">
        <v>17756</v>
      </c>
      <c r="B11864" t="s">
        <v>17757</v>
      </c>
      <c r="C11864">
        <v>1</v>
      </c>
      <c r="D11864">
        <v>0</v>
      </c>
    </row>
    <row r="11865" spans="1:4" x14ac:dyDescent="0.25">
      <c r="A11865" t="s">
        <v>17758</v>
      </c>
      <c r="B11865" t="s">
        <v>17759</v>
      </c>
      <c r="C11865">
        <v>0</v>
      </c>
      <c r="D11865">
        <v>0</v>
      </c>
    </row>
    <row r="11866" spans="1:4" x14ac:dyDescent="0.25">
      <c r="A11866" t="s">
        <v>17760</v>
      </c>
      <c r="B11866" t="s">
        <v>17761</v>
      </c>
      <c r="C11866">
        <v>1</v>
      </c>
      <c r="D11866">
        <v>0</v>
      </c>
    </row>
    <row r="11867" spans="1:4" x14ac:dyDescent="0.25">
      <c r="A11867" t="s">
        <v>17762</v>
      </c>
      <c r="B11867" t="s">
        <v>17763</v>
      </c>
      <c r="C11867">
        <v>1</v>
      </c>
      <c r="D11867">
        <v>0</v>
      </c>
    </row>
    <row r="11868" spans="1:4" x14ac:dyDescent="0.25">
      <c r="A11868" t="s">
        <v>17762</v>
      </c>
      <c r="B11868" t="s">
        <v>17764</v>
      </c>
      <c r="C11868">
        <v>2</v>
      </c>
      <c r="D11868">
        <v>0</v>
      </c>
    </row>
    <row r="11869" spans="1:4" x14ac:dyDescent="0.25">
      <c r="A11869" t="s">
        <v>17762</v>
      </c>
      <c r="B11869" t="s">
        <v>17765</v>
      </c>
      <c r="C11869">
        <v>2</v>
      </c>
      <c r="D11869">
        <v>0</v>
      </c>
    </row>
    <row r="11870" spans="1:4" x14ac:dyDescent="0.25">
      <c r="A11870" t="s">
        <v>17766</v>
      </c>
      <c r="B11870" t="s">
        <v>17767</v>
      </c>
      <c r="C11870">
        <v>0</v>
      </c>
      <c r="D11870">
        <v>0</v>
      </c>
    </row>
    <row r="11871" spans="1:4" x14ac:dyDescent="0.25">
      <c r="A11871" t="s">
        <v>17768</v>
      </c>
      <c r="B11871" t="s">
        <v>17769</v>
      </c>
      <c r="C11871">
        <v>2</v>
      </c>
      <c r="D11871">
        <v>0</v>
      </c>
    </row>
    <row r="11872" spans="1:4" x14ac:dyDescent="0.25">
      <c r="A11872" t="s">
        <v>17770</v>
      </c>
      <c r="B11872" t="s">
        <v>17771</v>
      </c>
      <c r="C11872">
        <v>1</v>
      </c>
      <c r="D11872">
        <v>0</v>
      </c>
    </row>
    <row r="11873" spans="1:4" x14ac:dyDescent="0.25">
      <c r="A11873" t="s">
        <v>17772</v>
      </c>
      <c r="B11873" t="s">
        <v>17773</v>
      </c>
      <c r="C11873">
        <v>1</v>
      </c>
      <c r="D11873">
        <v>0</v>
      </c>
    </row>
    <row r="11874" spans="1:4" x14ac:dyDescent="0.25">
      <c r="A11874" t="s">
        <v>17774</v>
      </c>
      <c r="B11874" t="s">
        <v>17775</v>
      </c>
      <c r="C11874">
        <v>1</v>
      </c>
      <c r="D11874">
        <v>0</v>
      </c>
    </row>
    <row r="11875" spans="1:4" x14ac:dyDescent="0.25">
      <c r="A11875" t="s">
        <v>17776</v>
      </c>
      <c r="B11875" t="s">
        <v>17777</v>
      </c>
      <c r="C11875">
        <v>0</v>
      </c>
      <c r="D11875">
        <v>0</v>
      </c>
    </row>
    <row r="11876" spans="1:4" x14ac:dyDescent="0.25">
      <c r="A11876" t="s">
        <v>17778</v>
      </c>
      <c r="B11876" t="s">
        <v>17779</v>
      </c>
      <c r="C11876">
        <v>0</v>
      </c>
      <c r="D11876">
        <v>0</v>
      </c>
    </row>
    <row r="11877" spans="1:4" x14ac:dyDescent="0.25">
      <c r="A11877" t="s">
        <v>17780</v>
      </c>
      <c r="B11877" t="s">
        <v>17781</v>
      </c>
      <c r="C11877">
        <v>1</v>
      </c>
      <c r="D11877">
        <v>0</v>
      </c>
    </row>
    <row r="11878" spans="1:4" x14ac:dyDescent="0.25">
      <c r="A11878" t="s">
        <v>17782</v>
      </c>
      <c r="B11878" t="s">
        <v>17783</v>
      </c>
      <c r="C11878">
        <v>1</v>
      </c>
      <c r="D11878">
        <v>0</v>
      </c>
    </row>
    <row r="11879" spans="1:4" x14ac:dyDescent="0.25">
      <c r="A11879" t="s">
        <v>17784</v>
      </c>
      <c r="B11879" t="s">
        <v>2061</v>
      </c>
      <c r="C11879">
        <v>0</v>
      </c>
      <c r="D11879">
        <v>0</v>
      </c>
    </row>
    <row r="11880" spans="1:4" x14ac:dyDescent="0.25">
      <c r="A11880" t="s">
        <v>17784</v>
      </c>
      <c r="B11880" t="s">
        <v>17785</v>
      </c>
      <c r="C11880">
        <v>2</v>
      </c>
      <c r="D11880">
        <v>0</v>
      </c>
    </row>
    <row r="11881" spans="1:4" x14ac:dyDescent="0.25">
      <c r="A11881" t="s">
        <v>17786</v>
      </c>
      <c r="B11881" t="s">
        <v>17787</v>
      </c>
      <c r="C11881">
        <v>1</v>
      </c>
      <c r="D11881">
        <v>0</v>
      </c>
    </row>
    <row r="11882" spans="1:4" x14ac:dyDescent="0.25">
      <c r="A11882" t="s">
        <v>17788</v>
      </c>
      <c r="B11882" t="s">
        <v>17789</v>
      </c>
      <c r="C11882">
        <v>1</v>
      </c>
      <c r="D11882">
        <v>0</v>
      </c>
    </row>
    <row r="11883" spans="1:4" x14ac:dyDescent="0.25">
      <c r="A11883" t="s">
        <v>17790</v>
      </c>
      <c r="B11883" t="s">
        <v>17791</v>
      </c>
      <c r="C11883">
        <v>0</v>
      </c>
      <c r="D11883">
        <v>0</v>
      </c>
    </row>
    <row r="11884" spans="1:4" x14ac:dyDescent="0.25">
      <c r="A11884" t="s">
        <v>17792</v>
      </c>
      <c r="B11884" t="s">
        <v>17793</v>
      </c>
      <c r="C11884">
        <v>1</v>
      </c>
      <c r="D11884">
        <v>0</v>
      </c>
    </row>
    <row r="11885" spans="1:4" x14ac:dyDescent="0.25">
      <c r="A11885" t="s">
        <v>17792</v>
      </c>
      <c r="B11885" t="s">
        <v>17794</v>
      </c>
      <c r="C11885">
        <v>0</v>
      </c>
      <c r="D11885">
        <v>0</v>
      </c>
    </row>
    <row r="11886" spans="1:4" x14ac:dyDescent="0.25">
      <c r="A11886" t="s">
        <v>17792</v>
      </c>
      <c r="B11886" t="s">
        <v>17795</v>
      </c>
      <c r="C11886">
        <v>0</v>
      </c>
      <c r="D11886">
        <v>0</v>
      </c>
    </row>
    <row r="11887" spans="1:4" x14ac:dyDescent="0.25">
      <c r="A11887" t="s">
        <v>17796</v>
      </c>
      <c r="B11887" t="s">
        <v>17797</v>
      </c>
      <c r="C11887">
        <v>1</v>
      </c>
      <c r="D11887">
        <v>0</v>
      </c>
    </row>
    <row r="11888" spans="1:4" x14ac:dyDescent="0.25">
      <c r="A11888" t="s">
        <v>17798</v>
      </c>
      <c r="B11888" t="s">
        <v>17799</v>
      </c>
      <c r="C11888">
        <v>2</v>
      </c>
      <c r="D11888">
        <v>0</v>
      </c>
    </row>
    <row r="11889" spans="1:4" x14ac:dyDescent="0.25">
      <c r="A11889" t="s">
        <v>17800</v>
      </c>
      <c r="B11889" t="s">
        <v>17801</v>
      </c>
      <c r="C11889">
        <v>1</v>
      </c>
      <c r="D11889">
        <v>0</v>
      </c>
    </row>
    <row r="11890" spans="1:4" x14ac:dyDescent="0.25">
      <c r="A11890" t="s">
        <v>17802</v>
      </c>
      <c r="B11890" t="s">
        <v>17803</v>
      </c>
      <c r="C11890">
        <v>1</v>
      </c>
      <c r="D11890">
        <v>0</v>
      </c>
    </row>
    <row r="11891" spans="1:4" x14ac:dyDescent="0.25">
      <c r="A11891" t="s">
        <v>17802</v>
      </c>
      <c r="B11891" t="s">
        <v>17804</v>
      </c>
      <c r="C11891">
        <v>2</v>
      </c>
      <c r="D11891">
        <v>0</v>
      </c>
    </row>
    <row r="11892" spans="1:4" x14ac:dyDescent="0.25">
      <c r="A11892" t="s">
        <v>17805</v>
      </c>
      <c r="B11892" t="s">
        <v>17806</v>
      </c>
      <c r="C11892">
        <v>1</v>
      </c>
      <c r="D11892">
        <v>0</v>
      </c>
    </row>
    <row r="11893" spans="1:4" x14ac:dyDescent="0.25">
      <c r="A11893" t="s">
        <v>17805</v>
      </c>
      <c r="B11893" t="s">
        <v>17807</v>
      </c>
      <c r="C11893">
        <v>2</v>
      </c>
      <c r="D11893">
        <v>0</v>
      </c>
    </row>
    <row r="11894" spans="1:4" x14ac:dyDescent="0.25">
      <c r="A11894" t="s">
        <v>17808</v>
      </c>
      <c r="B11894" t="s">
        <v>17809</v>
      </c>
      <c r="C11894">
        <v>0</v>
      </c>
      <c r="D11894">
        <v>0</v>
      </c>
    </row>
    <row r="11895" spans="1:4" x14ac:dyDescent="0.25">
      <c r="A11895" t="s">
        <v>17810</v>
      </c>
      <c r="B11895" t="s">
        <v>17811</v>
      </c>
      <c r="C11895">
        <v>1</v>
      </c>
      <c r="D11895">
        <v>0</v>
      </c>
    </row>
    <row r="11896" spans="1:4" x14ac:dyDescent="0.25">
      <c r="A11896" t="s">
        <v>17812</v>
      </c>
      <c r="B11896" t="s">
        <v>17813</v>
      </c>
      <c r="C11896">
        <v>0</v>
      </c>
      <c r="D11896">
        <v>0</v>
      </c>
    </row>
    <row r="11897" spans="1:4" x14ac:dyDescent="0.25">
      <c r="A11897" t="s">
        <v>17814</v>
      </c>
      <c r="B11897" t="s">
        <v>17815</v>
      </c>
      <c r="C11897">
        <v>1</v>
      </c>
      <c r="D11897">
        <v>0</v>
      </c>
    </row>
    <row r="11898" spans="1:4" x14ac:dyDescent="0.25">
      <c r="A11898" t="s">
        <v>17816</v>
      </c>
      <c r="B11898" t="s">
        <v>17817</v>
      </c>
      <c r="C11898">
        <v>1</v>
      </c>
      <c r="D11898">
        <v>0</v>
      </c>
    </row>
    <row r="11899" spans="1:4" x14ac:dyDescent="0.25">
      <c r="A11899" t="s">
        <v>17818</v>
      </c>
      <c r="B11899" t="s">
        <v>17819</v>
      </c>
      <c r="C11899">
        <v>1</v>
      </c>
      <c r="D11899">
        <v>0</v>
      </c>
    </row>
    <row r="11900" spans="1:4" x14ac:dyDescent="0.25">
      <c r="A11900" t="s">
        <v>17820</v>
      </c>
      <c r="B11900" t="s">
        <v>17821</v>
      </c>
      <c r="C11900">
        <v>1</v>
      </c>
      <c r="D11900">
        <v>0</v>
      </c>
    </row>
    <row r="11901" spans="1:4" x14ac:dyDescent="0.25">
      <c r="A11901" t="s">
        <v>17822</v>
      </c>
      <c r="B11901" t="s">
        <v>17823</v>
      </c>
      <c r="C11901">
        <v>0</v>
      </c>
      <c r="D11901">
        <v>0</v>
      </c>
    </row>
    <row r="11902" spans="1:4" x14ac:dyDescent="0.25">
      <c r="A11902" t="s">
        <v>17822</v>
      </c>
      <c r="B11902" t="s">
        <v>17824</v>
      </c>
      <c r="C11902">
        <v>0</v>
      </c>
      <c r="D11902">
        <v>0</v>
      </c>
    </row>
    <row r="11903" spans="1:4" x14ac:dyDescent="0.25">
      <c r="A11903" t="s">
        <v>17825</v>
      </c>
      <c r="B11903" t="s">
        <v>17826</v>
      </c>
      <c r="C11903">
        <v>1</v>
      </c>
      <c r="D11903">
        <v>0</v>
      </c>
    </row>
    <row r="11904" spans="1:4" x14ac:dyDescent="0.25">
      <c r="A11904" t="s">
        <v>17827</v>
      </c>
      <c r="B11904" t="s">
        <v>17828</v>
      </c>
      <c r="C11904">
        <v>1</v>
      </c>
      <c r="D11904">
        <v>0</v>
      </c>
    </row>
    <row r="11905" spans="1:4" x14ac:dyDescent="0.25">
      <c r="A11905" t="s">
        <v>17829</v>
      </c>
      <c r="B11905" t="s">
        <v>17830</v>
      </c>
      <c r="C11905">
        <v>2</v>
      </c>
      <c r="D11905">
        <v>0</v>
      </c>
    </row>
    <row r="11906" spans="1:4" x14ac:dyDescent="0.25">
      <c r="A11906" t="s">
        <v>17831</v>
      </c>
      <c r="B11906" t="s">
        <v>17832</v>
      </c>
      <c r="C11906">
        <v>1</v>
      </c>
      <c r="D11906">
        <v>0</v>
      </c>
    </row>
    <row r="11907" spans="1:4" x14ac:dyDescent="0.25">
      <c r="A11907" t="s">
        <v>17833</v>
      </c>
      <c r="B11907" t="s">
        <v>17834</v>
      </c>
      <c r="C11907">
        <v>1</v>
      </c>
      <c r="D11907">
        <v>0</v>
      </c>
    </row>
    <row r="11908" spans="1:4" x14ac:dyDescent="0.25">
      <c r="A11908" t="s">
        <v>17835</v>
      </c>
      <c r="B11908" t="s">
        <v>17836</v>
      </c>
      <c r="C11908">
        <v>1</v>
      </c>
      <c r="D11908">
        <v>0</v>
      </c>
    </row>
    <row r="11909" spans="1:4" x14ac:dyDescent="0.25">
      <c r="A11909" t="s">
        <v>17837</v>
      </c>
      <c r="B11909" t="s">
        <v>17838</v>
      </c>
      <c r="C11909">
        <v>1</v>
      </c>
      <c r="D11909">
        <v>0</v>
      </c>
    </row>
    <row r="11910" spans="1:4" x14ac:dyDescent="0.25">
      <c r="A11910" t="s">
        <v>17839</v>
      </c>
      <c r="B11910" t="s">
        <v>17840</v>
      </c>
      <c r="C11910">
        <v>2</v>
      </c>
      <c r="D11910">
        <v>0</v>
      </c>
    </row>
    <row r="11911" spans="1:4" x14ac:dyDescent="0.25">
      <c r="A11911" t="s">
        <v>17841</v>
      </c>
      <c r="B11911" t="s">
        <v>17842</v>
      </c>
      <c r="C11911">
        <v>1</v>
      </c>
      <c r="D11911">
        <v>0</v>
      </c>
    </row>
    <row r="11912" spans="1:4" x14ac:dyDescent="0.25">
      <c r="A11912" t="s">
        <v>17843</v>
      </c>
      <c r="B11912" t="s">
        <v>17844</v>
      </c>
      <c r="C11912">
        <v>2</v>
      </c>
      <c r="D11912">
        <v>0</v>
      </c>
    </row>
    <row r="11913" spans="1:4" x14ac:dyDescent="0.25">
      <c r="A11913" t="s">
        <v>17845</v>
      </c>
      <c r="B11913" t="s">
        <v>17846</v>
      </c>
      <c r="C11913">
        <v>1</v>
      </c>
      <c r="D11913">
        <v>0</v>
      </c>
    </row>
    <row r="11914" spans="1:4" x14ac:dyDescent="0.25">
      <c r="A11914" t="s">
        <v>17847</v>
      </c>
      <c r="B11914" t="s">
        <v>17848</v>
      </c>
      <c r="C11914">
        <v>2</v>
      </c>
      <c r="D11914">
        <v>0</v>
      </c>
    </row>
    <row r="11915" spans="1:4" x14ac:dyDescent="0.25">
      <c r="A11915" t="s">
        <v>17849</v>
      </c>
      <c r="B11915" t="s">
        <v>17850</v>
      </c>
      <c r="C11915">
        <v>1</v>
      </c>
      <c r="D11915">
        <v>0</v>
      </c>
    </row>
    <row r="11916" spans="1:4" x14ac:dyDescent="0.25">
      <c r="A11916" t="s">
        <v>17851</v>
      </c>
      <c r="B11916" t="s">
        <v>17852</v>
      </c>
      <c r="C11916">
        <v>1</v>
      </c>
      <c r="D11916">
        <v>0</v>
      </c>
    </row>
    <row r="11917" spans="1:4" x14ac:dyDescent="0.25">
      <c r="A11917" t="s">
        <v>17853</v>
      </c>
      <c r="B11917" t="s">
        <v>17854</v>
      </c>
      <c r="C11917">
        <v>0</v>
      </c>
      <c r="D11917">
        <v>0</v>
      </c>
    </row>
    <row r="11918" spans="1:4" x14ac:dyDescent="0.25">
      <c r="A11918" t="s">
        <v>17855</v>
      </c>
      <c r="B11918" t="s">
        <v>11948</v>
      </c>
      <c r="C11918">
        <v>0</v>
      </c>
      <c r="D11918">
        <v>0</v>
      </c>
    </row>
    <row r="11919" spans="1:4" x14ac:dyDescent="0.25">
      <c r="A11919" t="s">
        <v>17856</v>
      </c>
      <c r="B11919" t="s">
        <v>17857</v>
      </c>
      <c r="C11919">
        <v>1</v>
      </c>
      <c r="D11919">
        <v>0</v>
      </c>
    </row>
    <row r="11920" spans="1:4" x14ac:dyDescent="0.25">
      <c r="A11920" t="s">
        <v>17858</v>
      </c>
      <c r="B11920" t="s">
        <v>17859</v>
      </c>
      <c r="C11920">
        <v>1</v>
      </c>
      <c r="D11920">
        <v>0</v>
      </c>
    </row>
    <row r="11921" spans="1:4" x14ac:dyDescent="0.25">
      <c r="A11921" t="s">
        <v>17860</v>
      </c>
      <c r="B11921" t="s">
        <v>17861</v>
      </c>
      <c r="C11921">
        <v>1</v>
      </c>
      <c r="D11921">
        <v>0</v>
      </c>
    </row>
    <row r="11922" spans="1:4" x14ac:dyDescent="0.25">
      <c r="A11922" t="s">
        <v>17862</v>
      </c>
      <c r="B11922" t="s">
        <v>17863</v>
      </c>
      <c r="C11922">
        <v>1</v>
      </c>
      <c r="D11922">
        <v>0</v>
      </c>
    </row>
    <row r="11923" spans="1:4" x14ac:dyDescent="0.25">
      <c r="A11923" t="s">
        <v>17864</v>
      </c>
      <c r="B11923" t="s">
        <v>17865</v>
      </c>
      <c r="C11923">
        <v>0</v>
      </c>
      <c r="D11923">
        <v>0</v>
      </c>
    </row>
    <row r="11924" spans="1:4" x14ac:dyDescent="0.25">
      <c r="A11924" t="s">
        <v>17866</v>
      </c>
      <c r="B11924" t="s">
        <v>17867</v>
      </c>
      <c r="C11924">
        <v>2</v>
      </c>
      <c r="D11924">
        <v>0</v>
      </c>
    </row>
    <row r="11925" spans="1:4" x14ac:dyDescent="0.25">
      <c r="A11925" t="s">
        <v>17868</v>
      </c>
      <c r="B11925" t="s">
        <v>17869</v>
      </c>
      <c r="C11925">
        <v>1</v>
      </c>
      <c r="D11925">
        <v>0</v>
      </c>
    </row>
    <row r="11926" spans="1:4" x14ac:dyDescent="0.25">
      <c r="A11926" t="s">
        <v>17870</v>
      </c>
      <c r="B11926" t="s">
        <v>17871</v>
      </c>
      <c r="C11926">
        <v>1</v>
      </c>
      <c r="D11926">
        <v>0</v>
      </c>
    </row>
    <row r="11927" spans="1:4" x14ac:dyDescent="0.25">
      <c r="A11927" t="s">
        <v>17872</v>
      </c>
      <c r="B11927" t="s">
        <v>17873</v>
      </c>
      <c r="C11927">
        <v>1</v>
      </c>
      <c r="D11927">
        <v>0</v>
      </c>
    </row>
    <row r="11928" spans="1:4" x14ac:dyDescent="0.25">
      <c r="A11928" t="s">
        <v>17874</v>
      </c>
      <c r="B11928" t="s">
        <v>17875</v>
      </c>
      <c r="C11928">
        <v>0</v>
      </c>
      <c r="D11928">
        <v>0</v>
      </c>
    </row>
    <row r="11929" spans="1:4" x14ac:dyDescent="0.25">
      <c r="A11929" t="s">
        <v>17874</v>
      </c>
      <c r="B11929" t="s">
        <v>17876</v>
      </c>
      <c r="C11929">
        <v>0</v>
      </c>
      <c r="D11929">
        <v>0</v>
      </c>
    </row>
    <row r="11930" spans="1:4" x14ac:dyDescent="0.25">
      <c r="A11930" t="s">
        <v>17877</v>
      </c>
      <c r="B11930" t="s">
        <v>17878</v>
      </c>
      <c r="C11930">
        <v>0</v>
      </c>
      <c r="D11930">
        <v>0</v>
      </c>
    </row>
    <row r="11931" spans="1:4" x14ac:dyDescent="0.25">
      <c r="A11931" t="s">
        <v>17879</v>
      </c>
      <c r="B11931" t="s">
        <v>17880</v>
      </c>
      <c r="C11931">
        <v>0</v>
      </c>
      <c r="D11931">
        <v>0</v>
      </c>
    </row>
    <row r="11932" spans="1:4" x14ac:dyDescent="0.25">
      <c r="A11932" t="s">
        <v>17881</v>
      </c>
      <c r="B11932" t="s">
        <v>17882</v>
      </c>
      <c r="C11932">
        <v>1</v>
      </c>
      <c r="D11932">
        <v>0</v>
      </c>
    </row>
    <row r="11933" spans="1:4" x14ac:dyDescent="0.25">
      <c r="A11933" t="s">
        <v>17883</v>
      </c>
      <c r="B11933" t="s">
        <v>17884</v>
      </c>
      <c r="C11933">
        <v>1</v>
      </c>
      <c r="D11933">
        <v>0</v>
      </c>
    </row>
    <row r="11934" spans="1:4" x14ac:dyDescent="0.25">
      <c r="A11934" t="s">
        <v>17885</v>
      </c>
      <c r="B11934" t="s">
        <v>17886</v>
      </c>
      <c r="C11934">
        <v>1</v>
      </c>
      <c r="D11934">
        <v>0</v>
      </c>
    </row>
    <row r="11935" spans="1:4" x14ac:dyDescent="0.25">
      <c r="A11935" t="s">
        <v>17887</v>
      </c>
      <c r="B11935" t="s">
        <v>17888</v>
      </c>
      <c r="C11935">
        <v>1</v>
      </c>
      <c r="D11935">
        <v>0</v>
      </c>
    </row>
    <row r="11936" spans="1:4" x14ac:dyDescent="0.25">
      <c r="A11936" t="s">
        <v>17887</v>
      </c>
      <c r="B11936" t="s">
        <v>17889</v>
      </c>
      <c r="C11936">
        <v>1</v>
      </c>
      <c r="D11936">
        <v>0</v>
      </c>
    </row>
    <row r="11937" spans="1:4" x14ac:dyDescent="0.25">
      <c r="A11937" t="s">
        <v>17887</v>
      </c>
      <c r="B11937" t="s">
        <v>17890</v>
      </c>
      <c r="C11937">
        <v>1</v>
      </c>
      <c r="D11937">
        <v>0</v>
      </c>
    </row>
    <row r="11938" spans="1:4" x14ac:dyDescent="0.25">
      <c r="A11938" t="s">
        <v>17891</v>
      </c>
      <c r="B11938" t="s">
        <v>17892</v>
      </c>
      <c r="C11938">
        <v>2</v>
      </c>
      <c r="D11938">
        <v>0</v>
      </c>
    </row>
    <row r="11939" spans="1:4" x14ac:dyDescent="0.25">
      <c r="A11939" t="s">
        <v>17893</v>
      </c>
      <c r="B11939" t="s">
        <v>17894</v>
      </c>
      <c r="C11939">
        <v>1</v>
      </c>
      <c r="D11939">
        <v>0</v>
      </c>
    </row>
    <row r="11940" spans="1:4" x14ac:dyDescent="0.25">
      <c r="A11940" t="s">
        <v>17893</v>
      </c>
      <c r="B11940" t="s">
        <v>17895</v>
      </c>
      <c r="C11940">
        <v>0</v>
      </c>
      <c r="D11940">
        <v>0</v>
      </c>
    </row>
    <row r="11941" spans="1:4" x14ac:dyDescent="0.25">
      <c r="A11941" t="s">
        <v>17893</v>
      </c>
      <c r="B11941" t="s">
        <v>17896</v>
      </c>
      <c r="C11941">
        <v>2</v>
      </c>
      <c r="D11941">
        <v>0</v>
      </c>
    </row>
    <row r="11942" spans="1:4" x14ac:dyDescent="0.25">
      <c r="A11942" t="s">
        <v>17897</v>
      </c>
      <c r="B11942" t="s">
        <v>17898</v>
      </c>
      <c r="C11942">
        <v>1</v>
      </c>
      <c r="D11942">
        <v>0</v>
      </c>
    </row>
    <row r="11943" spans="1:4" x14ac:dyDescent="0.25">
      <c r="A11943" t="s">
        <v>17897</v>
      </c>
      <c r="B11943" t="s">
        <v>17899</v>
      </c>
      <c r="C11943">
        <v>0</v>
      </c>
      <c r="D11943">
        <v>0</v>
      </c>
    </row>
    <row r="11944" spans="1:4" x14ac:dyDescent="0.25">
      <c r="A11944" t="s">
        <v>17900</v>
      </c>
      <c r="B11944" t="s">
        <v>17901</v>
      </c>
      <c r="C11944">
        <v>2</v>
      </c>
      <c r="D11944">
        <v>0</v>
      </c>
    </row>
    <row r="11945" spans="1:4" x14ac:dyDescent="0.25">
      <c r="A11945" t="s">
        <v>17902</v>
      </c>
      <c r="B11945" t="s">
        <v>17903</v>
      </c>
      <c r="C11945">
        <v>1</v>
      </c>
      <c r="D11945">
        <v>0</v>
      </c>
    </row>
    <row r="11946" spans="1:4" x14ac:dyDescent="0.25">
      <c r="A11946" t="s">
        <v>17904</v>
      </c>
      <c r="B11946" t="s">
        <v>17905</v>
      </c>
      <c r="C11946">
        <v>2</v>
      </c>
      <c r="D11946">
        <v>0</v>
      </c>
    </row>
    <row r="11947" spans="1:4" x14ac:dyDescent="0.25">
      <c r="A11947" t="s">
        <v>17906</v>
      </c>
      <c r="B11947" t="s">
        <v>17907</v>
      </c>
      <c r="C11947">
        <v>2</v>
      </c>
      <c r="D11947">
        <v>0</v>
      </c>
    </row>
    <row r="11948" spans="1:4" x14ac:dyDescent="0.25">
      <c r="A11948" t="s">
        <v>17908</v>
      </c>
      <c r="B11948" t="s">
        <v>17909</v>
      </c>
      <c r="C11948">
        <v>1</v>
      </c>
      <c r="D11948">
        <v>0</v>
      </c>
    </row>
    <row r="11949" spans="1:4" x14ac:dyDescent="0.25">
      <c r="A11949" t="s">
        <v>17910</v>
      </c>
      <c r="B11949" t="s">
        <v>17911</v>
      </c>
      <c r="C11949">
        <v>0</v>
      </c>
      <c r="D11949">
        <v>0</v>
      </c>
    </row>
    <row r="11950" spans="1:4" x14ac:dyDescent="0.25">
      <c r="A11950" t="s">
        <v>17912</v>
      </c>
      <c r="B11950" t="s">
        <v>17913</v>
      </c>
      <c r="C11950">
        <v>2</v>
      </c>
      <c r="D11950">
        <v>0</v>
      </c>
    </row>
    <row r="11951" spans="1:4" x14ac:dyDescent="0.25">
      <c r="A11951" t="s">
        <v>17914</v>
      </c>
      <c r="B11951" t="s">
        <v>17915</v>
      </c>
      <c r="C11951">
        <v>1</v>
      </c>
      <c r="D11951">
        <v>0</v>
      </c>
    </row>
    <row r="11952" spans="1:4" x14ac:dyDescent="0.25">
      <c r="A11952" t="s">
        <v>17916</v>
      </c>
      <c r="B11952" t="s">
        <v>17917</v>
      </c>
      <c r="C11952">
        <v>1</v>
      </c>
      <c r="D11952">
        <v>0</v>
      </c>
    </row>
    <row r="11953" spans="1:4" x14ac:dyDescent="0.25">
      <c r="A11953" t="s">
        <v>17916</v>
      </c>
      <c r="B11953" t="s">
        <v>17918</v>
      </c>
      <c r="C11953">
        <v>1</v>
      </c>
      <c r="D11953">
        <v>0</v>
      </c>
    </row>
    <row r="11954" spans="1:4" x14ac:dyDescent="0.25">
      <c r="A11954" t="s">
        <v>17916</v>
      </c>
      <c r="B11954" t="s">
        <v>17919</v>
      </c>
      <c r="C11954">
        <v>1</v>
      </c>
      <c r="D11954">
        <v>0</v>
      </c>
    </row>
    <row r="11955" spans="1:4" x14ac:dyDescent="0.25">
      <c r="A11955" t="s">
        <v>17916</v>
      </c>
      <c r="B11955" t="s">
        <v>17920</v>
      </c>
      <c r="C11955">
        <v>1</v>
      </c>
      <c r="D11955">
        <v>0</v>
      </c>
    </row>
    <row r="11956" spans="1:4" x14ac:dyDescent="0.25">
      <c r="A11956" t="s">
        <v>17916</v>
      </c>
      <c r="B11956" t="s">
        <v>17921</v>
      </c>
      <c r="C11956">
        <v>1</v>
      </c>
      <c r="D11956">
        <v>0</v>
      </c>
    </row>
    <row r="11957" spans="1:4" x14ac:dyDescent="0.25">
      <c r="A11957" t="s">
        <v>17922</v>
      </c>
      <c r="B11957" t="s">
        <v>17923</v>
      </c>
      <c r="C11957">
        <v>0</v>
      </c>
      <c r="D11957">
        <v>0</v>
      </c>
    </row>
    <row r="11958" spans="1:4" x14ac:dyDescent="0.25">
      <c r="A11958" t="s">
        <v>17924</v>
      </c>
      <c r="B11958" t="s">
        <v>17925</v>
      </c>
      <c r="C11958">
        <v>1</v>
      </c>
      <c r="D11958">
        <v>0</v>
      </c>
    </row>
    <row r="11959" spans="1:4" x14ac:dyDescent="0.25">
      <c r="A11959" t="s">
        <v>17926</v>
      </c>
      <c r="B11959" t="s">
        <v>17927</v>
      </c>
      <c r="C11959">
        <v>0</v>
      </c>
      <c r="D11959">
        <v>0</v>
      </c>
    </row>
    <row r="11960" spans="1:4" x14ac:dyDescent="0.25">
      <c r="A11960" t="s">
        <v>17928</v>
      </c>
      <c r="B11960" t="s">
        <v>17929</v>
      </c>
      <c r="C11960">
        <v>1</v>
      </c>
      <c r="D11960">
        <v>0</v>
      </c>
    </row>
    <row r="11961" spans="1:4" x14ac:dyDescent="0.25">
      <c r="A11961" t="s">
        <v>17928</v>
      </c>
      <c r="B11961" t="s">
        <v>17930</v>
      </c>
      <c r="C11961">
        <v>2</v>
      </c>
      <c r="D11961">
        <v>0</v>
      </c>
    </row>
    <row r="11962" spans="1:4" x14ac:dyDescent="0.25">
      <c r="A11962" t="s">
        <v>17931</v>
      </c>
      <c r="B11962" t="s">
        <v>17932</v>
      </c>
      <c r="C11962">
        <v>2</v>
      </c>
      <c r="D11962">
        <v>0</v>
      </c>
    </row>
    <row r="11963" spans="1:4" x14ac:dyDescent="0.25">
      <c r="A11963" t="s">
        <v>17933</v>
      </c>
      <c r="B11963" t="s">
        <v>17934</v>
      </c>
      <c r="C11963">
        <v>1</v>
      </c>
      <c r="D11963">
        <v>0</v>
      </c>
    </row>
    <row r="11964" spans="1:4" x14ac:dyDescent="0.25">
      <c r="A11964" t="s">
        <v>17935</v>
      </c>
      <c r="B11964" t="s">
        <v>17936</v>
      </c>
      <c r="C11964">
        <v>1</v>
      </c>
      <c r="D11964">
        <v>0</v>
      </c>
    </row>
    <row r="11965" spans="1:4" x14ac:dyDescent="0.25">
      <c r="A11965" t="s">
        <v>17937</v>
      </c>
      <c r="B11965" t="s">
        <v>17938</v>
      </c>
      <c r="C11965">
        <v>2</v>
      </c>
      <c r="D11965">
        <v>0</v>
      </c>
    </row>
    <row r="11966" spans="1:4" x14ac:dyDescent="0.25">
      <c r="A11966" t="s">
        <v>17939</v>
      </c>
      <c r="B11966" t="s">
        <v>17940</v>
      </c>
      <c r="C11966">
        <v>1</v>
      </c>
      <c r="D11966">
        <v>0</v>
      </c>
    </row>
    <row r="11967" spans="1:4" x14ac:dyDescent="0.25">
      <c r="A11967" t="s">
        <v>17941</v>
      </c>
      <c r="B11967" t="s">
        <v>17942</v>
      </c>
      <c r="C11967">
        <v>1</v>
      </c>
      <c r="D11967">
        <v>0</v>
      </c>
    </row>
    <row r="11968" spans="1:4" x14ac:dyDescent="0.25">
      <c r="A11968" t="s">
        <v>17943</v>
      </c>
      <c r="B11968" t="s">
        <v>17944</v>
      </c>
      <c r="C11968">
        <v>1</v>
      </c>
      <c r="D11968">
        <v>0</v>
      </c>
    </row>
    <row r="11969" spans="1:4" x14ac:dyDescent="0.25">
      <c r="A11969" t="s">
        <v>17945</v>
      </c>
      <c r="B11969" t="s">
        <v>17946</v>
      </c>
      <c r="C11969">
        <v>1</v>
      </c>
      <c r="D11969">
        <v>0</v>
      </c>
    </row>
    <row r="11970" spans="1:4" x14ac:dyDescent="0.25">
      <c r="A11970" t="s">
        <v>17947</v>
      </c>
      <c r="B11970" t="s">
        <v>17948</v>
      </c>
      <c r="C11970">
        <v>1</v>
      </c>
      <c r="D11970">
        <v>0</v>
      </c>
    </row>
    <row r="11971" spans="1:4" x14ac:dyDescent="0.25">
      <c r="A11971" t="s">
        <v>17949</v>
      </c>
      <c r="B11971" t="s">
        <v>17950</v>
      </c>
      <c r="C11971">
        <v>0</v>
      </c>
      <c r="D11971">
        <v>0</v>
      </c>
    </row>
    <row r="11972" spans="1:4" x14ac:dyDescent="0.25">
      <c r="A11972" t="s">
        <v>17951</v>
      </c>
      <c r="B11972" t="s">
        <v>17952</v>
      </c>
      <c r="C11972">
        <v>1</v>
      </c>
      <c r="D11972">
        <v>0</v>
      </c>
    </row>
    <row r="11973" spans="1:4" x14ac:dyDescent="0.25">
      <c r="A11973" t="s">
        <v>17953</v>
      </c>
      <c r="B11973" t="s">
        <v>17954</v>
      </c>
      <c r="C11973">
        <v>2</v>
      </c>
      <c r="D11973">
        <v>0</v>
      </c>
    </row>
    <row r="11974" spans="1:4" x14ac:dyDescent="0.25">
      <c r="A11974" t="s">
        <v>17955</v>
      </c>
      <c r="B11974" t="s">
        <v>17956</v>
      </c>
      <c r="C11974">
        <v>2</v>
      </c>
      <c r="D11974">
        <v>0</v>
      </c>
    </row>
    <row r="11975" spans="1:4" x14ac:dyDescent="0.25">
      <c r="A11975" t="s">
        <v>17957</v>
      </c>
      <c r="B11975" t="s">
        <v>17958</v>
      </c>
      <c r="C11975">
        <v>1</v>
      </c>
      <c r="D11975">
        <v>0</v>
      </c>
    </row>
    <row r="11976" spans="1:4" x14ac:dyDescent="0.25">
      <c r="A11976" t="s">
        <v>17959</v>
      </c>
      <c r="B11976" t="s">
        <v>17960</v>
      </c>
      <c r="C11976">
        <v>1</v>
      </c>
      <c r="D11976">
        <v>0</v>
      </c>
    </row>
    <row r="11977" spans="1:4" x14ac:dyDescent="0.25">
      <c r="A11977" t="s">
        <v>17961</v>
      </c>
      <c r="B11977" t="s">
        <v>17962</v>
      </c>
      <c r="C11977">
        <v>1</v>
      </c>
      <c r="D11977">
        <v>0</v>
      </c>
    </row>
    <row r="11978" spans="1:4" x14ac:dyDescent="0.25">
      <c r="A11978" t="s">
        <v>17963</v>
      </c>
      <c r="B11978" t="s">
        <v>17964</v>
      </c>
      <c r="C11978">
        <v>1</v>
      </c>
      <c r="D11978">
        <v>0</v>
      </c>
    </row>
    <row r="11979" spans="1:4" x14ac:dyDescent="0.25">
      <c r="A11979" t="s">
        <v>17965</v>
      </c>
      <c r="B11979" t="s">
        <v>17966</v>
      </c>
      <c r="C11979">
        <v>1</v>
      </c>
      <c r="D11979">
        <v>0</v>
      </c>
    </row>
    <row r="11980" spans="1:4" x14ac:dyDescent="0.25">
      <c r="A11980" t="s">
        <v>17967</v>
      </c>
      <c r="B11980" t="s">
        <v>17968</v>
      </c>
      <c r="C11980">
        <v>0</v>
      </c>
      <c r="D11980">
        <v>0</v>
      </c>
    </row>
    <row r="11981" spans="1:4" x14ac:dyDescent="0.25">
      <c r="A11981" t="s">
        <v>17969</v>
      </c>
      <c r="B11981" t="s">
        <v>17970</v>
      </c>
      <c r="C11981">
        <v>2</v>
      </c>
      <c r="D11981">
        <v>0</v>
      </c>
    </row>
    <row r="11982" spans="1:4" x14ac:dyDescent="0.25">
      <c r="A11982" t="s">
        <v>17971</v>
      </c>
      <c r="B11982" t="s">
        <v>17972</v>
      </c>
      <c r="C11982">
        <v>1</v>
      </c>
      <c r="D11982">
        <v>0</v>
      </c>
    </row>
    <row r="11983" spans="1:4" x14ac:dyDescent="0.25">
      <c r="A11983" t="s">
        <v>17973</v>
      </c>
      <c r="B11983" t="s">
        <v>17974</v>
      </c>
      <c r="C11983">
        <v>2</v>
      </c>
      <c r="D11983">
        <v>0</v>
      </c>
    </row>
    <row r="11984" spans="1:4" x14ac:dyDescent="0.25">
      <c r="A11984" t="s">
        <v>17975</v>
      </c>
      <c r="B11984" t="s">
        <v>17976</v>
      </c>
      <c r="C11984">
        <v>1</v>
      </c>
      <c r="D11984">
        <v>0</v>
      </c>
    </row>
    <row r="11985" spans="1:4" x14ac:dyDescent="0.25">
      <c r="A11985" t="s">
        <v>17977</v>
      </c>
      <c r="B11985" t="s">
        <v>17978</v>
      </c>
      <c r="C11985">
        <v>1</v>
      </c>
      <c r="D11985">
        <v>0</v>
      </c>
    </row>
    <row r="11986" spans="1:4" x14ac:dyDescent="0.25">
      <c r="A11986" t="s">
        <v>17979</v>
      </c>
      <c r="B11986" t="s">
        <v>17980</v>
      </c>
      <c r="C11986">
        <v>0</v>
      </c>
      <c r="D11986">
        <v>0</v>
      </c>
    </row>
    <row r="11987" spans="1:4" x14ac:dyDescent="0.25">
      <c r="A11987" t="s">
        <v>17981</v>
      </c>
      <c r="B11987" t="s">
        <v>17982</v>
      </c>
      <c r="C11987">
        <v>2</v>
      </c>
      <c r="D11987">
        <v>0</v>
      </c>
    </row>
    <row r="11988" spans="1:4" x14ac:dyDescent="0.25">
      <c r="A11988" t="s">
        <v>17983</v>
      </c>
      <c r="B11988" t="s">
        <v>17984</v>
      </c>
      <c r="C11988">
        <v>1</v>
      </c>
      <c r="D11988">
        <v>0</v>
      </c>
    </row>
    <row r="11989" spans="1:4" x14ac:dyDescent="0.25">
      <c r="A11989" t="s">
        <v>17983</v>
      </c>
      <c r="B11989" t="s">
        <v>17985</v>
      </c>
      <c r="C11989">
        <v>0</v>
      </c>
      <c r="D11989">
        <v>0</v>
      </c>
    </row>
    <row r="11990" spans="1:4" x14ac:dyDescent="0.25">
      <c r="A11990" t="s">
        <v>17986</v>
      </c>
      <c r="B11990" t="s">
        <v>17987</v>
      </c>
      <c r="C11990">
        <v>1</v>
      </c>
      <c r="D11990">
        <v>0</v>
      </c>
    </row>
    <row r="11991" spans="1:4" x14ac:dyDescent="0.25">
      <c r="A11991" t="s">
        <v>17988</v>
      </c>
      <c r="B11991" t="s">
        <v>17989</v>
      </c>
      <c r="C11991">
        <v>1</v>
      </c>
      <c r="D11991">
        <v>0</v>
      </c>
    </row>
    <row r="11992" spans="1:4" x14ac:dyDescent="0.25">
      <c r="A11992" t="s">
        <v>17990</v>
      </c>
      <c r="B11992" t="s">
        <v>17991</v>
      </c>
      <c r="C11992">
        <v>1</v>
      </c>
      <c r="D11992">
        <v>0</v>
      </c>
    </row>
    <row r="11993" spans="1:4" x14ac:dyDescent="0.25">
      <c r="A11993" t="s">
        <v>17992</v>
      </c>
      <c r="B11993" t="s">
        <v>17993</v>
      </c>
      <c r="C11993">
        <v>1</v>
      </c>
      <c r="D11993">
        <v>0</v>
      </c>
    </row>
    <row r="11994" spans="1:4" x14ac:dyDescent="0.25">
      <c r="A11994" t="s">
        <v>17994</v>
      </c>
      <c r="B11994" t="s">
        <v>17995</v>
      </c>
      <c r="C11994">
        <v>1</v>
      </c>
      <c r="D11994">
        <v>0</v>
      </c>
    </row>
    <row r="11995" spans="1:4" x14ac:dyDescent="0.25">
      <c r="A11995" t="s">
        <v>17996</v>
      </c>
      <c r="B11995" t="s">
        <v>17997</v>
      </c>
      <c r="C11995">
        <v>0</v>
      </c>
      <c r="D11995">
        <v>0</v>
      </c>
    </row>
    <row r="11996" spans="1:4" x14ac:dyDescent="0.25">
      <c r="A11996" t="s">
        <v>17998</v>
      </c>
      <c r="B11996" t="s">
        <v>17999</v>
      </c>
      <c r="C11996">
        <v>0</v>
      </c>
      <c r="D11996">
        <v>0</v>
      </c>
    </row>
    <row r="11997" spans="1:4" x14ac:dyDescent="0.25">
      <c r="A11997" t="s">
        <v>18000</v>
      </c>
      <c r="B11997" t="s">
        <v>18001</v>
      </c>
      <c r="C11997">
        <v>0</v>
      </c>
      <c r="D11997">
        <v>0</v>
      </c>
    </row>
    <row r="11998" spans="1:4" x14ac:dyDescent="0.25">
      <c r="A11998" t="s">
        <v>18000</v>
      </c>
      <c r="B11998" t="s">
        <v>18002</v>
      </c>
      <c r="C11998">
        <v>2</v>
      </c>
      <c r="D11998">
        <v>0</v>
      </c>
    </row>
    <row r="11999" spans="1:4" x14ac:dyDescent="0.25">
      <c r="A11999" t="s">
        <v>18003</v>
      </c>
      <c r="B11999" t="s">
        <v>18004</v>
      </c>
      <c r="C11999">
        <v>1</v>
      </c>
      <c r="D11999">
        <v>0</v>
      </c>
    </row>
    <row r="12000" spans="1:4" x14ac:dyDescent="0.25">
      <c r="A12000" t="s">
        <v>18005</v>
      </c>
      <c r="B12000" t="s">
        <v>18006</v>
      </c>
      <c r="C12000">
        <v>1</v>
      </c>
      <c r="D12000">
        <v>0</v>
      </c>
    </row>
    <row r="12001" spans="1:4" x14ac:dyDescent="0.25">
      <c r="A12001" t="s">
        <v>18007</v>
      </c>
      <c r="B12001" t="s">
        <v>18008</v>
      </c>
      <c r="C12001">
        <v>1</v>
      </c>
      <c r="D12001">
        <v>0</v>
      </c>
    </row>
    <row r="12002" spans="1:4" x14ac:dyDescent="0.25">
      <c r="A12002" t="s">
        <v>18009</v>
      </c>
      <c r="B12002" t="s">
        <v>18010</v>
      </c>
      <c r="C12002">
        <v>0</v>
      </c>
      <c r="D12002">
        <v>0</v>
      </c>
    </row>
    <row r="12003" spans="1:4" x14ac:dyDescent="0.25">
      <c r="A12003" t="s">
        <v>18009</v>
      </c>
      <c r="B12003" t="s">
        <v>18011</v>
      </c>
      <c r="C12003">
        <v>0</v>
      </c>
      <c r="D12003">
        <v>0</v>
      </c>
    </row>
    <row r="12004" spans="1:4" x14ac:dyDescent="0.25">
      <c r="A12004" t="s">
        <v>18012</v>
      </c>
      <c r="B12004" t="s">
        <v>18013</v>
      </c>
      <c r="C12004">
        <v>1</v>
      </c>
      <c r="D12004">
        <v>0</v>
      </c>
    </row>
    <row r="12005" spans="1:4" x14ac:dyDescent="0.25">
      <c r="A12005" t="s">
        <v>18012</v>
      </c>
      <c r="B12005" t="s">
        <v>18014</v>
      </c>
      <c r="C12005">
        <v>0</v>
      </c>
      <c r="D12005">
        <v>0</v>
      </c>
    </row>
    <row r="12006" spans="1:4" x14ac:dyDescent="0.25">
      <c r="A12006" t="s">
        <v>18015</v>
      </c>
      <c r="B12006" t="s">
        <v>18016</v>
      </c>
      <c r="C12006">
        <v>1</v>
      </c>
      <c r="D12006">
        <v>0</v>
      </c>
    </row>
    <row r="12007" spans="1:4" x14ac:dyDescent="0.25">
      <c r="A12007" t="s">
        <v>18015</v>
      </c>
      <c r="B12007" t="s">
        <v>18017</v>
      </c>
      <c r="C12007">
        <v>0</v>
      </c>
      <c r="D12007">
        <v>0</v>
      </c>
    </row>
    <row r="12008" spans="1:4" x14ac:dyDescent="0.25">
      <c r="A12008" t="s">
        <v>18018</v>
      </c>
      <c r="B12008" t="s">
        <v>18019</v>
      </c>
      <c r="C12008">
        <v>1</v>
      </c>
      <c r="D12008">
        <v>0</v>
      </c>
    </row>
    <row r="12009" spans="1:4" x14ac:dyDescent="0.25">
      <c r="A12009" t="s">
        <v>18020</v>
      </c>
      <c r="B12009" t="s">
        <v>18021</v>
      </c>
      <c r="C12009">
        <v>1</v>
      </c>
      <c r="D12009">
        <v>0</v>
      </c>
    </row>
    <row r="12010" spans="1:4" x14ac:dyDescent="0.25">
      <c r="A12010" t="s">
        <v>18022</v>
      </c>
      <c r="B12010" t="s">
        <v>18023</v>
      </c>
      <c r="C12010">
        <v>1</v>
      </c>
      <c r="D12010">
        <v>0</v>
      </c>
    </row>
    <row r="12011" spans="1:4" x14ac:dyDescent="0.25">
      <c r="A12011" t="s">
        <v>18024</v>
      </c>
      <c r="B12011" t="s">
        <v>18025</v>
      </c>
      <c r="C12011">
        <v>1</v>
      </c>
      <c r="D12011">
        <v>0</v>
      </c>
    </row>
    <row r="12012" spans="1:4" x14ac:dyDescent="0.25">
      <c r="A12012" t="s">
        <v>18026</v>
      </c>
      <c r="B12012" t="s">
        <v>18027</v>
      </c>
      <c r="C12012">
        <v>0</v>
      </c>
      <c r="D12012">
        <v>0</v>
      </c>
    </row>
    <row r="12013" spans="1:4" x14ac:dyDescent="0.25">
      <c r="A12013" t="s">
        <v>18028</v>
      </c>
      <c r="B12013" t="s">
        <v>18029</v>
      </c>
      <c r="C12013">
        <v>1</v>
      </c>
      <c r="D12013">
        <v>0</v>
      </c>
    </row>
    <row r="12014" spans="1:4" x14ac:dyDescent="0.25">
      <c r="A12014" t="s">
        <v>18030</v>
      </c>
      <c r="B12014" t="s">
        <v>18031</v>
      </c>
      <c r="C12014">
        <v>1</v>
      </c>
      <c r="D12014">
        <v>0</v>
      </c>
    </row>
    <row r="12015" spans="1:4" x14ac:dyDescent="0.25">
      <c r="A12015" t="s">
        <v>18032</v>
      </c>
      <c r="B12015" t="s">
        <v>18033</v>
      </c>
      <c r="C12015">
        <v>1</v>
      </c>
      <c r="D12015">
        <v>0</v>
      </c>
    </row>
    <row r="12016" spans="1:4" x14ac:dyDescent="0.25">
      <c r="A12016" t="s">
        <v>18034</v>
      </c>
      <c r="B12016" t="s">
        <v>18035</v>
      </c>
      <c r="C12016">
        <v>0</v>
      </c>
      <c r="D12016">
        <v>0</v>
      </c>
    </row>
    <row r="12017" spans="1:4" x14ac:dyDescent="0.25">
      <c r="A12017" t="s">
        <v>18036</v>
      </c>
      <c r="B12017" t="s">
        <v>18037</v>
      </c>
      <c r="C12017">
        <v>1</v>
      </c>
      <c r="D12017">
        <v>0</v>
      </c>
    </row>
    <row r="12018" spans="1:4" x14ac:dyDescent="0.25">
      <c r="A12018" t="s">
        <v>18038</v>
      </c>
      <c r="B12018" t="s">
        <v>18039</v>
      </c>
      <c r="C12018">
        <v>1</v>
      </c>
      <c r="D12018">
        <v>0</v>
      </c>
    </row>
    <row r="12019" spans="1:4" x14ac:dyDescent="0.25">
      <c r="A12019" t="s">
        <v>18040</v>
      </c>
      <c r="B12019" t="s">
        <v>18041</v>
      </c>
      <c r="C12019">
        <v>1</v>
      </c>
      <c r="D12019">
        <v>0</v>
      </c>
    </row>
    <row r="12020" spans="1:4" x14ac:dyDescent="0.25">
      <c r="A12020" t="s">
        <v>18042</v>
      </c>
      <c r="B12020" t="s">
        <v>18043</v>
      </c>
      <c r="C12020">
        <v>1</v>
      </c>
      <c r="D12020">
        <v>0</v>
      </c>
    </row>
    <row r="12021" spans="1:4" x14ac:dyDescent="0.25">
      <c r="A12021" t="s">
        <v>18044</v>
      </c>
      <c r="B12021" t="s">
        <v>18045</v>
      </c>
      <c r="C12021">
        <v>1</v>
      </c>
      <c r="D12021">
        <v>0</v>
      </c>
    </row>
    <row r="12022" spans="1:4" x14ac:dyDescent="0.25">
      <c r="A12022" t="s">
        <v>18044</v>
      </c>
      <c r="B12022" t="s">
        <v>18046</v>
      </c>
      <c r="C12022">
        <v>0</v>
      </c>
      <c r="D12022">
        <v>0</v>
      </c>
    </row>
    <row r="12023" spans="1:4" x14ac:dyDescent="0.25">
      <c r="A12023" t="s">
        <v>18047</v>
      </c>
      <c r="B12023" t="s">
        <v>18048</v>
      </c>
      <c r="C12023">
        <v>1</v>
      </c>
      <c r="D12023">
        <v>0</v>
      </c>
    </row>
    <row r="12024" spans="1:4" x14ac:dyDescent="0.25">
      <c r="A12024" t="s">
        <v>18049</v>
      </c>
      <c r="B12024" t="s">
        <v>18050</v>
      </c>
      <c r="C12024">
        <v>1</v>
      </c>
      <c r="D12024">
        <v>0</v>
      </c>
    </row>
    <row r="12025" spans="1:4" x14ac:dyDescent="0.25">
      <c r="A12025" t="s">
        <v>18051</v>
      </c>
      <c r="B12025" t="s">
        <v>18052</v>
      </c>
      <c r="C12025">
        <v>1</v>
      </c>
      <c r="D12025">
        <v>0</v>
      </c>
    </row>
    <row r="12026" spans="1:4" x14ac:dyDescent="0.25">
      <c r="A12026" t="s">
        <v>18053</v>
      </c>
      <c r="B12026" t="s">
        <v>18054</v>
      </c>
      <c r="C12026">
        <v>0</v>
      </c>
      <c r="D12026">
        <v>0</v>
      </c>
    </row>
    <row r="12027" spans="1:4" x14ac:dyDescent="0.25">
      <c r="A12027" t="s">
        <v>18055</v>
      </c>
      <c r="B12027" t="s">
        <v>18056</v>
      </c>
      <c r="C12027">
        <v>1</v>
      </c>
      <c r="D12027">
        <v>0</v>
      </c>
    </row>
    <row r="12028" spans="1:4" x14ac:dyDescent="0.25">
      <c r="A12028" t="s">
        <v>18057</v>
      </c>
      <c r="B12028" t="s">
        <v>5713</v>
      </c>
      <c r="C12028">
        <v>1</v>
      </c>
      <c r="D12028">
        <v>0</v>
      </c>
    </row>
    <row r="12029" spans="1:4" x14ac:dyDescent="0.25">
      <c r="A12029" t="s">
        <v>18058</v>
      </c>
      <c r="B12029" t="s">
        <v>18059</v>
      </c>
      <c r="C12029">
        <v>1</v>
      </c>
      <c r="D12029">
        <v>0</v>
      </c>
    </row>
    <row r="12030" spans="1:4" x14ac:dyDescent="0.25">
      <c r="A12030" t="s">
        <v>18060</v>
      </c>
      <c r="B12030" t="s">
        <v>18061</v>
      </c>
      <c r="C12030">
        <v>0</v>
      </c>
      <c r="D12030">
        <v>0</v>
      </c>
    </row>
    <row r="12031" spans="1:4" x14ac:dyDescent="0.25">
      <c r="A12031" t="s">
        <v>18060</v>
      </c>
      <c r="B12031" t="s">
        <v>18062</v>
      </c>
      <c r="C12031">
        <v>2</v>
      </c>
      <c r="D12031">
        <v>0</v>
      </c>
    </row>
    <row r="12032" spans="1:4" x14ac:dyDescent="0.25">
      <c r="A12032" t="s">
        <v>18063</v>
      </c>
      <c r="B12032" t="s">
        <v>18064</v>
      </c>
      <c r="C12032">
        <v>1</v>
      </c>
      <c r="D12032">
        <v>0</v>
      </c>
    </row>
    <row r="12033" spans="1:4" x14ac:dyDescent="0.25">
      <c r="A12033" t="s">
        <v>18063</v>
      </c>
      <c r="B12033" t="s">
        <v>18065</v>
      </c>
      <c r="C12033">
        <v>2</v>
      </c>
      <c r="D12033">
        <v>0</v>
      </c>
    </row>
    <row r="12034" spans="1:4" x14ac:dyDescent="0.25">
      <c r="A12034" t="s">
        <v>18066</v>
      </c>
      <c r="B12034" t="s">
        <v>18067</v>
      </c>
      <c r="C12034">
        <v>0</v>
      </c>
      <c r="D12034">
        <v>0</v>
      </c>
    </row>
    <row r="12035" spans="1:4" x14ac:dyDescent="0.25">
      <c r="A12035" t="s">
        <v>18068</v>
      </c>
      <c r="B12035" t="s">
        <v>18069</v>
      </c>
      <c r="C12035">
        <v>2</v>
      </c>
      <c r="D12035">
        <v>0</v>
      </c>
    </row>
    <row r="12036" spans="1:4" x14ac:dyDescent="0.25">
      <c r="A12036" t="s">
        <v>18070</v>
      </c>
      <c r="B12036" t="s">
        <v>18071</v>
      </c>
      <c r="C12036">
        <v>1</v>
      </c>
      <c r="D12036">
        <v>0</v>
      </c>
    </row>
    <row r="12037" spans="1:4" x14ac:dyDescent="0.25">
      <c r="A12037" t="s">
        <v>18072</v>
      </c>
      <c r="B12037" t="s">
        <v>18073</v>
      </c>
      <c r="C12037">
        <v>2</v>
      </c>
      <c r="D12037">
        <v>0</v>
      </c>
    </row>
    <row r="12038" spans="1:4" x14ac:dyDescent="0.25">
      <c r="A12038" t="s">
        <v>18074</v>
      </c>
      <c r="B12038" t="s">
        <v>18075</v>
      </c>
      <c r="C12038">
        <v>2</v>
      </c>
      <c r="D12038">
        <v>0</v>
      </c>
    </row>
    <row r="12039" spans="1:4" x14ac:dyDescent="0.25">
      <c r="A12039" t="s">
        <v>18076</v>
      </c>
      <c r="B12039" t="s">
        <v>18077</v>
      </c>
      <c r="C12039">
        <v>0</v>
      </c>
      <c r="D12039">
        <v>0</v>
      </c>
    </row>
    <row r="12040" spans="1:4" x14ac:dyDescent="0.25">
      <c r="A12040" t="s">
        <v>18078</v>
      </c>
      <c r="B12040" t="s">
        <v>18079</v>
      </c>
      <c r="C12040">
        <v>0</v>
      </c>
      <c r="D12040">
        <v>0</v>
      </c>
    </row>
    <row r="12041" spans="1:4" x14ac:dyDescent="0.25">
      <c r="A12041" t="s">
        <v>18080</v>
      </c>
      <c r="B12041" t="s">
        <v>18081</v>
      </c>
      <c r="C12041">
        <v>0</v>
      </c>
      <c r="D12041">
        <v>0</v>
      </c>
    </row>
    <row r="12042" spans="1:4" x14ac:dyDescent="0.25">
      <c r="A12042" t="s">
        <v>18082</v>
      </c>
      <c r="B12042" t="s">
        <v>18083</v>
      </c>
      <c r="C12042">
        <v>0</v>
      </c>
      <c r="D12042">
        <v>0</v>
      </c>
    </row>
    <row r="12043" spans="1:4" x14ac:dyDescent="0.25">
      <c r="A12043" t="s">
        <v>18084</v>
      </c>
      <c r="B12043" t="s">
        <v>18085</v>
      </c>
      <c r="C12043">
        <v>1</v>
      </c>
      <c r="D12043">
        <v>0</v>
      </c>
    </row>
    <row r="12044" spans="1:4" x14ac:dyDescent="0.25">
      <c r="A12044" t="s">
        <v>18086</v>
      </c>
      <c r="B12044" t="s">
        <v>18087</v>
      </c>
      <c r="C12044">
        <v>2</v>
      </c>
      <c r="D12044">
        <v>0</v>
      </c>
    </row>
    <row r="12045" spans="1:4" x14ac:dyDescent="0.25">
      <c r="A12045" t="s">
        <v>18088</v>
      </c>
      <c r="B12045" t="s">
        <v>18089</v>
      </c>
      <c r="C12045">
        <v>1</v>
      </c>
      <c r="D12045">
        <v>0</v>
      </c>
    </row>
    <row r="12046" spans="1:4" x14ac:dyDescent="0.25">
      <c r="A12046" t="s">
        <v>18090</v>
      </c>
      <c r="B12046" t="s">
        <v>18091</v>
      </c>
      <c r="C12046">
        <v>1</v>
      </c>
      <c r="D12046">
        <v>0</v>
      </c>
    </row>
    <row r="12047" spans="1:4" x14ac:dyDescent="0.25">
      <c r="A12047" t="s">
        <v>18092</v>
      </c>
      <c r="B12047" t="s">
        <v>18093</v>
      </c>
      <c r="C12047">
        <v>2</v>
      </c>
      <c r="D12047">
        <v>0</v>
      </c>
    </row>
    <row r="12048" spans="1:4" x14ac:dyDescent="0.25">
      <c r="A12048" t="s">
        <v>18094</v>
      </c>
      <c r="B12048" t="s">
        <v>18095</v>
      </c>
      <c r="C12048">
        <v>1</v>
      </c>
      <c r="D12048">
        <v>0</v>
      </c>
    </row>
    <row r="12049" spans="1:4" x14ac:dyDescent="0.25">
      <c r="A12049" t="s">
        <v>18096</v>
      </c>
      <c r="B12049" t="s">
        <v>18097</v>
      </c>
      <c r="C12049">
        <v>1</v>
      </c>
      <c r="D12049">
        <v>0</v>
      </c>
    </row>
    <row r="12050" spans="1:4" x14ac:dyDescent="0.25">
      <c r="A12050" t="s">
        <v>18098</v>
      </c>
      <c r="B12050" t="s">
        <v>18099</v>
      </c>
      <c r="C12050">
        <v>1</v>
      </c>
      <c r="D12050">
        <v>0</v>
      </c>
    </row>
    <row r="12051" spans="1:4" x14ac:dyDescent="0.25">
      <c r="A12051" t="s">
        <v>18098</v>
      </c>
      <c r="B12051" t="s">
        <v>18100</v>
      </c>
      <c r="C12051">
        <v>0</v>
      </c>
      <c r="D12051">
        <v>0</v>
      </c>
    </row>
    <row r="12052" spans="1:4" x14ac:dyDescent="0.25">
      <c r="A12052" t="s">
        <v>18098</v>
      </c>
      <c r="B12052" t="s">
        <v>18101</v>
      </c>
      <c r="C12052">
        <v>2</v>
      </c>
      <c r="D12052">
        <v>0</v>
      </c>
    </row>
    <row r="12053" spans="1:4" x14ac:dyDescent="0.25">
      <c r="A12053" t="s">
        <v>18102</v>
      </c>
      <c r="B12053" t="s">
        <v>18103</v>
      </c>
      <c r="C12053">
        <v>1</v>
      </c>
      <c r="D12053">
        <v>0</v>
      </c>
    </row>
    <row r="12054" spans="1:4" x14ac:dyDescent="0.25">
      <c r="A12054" t="s">
        <v>18104</v>
      </c>
      <c r="B12054" t="s">
        <v>18105</v>
      </c>
      <c r="C12054">
        <v>0</v>
      </c>
      <c r="D12054">
        <v>0</v>
      </c>
    </row>
    <row r="12055" spans="1:4" x14ac:dyDescent="0.25">
      <c r="A12055" t="s">
        <v>18106</v>
      </c>
      <c r="B12055" t="s">
        <v>18107</v>
      </c>
      <c r="C12055">
        <v>1</v>
      </c>
      <c r="D12055">
        <v>0</v>
      </c>
    </row>
    <row r="12056" spans="1:4" x14ac:dyDescent="0.25">
      <c r="A12056" t="s">
        <v>18108</v>
      </c>
      <c r="B12056" t="s">
        <v>18109</v>
      </c>
      <c r="C12056">
        <v>1</v>
      </c>
      <c r="D12056">
        <v>0</v>
      </c>
    </row>
    <row r="12057" spans="1:4" x14ac:dyDescent="0.25">
      <c r="A12057" t="s">
        <v>18110</v>
      </c>
      <c r="B12057" t="s">
        <v>18111</v>
      </c>
      <c r="C12057">
        <v>1</v>
      </c>
      <c r="D12057">
        <v>0</v>
      </c>
    </row>
    <row r="12058" spans="1:4" x14ac:dyDescent="0.25">
      <c r="A12058" t="s">
        <v>18112</v>
      </c>
      <c r="B12058" t="s">
        <v>18113</v>
      </c>
      <c r="C12058">
        <v>1</v>
      </c>
      <c r="D12058">
        <v>0</v>
      </c>
    </row>
    <row r="12059" spans="1:4" x14ac:dyDescent="0.25">
      <c r="A12059" t="s">
        <v>18114</v>
      </c>
      <c r="B12059" t="s">
        <v>18115</v>
      </c>
      <c r="C12059">
        <v>1</v>
      </c>
      <c r="D12059">
        <v>0</v>
      </c>
    </row>
    <row r="12060" spans="1:4" x14ac:dyDescent="0.25">
      <c r="A12060" t="s">
        <v>18116</v>
      </c>
      <c r="B12060" t="s">
        <v>18117</v>
      </c>
      <c r="C12060">
        <v>1</v>
      </c>
      <c r="D12060">
        <v>0</v>
      </c>
    </row>
    <row r="12061" spans="1:4" x14ac:dyDescent="0.25">
      <c r="A12061" t="s">
        <v>18118</v>
      </c>
      <c r="B12061" t="s">
        <v>18119</v>
      </c>
      <c r="C12061">
        <v>1</v>
      </c>
      <c r="D12061">
        <v>0</v>
      </c>
    </row>
    <row r="12062" spans="1:4" x14ac:dyDescent="0.25">
      <c r="A12062" t="s">
        <v>18118</v>
      </c>
      <c r="B12062" t="s">
        <v>18120</v>
      </c>
      <c r="C12062">
        <v>1</v>
      </c>
      <c r="D12062">
        <v>0</v>
      </c>
    </row>
    <row r="12063" spans="1:4" x14ac:dyDescent="0.25">
      <c r="A12063" t="s">
        <v>18118</v>
      </c>
      <c r="B12063" t="s">
        <v>18119</v>
      </c>
      <c r="C12063">
        <v>1</v>
      </c>
      <c r="D12063">
        <v>0</v>
      </c>
    </row>
    <row r="12064" spans="1:4" x14ac:dyDescent="0.25">
      <c r="A12064" t="s">
        <v>18121</v>
      </c>
      <c r="B12064" t="s">
        <v>18122</v>
      </c>
      <c r="C12064">
        <v>1</v>
      </c>
      <c r="D12064">
        <v>0</v>
      </c>
    </row>
    <row r="12065" spans="1:4" x14ac:dyDescent="0.25">
      <c r="A12065" t="s">
        <v>18123</v>
      </c>
      <c r="B12065" t="s">
        <v>18124</v>
      </c>
      <c r="C12065">
        <v>1</v>
      </c>
      <c r="D12065">
        <v>0</v>
      </c>
    </row>
    <row r="12066" spans="1:4" x14ac:dyDescent="0.25">
      <c r="A12066" t="s">
        <v>18125</v>
      </c>
      <c r="B12066" t="s">
        <v>18126</v>
      </c>
      <c r="C12066">
        <v>1</v>
      </c>
      <c r="D12066">
        <v>0</v>
      </c>
    </row>
    <row r="12067" spans="1:4" x14ac:dyDescent="0.25">
      <c r="A12067" t="s">
        <v>18127</v>
      </c>
      <c r="B12067" t="s">
        <v>18128</v>
      </c>
      <c r="C12067">
        <v>0</v>
      </c>
      <c r="D12067">
        <v>0</v>
      </c>
    </row>
    <row r="12068" spans="1:4" x14ac:dyDescent="0.25">
      <c r="A12068" t="s">
        <v>18129</v>
      </c>
      <c r="B12068" t="s">
        <v>18130</v>
      </c>
      <c r="C12068">
        <v>1</v>
      </c>
      <c r="D12068">
        <v>0</v>
      </c>
    </row>
    <row r="12069" spans="1:4" x14ac:dyDescent="0.25">
      <c r="A12069" t="s">
        <v>18131</v>
      </c>
      <c r="B12069" t="s">
        <v>18132</v>
      </c>
      <c r="C12069">
        <v>1</v>
      </c>
      <c r="D12069">
        <v>0</v>
      </c>
    </row>
    <row r="12070" spans="1:4" x14ac:dyDescent="0.25">
      <c r="A12070" t="s">
        <v>18131</v>
      </c>
      <c r="B12070" t="s">
        <v>18133</v>
      </c>
      <c r="C12070">
        <v>0</v>
      </c>
      <c r="D12070">
        <v>0</v>
      </c>
    </row>
    <row r="12071" spans="1:4" x14ac:dyDescent="0.25">
      <c r="A12071" t="s">
        <v>18134</v>
      </c>
      <c r="B12071" t="s">
        <v>18135</v>
      </c>
      <c r="C12071">
        <v>1</v>
      </c>
      <c r="D12071">
        <v>0</v>
      </c>
    </row>
    <row r="12072" spans="1:4" x14ac:dyDescent="0.25">
      <c r="A12072" t="s">
        <v>18136</v>
      </c>
      <c r="B12072" t="s">
        <v>18137</v>
      </c>
      <c r="C12072">
        <v>1</v>
      </c>
      <c r="D12072">
        <v>0</v>
      </c>
    </row>
    <row r="12073" spans="1:4" x14ac:dyDescent="0.25">
      <c r="A12073" t="s">
        <v>18136</v>
      </c>
      <c r="B12073" t="s">
        <v>18138</v>
      </c>
      <c r="C12073">
        <v>1</v>
      </c>
      <c r="D12073">
        <v>0</v>
      </c>
    </row>
    <row r="12074" spans="1:4" x14ac:dyDescent="0.25">
      <c r="A12074" t="s">
        <v>18139</v>
      </c>
      <c r="B12074" t="s">
        <v>18140</v>
      </c>
      <c r="C12074">
        <v>1</v>
      </c>
      <c r="D12074">
        <v>0</v>
      </c>
    </row>
    <row r="12075" spans="1:4" x14ac:dyDescent="0.25">
      <c r="A12075" t="s">
        <v>18141</v>
      </c>
      <c r="B12075" t="s">
        <v>18142</v>
      </c>
      <c r="C12075">
        <v>2</v>
      </c>
      <c r="D12075">
        <v>0</v>
      </c>
    </row>
    <row r="12076" spans="1:4" x14ac:dyDescent="0.25">
      <c r="A12076" t="s">
        <v>18143</v>
      </c>
      <c r="B12076" t="s">
        <v>18144</v>
      </c>
      <c r="C12076">
        <v>0</v>
      </c>
      <c r="D12076">
        <v>0</v>
      </c>
    </row>
    <row r="12077" spans="1:4" x14ac:dyDescent="0.25">
      <c r="A12077" t="s">
        <v>18145</v>
      </c>
      <c r="B12077" t="s">
        <v>18146</v>
      </c>
      <c r="C12077">
        <v>1</v>
      </c>
      <c r="D12077">
        <v>0</v>
      </c>
    </row>
    <row r="12078" spans="1:4" x14ac:dyDescent="0.25">
      <c r="A12078" t="s">
        <v>18147</v>
      </c>
      <c r="B12078" t="s">
        <v>18148</v>
      </c>
      <c r="C12078">
        <v>1</v>
      </c>
      <c r="D12078">
        <v>0</v>
      </c>
    </row>
    <row r="12079" spans="1:4" x14ac:dyDescent="0.25">
      <c r="A12079" t="s">
        <v>18149</v>
      </c>
      <c r="B12079" t="s">
        <v>18150</v>
      </c>
      <c r="C12079">
        <v>0</v>
      </c>
      <c r="D12079">
        <v>0</v>
      </c>
    </row>
    <row r="12080" spans="1:4" x14ac:dyDescent="0.25">
      <c r="A12080" t="s">
        <v>18151</v>
      </c>
      <c r="B12080" t="s">
        <v>18152</v>
      </c>
      <c r="C12080">
        <v>0</v>
      </c>
      <c r="D12080">
        <v>0</v>
      </c>
    </row>
    <row r="12081" spans="1:4" x14ac:dyDescent="0.25">
      <c r="A12081" t="s">
        <v>18153</v>
      </c>
      <c r="B12081" t="s">
        <v>18154</v>
      </c>
      <c r="C12081">
        <v>1</v>
      </c>
      <c r="D12081">
        <v>0</v>
      </c>
    </row>
    <row r="12082" spans="1:4" x14ac:dyDescent="0.25">
      <c r="A12082" t="s">
        <v>18155</v>
      </c>
      <c r="B12082" t="s">
        <v>18156</v>
      </c>
      <c r="C12082">
        <v>1</v>
      </c>
      <c r="D12082">
        <v>0</v>
      </c>
    </row>
    <row r="12083" spans="1:4" x14ac:dyDescent="0.25">
      <c r="A12083" t="s">
        <v>18157</v>
      </c>
      <c r="B12083" t="s">
        <v>18158</v>
      </c>
      <c r="C12083">
        <v>0</v>
      </c>
      <c r="D12083">
        <v>0</v>
      </c>
    </row>
    <row r="12084" spans="1:4" x14ac:dyDescent="0.25">
      <c r="A12084" t="s">
        <v>18159</v>
      </c>
      <c r="B12084" t="s">
        <v>18160</v>
      </c>
      <c r="C12084">
        <v>1</v>
      </c>
      <c r="D12084">
        <v>0</v>
      </c>
    </row>
    <row r="12085" spans="1:4" x14ac:dyDescent="0.25">
      <c r="A12085" t="s">
        <v>18161</v>
      </c>
      <c r="B12085" t="s">
        <v>18162</v>
      </c>
      <c r="C12085">
        <v>0</v>
      </c>
      <c r="D12085">
        <v>0</v>
      </c>
    </row>
    <row r="12086" spans="1:4" x14ac:dyDescent="0.25">
      <c r="A12086" t="s">
        <v>18163</v>
      </c>
      <c r="B12086" t="s">
        <v>18164</v>
      </c>
      <c r="C12086">
        <v>1</v>
      </c>
      <c r="D12086">
        <v>0</v>
      </c>
    </row>
    <row r="12087" spans="1:4" x14ac:dyDescent="0.25">
      <c r="A12087" t="s">
        <v>18165</v>
      </c>
      <c r="B12087" t="s">
        <v>18166</v>
      </c>
      <c r="C12087">
        <v>0</v>
      </c>
      <c r="D12087">
        <v>0</v>
      </c>
    </row>
    <row r="12088" spans="1:4" x14ac:dyDescent="0.25">
      <c r="A12088" t="s">
        <v>18167</v>
      </c>
      <c r="B12088" t="s">
        <v>18168</v>
      </c>
      <c r="C12088">
        <v>1</v>
      </c>
      <c r="D12088">
        <v>0</v>
      </c>
    </row>
    <row r="12089" spans="1:4" x14ac:dyDescent="0.25">
      <c r="A12089" t="s">
        <v>18169</v>
      </c>
      <c r="B12089" t="s">
        <v>18170</v>
      </c>
      <c r="C12089">
        <v>0</v>
      </c>
      <c r="D12089">
        <v>0</v>
      </c>
    </row>
    <row r="12090" spans="1:4" x14ac:dyDescent="0.25">
      <c r="A12090" t="s">
        <v>18171</v>
      </c>
      <c r="B12090" t="s">
        <v>18172</v>
      </c>
      <c r="C12090">
        <v>1</v>
      </c>
      <c r="D12090">
        <v>0</v>
      </c>
    </row>
    <row r="12091" spans="1:4" x14ac:dyDescent="0.25">
      <c r="A12091" t="s">
        <v>18173</v>
      </c>
      <c r="B12091" t="s">
        <v>18174</v>
      </c>
      <c r="C12091">
        <v>0</v>
      </c>
      <c r="D12091">
        <v>0</v>
      </c>
    </row>
    <row r="12092" spans="1:4" x14ac:dyDescent="0.25">
      <c r="A12092" t="s">
        <v>18175</v>
      </c>
      <c r="B12092" t="s">
        <v>18176</v>
      </c>
      <c r="C12092">
        <v>1</v>
      </c>
      <c r="D12092">
        <v>0</v>
      </c>
    </row>
    <row r="12093" spans="1:4" x14ac:dyDescent="0.25">
      <c r="A12093" t="s">
        <v>18175</v>
      </c>
      <c r="B12093" t="s">
        <v>18177</v>
      </c>
      <c r="C12093">
        <v>0</v>
      </c>
      <c r="D12093">
        <v>0</v>
      </c>
    </row>
    <row r="12094" spans="1:4" x14ac:dyDescent="0.25">
      <c r="A12094" t="s">
        <v>18175</v>
      </c>
      <c r="B12094" t="s">
        <v>18178</v>
      </c>
      <c r="C12094">
        <v>2</v>
      </c>
      <c r="D12094">
        <v>0</v>
      </c>
    </row>
    <row r="12095" spans="1:4" x14ac:dyDescent="0.25">
      <c r="A12095" t="s">
        <v>18179</v>
      </c>
      <c r="B12095" t="s">
        <v>18180</v>
      </c>
      <c r="C12095">
        <v>0</v>
      </c>
      <c r="D12095">
        <v>0</v>
      </c>
    </row>
    <row r="12096" spans="1:4" x14ac:dyDescent="0.25">
      <c r="A12096" t="s">
        <v>18181</v>
      </c>
      <c r="B12096" t="s">
        <v>18182</v>
      </c>
      <c r="C12096">
        <v>0</v>
      </c>
      <c r="D12096">
        <v>0</v>
      </c>
    </row>
    <row r="12097" spans="1:4" x14ac:dyDescent="0.25">
      <c r="A12097" t="s">
        <v>18183</v>
      </c>
      <c r="B12097" t="s">
        <v>18184</v>
      </c>
      <c r="C12097">
        <v>1</v>
      </c>
      <c r="D12097">
        <v>0</v>
      </c>
    </row>
    <row r="12098" spans="1:4" x14ac:dyDescent="0.25">
      <c r="A12098" t="s">
        <v>18183</v>
      </c>
      <c r="B12098" t="s">
        <v>18185</v>
      </c>
      <c r="C12098">
        <v>0</v>
      </c>
      <c r="D12098">
        <v>0</v>
      </c>
    </row>
    <row r="12099" spans="1:4" x14ac:dyDescent="0.25">
      <c r="A12099" t="s">
        <v>18186</v>
      </c>
      <c r="B12099" t="s">
        <v>18187</v>
      </c>
      <c r="C12099">
        <v>1</v>
      </c>
      <c r="D12099">
        <v>0</v>
      </c>
    </row>
    <row r="12100" spans="1:4" x14ac:dyDescent="0.25">
      <c r="A12100" t="s">
        <v>18186</v>
      </c>
      <c r="B12100" t="s">
        <v>18188</v>
      </c>
      <c r="C12100">
        <v>0</v>
      </c>
      <c r="D12100">
        <v>0</v>
      </c>
    </row>
    <row r="12101" spans="1:4" x14ac:dyDescent="0.25">
      <c r="A12101" t="s">
        <v>18186</v>
      </c>
      <c r="B12101" t="s">
        <v>18189</v>
      </c>
      <c r="C12101">
        <v>0</v>
      </c>
      <c r="D12101">
        <v>0</v>
      </c>
    </row>
    <row r="12102" spans="1:4" x14ac:dyDescent="0.25">
      <c r="A12102" t="s">
        <v>18186</v>
      </c>
      <c r="B12102" t="s">
        <v>18190</v>
      </c>
      <c r="C12102">
        <v>2</v>
      </c>
      <c r="D12102">
        <v>0</v>
      </c>
    </row>
    <row r="12103" spans="1:4" x14ac:dyDescent="0.25">
      <c r="A12103" t="s">
        <v>18191</v>
      </c>
      <c r="B12103" t="s">
        <v>18192</v>
      </c>
      <c r="C12103">
        <v>1</v>
      </c>
      <c r="D12103">
        <v>0</v>
      </c>
    </row>
    <row r="12104" spans="1:4" x14ac:dyDescent="0.25">
      <c r="A12104" t="s">
        <v>18193</v>
      </c>
      <c r="B12104" t="s">
        <v>18194</v>
      </c>
      <c r="C12104">
        <v>2</v>
      </c>
      <c r="D12104">
        <v>0</v>
      </c>
    </row>
    <row r="12105" spans="1:4" x14ac:dyDescent="0.25">
      <c r="A12105" t="s">
        <v>18195</v>
      </c>
      <c r="B12105" t="s">
        <v>18196</v>
      </c>
      <c r="C12105">
        <v>1</v>
      </c>
      <c r="D12105">
        <v>0</v>
      </c>
    </row>
    <row r="12106" spans="1:4" x14ac:dyDescent="0.25">
      <c r="A12106" t="s">
        <v>18197</v>
      </c>
      <c r="B12106" t="s">
        <v>18198</v>
      </c>
      <c r="C12106">
        <v>1</v>
      </c>
      <c r="D12106">
        <v>0</v>
      </c>
    </row>
    <row r="12107" spans="1:4" x14ac:dyDescent="0.25">
      <c r="A12107" t="s">
        <v>18199</v>
      </c>
      <c r="B12107" t="s">
        <v>18200</v>
      </c>
      <c r="C12107">
        <v>2</v>
      </c>
      <c r="D12107">
        <v>0</v>
      </c>
    </row>
    <row r="12108" spans="1:4" x14ac:dyDescent="0.25">
      <c r="A12108" t="s">
        <v>18201</v>
      </c>
      <c r="B12108" t="s">
        <v>18202</v>
      </c>
      <c r="C12108">
        <v>1</v>
      </c>
      <c r="D12108">
        <v>0</v>
      </c>
    </row>
    <row r="12109" spans="1:4" x14ac:dyDescent="0.25">
      <c r="A12109" t="s">
        <v>18201</v>
      </c>
      <c r="B12109" t="s">
        <v>18203</v>
      </c>
      <c r="C12109">
        <v>1</v>
      </c>
      <c r="D12109">
        <v>0</v>
      </c>
    </row>
    <row r="12110" spans="1:4" x14ac:dyDescent="0.25">
      <c r="A12110" t="s">
        <v>18204</v>
      </c>
      <c r="B12110" t="s">
        <v>18205</v>
      </c>
      <c r="C12110">
        <v>1</v>
      </c>
      <c r="D12110">
        <v>0</v>
      </c>
    </row>
    <row r="12111" spans="1:4" x14ac:dyDescent="0.25">
      <c r="A12111" t="s">
        <v>18204</v>
      </c>
      <c r="B12111" t="s">
        <v>18206</v>
      </c>
      <c r="C12111">
        <v>0</v>
      </c>
      <c r="D12111">
        <v>0</v>
      </c>
    </row>
    <row r="12112" spans="1:4" x14ac:dyDescent="0.25">
      <c r="A12112" t="s">
        <v>18204</v>
      </c>
      <c r="B12112" t="s">
        <v>18207</v>
      </c>
      <c r="C12112">
        <v>2</v>
      </c>
      <c r="D12112">
        <v>0</v>
      </c>
    </row>
    <row r="12113" spans="1:4" x14ac:dyDescent="0.25">
      <c r="A12113" t="s">
        <v>18204</v>
      </c>
      <c r="B12113" t="s">
        <v>18208</v>
      </c>
      <c r="C12113">
        <v>2</v>
      </c>
      <c r="D12113">
        <v>0</v>
      </c>
    </row>
    <row r="12114" spans="1:4" x14ac:dyDescent="0.25">
      <c r="A12114" t="s">
        <v>18209</v>
      </c>
      <c r="B12114" t="s">
        <v>18210</v>
      </c>
      <c r="C12114">
        <v>1</v>
      </c>
      <c r="D12114">
        <v>0</v>
      </c>
    </row>
    <row r="12115" spans="1:4" x14ac:dyDescent="0.25">
      <c r="A12115" t="s">
        <v>18211</v>
      </c>
      <c r="B12115" t="s">
        <v>18212</v>
      </c>
      <c r="C12115">
        <v>1</v>
      </c>
      <c r="D12115">
        <v>0</v>
      </c>
    </row>
    <row r="12116" spans="1:4" x14ac:dyDescent="0.25">
      <c r="A12116" t="s">
        <v>18211</v>
      </c>
      <c r="B12116" t="s">
        <v>18213</v>
      </c>
      <c r="C12116">
        <v>2</v>
      </c>
      <c r="D12116">
        <v>0</v>
      </c>
    </row>
    <row r="12117" spans="1:4" x14ac:dyDescent="0.25">
      <c r="A12117" t="s">
        <v>18214</v>
      </c>
      <c r="B12117" t="s">
        <v>18215</v>
      </c>
      <c r="C12117">
        <v>1</v>
      </c>
      <c r="D12117">
        <v>0</v>
      </c>
    </row>
    <row r="12118" spans="1:4" x14ac:dyDescent="0.25">
      <c r="A12118" t="s">
        <v>18216</v>
      </c>
      <c r="B12118" t="s">
        <v>18217</v>
      </c>
      <c r="C12118">
        <v>1</v>
      </c>
      <c r="D12118">
        <v>0</v>
      </c>
    </row>
    <row r="12119" spans="1:4" x14ac:dyDescent="0.25">
      <c r="A12119" t="s">
        <v>18216</v>
      </c>
      <c r="B12119" t="s">
        <v>18218</v>
      </c>
      <c r="C12119">
        <v>0</v>
      </c>
      <c r="D12119">
        <v>0</v>
      </c>
    </row>
    <row r="12120" spans="1:4" x14ac:dyDescent="0.25">
      <c r="A12120" t="s">
        <v>18219</v>
      </c>
      <c r="B12120" t="s">
        <v>18220</v>
      </c>
      <c r="C12120">
        <v>1</v>
      </c>
      <c r="D12120">
        <v>0</v>
      </c>
    </row>
    <row r="12121" spans="1:4" x14ac:dyDescent="0.25">
      <c r="A12121" t="s">
        <v>18219</v>
      </c>
      <c r="B12121" t="s">
        <v>18221</v>
      </c>
      <c r="C12121">
        <v>0</v>
      </c>
      <c r="D12121">
        <v>0</v>
      </c>
    </row>
    <row r="12122" spans="1:4" x14ac:dyDescent="0.25">
      <c r="A12122" t="s">
        <v>18222</v>
      </c>
      <c r="B12122" t="s">
        <v>18223</v>
      </c>
      <c r="C12122">
        <v>1</v>
      </c>
      <c r="D12122">
        <v>0</v>
      </c>
    </row>
    <row r="12123" spans="1:4" x14ac:dyDescent="0.25">
      <c r="A12123" t="s">
        <v>18222</v>
      </c>
      <c r="B12123" t="s">
        <v>18224</v>
      </c>
      <c r="C12123">
        <v>0</v>
      </c>
      <c r="D12123">
        <v>0</v>
      </c>
    </row>
    <row r="12124" spans="1:4" x14ac:dyDescent="0.25">
      <c r="A12124" t="s">
        <v>18225</v>
      </c>
      <c r="B12124" t="s">
        <v>18226</v>
      </c>
      <c r="C12124">
        <v>0</v>
      </c>
      <c r="D12124">
        <v>0</v>
      </c>
    </row>
    <row r="12125" spans="1:4" x14ac:dyDescent="0.25">
      <c r="A12125" t="s">
        <v>18227</v>
      </c>
      <c r="B12125" t="s">
        <v>18228</v>
      </c>
      <c r="C12125">
        <v>1</v>
      </c>
      <c r="D12125">
        <v>0</v>
      </c>
    </row>
    <row r="12126" spans="1:4" x14ac:dyDescent="0.25">
      <c r="A12126" t="s">
        <v>18229</v>
      </c>
      <c r="B12126" t="s">
        <v>18230</v>
      </c>
      <c r="C12126">
        <v>1</v>
      </c>
      <c r="D12126">
        <v>0</v>
      </c>
    </row>
    <row r="12127" spans="1:4" x14ac:dyDescent="0.25">
      <c r="A12127" t="s">
        <v>18231</v>
      </c>
      <c r="B12127" t="s">
        <v>18232</v>
      </c>
      <c r="C12127">
        <v>0</v>
      </c>
      <c r="D12127">
        <v>0</v>
      </c>
    </row>
    <row r="12128" spans="1:4" x14ac:dyDescent="0.25">
      <c r="A12128" t="s">
        <v>18233</v>
      </c>
      <c r="B12128" t="s">
        <v>18234</v>
      </c>
      <c r="C12128">
        <v>0</v>
      </c>
      <c r="D12128">
        <v>0</v>
      </c>
    </row>
    <row r="12129" spans="1:4" x14ac:dyDescent="0.25">
      <c r="A12129" t="s">
        <v>18235</v>
      </c>
      <c r="B12129" t="s">
        <v>18236</v>
      </c>
      <c r="C12129">
        <v>2</v>
      </c>
      <c r="D12129">
        <v>0</v>
      </c>
    </row>
    <row r="12130" spans="1:4" x14ac:dyDescent="0.25">
      <c r="A12130" t="s">
        <v>18237</v>
      </c>
      <c r="B12130" t="s">
        <v>18238</v>
      </c>
      <c r="C12130">
        <v>1</v>
      </c>
      <c r="D12130">
        <v>0</v>
      </c>
    </row>
    <row r="12131" spans="1:4" x14ac:dyDescent="0.25">
      <c r="A12131" t="s">
        <v>18239</v>
      </c>
      <c r="B12131" t="s">
        <v>18240</v>
      </c>
      <c r="C12131">
        <v>1</v>
      </c>
      <c r="D12131">
        <v>0</v>
      </c>
    </row>
    <row r="12132" spans="1:4" x14ac:dyDescent="0.25">
      <c r="A12132" t="s">
        <v>18241</v>
      </c>
      <c r="B12132" t="s">
        <v>5434</v>
      </c>
      <c r="C12132">
        <v>1</v>
      </c>
      <c r="D12132">
        <v>0</v>
      </c>
    </row>
    <row r="12133" spans="1:4" x14ac:dyDescent="0.25">
      <c r="A12133" t="s">
        <v>18242</v>
      </c>
      <c r="B12133" t="s">
        <v>18243</v>
      </c>
      <c r="C12133">
        <v>0</v>
      </c>
      <c r="D12133">
        <v>0</v>
      </c>
    </row>
    <row r="12134" spans="1:4" x14ac:dyDescent="0.25">
      <c r="A12134" t="s">
        <v>18244</v>
      </c>
      <c r="B12134" t="s">
        <v>18245</v>
      </c>
      <c r="C12134">
        <v>0</v>
      </c>
      <c r="D12134">
        <v>0</v>
      </c>
    </row>
    <row r="12135" spans="1:4" x14ac:dyDescent="0.25">
      <c r="A12135" t="s">
        <v>18244</v>
      </c>
      <c r="B12135" t="s">
        <v>18246</v>
      </c>
      <c r="C12135">
        <v>2</v>
      </c>
      <c r="D12135">
        <v>0</v>
      </c>
    </row>
    <row r="12136" spans="1:4" x14ac:dyDescent="0.25">
      <c r="A12136" t="s">
        <v>18247</v>
      </c>
      <c r="B12136" t="s">
        <v>18248</v>
      </c>
      <c r="C12136">
        <v>1</v>
      </c>
      <c r="D12136">
        <v>0</v>
      </c>
    </row>
    <row r="12137" spans="1:4" x14ac:dyDescent="0.25">
      <c r="A12137" t="s">
        <v>18249</v>
      </c>
      <c r="B12137" t="s">
        <v>18250</v>
      </c>
      <c r="C12137">
        <v>2</v>
      </c>
      <c r="D12137">
        <v>0</v>
      </c>
    </row>
    <row r="12138" spans="1:4" x14ac:dyDescent="0.25">
      <c r="A12138" t="s">
        <v>18251</v>
      </c>
      <c r="B12138" t="s">
        <v>18252</v>
      </c>
      <c r="C12138">
        <v>2</v>
      </c>
      <c r="D12138">
        <v>0</v>
      </c>
    </row>
    <row r="12139" spans="1:4" x14ac:dyDescent="0.25">
      <c r="A12139" t="s">
        <v>18253</v>
      </c>
      <c r="B12139" t="s">
        <v>18254</v>
      </c>
      <c r="C12139">
        <v>1</v>
      </c>
      <c r="D12139">
        <v>0</v>
      </c>
    </row>
    <row r="12140" spans="1:4" x14ac:dyDescent="0.25">
      <c r="A12140" t="s">
        <v>18253</v>
      </c>
      <c r="B12140" t="s">
        <v>18255</v>
      </c>
      <c r="C12140">
        <v>2</v>
      </c>
      <c r="D12140">
        <v>0</v>
      </c>
    </row>
    <row r="12141" spans="1:4" x14ac:dyDescent="0.25">
      <c r="A12141" t="s">
        <v>18256</v>
      </c>
      <c r="B12141" t="s">
        <v>18257</v>
      </c>
      <c r="C12141">
        <v>2</v>
      </c>
      <c r="D12141">
        <v>0</v>
      </c>
    </row>
    <row r="12142" spans="1:4" x14ac:dyDescent="0.25">
      <c r="A12142" t="s">
        <v>18258</v>
      </c>
      <c r="B12142" t="s">
        <v>18259</v>
      </c>
      <c r="C12142">
        <v>0</v>
      </c>
      <c r="D12142">
        <v>0</v>
      </c>
    </row>
    <row r="12143" spans="1:4" x14ac:dyDescent="0.25">
      <c r="A12143" t="s">
        <v>18260</v>
      </c>
      <c r="B12143" t="s">
        <v>18261</v>
      </c>
      <c r="C12143">
        <v>1</v>
      </c>
      <c r="D12143">
        <v>0</v>
      </c>
    </row>
    <row r="12144" spans="1:4" x14ac:dyDescent="0.25">
      <c r="A12144" t="s">
        <v>18260</v>
      </c>
      <c r="B12144" t="s">
        <v>18262</v>
      </c>
      <c r="C12144">
        <v>0</v>
      </c>
      <c r="D12144">
        <v>0</v>
      </c>
    </row>
    <row r="12145" spans="1:4" x14ac:dyDescent="0.25">
      <c r="A12145" t="s">
        <v>18263</v>
      </c>
      <c r="B12145" t="s">
        <v>18264</v>
      </c>
      <c r="C12145">
        <v>1</v>
      </c>
      <c r="D12145">
        <v>0</v>
      </c>
    </row>
    <row r="12146" spans="1:4" x14ac:dyDescent="0.25">
      <c r="A12146" t="s">
        <v>18265</v>
      </c>
      <c r="B12146" t="s">
        <v>18266</v>
      </c>
      <c r="C12146">
        <v>1</v>
      </c>
      <c r="D12146">
        <v>0</v>
      </c>
    </row>
    <row r="12147" spans="1:4" x14ac:dyDescent="0.25">
      <c r="A12147" t="s">
        <v>18267</v>
      </c>
      <c r="B12147" t="s">
        <v>18268</v>
      </c>
      <c r="C12147">
        <v>2</v>
      </c>
      <c r="D12147">
        <v>0</v>
      </c>
    </row>
    <row r="12148" spans="1:4" x14ac:dyDescent="0.25">
      <c r="A12148" t="s">
        <v>18269</v>
      </c>
      <c r="B12148" t="s">
        <v>18270</v>
      </c>
      <c r="C12148">
        <v>1</v>
      </c>
      <c r="D12148">
        <v>0</v>
      </c>
    </row>
    <row r="12149" spans="1:4" x14ac:dyDescent="0.25">
      <c r="A12149" t="s">
        <v>18271</v>
      </c>
      <c r="B12149" t="s">
        <v>18272</v>
      </c>
      <c r="C12149">
        <v>1</v>
      </c>
      <c r="D12149">
        <v>0</v>
      </c>
    </row>
    <row r="12150" spans="1:4" x14ac:dyDescent="0.25">
      <c r="A12150" t="s">
        <v>18273</v>
      </c>
      <c r="B12150" t="s">
        <v>18274</v>
      </c>
      <c r="C12150">
        <v>2</v>
      </c>
      <c r="D12150">
        <v>0</v>
      </c>
    </row>
    <row r="12151" spans="1:4" x14ac:dyDescent="0.25">
      <c r="A12151" t="s">
        <v>18275</v>
      </c>
      <c r="B12151" t="s">
        <v>18276</v>
      </c>
      <c r="C12151">
        <v>2</v>
      </c>
      <c r="D12151">
        <v>0</v>
      </c>
    </row>
    <row r="12152" spans="1:4" x14ac:dyDescent="0.25">
      <c r="A12152" t="s">
        <v>18277</v>
      </c>
      <c r="B12152" t="s">
        <v>18278</v>
      </c>
      <c r="C12152">
        <v>1</v>
      </c>
      <c r="D12152">
        <v>0</v>
      </c>
    </row>
    <row r="12153" spans="1:4" x14ac:dyDescent="0.25">
      <c r="A12153" t="s">
        <v>18279</v>
      </c>
      <c r="B12153" t="s">
        <v>18280</v>
      </c>
      <c r="C12153">
        <v>2</v>
      </c>
      <c r="D12153">
        <v>0</v>
      </c>
    </row>
    <row r="12154" spans="1:4" x14ac:dyDescent="0.25">
      <c r="A12154" t="s">
        <v>18281</v>
      </c>
      <c r="B12154" t="s">
        <v>18282</v>
      </c>
      <c r="C12154">
        <v>0</v>
      </c>
      <c r="D12154">
        <v>0</v>
      </c>
    </row>
    <row r="12155" spans="1:4" x14ac:dyDescent="0.25">
      <c r="A12155" t="s">
        <v>18283</v>
      </c>
      <c r="B12155" t="s">
        <v>18284</v>
      </c>
      <c r="C12155">
        <v>0</v>
      </c>
      <c r="D12155">
        <v>0</v>
      </c>
    </row>
    <row r="12156" spans="1:4" x14ac:dyDescent="0.25">
      <c r="A12156" t="s">
        <v>18285</v>
      </c>
      <c r="B12156" t="s">
        <v>18286</v>
      </c>
      <c r="C12156">
        <v>2</v>
      </c>
      <c r="D12156">
        <v>0</v>
      </c>
    </row>
    <row r="12157" spans="1:4" x14ac:dyDescent="0.25">
      <c r="A12157" t="s">
        <v>18287</v>
      </c>
      <c r="B12157" t="s">
        <v>18288</v>
      </c>
      <c r="C12157">
        <v>1</v>
      </c>
      <c r="D12157">
        <v>0</v>
      </c>
    </row>
    <row r="12158" spans="1:4" x14ac:dyDescent="0.25">
      <c r="A12158" t="s">
        <v>18289</v>
      </c>
      <c r="B12158" t="s">
        <v>18290</v>
      </c>
      <c r="C12158">
        <v>1</v>
      </c>
      <c r="D12158">
        <v>0</v>
      </c>
    </row>
    <row r="12159" spans="1:4" x14ac:dyDescent="0.25">
      <c r="A12159" t="s">
        <v>18291</v>
      </c>
      <c r="B12159" t="s">
        <v>18292</v>
      </c>
      <c r="C12159">
        <v>2</v>
      </c>
      <c r="D12159">
        <v>0</v>
      </c>
    </row>
    <row r="12160" spans="1:4" x14ac:dyDescent="0.25">
      <c r="A12160" t="s">
        <v>18293</v>
      </c>
      <c r="B12160" t="s">
        <v>18294</v>
      </c>
      <c r="C12160">
        <v>2</v>
      </c>
      <c r="D12160">
        <v>0</v>
      </c>
    </row>
    <row r="12161" spans="1:4" x14ac:dyDescent="0.25">
      <c r="A12161" t="s">
        <v>18295</v>
      </c>
      <c r="B12161" t="s">
        <v>18296</v>
      </c>
      <c r="C12161">
        <v>2</v>
      </c>
      <c r="D12161">
        <v>0</v>
      </c>
    </row>
    <row r="12162" spans="1:4" x14ac:dyDescent="0.25">
      <c r="A12162" t="s">
        <v>18295</v>
      </c>
      <c r="B12162" t="s">
        <v>18297</v>
      </c>
      <c r="C12162">
        <v>2</v>
      </c>
      <c r="D12162">
        <v>0</v>
      </c>
    </row>
    <row r="12163" spans="1:4" x14ac:dyDescent="0.25">
      <c r="A12163" t="s">
        <v>18298</v>
      </c>
      <c r="B12163" t="s">
        <v>18299</v>
      </c>
      <c r="C12163">
        <v>1</v>
      </c>
      <c r="D12163">
        <v>0</v>
      </c>
    </row>
    <row r="12164" spans="1:4" x14ac:dyDescent="0.25">
      <c r="A12164" t="s">
        <v>18300</v>
      </c>
      <c r="B12164" t="s">
        <v>18301</v>
      </c>
      <c r="C12164">
        <v>1</v>
      </c>
      <c r="D12164">
        <v>0</v>
      </c>
    </row>
    <row r="12165" spans="1:4" x14ac:dyDescent="0.25">
      <c r="A12165" t="s">
        <v>18300</v>
      </c>
      <c r="B12165" t="s">
        <v>18302</v>
      </c>
      <c r="C12165">
        <v>0</v>
      </c>
      <c r="D12165">
        <v>0</v>
      </c>
    </row>
    <row r="12166" spans="1:4" x14ac:dyDescent="0.25">
      <c r="A12166" t="s">
        <v>18300</v>
      </c>
      <c r="B12166" t="s">
        <v>18303</v>
      </c>
      <c r="C12166">
        <v>2</v>
      </c>
      <c r="D12166">
        <v>0</v>
      </c>
    </row>
    <row r="12167" spans="1:4" x14ac:dyDescent="0.25">
      <c r="A12167" t="s">
        <v>18304</v>
      </c>
      <c r="B12167" t="s">
        <v>5434</v>
      </c>
      <c r="C12167">
        <v>1</v>
      </c>
      <c r="D12167">
        <v>0</v>
      </c>
    </row>
    <row r="12168" spans="1:4" x14ac:dyDescent="0.25">
      <c r="A12168" t="s">
        <v>18305</v>
      </c>
      <c r="B12168" t="s">
        <v>18306</v>
      </c>
      <c r="C12168">
        <v>1</v>
      </c>
      <c r="D12168">
        <v>0</v>
      </c>
    </row>
    <row r="12169" spans="1:4" x14ac:dyDescent="0.25">
      <c r="A12169" t="s">
        <v>18307</v>
      </c>
      <c r="B12169" t="s">
        <v>18308</v>
      </c>
      <c r="C12169">
        <v>1</v>
      </c>
      <c r="D12169">
        <v>0</v>
      </c>
    </row>
    <row r="12170" spans="1:4" x14ac:dyDescent="0.25">
      <c r="A12170" t="s">
        <v>18307</v>
      </c>
      <c r="B12170" t="s">
        <v>18309</v>
      </c>
      <c r="C12170">
        <v>2</v>
      </c>
      <c r="D12170">
        <v>0</v>
      </c>
    </row>
    <row r="12171" spans="1:4" x14ac:dyDescent="0.25">
      <c r="A12171" t="s">
        <v>18310</v>
      </c>
      <c r="B12171" t="s">
        <v>18311</v>
      </c>
      <c r="C12171">
        <v>2</v>
      </c>
      <c r="D12171">
        <v>0</v>
      </c>
    </row>
    <row r="12172" spans="1:4" x14ac:dyDescent="0.25">
      <c r="A12172" t="s">
        <v>18310</v>
      </c>
      <c r="B12172" t="s">
        <v>18312</v>
      </c>
      <c r="C12172">
        <v>2</v>
      </c>
      <c r="D12172">
        <v>0</v>
      </c>
    </row>
    <row r="12173" spans="1:4" x14ac:dyDescent="0.25">
      <c r="A12173" t="s">
        <v>18313</v>
      </c>
      <c r="B12173" t="s">
        <v>18314</v>
      </c>
      <c r="C12173">
        <v>1</v>
      </c>
      <c r="D12173">
        <v>0</v>
      </c>
    </row>
    <row r="12174" spans="1:4" x14ac:dyDescent="0.25">
      <c r="A12174" t="s">
        <v>18315</v>
      </c>
      <c r="B12174" t="s">
        <v>18316</v>
      </c>
      <c r="C12174">
        <v>1</v>
      </c>
      <c r="D12174">
        <v>0</v>
      </c>
    </row>
    <row r="12175" spans="1:4" x14ac:dyDescent="0.25">
      <c r="A12175" t="s">
        <v>18315</v>
      </c>
      <c r="B12175" t="s">
        <v>18317</v>
      </c>
      <c r="C12175">
        <v>0</v>
      </c>
      <c r="D12175">
        <v>0</v>
      </c>
    </row>
    <row r="12176" spans="1:4" x14ac:dyDescent="0.25">
      <c r="A12176" t="s">
        <v>18315</v>
      </c>
      <c r="B12176" t="s">
        <v>18318</v>
      </c>
      <c r="C12176">
        <v>2</v>
      </c>
      <c r="D12176">
        <v>0</v>
      </c>
    </row>
    <row r="12177" spans="1:4" x14ac:dyDescent="0.25">
      <c r="A12177" t="s">
        <v>18319</v>
      </c>
      <c r="B12177" t="s">
        <v>18320</v>
      </c>
      <c r="C12177">
        <v>1</v>
      </c>
      <c r="D12177">
        <v>0</v>
      </c>
    </row>
    <row r="12178" spans="1:4" x14ac:dyDescent="0.25">
      <c r="A12178" t="s">
        <v>18321</v>
      </c>
      <c r="B12178" t="s">
        <v>18322</v>
      </c>
      <c r="C12178">
        <v>2</v>
      </c>
      <c r="D12178">
        <v>0</v>
      </c>
    </row>
    <row r="12179" spans="1:4" x14ac:dyDescent="0.25">
      <c r="A12179" t="s">
        <v>18323</v>
      </c>
      <c r="B12179" t="s">
        <v>18324</v>
      </c>
      <c r="C12179">
        <v>1</v>
      </c>
      <c r="D12179">
        <v>0</v>
      </c>
    </row>
    <row r="12180" spans="1:4" x14ac:dyDescent="0.25">
      <c r="A12180" t="s">
        <v>18325</v>
      </c>
      <c r="B12180" t="s">
        <v>18326</v>
      </c>
      <c r="C12180">
        <v>1</v>
      </c>
      <c r="D12180">
        <v>0</v>
      </c>
    </row>
    <row r="12181" spans="1:4" x14ac:dyDescent="0.25">
      <c r="A12181" t="s">
        <v>18325</v>
      </c>
      <c r="B12181" t="s">
        <v>18327</v>
      </c>
      <c r="C12181">
        <v>0</v>
      </c>
      <c r="D12181">
        <v>0</v>
      </c>
    </row>
    <row r="12182" spans="1:4" x14ac:dyDescent="0.25">
      <c r="A12182" t="s">
        <v>18328</v>
      </c>
      <c r="B12182" t="s">
        <v>18329</v>
      </c>
      <c r="C12182">
        <v>1</v>
      </c>
      <c r="D12182">
        <v>0</v>
      </c>
    </row>
    <row r="12183" spans="1:4" x14ac:dyDescent="0.25">
      <c r="A12183" t="s">
        <v>18330</v>
      </c>
      <c r="B12183" t="s">
        <v>18331</v>
      </c>
      <c r="C12183">
        <v>1</v>
      </c>
      <c r="D12183">
        <v>0</v>
      </c>
    </row>
    <row r="12184" spans="1:4" x14ac:dyDescent="0.25">
      <c r="A12184" t="s">
        <v>18332</v>
      </c>
      <c r="B12184" t="s">
        <v>18333</v>
      </c>
      <c r="C12184">
        <v>2</v>
      </c>
      <c r="D12184">
        <v>0</v>
      </c>
    </row>
    <row r="12185" spans="1:4" x14ac:dyDescent="0.25">
      <c r="A12185" t="s">
        <v>18334</v>
      </c>
      <c r="B12185" t="s">
        <v>18335</v>
      </c>
      <c r="C12185">
        <v>1</v>
      </c>
      <c r="D12185">
        <v>0</v>
      </c>
    </row>
    <row r="12186" spans="1:4" x14ac:dyDescent="0.25">
      <c r="A12186" t="s">
        <v>18336</v>
      </c>
      <c r="B12186" t="s">
        <v>18337</v>
      </c>
      <c r="C12186">
        <v>0</v>
      </c>
      <c r="D12186">
        <v>0</v>
      </c>
    </row>
    <row r="12187" spans="1:4" x14ac:dyDescent="0.25">
      <c r="A12187" t="s">
        <v>18338</v>
      </c>
      <c r="B12187" t="s">
        <v>18339</v>
      </c>
      <c r="C12187">
        <v>1</v>
      </c>
      <c r="D12187">
        <v>0</v>
      </c>
    </row>
    <row r="12188" spans="1:4" x14ac:dyDescent="0.25">
      <c r="A12188" t="s">
        <v>18340</v>
      </c>
      <c r="B12188" t="s">
        <v>18341</v>
      </c>
      <c r="C12188">
        <v>1</v>
      </c>
      <c r="D12188">
        <v>0</v>
      </c>
    </row>
    <row r="12189" spans="1:4" x14ac:dyDescent="0.25">
      <c r="A12189" t="s">
        <v>18342</v>
      </c>
      <c r="B12189" t="s">
        <v>18343</v>
      </c>
      <c r="C12189">
        <v>1</v>
      </c>
      <c r="D12189">
        <v>0</v>
      </c>
    </row>
    <row r="12190" spans="1:4" x14ac:dyDescent="0.25">
      <c r="A12190" t="s">
        <v>18344</v>
      </c>
      <c r="B12190" t="s">
        <v>18345</v>
      </c>
      <c r="C12190">
        <v>1</v>
      </c>
      <c r="D12190">
        <v>0</v>
      </c>
    </row>
    <row r="12191" spans="1:4" x14ac:dyDescent="0.25">
      <c r="A12191" t="s">
        <v>18346</v>
      </c>
      <c r="B12191" t="s">
        <v>18347</v>
      </c>
      <c r="C12191">
        <v>1</v>
      </c>
      <c r="D12191">
        <v>0</v>
      </c>
    </row>
    <row r="12192" spans="1:4" x14ac:dyDescent="0.25">
      <c r="A12192" t="s">
        <v>18348</v>
      </c>
      <c r="B12192" t="s">
        <v>18349</v>
      </c>
      <c r="C12192">
        <v>0</v>
      </c>
      <c r="D12192">
        <v>0</v>
      </c>
    </row>
    <row r="12193" spans="1:4" x14ac:dyDescent="0.25">
      <c r="A12193" t="s">
        <v>18350</v>
      </c>
      <c r="B12193" t="s">
        <v>18351</v>
      </c>
      <c r="C12193">
        <v>2</v>
      </c>
      <c r="D12193">
        <v>0</v>
      </c>
    </row>
    <row r="12194" spans="1:4" x14ac:dyDescent="0.25">
      <c r="A12194" t="s">
        <v>18352</v>
      </c>
      <c r="B12194" t="s">
        <v>18353</v>
      </c>
      <c r="C12194">
        <v>1</v>
      </c>
      <c r="D12194">
        <v>0</v>
      </c>
    </row>
    <row r="12195" spans="1:4" x14ac:dyDescent="0.25">
      <c r="A12195" t="s">
        <v>18354</v>
      </c>
      <c r="B12195" t="s">
        <v>18355</v>
      </c>
      <c r="C12195">
        <v>0</v>
      </c>
      <c r="D12195">
        <v>0</v>
      </c>
    </row>
    <row r="12196" spans="1:4" x14ac:dyDescent="0.25">
      <c r="A12196" t="s">
        <v>18356</v>
      </c>
      <c r="B12196" t="s">
        <v>18357</v>
      </c>
      <c r="C12196">
        <v>2</v>
      </c>
      <c r="D12196">
        <v>0</v>
      </c>
    </row>
    <row r="12197" spans="1:4" x14ac:dyDescent="0.25">
      <c r="A12197" t="s">
        <v>18358</v>
      </c>
      <c r="B12197" t="s">
        <v>18359</v>
      </c>
      <c r="C12197">
        <v>1</v>
      </c>
      <c r="D12197">
        <v>0</v>
      </c>
    </row>
    <row r="12198" spans="1:4" x14ac:dyDescent="0.25">
      <c r="A12198" t="s">
        <v>18360</v>
      </c>
      <c r="B12198" t="s">
        <v>18361</v>
      </c>
      <c r="C12198">
        <v>0</v>
      </c>
      <c r="D12198">
        <v>0</v>
      </c>
    </row>
    <row r="12199" spans="1:4" x14ac:dyDescent="0.25">
      <c r="A12199" t="s">
        <v>18362</v>
      </c>
      <c r="B12199" t="s">
        <v>18363</v>
      </c>
      <c r="C12199">
        <v>0</v>
      </c>
      <c r="D12199">
        <v>0</v>
      </c>
    </row>
    <row r="12200" spans="1:4" x14ac:dyDescent="0.25">
      <c r="A12200" t="s">
        <v>18364</v>
      </c>
      <c r="B12200" t="s">
        <v>5713</v>
      </c>
      <c r="C12200">
        <v>1</v>
      </c>
      <c r="D12200">
        <v>0</v>
      </c>
    </row>
    <row r="12201" spans="1:4" x14ac:dyDescent="0.25">
      <c r="A12201" t="s">
        <v>18365</v>
      </c>
      <c r="B12201" t="s">
        <v>18366</v>
      </c>
      <c r="C12201">
        <v>0</v>
      </c>
      <c r="D12201">
        <v>0</v>
      </c>
    </row>
    <row r="12202" spans="1:4" x14ac:dyDescent="0.25">
      <c r="A12202" t="s">
        <v>18367</v>
      </c>
      <c r="B12202" t="s">
        <v>18368</v>
      </c>
      <c r="C12202">
        <v>1</v>
      </c>
      <c r="D12202">
        <v>0</v>
      </c>
    </row>
    <row r="12203" spans="1:4" x14ac:dyDescent="0.25">
      <c r="A12203" t="s">
        <v>18369</v>
      </c>
      <c r="B12203" t="s">
        <v>18370</v>
      </c>
      <c r="C12203">
        <v>2</v>
      </c>
      <c r="D12203">
        <v>0</v>
      </c>
    </row>
    <row r="12204" spans="1:4" x14ac:dyDescent="0.25">
      <c r="A12204" t="s">
        <v>18371</v>
      </c>
      <c r="B12204" t="s">
        <v>18372</v>
      </c>
      <c r="C12204">
        <v>1</v>
      </c>
      <c r="D12204">
        <v>0</v>
      </c>
    </row>
    <row r="12205" spans="1:4" x14ac:dyDescent="0.25">
      <c r="A12205" t="s">
        <v>18373</v>
      </c>
      <c r="B12205" t="s">
        <v>18374</v>
      </c>
      <c r="C12205">
        <v>2</v>
      </c>
      <c r="D12205">
        <v>0</v>
      </c>
    </row>
    <row r="12206" spans="1:4" x14ac:dyDescent="0.25">
      <c r="A12206" t="s">
        <v>18375</v>
      </c>
      <c r="B12206" t="s">
        <v>18376</v>
      </c>
      <c r="C12206">
        <v>1</v>
      </c>
      <c r="D12206">
        <v>0</v>
      </c>
    </row>
    <row r="12207" spans="1:4" x14ac:dyDescent="0.25">
      <c r="A12207" t="s">
        <v>18377</v>
      </c>
      <c r="B12207" t="s">
        <v>18378</v>
      </c>
      <c r="C12207">
        <v>0</v>
      </c>
      <c r="D12207">
        <v>0</v>
      </c>
    </row>
    <row r="12208" spans="1:4" x14ac:dyDescent="0.25">
      <c r="A12208" t="s">
        <v>18379</v>
      </c>
      <c r="B12208" t="s">
        <v>5713</v>
      </c>
      <c r="C12208">
        <v>1</v>
      </c>
      <c r="D12208">
        <v>0</v>
      </c>
    </row>
    <row r="12209" spans="1:4" x14ac:dyDescent="0.25">
      <c r="A12209" t="s">
        <v>18380</v>
      </c>
      <c r="B12209" t="s">
        <v>18381</v>
      </c>
      <c r="C12209">
        <v>0</v>
      </c>
      <c r="D12209">
        <v>0</v>
      </c>
    </row>
    <row r="12210" spans="1:4" x14ac:dyDescent="0.25">
      <c r="A12210" t="s">
        <v>18382</v>
      </c>
      <c r="B12210" t="s">
        <v>18383</v>
      </c>
      <c r="C12210">
        <v>0</v>
      </c>
      <c r="D12210">
        <v>0</v>
      </c>
    </row>
    <row r="12211" spans="1:4" x14ac:dyDescent="0.25">
      <c r="A12211" t="s">
        <v>18384</v>
      </c>
      <c r="B12211" t="s">
        <v>18385</v>
      </c>
      <c r="C12211">
        <v>0</v>
      </c>
      <c r="D12211">
        <v>0</v>
      </c>
    </row>
    <row r="12212" spans="1:4" x14ac:dyDescent="0.25">
      <c r="A12212" t="s">
        <v>18386</v>
      </c>
      <c r="B12212" t="s">
        <v>18387</v>
      </c>
      <c r="C12212">
        <v>0</v>
      </c>
      <c r="D12212">
        <v>0</v>
      </c>
    </row>
    <row r="12213" spans="1:4" x14ac:dyDescent="0.25">
      <c r="A12213" t="s">
        <v>18388</v>
      </c>
      <c r="B12213" t="s">
        <v>18389</v>
      </c>
      <c r="C12213">
        <v>2</v>
      </c>
      <c r="D12213">
        <v>0</v>
      </c>
    </row>
    <row r="12214" spans="1:4" x14ac:dyDescent="0.25">
      <c r="A12214" t="s">
        <v>18390</v>
      </c>
      <c r="B12214" t="s">
        <v>18391</v>
      </c>
      <c r="C12214">
        <v>1</v>
      </c>
      <c r="D12214">
        <v>0</v>
      </c>
    </row>
    <row r="12215" spans="1:4" x14ac:dyDescent="0.25">
      <c r="A12215" t="s">
        <v>18390</v>
      </c>
      <c r="B12215" t="s">
        <v>18392</v>
      </c>
      <c r="C12215">
        <v>0</v>
      </c>
      <c r="D12215">
        <v>0</v>
      </c>
    </row>
    <row r="12216" spans="1:4" x14ac:dyDescent="0.25">
      <c r="A12216" t="s">
        <v>18393</v>
      </c>
      <c r="B12216" t="s">
        <v>18394</v>
      </c>
      <c r="C12216">
        <v>2</v>
      </c>
      <c r="D12216">
        <v>0</v>
      </c>
    </row>
    <row r="12217" spans="1:4" x14ac:dyDescent="0.25">
      <c r="A12217" t="s">
        <v>18395</v>
      </c>
      <c r="B12217" t="s">
        <v>18396</v>
      </c>
      <c r="C12217">
        <v>0</v>
      </c>
      <c r="D12217">
        <v>0</v>
      </c>
    </row>
    <row r="12218" spans="1:4" x14ac:dyDescent="0.25">
      <c r="A12218" t="s">
        <v>18397</v>
      </c>
      <c r="B12218" t="s">
        <v>18398</v>
      </c>
      <c r="C12218">
        <v>1</v>
      </c>
      <c r="D12218">
        <v>0</v>
      </c>
    </row>
    <row r="12219" spans="1:4" x14ac:dyDescent="0.25">
      <c r="A12219" t="s">
        <v>18399</v>
      </c>
      <c r="B12219" t="s">
        <v>18400</v>
      </c>
      <c r="C12219">
        <v>0</v>
      </c>
      <c r="D12219">
        <v>0</v>
      </c>
    </row>
    <row r="12220" spans="1:4" x14ac:dyDescent="0.25">
      <c r="A12220" t="s">
        <v>18399</v>
      </c>
      <c r="B12220" t="s">
        <v>18401</v>
      </c>
      <c r="C12220">
        <v>0</v>
      </c>
      <c r="D12220">
        <v>0</v>
      </c>
    </row>
    <row r="12221" spans="1:4" x14ac:dyDescent="0.25">
      <c r="A12221" t="s">
        <v>18399</v>
      </c>
      <c r="B12221" t="s">
        <v>18402</v>
      </c>
      <c r="C12221">
        <v>2</v>
      </c>
      <c r="D12221">
        <v>0</v>
      </c>
    </row>
    <row r="12222" spans="1:4" x14ac:dyDescent="0.25">
      <c r="A12222" t="s">
        <v>18403</v>
      </c>
      <c r="B12222" t="s">
        <v>18404</v>
      </c>
      <c r="C12222">
        <v>2</v>
      </c>
      <c r="D12222">
        <v>0</v>
      </c>
    </row>
    <row r="12223" spans="1:4" x14ac:dyDescent="0.25">
      <c r="A12223" t="s">
        <v>18405</v>
      </c>
      <c r="B12223" t="s">
        <v>18406</v>
      </c>
      <c r="C12223">
        <v>1</v>
      </c>
      <c r="D12223">
        <v>0</v>
      </c>
    </row>
    <row r="12224" spans="1:4" x14ac:dyDescent="0.25">
      <c r="A12224" t="s">
        <v>18407</v>
      </c>
      <c r="B12224" t="s">
        <v>18408</v>
      </c>
      <c r="C12224">
        <v>0</v>
      </c>
      <c r="D12224">
        <v>0</v>
      </c>
    </row>
    <row r="12225" spans="1:4" x14ac:dyDescent="0.25">
      <c r="A12225" t="s">
        <v>18409</v>
      </c>
      <c r="B12225" t="s">
        <v>18410</v>
      </c>
      <c r="C12225">
        <v>1</v>
      </c>
      <c r="D12225">
        <v>0</v>
      </c>
    </row>
    <row r="12226" spans="1:4" x14ac:dyDescent="0.25">
      <c r="A12226" t="s">
        <v>18411</v>
      </c>
      <c r="B12226" t="s">
        <v>18412</v>
      </c>
      <c r="C12226">
        <v>1</v>
      </c>
      <c r="D12226">
        <v>0</v>
      </c>
    </row>
    <row r="12227" spans="1:4" x14ac:dyDescent="0.25">
      <c r="A12227" t="s">
        <v>18411</v>
      </c>
      <c r="B12227" t="s">
        <v>18413</v>
      </c>
      <c r="C12227">
        <v>0</v>
      </c>
      <c r="D12227">
        <v>0</v>
      </c>
    </row>
    <row r="12228" spans="1:4" x14ac:dyDescent="0.25">
      <c r="A12228" t="s">
        <v>18411</v>
      </c>
      <c r="B12228" t="s">
        <v>18414</v>
      </c>
      <c r="C12228">
        <v>2</v>
      </c>
      <c r="D12228">
        <v>0</v>
      </c>
    </row>
    <row r="12229" spans="1:4" x14ac:dyDescent="0.25">
      <c r="A12229" t="s">
        <v>18415</v>
      </c>
      <c r="B12229" t="s">
        <v>18416</v>
      </c>
      <c r="C12229">
        <v>1</v>
      </c>
      <c r="D12229">
        <v>0</v>
      </c>
    </row>
    <row r="12230" spans="1:4" x14ac:dyDescent="0.25">
      <c r="A12230" t="s">
        <v>18417</v>
      </c>
      <c r="B12230" t="s">
        <v>18418</v>
      </c>
      <c r="C12230">
        <v>2</v>
      </c>
      <c r="D12230">
        <v>0</v>
      </c>
    </row>
    <row r="12231" spans="1:4" x14ac:dyDescent="0.25">
      <c r="A12231" t="s">
        <v>18419</v>
      </c>
      <c r="B12231" t="s">
        <v>18420</v>
      </c>
      <c r="C12231">
        <v>1</v>
      </c>
      <c r="D12231">
        <v>0</v>
      </c>
    </row>
    <row r="12232" spans="1:4" x14ac:dyDescent="0.25">
      <c r="A12232" t="s">
        <v>18421</v>
      </c>
      <c r="B12232" t="s">
        <v>18422</v>
      </c>
      <c r="C12232">
        <v>2</v>
      </c>
      <c r="D12232">
        <v>0</v>
      </c>
    </row>
    <row r="12233" spans="1:4" x14ac:dyDescent="0.25">
      <c r="A12233" t="s">
        <v>18423</v>
      </c>
      <c r="B12233" t="s">
        <v>18424</v>
      </c>
      <c r="C12233">
        <v>1</v>
      </c>
      <c r="D12233">
        <v>0</v>
      </c>
    </row>
    <row r="12234" spans="1:4" x14ac:dyDescent="0.25">
      <c r="A12234" t="s">
        <v>18425</v>
      </c>
      <c r="B12234" t="s">
        <v>18426</v>
      </c>
      <c r="C12234">
        <v>1</v>
      </c>
      <c r="D12234">
        <v>0</v>
      </c>
    </row>
    <row r="12235" spans="1:4" x14ac:dyDescent="0.25">
      <c r="A12235" t="s">
        <v>18427</v>
      </c>
      <c r="B12235" t="s">
        <v>18428</v>
      </c>
      <c r="C12235">
        <v>0</v>
      </c>
      <c r="D12235">
        <v>0</v>
      </c>
    </row>
    <row r="12236" spans="1:4" x14ac:dyDescent="0.25">
      <c r="A12236" t="s">
        <v>18429</v>
      </c>
      <c r="B12236" t="s">
        <v>18430</v>
      </c>
      <c r="C12236">
        <v>1</v>
      </c>
      <c r="D12236">
        <v>0</v>
      </c>
    </row>
    <row r="12237" spans="1:4" x14ac:dyDescent="0.25">
      <c r="A12237" t="s">
        <v>18431</v>
      </c>
      <c r="B12237" t="s">
        <v>18432</v>
      </c>
      <c r="C12237">
        <v>1</v>
      </c>
      <c r="D12237">
        <v>0</v>
      </c>
    </row>
    <row r="12238" spans="1:4" x14ac:dyDescent="0.25">
      <c r="A12238" t="s">
        <v>18431</v>
      </c>
      <c r="B12238" t="s">
        <v>18433</v>
      </c>
      <c r="C12238">
        <v>2</v>
      </c>
      <c r="D12238">
        <v>0</v>
      </c>
    </row>
    <row r="12239" spans="1:4" x14ac:dyDescent="0.25">
      <c r="A12239" t="s">
        <v>18434</v>
      </c>
      <c r="B12239" t="s">
        <v>18435</v>
      </c>
      <c r="C12239">
        <v>2</v>
      </c>
      <c r="D12239">
        <v>0</v>
      </c>
    </row>
    <row r="12240" spans="1:4" x14ac:dyDescent="0.25">
      <c r="A12240" t="s">
        <v>18436</v>
      </c>
      <c r="B12240" t="s">
        <v>18437</v>
      </c>
      <c r="C12240">
        <v>1</v>
      </c>
      <c r="D12240">
        <v>0</v>
      </c>
    </row>
    <row r="12241" spans="1:4" x14ac:dyDescent="0.25">
      <c r="A12241" t="s">
        <v>18438</v>
      </c>
      <c r="B12241" t="s">
        <v>18439</v>
      </c>
      <c r="C12241">
        <v>1</v>
      </c>
      <c r="D12241">
        <v>0</v>
      </c>
    </row>
    <row r="12242" spans="1:4" x14ac:dyDescent="0.25">
      <c r="A12242" t="s">
        <v>18440</v>
      </c>
      <c r="B12242" t="s">
        <v>18441</v>
      </c>
      <c r="C12242">
        <v>1</v>
      </c>
      <c r="D12242">
        <v>0</v>
      </c>
    </row>
    <row r="12243" spans="1:4" x14ac:dyDescent="0.25">
      <c r="A12243" t="s">
        <v>18440</v>
      </c>
      <c r="B12243" t="s">
        <v>18442</v>
      </c>
      <c r="C12243">
        <v>1</v>
      </c>
      <c r="D12243">
        <v>0</v>
      </c>
    </row>
    <row r="12244" spans="1:4" x14ac:dyDescent="0.25">
      <c r="A12244" t="s">
        <v>18443</v>
      </c>
      <c r="B12244" t="s">
        <v>18444</v>
      </c>
      <c r="C12244">
        <v>1</v>
      </c>
      <c r="D12244">
        <v>0</v>
      </c>
    </row>
    <row r="12245" spans="1:4" x14ac:dyDescent="0.25">
      <c r="A12245" t="s">
        <v>18443</v>
      </c>
      <c r="B12245" t="s">
        <v>18445</v>
      </c>
      <c r="C12245">
        <v>1</v>
      </c>
      <c r="D12245">
        <v>0</v>
      </c>
    </row>
    <row r="12246" spans="1:4" x14ac:dyDescent="0.25">
      <c r="A12246" t="s">
        <v>18443</v>
      </c>
      <c r="B12246" t="s">
        <v>18446</v>
      </c>
      <c r="C12246">
        <v>1</v>
      </c>
      <c r="D12246">
        <v>0</v>
      </c>
    </row>
    <row r="12247" spans="1:4" x14ac:dyDescent="0.25">
      <c r="A12247" t="s">
        <v>18447</v>
      </c>
      <c r="B12247" t="s">
        <v>18448</v>
      </c>
      <c r="C12247">
        <v>2</v>
      </c>
      <c r="D12247">
        <v>0</v>
      </c>
    </row>
    <row r="12248" spans="1:4" x14ac:dyDescent="0.25">
      <c r="A12248" t="s">
        <v>18449</v>
      </c>
      <c r="B12248" t="s">
        <v>18450</v>
      </c>
      <c r="C12248">
        <v>0</v>
      </c>
      <c r="D12248">
        <v>0</v>
      </c>
    </row>
    <row r="12249" spans="1:4" x14ac:dyDescent="0.25">
      <c r="A12249" t="s">
        <v>18451</v>
      </c>
      <c r="B12249" t="s">
        <v>18452</v>
      </c>
      <c r="C12249">
        <v>0</v>
      </c>
      <c r="D12249">
        <v>0</v>
      </c>
    </row>
    <row r="12250" spans="1:4" x14ac:dyDescent="0.25">
      <c r="A12250" t="s">
        <v>18453</v>
      </c>
      <c r="B12250" t="s">
        <v>18454</v>
      </c>
      <c r="C12250">
        <v>1</v>
      </c>
      <c r="D12250">
        <v>0</v>
      </c>
    </row>
    <row r="12251" spans="1:4" x14ac:dyDescent="0.25">
      <c r="A12251" t="s">
        <v>18455</v>
      </c>
      <c r="B12251" t="s">
        <v>18456</v>
      </c>
      <c r="C12251">
        <v>1</v>
      </c>
      <c r="D12251">
        <v>0</v>
      </c>
    </row>
    <row r="12252" spans="1:4" x14ac:dyDescent="0.25">
      <c r="A12252" t="s">
        <v>18457</v>
      </c>
      <c r="B12252" t="s">
        <v>18458</v>
      </c>
      <c r="C12252">
        <v>1</v>
      </c>
      <c r="D12252">
        <v>0</v>
      </c>
    </row>
    <row r="12253" spans="1:4" x14ac:dyDescent="0.25">
      <c r="A12253" t="s">
        <v>18459</v>
      </c>
      <c r="B12253" t="s">
        <v>18460</v>
      </c>
      <c r="C12253">
        <v>1</v>
      </c>
      <c r="D12253">
        <v>0</v>
      </c>
    </row>
    <row r="12254" spans="1:4" x14ac:dyDescent="0.25">
      <c r="A12254" t="s">
        <v>18461</v>
      </c>
      <c r="B12254" t="s">
        <v>18462</v>
      </c>
      <c r="C12254">
        <v>1</v>
      </c>
      <c r="D12254">
        <v>0</v>
      </c>
    </row>
    <row r="12255" spans="1:4" x14ac:dyDescent="0.25">
      <c r="A12255" t="s">
        <v>18463</v>
      </c>
      <c r="B12255" t="s">
        <v>18464</v>
      </c>
      <c r="C12255">
        <v>0</v>
      </c>
      <c r="D12255">
        <v>0</v>
      </c>
    </row>
    <row r="12256" spans="1:4" x14ac:dyDescent="0.25">
      <c r="A12256" t="s">
        <v>18465</v>
      </c>
      <c r="B12256" t="s">
        <v>18466</v>
      </c>
      <c r="C12256">
        <v>1</v>
      </c>
      <c r="D12256">
        <v>0</v>
      </c>
    </row>
    <row r="12257" spans="1:4" x14ac:dyDescent="0.25">
      <c r="A12257" t="s">
        <v>18467</v>
      </c>
      <c r="B12257" t="s">
        <v>18468</v>
      </c>
      <c r="C12257">
        <v>1</v>
      </c>
      <c r="D12257">
        <v>0</v>
      </c>
    </row>
    <row r="12258" spans="1:4" x14ac:dyDescent="0.25">
      <c r="A12258" t="s">
        <v>18469</v>
      </c>
      <c r="B12258" t="s">
        <v>18470</v>
      </c>
      <c r="C12258">
        <v>1</v>
      </c>
      <c r="D12258">
        <v>0</v>
      </c>
    </row>
    <row r="12259" spans="1:4" x14ac:dyDescent="0.25">
      <c r="A12259" t="s">
        <v>18471</v>
      </c>
      <c r="B12259" t="s">
        <v>18472</v>
      </c>
      <c r="C12259">
        <v>1</v>
      </c>
      <c r="D12259">
        <v>0</v>
      </c>
    </row>
    <row r="12260" spans="1:4" x14ac:dyDescent="0.25">
      <c r="A12260" t="s">
        <v>18473</v>
      </c>
      <c r="B12260" t="s">
        <v>18474</v>
      </c>
      <c r="C12260">
        <v>1</v>
      </c>
      <c r="D12260">
        <v>0</v>
      </c>
    </row>
    <row r="12261" spans="1:4" x14ac:dyDescent="0.25">
      <c r="A12261" t="s">
        <v>18475</v>
      </c>
      <c r="B12261" t="s">
        <v>18476</v>
      </c>
      <c r="C12261">
        <v>1</v>
      </c>
      <c r="D12261">
        <v>0</v>
      </c>
    </row>
    <row r="12262" spans="1:4" x14ac:dyDescent="0.25">
      <c r="A12262" t="s">
        <v>18475</v>
      </c>
      <c r="B12262" t="s">
        <v>18477</v>
      </c>
      <c r="C12262">
        <v>1</v>
      </c>
      <c r="D12262">
        <v>0</v>
      </c>
    </row>
    <row r="12263" spans="1:4" x14ac:dyDescent="0.25">
      <c r="A12263" t="s">
        <v>18475</v>
      </c>
      <c r="B12263" t="s">
        <v>18478</v>
      </c>
      <c r="C12263">
        <v>0</v>
      </c>
      <c r="D12263">
        <v>0</v>
      </c>
    </row>
    <row r="12264" spans="1:4" x14ac:dyDescent="0.25">
      <c r="A12264" t="s">
        <v>18479</v>
      </c>
      <c r="B12264" t="s">
        <v>18480</v>
      </c>
      <c r="C12264">
        <v>1</v>
      </c>
      <c r="D12264">
        <v>0</v>
      </c>
    </row>
    <row r="12265" spans="1:4" x14ac:dyDescent="0.25">
      <c r="A12265" t="s">
        <v>18479</v>
      </c>
      <c r="B12265" t="s">
        <v>18481</v>
      </c>
      <c r="C12265">
        <v>1</v>
      </c>
      <c r="D12265">
        <v>0</v>
      </c>
    </row>
    <row r="12266" spans="1:4" x14ac:dyDescent="0.25">
      <c r="A12266" t="s">
        <v>18479</v>
      </c>
      <c r="B12266" t="s">
        <v>18482</v>
      </c>
      <c r="C12266">
        <v>1</v>
      </c>
      <c r="D12266">
        <v>0</v>
      </c>
    </row>
    <row r="12267" spans="1:4" x14ac:dyDescent="0.25">
      <c r="A12267" t="s">
        <v>18479</v>
      </c>
      <c r="B12267" t="s">
        <v>18483</v>
      </c>
      <c r="C12267">
        <v>0</v>
      </c>
      <c r="D12267">
        <v>0</v>
      </c>
    </row>
    <row r="12268" spans="1:4" x14ac:dyDescent="0.25">
      <c r="A12268" t="s">
        <v>18484</v>
      </c>
      <c r="B12268" t="s">
        <v>18485</v>
      </c>
      <c r="C12268">
        <v>2</v>
      </c>
      <c r="D12268">
        <v>0</v>
      </c>
    </row>
    <row r="12269" spans="1:4" x14ac:dyDescent="0.25">
      <c r="A12269" t="s">
        <v>18486</v>
      </c>
      <c r="B12269" t="s">
        <v>18487</v>
      </c>
      <c r="C12269">
        <v>0</v>
      </c>
      <c r="D12269">
        <v>0</v>
      </c>
    </row>
    <row r="12270" spans="1:4" x14ac:dyDescent="0.25">
      <c r="A12270" t="s">
        <v>18488</v>
      </c>
      <c r="B12270" t="s">
        <v>18489</v>
      </c>
      <c r="C12270">
        <v>0</v>
      </c>
      <c r="D12270">
        <v>0</v>
      </c>
    </row>
    <row r="12271" spans="1:4" x14ac:dyDescent="0.25">
      <c r="A12271" t="s">
        <v>18490</v>
      </c>
      <c r="B12271" t="s">
        <v>18491</v>
      </c>
      <c r="C12271">
        <v>1</v>
      </c>
      <c r="D12271">
        <v>0</v>
      </c>
    </row>
    <row r="12272" spans="1:4" x14ac:dyDescent="0.25">
      <c r="A12272" t="s">
        <v>18492</v>
      </c>
      <c r="B12272" t="s">
        <v>18493</v>
      </c>
      <c r="C12272">
        <v>1</v>
      </c>
      <c r="D12272">
        <v>0</v>
      </c>
    </row>
    <row r="12273" spans="1:4" x14ac:dyDescent="0.25">
      <c r="A12273" t="s">
        <v>18494</v>
      </c>
      <c r="B12273" t="s">
        <v>18495</v>
      </c>
      <c r="C12273">
        <v>0</v>
      </c>
      <c r="D12273">
        <v>0</v>
      </c>
    </row>
    <row r="12274" spans="1:4" x14ac:dyDescent="0.25">
      <c r="A12274" t="s">
        <v>18496</v>
      </c>
      <c r="B12274" t="s">
        <v>18497</v>
      </c>
      <c r="C12274">
        <v>1</v>
      </c>
      <c r="D12274">
        <v>0</v>
      </c>
    </row>
    <row r="12275" spans="1:4" x14ac:dyDescent="0.25">
      <c r="A12275" t="s">
        <v>18496</v>
      </c>
      <c r="B12275" t="s">
        <v>18498</v>
      </c>
      <c r="C12275">
        <v>1</v>
      </c>
      <c r="D12275">
        <v>0</v>
      </c>
    </row>
    <row r="12276" spans="1:4" x14ac:dyDescent="0.25">
      <c r="A12276" t="s">
        <v>18496</v>
      </c>
      <c r="B12276" t="s">
        <v>18499</v>
      </c>
      <c r="C12276">
        <v>1</v>
      </c>
      <c r="D12276">
        <v>0</v>
      </c>
    </row>
    <row r="12277" spans="1:4" x14ac:dyDescent="0.25">
      <c r="A12277" t="s">
        <v>18500</v>
      </c>
      <c r="B12277" t="s">
        <v>18501</v>
      </c>
      <c r="C12277">
        <v>1</v>
      </c>
      <c r="D12277">
        <v>0</v>
      </c>
    </row>
    <row r="12278" spans="1:4" x14ac:dyDescent="0.25">
      <c r="A12278" t="s">
        <v>18502</v>
      </c>
      <c r="B12278" t="s">
        <v>18503</v>
      </c>
      <c r="C12278">
        <v>1</v>
      </c>
      <c r="D12278">
        <v>0</v>
      </c>
    </row>
    <row r="12279" spans="1:4" x14ac:dyDescent="0.25">
      <c r="A12279" t="s">
        <v>18504</v>
      </c>
      <c r="B12279" t="s">
        <v>18505</v>
      </c>
      <c r="C12279">
        <v>2</v>
      </c>
      <c r="D12279">
        <v>0</v>
      </c>
    </row>
    <row r="12280" spans="1:4" x14ac:dyDescent="0.25">
      <c r="A12280" t="s">
        <v>18506</v>
      </c>
      <c r="B12280" t="s">
        <v>18507</v>
      </c>
      <c r="C12280">
        <v>0</v>
      </c>
      <c r="D12280">
        <v>0</v>
      </c>
    </row>
    <row r="12281" spans="1:4" x14ac:dyDescent="0.25">
      <c r="A12281" t="s">
        <v>18508</v>
      </c>
      <c r="B12281" t="s">
        <v>18509</v>
      </c>
      <c r="C12281">
        <v>1</v>
      </c>
      <c r="D12281">
        <v>0</v>
      </c>
    </row>
    <row r="12282" spans="1:4" x14ac:dyDescent="0.25">
      <c r="A12282" t="s">
        <v>18508</v>
      </c>
      <c r="B12282" t="s">
        <v>18510</v>
      </c>
      <c r="C12282">
        <v>2</v>
      </c>
      <c r="D12282">
        <v>0</v>
      </c>
    </row>
    <row r="12283" spans="1:4" x14ac:dyDescent="0.25">
      <c r="A12283" t="s">
        <v>18511</v>
      </c>
      <c r="B12283" t="s">
        <v>18512</v>
      </c>
      <c r="C12283">
        <v>1</v>
      </c>
      <c r="D12283">
        <v>0</v>
      </c>
    </row>
    <row r="12284" spans="1:4" x14ac:dyDescent="0.25">
      <c r="A12284" t="s">
        <v>18513</v>
      </c>
      <c r="B12284" t="s">
        <v>18514</v>
      </c>
      <c r="C12284">
        <v>0</v>
      </c>
      <c r="D12284">
        <v>0</v>
      </c>
    </row>
    <row r="12285" spans="1:4" x14ac:dyDescent="0.25">
      <c r="A12285" t="s">
        <v>18515</v>
      </c>
      <c r="B12285" t="s">
        <v>18516</v>
      </c>
      <c r="C12285">
        <v>1</v>
      </c>
      <c r="D12285">
        <v>0</v>
      </c>
    </row>
    <row r="12286" spans="1:4" x14ac:dyDescent="0.25">
      <c r="A12286" t="s">
        <v>18515</v>
      </c>
      <c r="B12286" t="s">
        <v>18517</v>
      </c>
      <c r="C12286">
        <v>2</v>
      </c>
      <c r="D12286">
        <v>0</v>
      </c>
    </row>
    <row r="12287" spans="1:4" x14ac:dyDescent="0.25">
      <c r="A12287" t="s">
        <v>18518</v>
      </c>
      <c r="B12287" t="s">
        <v>18519</v>
      </c>
      <c r="C12287">
        <v>1</v>
      </c>
      <c r="D12287">
        <v>0</v>
      </c>
    </row>
    <row r="12288" spans="1:4" x14ac:dyDescent="0.25">
      <c r="A12288" t="s">
        <v>18520</v>
      </c>
      <c r="B12288" t="s">
        <v>18521</v>
      </c>
      <c r="C12288">
        <v>1</v>
      </c>
      <c r="D12288">
        <v>0</v>
      </c>
    </row>
    <row r="12289" spans="1:4" x14ac:dyDescent="0.25">
      <c r="A12289" t="s">
        <v>18522</v>
      </c>
      <c r="B12289" t="s">
        <v>18523</v>
      </c>
      <c r="C12289">
        <v>1</v>
      </c>
      <c r="D12289">
        <v>0</v>
      </c>
    </row>
    <row r="12290" spans="1:4" x14ac:dyDescent="0.25">
      <c r="A12290" t="s">
        <v>18522</v>
      </c>
      <c r="B12290" t="s">
        <v>18524</v>
      </c>
      <c r="C12290">
        <v>1</v>
      </c>
      <c r="D12290">
        <v>0</v>
      </c>
    </row>
    <row r="12291" spans="1:4" x14ac:dyDescent="0.25">
      <c r="A12291" t="s">
        <v>18525</v>
      </c>
      <c r="B12291" t="s">
        <v>18526</v>
      </c>
      <c r="C12291">
        <v>0</v>
      </c>
      <c r="D12291">
        <v>0</v>
      </c>
    </row>
    <row r="12292" spans="1:4" x14ac:dyDescent="0.25">
      <c r="A12292" t="s">
        <v>18527</v>
      </c>
      <c r="B12292" t="s">
        <v>18528</v>
      </c>
      <c r="C12292">
        <v>1</v>
      </c>
      <c r="D12292">
        <v>0</v>
      </c>
    </row>
    <row r="12293" spans="1:4" x14ac:dyDescent="0.25">
      <c r="A12293" t="s">
        <v>18527</v>
      </c>
      <c r="B12293" t="s">
        <v>18529</v>
      </c>
      <c r="C12293">
        <v>0</v>
      </c>
      <c r="D12293">
        <v>0</v>
      </c>
    </row>
    <row r="12294" spans="1:4" x14ac:dyDescent="0.25">
      <c r="A12294" t="s">
        <v>18530</v>
      </c>
      <c r="B12294" t="s">
        <v>18531</v>
      </c>
      <c r="C12294">
        <v>1</v>
      </c>
      <c r="D12294">
        <v>0</v>
      </c>
    </row>
    <row r="12295" spans="1:4" x14ac:dyDescent="0.25">
      <c r="A12295" t="s">
        <v>18532</v>
      </c>
      <c r="B12295" t="s">
        <v>18533</v>
      </c>
      <c r="C12295">
        <v>1</v>
      </c>
      <c r="D12295">
        <v>0</v>
      </c>
    </row>
    <row r="12296" spans="1:4" x14ac:dyDescent="0.25">
      <c r="A12296" t="s">
        <v>18534</v>
      </c>
      <c r="B12296" t="s">
        <v>18535</v>
      </c>
      <c r="C12296">
        <v>1</v>
      </c>
      <c r="D12296">
        <v>0</v>
      </c>
    </row>
    <row r="12297" spans="1:4" x14ac:dyDescent="0.25">
      <c r="A12297" t="s">
        <v>18536</v>
      </c>
      <c r="B12297" t="s">
        <v>18537</v>
      </c>
      <c r="C12297">
        <v>1</v>
      </c>
      <c r="D12297">
        <v>0</v>
      </c>
    </row>
    <row r="12298" spans="1:4" x14ac:dyDescent="0.25">
      <c r="A12298" t="s">
        <v>18538</v>
      </c>
      <c r="B12298" t="s">
        <v>18539</v>
      </c>
      <c r="C12298">
        <v>0</v>
      </c>
      <c r="D12298">
        <v>0</v>
      </c>
    </row>
    <row r="12299" spans="1:4" x14ac:dyDescent="0.25">
      <c r="A12299" t="s">
        <v>18540</v>
      </c>
      <c r="B12299" t="s">
        <v>18541</v>
      </c>
      <c r="C12299">
        <v>1</v>
      </c>
      <c r="D12299">
        <v>0</v>
      </c>
    </row>
    <row r="12300" spans="1:4" x14ac:dyDescent="0.25">
      <c r="A12300" t="s">
        <v>18542</v>
      </c>
      <c r="B12300" t="s">
        <v>18543</v>
      </c>
      <c r="C12300">
        <v>0</v>
      </c>
      <c r="D12300">
        <v>0</v>
      </c>
    </row>
    <row r="12301" spans="1:4" x14ac:dyDescent="0.25">
      <c r="A12301" t="s">
        <v>18544</v>
      </c>
      <c r="B12301" t="s">
        <v>18545</v>
      </c>
      <c r="C12301">
        <v>1</v>
      </c>
      <c r="D12301">
        <v>0</v>
      </c>
    </row>
    <row r="12302" spans="1:4" x14ac:dyDescent="0.25">
      <c r="A12302" t="s">
        <v>18546</v>
      </c>
      <c r="B12302" t="s">
        <v>18547</v>
      </c>
      <c r="C12302">
        <v>1</v>
      </c>
      <c r="D12302">
        <v>0</v>
      </c>
    </row>
    <row r="12303" spans="1:4" x14ac:dyDescent="0.25">
      <c r="A12303" t="s">
        <v>18548</v>
      </c>
      <c r="B12303" t="s">
        <v>18549</v>
      </c>
      <c r="C12303">
        <v>2</v>
      </c>
      <c r="D12303">
        <v>0</v>
      </c>
    </row>
    <row r="12304" spans="1:4" x14ac:dyDescent="0.25">
      <c r="A12304" t="s">
        <v>18550</v>
      </c>
      <c r="B12304" t="s">
        <v>18551</v>
      </c>
      <c r="C12304">
        <v>1</v>
      </c>
      <c r="D12304">
        <v>0</v>
      </c>
    </row>
    <row r="12305" spans="1:4" x14ac:dyDescent="0.25">
      <c r="A12305" t="s">
        <v>18552</v>
      </c>
      <c r="B12305" t="s">
        <v>18553</v>
      </c>
      <c r="C12305">
        <v>1</v>
      </c>
      <c r="D12305">
        <v>0</v>
      </c>
    </row>
    <row r="12306" spans="1:4" x14ac:dyDescent="0.25">
      <c r="A12306" t="s">
        <v>18554</v>
      </c>
      <c r="B12306" t="s">
        <v>18555</v>
      </c>
      <c r="C12306">
        <v>1</v>
      </c>
      <c r="D12306">
        <v>0</v>
      </c>
    </row>
    <row r="12307" spans="1:4" x14ac:dyDescent="0.25">
      <c r="A12307" t="s">
        <v>18556</v>
      </c>
      <c r="B12307" t="s">
        <v>18557</v>
      </c>
      <c r="C12307">
        <v>1</v>
      </c>
      <c r="D12307">
        <v>0</v>
      </c>
    </row>
    <row r="12308" spans="1:4" x14ac:dyDescent="0.25">
      <c r="A12308" t="s">
        <v>18558</v>
      </c>
      <c r="B12308" t="s">
        <v>18559</v>
      </c>
      <c r="C12308">
        <v>0</v>
      </c>
      <c r="D12308">
        <v>0</v>
      </c>
    </row>
    <row r="12309" spans="1:4" x14ac:dyDescent="0.25">
      <c r="A12309" t="s">
        <v>18560</v>
      </c>
      <c r="B12309" t="s">
        <v>18561</v>
      </c>
      <c r="C12309">
        <v>1</v>
      </c>
      <c r="D12309">
        <v>0</v>
      </c>
    </row>
    <row r="12310" spans="1:4" x14ac:dyDescent="0.25">
      <c r="A12310" t="s">
        <v>18562</v>
      </c>
      <c r="B12310" t="s">
        <v>18563</v>
      </c>
      <c r="C12310">
        <v>0</v>
      </c>
      <c r="D12310">
        <v>0</v>
      </c>
    </row>
    <row r="12311" spans="1:4" x14ac:dyDescent="0.25">
      <c r="A12311" t="s">
        <v>18564</v>
      </c>
      <c r="B12311" t="s">
        <v>18565</v>
      </c>
      <c r="C12311">
        <v>1</v>
      </c>
      <c r="D12311">
        <v>0</v>
      </c>
    </row>
    <row r="12312" spans="1:4" x14ac:dyDescent="0.25">
      <c r="A12312" t="s">
        <v>18566</v>
      </c>
      <c r="B12312" t="s">
        <v>18567</v>
      </c>
      <c r="C12312">
        <v>2</v>
      </c>
      <c r="D12312">
        <v>0</v>
      </c>
    </row>
    <row r="12313" spans="1:4" x14ac:dyDescent="0.25">
      <c r="A12313" t="s">
        <v>18568</v>
      </c>
      <c r="B12313" t="s">
        <v>18569</v>
      </c>
      <c r="C12313">
        <v>2</v>
      </c>
      <c r="D12313">
        <v>0</v>
      </c>
    </row>
    <row r="12314" spans="1:4" x14ac:dyDescent="0.25">
      <c r="A12314" t="s">
        <v>18570</v>
      </c>
      <c r="B12314" t="s">
        <v>18571</v>
      </c>
      <c r="C12314">
        <v>1</v>
      </c>
      <c r="D12314">
        <v>0</v>
      </c>
    </row>
    <row r="12315" spans="1:4" x14ac:dyDescent="0.25">
      <c r="A12315" t="s">
        <v>18570</v>
      </c>
      <c r="B12315" t="s">
        <v>18571</v>
      </c>
      <c r="C12315">
        <v>0</v>
      </c>
      <c r="D12315">
        <v>0</v>
      </c>
    </row>
    <row r="12316" spans="1:4" x14ac:dyDescent="0.25">
      <c r="A12316" t="s">
        <v>18572</v>
      </c>
      <c r="B12316" t="s">
        <v>18573</v>
      </c>
      <c r="C12316">
        <v>1</v>
      </c>
      <c r="D12316">
        <v>0</v>
      </c>
    </row>
    <row r="12317" spans="1:4" x14ac:dyDescent="0.25">
      <c r="A12317" t="s">
        <v>18574</v>
      </c>
      <c r="B12317" t="s">
        <v>18575</v>
      </c>
      <c r="C12317">
        <v>1</v>
      </c>
      <c r="D12317">
        <v>0</v>
      </c>
    </row>
    <row r="12318" spans="1:4" x14ac:dyDescent="0.25">
      <c r="A12318" t="s">
        <v>18576</v>
      </c>
      <c r="B12318" t="s">
        <v>18577</v>
      </c>
      <c r="C12318">
        <v>1</v>
      </c>
      <c r="D12318">
        <v>0</v>
      </c>
    </row>
    <row r="12319" spans="1:4" x14ac:dyDescent="0.25">
      <c r="A12319" t="s">
        <v>18578</v>
      </c>
      <c r="B12319" t="s">
        <v>18579</v>
      </c>
      <c r="C12319">
        <v>1</v>
      </c>
      <c r="D12319">
        <v>0</v>
      </c>
    </row>
    <row r="12320" spans="1:4" x14ac:dyDescent="0.25">
      <c r="A12320" t="s">
        <v>18578</v>
      </c>
      <c r="B12320" t="s">
        <v>18580</v>
      </c>
      <c r="C12320">
        <v>1</v>
      </c>
      <c r="D12320">
        <v>0</v>
      </c>
    </row>
    <row r="12321" spans="1:4" x14ac:dyDescent="0.25">
      <c r="A12321" t="s">
        <v>18581</v>
      </c>
      <c r="B12321" t="s">
        <v>18582</v>
      </c>
      <c r="C12321">
        <v>1</v>
      </c>
      <c r="D12321">
        <v>0</v>
      </c>
    </row>
    <row r="12322" spans="1:4" x14ac:dyDescent="0.25">
      <c r="A12322" t="s">
        <v>18583</v>
      </c>
      <c r="B12322" t="s">
        <v>18584</v>
      </c>
      <c r="C12322">
        <v>2</v>
      </c>
      <c r="D12322">
        <v>0</v>
      </c>
    </row>
    <row r="12323" spans="1:4" x14ac:dyDescent="0.25">
      <c r="A12323" t="s">
        <v>18585</v>
      </c>
      <c r="B12323" t="s">
        <v>18586</v>
      </c>
      <c r="C12323">
        <v>0</v>
      </c>
      <c r="D12323">
        <v>0</v>
      </c>
    </row>
    <row r="12324" spans="1:4" x14ac:dyDescent="0.25">
      <c r="A12324" t="s">
        <v>18587</v>
      </c>
      <c r="B12324" t="s">
        <v>5864</v>
      </c>
      <c r="C12324">
        <v>1</v>
      </c>
      <c r="D12324">
        <v>0</v>
      </c>
    </row>
    <row r="12325" spans="1:4" x14ac:dyDescent="0.25">
      <c r="A12325" t="s">
        <v>18588</v>
      </c>
      <c r="B12325" t="s">
        <v>18589</v>
      </c>
      <c r="C12325">
        <v>1</v>
      </c>
      <c r="D12325">
        <v>0</v>
      </c>
    </row>
    <row r="12326" spans="1:4" x14ac:dyDescent="0.25">
      <c r="A12326" t="s">
        <v>18590</v>
      </c>
      <c r="B12326" t="s">
        <v>18591</v>
      </c>
      <c r="C12326">
        <v>1</v>
      </c>
      <c r="D12326">
        <v>0</v>
      </c>
    </row>
    <row r="12327" spans="1:4" x14ac:dyDescent="0.25">
      <c r="A12327" t="s">
        <v>18592</v>
      </c>
      <c r="B12327" t="s">
        <v>18593</v>
      </c>
      <c r="C12327">
        <v>0</v>
      </c>
      <c r="D12327">
        <v>0</v>
      </c>
    </row>
    <row r="12328" spans="1:4" x14ac:dyDescent="0.25">
      <c r="A12328" t="s">
        <v>18594</v>
      </c>
      <c r="B12328" t="s">
        <v>18595</v>
      </c>
      <c r="C12328">
        <v>0</v>
      </c>
      <c r="D12328">
        <v>0</v>
      </c>
    </row>
    <row r="12329" spans="1:4" x14ac:dyDescent="0.25">
      <c r="A12329" t="s">
        <v>18596</v>
      </c>
      <c r="B12329" t="s">
        <v>18597</v>
      </c>
      <c r="C12329">
        <v>1</v>
      </c>
      <c r="D12329">
        <v>0</v>
      </c>
    </row>
    <row r="12330" spans="1:4" x14ac:dyDescent="0.25">
      <c r="A12330" t="s">
        <v>18598</v>
      </c>
      <c r="B12330" t="s">
        <v>18599</v>
      </c>
      <c r="C12330">
        <v>0</v>
      </c>
      <c r="D12330">
        <v>0</v>
      </c>
    </row>
    <row r="12331" spans="1:4" x14ac:dyDescent="0.25">
      <c r="A12331" t="s">
        <v>18600</v>
      </c>
      <c r="B12331" t="s">
        <v>18601</v>
      </c>
      <c r="C12331">
        <v>1</v>
      </c>
      <c r="D12331">
        <v>0</v>
      </c>
    </row>
    <row r="12332" spans="1:4" x14ac:dyDescent="0.25">
      <c r="A12332" t="s">
        <v>18602</v>
      </c>
      <c r="B12332" t="s">
        <v>18603</v>
      </c>
      <c r="C12332">
        <v>1</v>
      </c>
      <c r="D12332">
        <v>0</v>
      </c>
    </row>
    <row r="12333" spans="1:4" x14ac:dyDescent="0.25">
      <c r="A12333" t="s">
        <v>18604</v>
      </c>
      <c r="B12333" t="s">
        <v>18605</v>
      </c>
      <c r="C12333">
        <v>1</v>
      </c>
      <c r="D12333">
        <v>0</v>
      </c>
    </row>
    <row r="12334" spans="1:4" x14ac:dyDescent="0.25">
      <c r="A12334" t="s">
        <v>18606</v>
      </c>
      <c r="B12334" t="s">
        <v>18607</v>
      </c>
      <c r="C12334">
        <v>1</v>
      </c>
      <c r="D12334">
        <v>0</v>
      </c>
    </row>
    <row r="12335" spans="1:4" x14ac:dyDescent="0.25">
      <c r="A12335" t="s">
        <v>18608</v>
      </c>
      <c r="B12335" t="s">
        <v>18609</v>
      </c>
      <c r="C12335">
        <v>0</v>
      </c>
      <c r="D12335">
        <v>0</v>
      </c>
    </row>
    <row r="12336" spans="1:4" x14ac:dyDescent="0.25">
      <c r="A12336" t="s">
        <v>18610</v>
      </c>
      <c r="B12336" t="s">
        <v>18611</v>
      </c>
      <c r="C12336">
        <v>1</v>
      </c>
      <c r="D12336">
        <v>0</v>
      </c>
    </row>
    <row r="12337" spans="1:4" x14ac:dyDescent="0.25">
      <c r="A12337" t="s">
        <v>18610</v>
      </c>
      <c r="B12337" t="s">
        <v>18612</v>
      </c>
      <c r="C12337">
        <v>0</v>
      </c>
      <c r="D12337">
        <v>0</v>
      </c>
    </row>
    <row r="12338" spans="1:4" x14ac:dyDescent="0.25">
      <c r="A12338" t="s">
        <v>18613</v>
      </c>
      <c r="B12338" t="s">
        <v>18614</v>
      </c>
      <c r="C12338">
        <v>1</v>
      </c>
      <c r="D12338">
        <v>0</v>
      </c>
    </row>
    <row r="12339" spans="1:4" x14ac:dyDescent="0.25">
      <c r="A12339" t="s">
        <v>18613</v>
      </c>
      <c r="B12339" t="s">
        <v>18615</v>
      </c>
      <c r="C12339">
        <v>0</v>
      </c>
      <c r="D12339">
        <v>0</v>
      </c>
    </row>
    <row r="12340" spans="1:4" x14ac:dyDescent="0.25">
      <c r="A12340" t="s">
        <v>18616</v>
      </c>
      <c r="B12340" t="s">
        <v>18617</v>
      </c>
      <c r="C12340">
        <v>1</v>
      </c>
      <c r="D12340">
        <v>0</v>
      </c>
    </row>
    <row r="12341" spans="1:4" x14ac:dyDescent="0.25">
      <c r="A12341" t="s">
        <v>18618</v>
      </c>
      <c r="B12341" t="s">
        <v>18619</v>
      </c>
      <c r="C12341">
        <v>1</v>
      </c>
      <c r="D12341">
        <v>0</v>
      </c>
    </row>
    <row r="12342" spans="1:4" x14ac:dyDescent="0.25">
      <c r="A12342" t="s">
        <v>18618</v>
      </c>
      <c r="B12342" t="s">
        <v>18620</v>
      </c>
      <c r="C12342">
        <v>0</v>
      </c>
      <c r="D12342">
        <v>0</v>
      </c>
    </row>
    <row r="12343" spans="1:4" x14ac:dyDescent="0.25">
      <c r="A12343" t="s">
        <v>18621</v>
      </c>
      <c r="B12343" t="s">
        <v>18622</v>
      </c>
      <c r="C12343">
        <v>1</v>
      </c>
      <c r="D12343">
        <v>0</v>
      </c>
    </row>
    <row r="12344" spans="1:4" x14ac:dyDescent="0.25">
      <c r="A12344" t="s">
        <v>18621</v>
      </c>
      <c r="B12344" t="s">
        <v>18623</v>
      </c>
      <c r="C12344">
        <v>0</v>
      </c>
      <c r="D12344">
        <v>0</v>
      </c>
    </row>
    <row r="12345" spans="1:4" x14ac:dyDescent="0.25">
      <c r="A12345" t="s">
        <v>18624</v>
      </c>
      <c r="B12345" t="s">
        <v>18625</v>
      </c>
      <c r="C12345">
        <v>1</v>
      </c>
      <c r="D12345">
        <v>0</v>
      </c>
    </row>
    <row r="12346" spans="1:4" x14ac:dyDescent="0.25">
      <c r="A12346" t="s">
        <v>18626</v>
      </c>
      <c r="B12346" t="s">
        <v>18627</v>
      </c>
      <c r="C12346">
        <v>1</v>
      </c>
      <c r="D12346">
        <v>0</v>
      </c>
    </row>
    <row r="12347" spans="1:4" x14ac:dyDescent="0.25">
      <c r="A12347" t="s">
        <v>18626</v>
      </c>
      <c r="B12347" t="s">
        <v>18628</v>
      </c>
      <c r="C12347">
        <v>2</v>
      </c>
      <c r="D12347">
        <v>0</v>
      </c>
    </row>
    <row r="12348" spans="1:4" x14ac:dyDescent="0.25">
      <c r="A12348" t="s">
        <v>18626</v>
      </c>
      <c r="B12348" t="s">
        <v>18629</v>
      </c>
      <c r="C12348">
        <v>2</v>
      </c>
      <c r="D12348">
        <v>0</v>
      </c>
    </row>
    <row r="12349" spans="1:4" x14ac:dyDescent="0.25">
      <c r="A12349" t="s">
        <v>18626</v>
      </c>
      <c r="B12349" t="s">
        <v>18630</v>
      </c>
      <c r="C12349">
        <v>2</v>
      </c>
      <c r="D12349">
        <v>0</v>
      </c>
    </row>
    <row r="12350" spans="1:4" x14ac:dyDescent="0.25">
      <c r="A12350" t="s">
        <v>18626</v>
      </c>
      <c r="B12350" t="s">
        <v>18631</v>
      </c>
      <c r="C12350">
        <v>2</v>
      </c>
      <c r="D12350">
        <v>0</v>
      </c>
    </row>
    <row r="12351" spans="1:4" x14ac:dyDescent="0.25">
      <c r="A12351" t="s">
        <v>18632</v>
      </c>
      <c r="B12351" t="s">
        <v>18633</v>
      </c>
      <c r="C12351">
        <v>1</v>
      </c>
      <c r="D12351">
        <v>0</v>
      </c>
    </row>
    <row r="12352" spans="1:4" x14ac:dyDescent="0.25">
      <c r="A12352" t="s">
        <v>18634</v>
      </c>
      <c r="B12352" t="s">
        <v>18635</v>
      </c>
      <c r="C12352">
        <v>1</v>
      </c>
      <c r="D12352">
        <v>0</v>
      </c>
    </row>
    <row r="12353" spans="1:4" x14ac:dyDescent="0.25">
      <c r="A12353" t="s">
        <v>18636</v>
      </c>
      <c r="B12353" t="s">
        <v>18637</v>
      </c>
      <c r="C12353">
        <v>1</v>
      </c>
      <c r="D12353">
        <v>0</v>
      </c>
    </row>
    <row r="12354" spans="1:4" x14ac:dyDescent="0.25">
      <c r="A12354" t="s">
        <v>18638</v>
      </c>
      <c r="B12354" t="s">
        <v>18639</v>
      </c>
      <c r="C12354">
        <v>1</v>
      </c>
      <c r="D12354">
        <v>0</v>
      </c>
    </row>
    <row r="12355" spans="1:4" x14ac:dyDescent="0.25">
      <c r="A12355" t="s">
        <v>18638</v>
      </c>
      <c r="B12355" t="s">
        <v>18640</v>
      </c>
      <c r="C12355">
        <v>2</v>
      </c>
      <c r="D12355">
        <v>0</v>
      </c>
    </row>
    <row r="12356" spans="1:4" x14ac:dyDescent="0.25">
      <c r="A12356" t="s">
        <v>18641</v>
      </c>
      <c r="B12356" t="s">
        <v>18642</v>
      </c>
      <c r="C12356">
        <v>1</v>
      </c>
      <c r="D12356">
        <v>0</v>
      </c>
    </row>
    <row r="12357" spans="1:4" x14ac:dyDescent="0.25">
      <c r="A12357" t="s">
        <v>18643</v>
      </c>
      <c r="B12357" t="s">
        <v>2651</v>
      </c>
      <c r="C12357">
        <v>1</v>
      </c>
      <c r="D12357">
        <v>0</v>
      </c>
    </row>
    <row r="12358" spans="1:4" x14ac:dyDescent="0.25">
      <c r="A12358" t="s">
        <v>18644</v>
      </c>
      <c r="B12358" t="s">
        <v>18645</v>
      </c>
      <c r="C12358">
        <v>1</v>
      </c>
      <c r="D12358">
        <v>0</v>
      </c>
    </row>
    <row r="12359" spans="1:4" x14ac:dyDescent="0.25">
      <c r="A12359" t="s">
        <v>18646</v>
      </c>
      <c r="B12359" t="s">
        <v>18647</v>
      </c>
      <c r="C12359">
        <v>1</v>
      </c>
      <c r="D12359">
        <v>0</v>
      </c>
    </row>
    <row r="12360" spans="1:4" x14ac:dyDescent="0.25">
      <c r="A12360" t="s">
        <v>18648</v>
      </c>
      <c r="B12360" t="s">
        <v>18649</v>
      </c>
      <c r="C12360">
        <v>2</v>
      </c>
      <c r="D12360">
        <v>0</v>
      </c>
    </row>
    <row r="12361" spans="1:4" x14ac:dyDescent="0.25">
      <c r="A12361" t="s">
        <v>18650</v>
      </c>
      <c r="B12361" t="s">
        <v>18651</v>
      </c>
      <c r="C12361">
        <v>2</v>
      </c>
      <c r="D12361">
        <v>0</v>
      </c>
    </row>
    <row r="12362" spans="1:4" x14ac:dyDescent="0.25">
      <c r="A12362" t="s">
        <v>18652</v>
      </c>
      <c r="B12362" t="s">
        <v>18653</v>
      </c>
      <c r="C12362">
        <v>1</v>
      </c>
      <c r="D12362">
        <v>0</v>
      </c>
    </row>
    <row r="12363" spans="1:4" x14ac:dyDescent="0.25">
      <c r="A12363" t="s">
        <v>18654</v>
      </c>
      <c r="B12363" t="s">
        <v>18655</v>
      </c>
      <c r="C12363">
        <v>1</v>
      </c>
      <c r="D12363">
        <v>0</v>
      </c>
    </row>
    <row r="12364" spans="1:4" x14ac:dyDescent="0.25">
      <c r="A12364" t="s">
        <v>18656</v>
      </c>
      <c r="B12364" t="s">
        <v>18657</v>
      </c>
      <c r="C12364">
        <v>1</v>
      </c>
      <c r="D12364">
        <v>0</v>
      </c>
    </row>
    <row r="12365" spans="1:4" x14ac:dyDescent="0.25">
      <c r="A12365" t="s">
        <v>18658</v>
      </c>
      <c r="B12365" t="s">
        <v>18659</v>
      </c>
      <c r="C12365">
        <v>1</v>
      </c>
      <c r="D12365">
        <v>0</v>
      </c>
    </row>
    <row r="12366" spans="1:4" x14ac:dyDescent="0.25">
      <c r="A12366" t="s">
        <v>18660</v>
      </c>
      <c r="B12366" t="s">
        <v>18661</v>
      </c>
      <c r="C12366">
        <v>1</v>
      </c>
      <c r="D12366">
        <v>0</v>
      </c>
    </row>
    <row r="12367" spans="1:4" x14ac:dyDescent="0.25">
      <c r="A12367" t="s">
        <v>18662</v>
      </c>
      <c r="B12367" t="s">
        <v>18663</v>
      </c>
      <c r="C12367">
        <v>1</v>
      </c>
      <c r="D12367">
        <v>0</v>
      </c>
    </row>
    <row r="12368" spans="1:4" x14ac:dyDescent="0.25">
      <c r="A12368" t="s">
        <v>18664</v>
      </c>
      <c r="B12368" t="s">
        <v>18665</v>
      </c>
      <c r="C12368">
        <v>1</v>
      </c>
      <c r="D12368">
        <v>0</v>
      </c>
    </row>
    <row r="12369" spans="1:4" x14ac:dyDescent="0.25">
      <c r="A12369" t="s">
        <v>18664</v>
      </c>
      <c r="B12369" t="s">
        <v>18666</v>
      </c>
      <c r="C12369">
        <v>0</v>
      </c>
      <c r="D12369">
        <v>0</v>
      </c>
    </row>
    <row r="12370" spans="1:4" x14ac:dyDescent="0.25">
      <c r="A12370" t="s">
        <v>18667</v>
      </c>
      <c r="B12370" t="s">
        <v>18668</v>
      </c>
      <c r="C12370">
        <v>1</v>
      </c>
      <c r="D12370">
        <v>0</v>
      </c>
    </row>
    <row r="12371" spans="1:4" x14ac:dyDescent="0.25">
      <c r="A12371" t="s">
        <v>18669</v>
      </c>
      <c r="B12371" t="s">
        <v>18670</v>
      </c>
      <c r="C12371">
        <v>0</v>
      </c>
      <c r="D12371">
        <v>0</v>
      </c>
    </row>
    <row r="12372" spans="1:4" x14ac:dyDescent="0.25">
      <c r="A12372" t="s">
        <v>18671</v>
      </c>
      <c r="B12372" t="s">
        <v>18672</v>
      </c>
      <c r="C12372">
        <v>0</v>
      </c>
      <c r="D12372">
        <v>0</v>
      </c>
    </row>
    <row r="12373" spans="1:4" x14ac:dyDescent="0.25">
      <c r="A12373" t="s">
        <v>18673</v>
      </c>
      <c r="B12373" t="s">
        <v>18674</v>
      </c>
      <c r="C12373">
        <v>0</v>
      </c>
      <c r="D12373">
        <v>0</v>
      </c>
    </row>
    <row r="12374" spans="1:4" x14ac:dyDescent="0.25">
      <c r="A12374" t="s">
        <v>18675</v>
      </c>
      <c r="B12374" t="s">
        <v>18676</v>
      </c>
      <c r="C12374">
        <v>1</v>
      </c>
      <c r="D12374">
        <v>0</v>
      </c>
    </row>
    <row r="12375" spans="1:4" x14ac:dyDescent="0.25">
      <c r="A12375" t="s">
        <v>18675</v>
      </c>
      <c r="B12375" t="s">
        <v>18677</v>
      </c>
      <c r="C12375">
        <v>2</v>
      </c>
      <c r="D12375">
        <v>0</v>
      </c>
    </row>
    <row r="12376" spans="1:4" x14ac:dyDescent="0.25">
      <c r="A12376" t="s">
        <v>18678</v>
      </c>
      <c r="B12376" t="s">
        <v>18679</v>
      </c>
      <c r="C12376">
        <v>1</v>
      </c>
      <c r="D12376">
        <v>0</v>
      </c>
    </row>
    <row r="12377" spans="1:4" x14ac:dyDescent="0.25">
      <c r="A12377" t="s">
        <v>18680</v>
      </c>
      <c r="B12377" t="s">
        <v>18681</v>
      </c>
      <c r="C12377">
        <v>1</v>
      </c>
      <c r="D12377">
        <v>0</v>
      </c>
    </row>
    <row r="12378" spans="1:4" x14ac:dyDescent="0.25">
      <c r="A12378" t="s">
        <v>18682</v>
      </c>
      <c r="B12378" t="s">
        <v>18683</v>
      </c>
      <c r="C12378">
        <v>0</v>
      </c>
      <c r="D12378">
        <v>0</v>
      </c>
    </row>
    <row r="12379" spans="1:4" x14ac:dyDescent="0.25">
      <c r="A12379" t="s">
        <v>18684</v>
      </c>
      <c r="B12379" t="s">
        <v>18685</v>
      </c>
      <c r="C12379">
        <v>0</v>
      </c>
      <c r="D12379">
        <v>0</v>
      </c>
    </row>
    <row r="12380" spans="1:4" x14ac:dyDescent="0.25">
      <c r="A12380" t="s">
        <v>18686</v>
      </c>
      <c r="B12380" t="s">
        <v>18687</v>
      </c>
      <c r="C12380">
        <v>0</v>
      </c>
      <c r="D12380">
        <v>0</v>
      </c>
    </row>
    <row r="12381" spans="1:4" x14ac:dyDescent="0.25">
      <c r="A12381" t="s">
        <v>18688</v>
      </c>
      <c r="B12381" t="s">
        <v>18689</v>
      </c>
      <c r="C12381">
        <v>0</v>
      </c>
      <c r="D12381">
        <v>0</v>
      </c>
    </row>
    <row r="12382" spans="1:4" x14ac:dyDescent="0.25">
      <c r="A12382" t="s">
        <v>18690</v>
      </c>
      <c r="B12382" t="s">
        <v>18691</v>
      </c>
      <c r="C12382">
        <v>0</v>
      </c>
      <c r="D12382">
        <v>0</v>
      </c>
    </row>
    <row r="12383" spans="1:4" x14ac:dyDescent="0.25">
      <c r="A12383" t="s">
        <v>18692</v>
      </c>
      <c r="B12383" t="s">
        <v>18693</v>
      </c>
      <c r="C12383">
        <v>1</v>
      </c>
      <c r="D12383">
        <v>0</v>
      </c>
    </row>
    <row r="12384" spans="1:4" x14ac:dyDescent="0.25">
      <c r="A12384" t="s">
        <v>18692</v>
      </c>
      <c r="B12384" t="s">
        <v>18694</v>
      </c>
      <c r="C12384">
        <v>2</v>
      </c>
      <c r="D12384">
        <v>0</v>
      </c>
    </row>
    <row r="12385" spans="1:4" x14ac:dyDescent="0.25">
      <c r="A12385" t="s">
        <v>18695</v>
      </c>
      <c r="B12385" t="s">
        <v>18696</v>
      </c>
      <c r="C12385">
        <v>2</v>
      </c>
      <c r="D12385">
        <v>0</v>
      </c>
    </row>
    <row r="12386" spans="1:4" x14ac:dyDescent="0.25">
      <c r="A12386" t="s">
        <v>18697</v>
      </c>
      <c r="B12386" t="s">
        <v>18698</v>
      </c>
      <c r="C12386">
        <v>1</v>
      </c>
      <c r="D12386">
        <v>0</v>
      </c>
    </row>
    <row r="12387" spans="1:4" x14ac:dyDescent="0.25">
      <c r="A12387" t="s">
        <v>18697</v>
      </c>
      <c r="B12387" t="s">
        <v>18699</v>
      </c>
      <c r="C12387">
        <v>1</v>
      </c>
      <c r="D12387">
        <v>0</v>
      </c>
    </row>
    <row r="12388" spans="1:4" x14ac:dyDescent="0.25">
      <c r="A12388" t="s">
        <v>18700</v>
      </c>
      <c r="B12388" t="s">
        <v>18701</v>
      </c>
      <c r="C12388">
        <v>0</v>
      </c>
      <c r="D12388">
        <v>0</v>
      </c>
    </row>
    <row r="12389" spans="1:4" x14ac:dyDescent="0.25">
      <c r="A12389" t="s">
        <v>18702</v>
      </c>
      <c r="B12389" t="s">
        <v>18703</v>
      </c>
      <c r="C12389">
        <v>1</v>
      </c>
      <c r="D12389">
        <v>0</v>
      </c>
    </row>
    <row r="12390" spans="1:4" x14ac:dyDescent="0.25">
      <c r="A12390" t="s">
        <v>18704</v>
      </c>
      <c r="B12390" t="s">
        <v>18705</v>
      </c>
      <c r="C12390">
        <v>0</v>
      </c>
      <c r="D12390">
        <v>0</v>
      </c>
    </row>
    <row r="12391" spans="1:4" x14ac:dyDescent="0.25">
      <c r="A12391" t="s">
        <v>18706</v>
      </c>
      <c r="B12391" t="s">
        <v>18707</v>
      </c>
      <c r="C12391">
        <v>1</v>
      </c>
      <c r="D12391">
        <v>0</v>
      </c>
    </row>
    <row r="12392" spans="1:4" x14ac:dyDescent="0.25">
      <c r="A12392" t="s">
        <v>18708</v>
      </c>
      <c r="B12392" t="s">
        <v>18709</v>
      </c>
      <c r="C12392">
        <v>1</v>
      </c>
      <c r="D12392">
        <v>0</v>
      </c>
    </row>
    <row r="12393" spans="1:4" x14ac:dyDescent="0.25">
      <c r="A12393" t="s">
        <v>18710</v>
      </c>
      <c r="B12393" t="s">
        <v>18711</v>
      </c>
      <c r="C12393">
        <v>2</v>
      </c>
      <c r="D12393">
        <v>0</v>
      </c>
    </row>
    <row r="12394" spans="1:4" x14ac:dyDescent="0.25">
      <c r="A12394" t="s">
        <v>18712</v>
      </c>
      <c r="B12394" t="s">
        <v>18713</v>
      </c>
      <c r="C12394">
        <v>1</v>
      </c>
      <c r="D12394">
        <v>0</v>
      </c>
    </row>
    <row r="12395" spans="1:4" x14ac:dyDescent="0.25">
      <c r="A12395" t="s">
        <v>18714</v>
      </c>
      <c r="B12395" t="s">
        <v>18715</v>
      </c>
      <c r="C12395">
        <v>0</v>
      </c>
      <c r="D12395">
        <v>0</v>
      </c>
    </row>
    <row r="12396" spans="1:4" x14ac:dyDescent="0.25">
      <c r="A12396" t="s">
        <v>18716</v>
      </c>
      <c r="B12396" t="s">
        <v>18717</v>
      </c>
      <c r="C12396">
        <v>1</v>
      </c>
      <c r="D12396">
        <v>0</v>
      </c>
    </row>
    <row r="12397" spans="1:4" x14ac:dyDescent="0.25">
      <c r="A12397" t="s">
        <v>18718</v>
      </c>
      <c r="B12397" t="s">
        <v>18719</v>
      </c>
      <c r="C12397">
        <v>1</v>
      </c>
      <c r="D12397">
        <v>0</v>
      </c>
    </row>
    <row r="12398" spans="1:4" x14ac:dyDescent="0.25">
      <c r="A12398" t="s">
        <v>18720</v>
      </c>
      <c r="B12398" t="s">
        <v>5864</v>
      </c>
      <c r="C12398">
        <v>1</v>
      </c>
      <c r="D12398">
        <v>0</v>
      </c>
    </row>
    <row r="12399" spans="1:4" x14ac:dyDescent="0.25">
      <c r="A12399" t="s">
        <v>18721</v>
      </c>
      <c r="B12399" t="s">
        <v>18722</v>
      </c>
      <c r="C12399">
        <v>0</v>
      </c>
      <c r="D12399">
        <v>0</v>
      </c>
    </row>
    <row r="12400" spans="1:4" x14ac:dyDescent="0.25">
      <c r="A12400" t="s">
        <v>18723</v>
      </c>
      <c r="B12400" t="s">
        <v>18724</v>
      </c>
      <c r="C12400">
        <v>1</v>
      </c>
      <c r="D12400">
        <v>0</v>
      </c>
    </row>
    <row r="12401" spans="1:4" x14ac:dyDescent="0.25">
      <c r="A12401" t="s">
        <v>18725</v>
      </c>
      <c r="B12401" t="s">
        <v>18726</v>
      </c>
      <c r="C12401">
        <v>1</v>
      </c>
      <c r="D12401">
        <v>0</v>
      </c>
    </row>
    <row r="12402" spans="1:4" x14ac:dyDescent="0.25">
      <c r="A12402" t="s">
        <v>18725</v>
      </c>
      <c r="B12402" t="s">
        <v>18727</v>
      </c>
      <c r="C12402">
        <v>0</v>
      </c>
      <c r="D12402">
        <v>0</v>
      </c>
    </row>
    <row r="12403" spans="1:4" x14ac:dyDescent="0.25">
      <c r="A12403" t="s">
        <v>18728</v>
      </c>
      <c r="B12403" t="s">
        <v>18729</v>
      </c>
      <c r="C12403">
        <v>0</v>
      </c>
      <c r="D12403">
        <v>0</v>
      </c>
    </row>
    <row r="12404" spans="1:4" x14ac:dyDescent="0.25">
      <c r="A12404" t="s">
        <v>18730</v>
      </c>
      <c r="B12404" t="s">
        <v>18731</v>
      </c>
      <c r="C12404">
        <v>1</v>
      </c>
      <c r="D12404">
        <v>0</v>
      </c>
    </row>
    <row r="12405" spans="1:4" x14ac:dyDescent="0.25">
      <c r="A12405" t="s">
        <v>18732</v>
      </c>
      <c r="B12405" t="s">
        <v>18733</v>
      </c>
      <c r="C12405">
        <v>1</v>
      </c>
      <c r="D12405">
        <v>0</v>
      </c>
    </row>
    <row r="12406" spans="1:4" x14ac:dyDescent="0.25">
      <c r="A12406" t="s">
        <v>18734</v>
      </c>
      <c r="B12406" t="s">
        <v>18735</v>
      </c>
      <c r="C12406">
        <v>0</v>
      </c>
      <c r="D12406">
        <v>0</v>
      </c>
    </row>
    <row r="12407" spans="1:4" x14ac:dyDescent="0.25">
      <c r="A12407" t="s">
        <v>18736</v>
      </c>
      <c r="B12407" t="s">
        <v>18737</v>
      </c>
      <c r="C12407">
        <v>1</v>
      </c>
      <c r="D12407">
        <v>0</v>
      </c>
    </row>
    <row r="12408" spans="1:4" x14ac:dyDescent="0.25">
      <c r="A12408" t="s">
        <v>18738</v>
      </c>
      <c r="B12408" t="s">
        <v>18739</v>
      </c>
      <c r="C12408">
        <v>1</v>
      </c>
      <c r="D12408">
        <v>0</v>
      </c>
    </row>
    <row r="12409" spans="1:4" x14ac:dyDescent="0.25">
      <c r="A12409" t="s">
        <v>18738</v>
      </c>
      <c r="B12409" t="s">
        <v>18740</v>
      </c>
      <c r="C12409">
        <v>0</v>
      </c>
      <c r="D12409">
        <v>0</v>
      </c>
    </row>
    <row r="12410" spans="1:4" x14ac:dyDescent="0.25">
      <c r="A12410" t="s">
        <v>18741</v>
      </c>
      <c r="B12410" t="s">
        <v>18742</v>
      </c>
      <c r="C12410">
        <v>1</v>
      </c>
      <c r="D12410">
        <v>0</v>
      </c>
    </row>
    <row r="12411" spans="1:4" x14ac:dyDescent="0.25">
      <c r="A12411" t="s">
        <v>18743</v>
      </c>
      <c r="B12411" t="s">
        <v>18744</v>
      </c>
      <c r="C12411">
        <v>1</v>
      </c>
      <c r="D12411">
        <v>0</v>
      </c>
    </row>
    <row r="12412" spans="1:4" x14ac:dyDescent="0.25">
      <c r="A12412" t="s">
        <v>18745</v>
      </c>
      <c r="B12412" t="s">
        <v>18746</v>
      </c>
      <c r="C12412">
        <v>1</v>
      </c>
      <c r="D12412">
        <v>0</v>
      </c>
    </row>
    <row r="12413" spans="1:4" x14ac:dyDescent="0.25">
      <c r="A12413" t="s">
        <v>18745</v>
      </c>
      <c r="B12413" t="s">
        <v>18747</v>
      </c>
      <c r="C12413">
        <v>1</v>
      </c>
      <c r="D12413">
        <v>0</v>
      </c>
    </row>
    <row r="12414" spans="1:4" x14ac:dyDescent="0.25">
      <c r="A12414" t="s">
        <v>18745</v>
      </c>
      <c r="B12414" t="s">
        <v>18748</v>
      </c>
      <c r="C12414">
        <v>1</v>
      </c>
      <c r="D12414">
        <v>0</v>
      </c>
    </row>
    <row r="12415" spans="1:4" x14ac:dyDescent="0.25">
      <c r="A12415" t="s">
        <v>18749</v>
      </c>
      <c r="B12415" t="s">
        <v>18750</v>
      </c>
      <c r="C12415">
        <v>2</v>
      </c>
      <c r="D12415">
        <v>0</v>
      </c>
    </row>
    <row r="12416" spans="1:4" x14ac:dyDescent="0.25">
      <c r="A12416" t="s">
        <v>18751</v>
      </c>
      <c r="B12416" t="s">
        <v>18752</v>
      </c>
      <c r="C12416">
        <v>1</v>
      </c>
      <c r="D12416">
        <v>0</v>
      </c>
    </row>
    <row r="12417" spans="1:4" x14ac:dyDescent="0.25">
      <c r="A12417" t="s">
        <v>18753</v>
      </c>
      <c r="B12417" t="s">
        <v>18754</v>
      </c>
      <c r="C12417">
        <v>0</v>
      </c>
      <c r="D12417">
        <v>0</v>
      </c>
    </row>
    <row r="12418" spans="1:4" x14ac:dyDescent="0.25">
      <c r="A12418" t="s">
        <v>18755</v>
      </c>
      <c r="B12418" t="s">
        <v>18756</v>
      </c>
      <c r="C12418">
        <v>1</v>
      </c>
      <c r="D12418">
        <v>0</v>
      </c>
    </row>
    <row r="12419" spans="1:4" x14ac:dyDescent="0.25">
      <c r="A12419" t="s">
        <v>18757</v>
      </c>
      <c r="B12419" t="s">
        <v>18758</v>
      </c>
      <c r="C12419">
        <v>0</v>
      </c>
      <c r="D12419">
        <v>0</v>
      </c>
    </row>
    <row r="12420" spans="1:4" x14ac:dyDescent="0.25">
      <c r="A12420" t="s">
        <v>18759</v>
      </c>
      <c r="B12420" t="s">
        <v>18760</v>
      </c>
      <c r="C12420">
        <v>0</v>
      </c>
      <c r="D12420">
        <v>0</v>
      </c>
    </row>
    <row r="12421" spans="1:4" x14ac:dyDescent="0.25">
      <c r="A12421" t="s">
        <v>18761</v>
      </c>
      <c r="B12421" t="s">
        <v>18762</v>
      </c>
      <c r="C12421">
        <v>1</v>
      </c>
      <c r="D12421">
        <v>0</v>
      </c>
    </row>
    <row r="12422" spans="1:4" x14ac:dyDescent="0.25">
      <c r="A12422" t="s">
        <v>18761</v>
      </c>
      <c r="B12422" t="s">
        <v>18763</v>
      </c>
      <c r="C12422">
        <v>0</v>
      </c>
      <c r="D12422">
        <v>0</v>
      </c>
    </row>
    <row r="12423" spans="1:4" x14ac:dyDescent="0.25">
      <c r="A12423" t="s">
        <v>18761</v>
      </c>
      <c r="B12423" t="s">
        <v>18764</v>
      </c>
      <c r="C12423">
        <v>2</v>
      </c>
      <c r="D12423">
        <v>0</v>
      </c>
    </row>
    <row r="12424" spans="1:4" x14ac:dyDescent="0.25">
      <c r="A12424" t="s">
        <v>18765</v>
      </c>
      <c r="B12424" t="s">
        <v>18766</v>
      </c>
      <c r="C12424">
        <v>0</v>
      </c>
      <c r="D12424">
        <v>0</v>
      </c>
    </row>
    <row r="12425" spans="1:4" x14ac:dyDescent="0.25">
      <c r="A12425" t="s">
        <v>18767</v>
      </c>
      <c r="B12425" t="s">
        <v>18768</v>
      </c>
      <c r="C12425">
        <v>1</v>
      </c>
      <c r="D12425">
        <v>0</v>
      </c>
    </row>
    <row r="12426" spans="1:4" x14ac:dyDescent="0.25">
      <c r="A12426" t="s">
        <v>18769</v>
      </c>
      <c r="B12426" t="s">
        <v>18770</v>
      </c>
      <c r="C12426">
        <v>2</v>
      </c>
      <c r="D12426">
        <v>0</v>
      </c>
    </row>
    <row r="12427" spans="1:4" x14ac:dyDescent="0.25">
      <c r="A12427" t="s">
        <v>18771</v>
      </c>
      <c r="B12427" t="s">
        <v>18772</v>
      </c>
      <c r="C12427">
        <v>0</v>
      </c>
      <c r="D12427">
        <v>0</v>
      </c>
    </row>
    <row r="12428" spans="1:4" x14ac:dyDescent="0.25">
      <c r="A12428" t="s">
        <v>18773</v>
      </c>
      <c r="B12428" t="s">
        <v>18774</v>
      </c>
      <c r="C12428">
        <v>1</v>
      </c>
      <c r="D12428">
        <v>0</v>
      </c>
    </row>
    <row r="12429" spans="1:4" x14ac:dyDescent="0.25">
      <c r="A12429" t="s">
        <v>18775</v>
      </c>
      <c r="B12429" t="s">
        <v>18776</v>
      </c>
      <c r="C12429">
        <v>1</v>
      </c>
      <c r="D12429">
        <v>0</v>
      </c>
    </row>
    <row r="12430" spans="1:4" x14ac:dyDescent="0.25">
      <c r="A12430" t="s">
        <v>18775</v>
      </c>
      <c r="B12430" t="s">
        <v>18777</v>
      </c>
      <c r="C12430">
        <v>0</v>
      </c>
      <c r="D12430">
        <v>0</v>
      </c>
    </row>
    <row r="12431" spans="1:4" x14ac:dyDescent="0.25">
      <c r="A12431" t="s">
        <v>18778</v>
      </c>
      <c r="B12431" t="s">
        <v>18779</v>
      </c>
      <c r="C12431">
        <v>0</v>
      </c>
      <c r="D12431">
        <v>0</v>
      </c>
    </row>
    <row r="12432" spans="1:4" x14ac:dyDescent="0.25">
      <c r="A12432" t="s">
        <v>18778</v>
      </c>
      <c r="B12432" t="s">
        <v>18780</v>
      </c>
      <c r="C12432">
        <v>2</v>
      </c>
      <c r="D12432">
        <v>0</v>
      </c>
    </row>
    <row r="12433" spans="1:4" x14ac:dyDescent="0.25">
      <c r="A12433" t="s">
        <v>18781</v>
      </c>
      <c r="B12433" t="s">
        <v>18782</v>
      </c>
      <c r="C12433">
        <v>0</v>
      </c>
      <c r="D12433">
        <v>0</v>
      </c>
    </row>
    <row r="12434" spans="1:4" x14ac:dyDescent="0.25">
      <c r="A12434" t="s">
        <v>18783</v>
      </c>
      <c r="B12434" t="s">
        <v>18784</v>
      </c>
      <c r="C12434">
        <v>1</v>
      </c>
      <c r="D12434">
        <v>0</v>
      </c>
    </row>
    <row r="12435" spans="1:4" x14ac:dyDescent="0.25">
      <c r="A12435" t="s">
        <v>18785</v>
      </c>
      <c r="B12435" t="s">
        <v>18786</v>
      </c>
      <c r="C12435">
        <v>1</v>
      </c>
      <c r="D12435">
        <v>0</v>
      </c>
    </row>
    <row r="12436" spans="1:4" x14ac:dyDescent="0.25">
      <c r="A12436" t="s">
        <v>18787</v>
      </c>
      <c r="B12436" t="s">
        <v>18788</v>
      </c>
      <c r="C12436">
        <v>2</v>
      </c>
      <c r="D12436">
        <v>0</v>
      </c>
    </row>
    <row r="12437" spans="1:4" x14ac:dyDescent="0.25">
      <c r="A12437" t="s">
        <v>18789</v>
      </c>
      <c r="B12437" t="s">
        <v>18790</v>
      </c>
      <c r="C12437">
        <v>1</v>
      </c>
      <c r="D12437">
        <v>0</v>
      </c>
    </row>
    <row r="12438" spans="1:4" x14ac:dyDescent="0.25">
      <c r="A12438" t="s">
        <v>18791</v>
      </c>
      <c r="B12438" t="s">
        <v>18792</v>
      </c>
      <c r="C12438">
        <v>1</v>
      </c>
      <c r="D12438">
        <v>0</v>
      </c>
    </row>
    <row r="12439" spans="1:4" x14ac:dyDescent="0.25">
      <c r="A12439" t="s">
        <v>18793</v>
      </c>
      <c r="B12439" t="s">
        <v>18794</v>
      </c>
      <c r="C12439">
        <v>0</v>
      </c>
      <c r="D12439">
        <v>0</v>
      </c>
    </row>
    <row r="12440" spans="1:4" x14ac:dyDescent="0.25">
      <c r="A12440" t="s">
        <v>18795</v>
      </c>
      <c r="B12440" t="s">
        <v>18796</v>
      </c>
      <c r="C12440">
        <v>1</v>
      </c>
      <c r="D12440">
        <v>0</v>
      </c>
    </row>
    <row r="12441" spans="1:4" x14ac:dyDescent="0.25">
      <c r="A12441" t="s">
        <v>18795</v>
      </c>
      <c r="B12441" t="s">
        <v>18797</v>
      </c>
      <c r="C12441">
        <v>0</v>
      </c>
      <c r="D12441">
        <v>0</v>
      </c>
    </row>
    <row r="12442" spans="1:4" x14ac:dyDescent="0.25">
      <c r="A12442" t="s">
        <v>18798</v>
      </c>
      <c r="B12442" t="s">
        <v>18799</v>
      </c>
      <c r="C12442">
        <v>1</v>
      </c>
      <c r="D12442">
        <v>0</v>
      </c>
    </row>
    <row r="12443" spans="1:4" x14ac:dyDescent="0.25">
      <c r="A12443" t="s">
        <v>18800</v>
      </c>
      <c r="B12443" t="s">
        <v>18801</v>
      </c>
      <c r="C12443">
        <v>0</v>
      </c>
      <c r="D12443">
        <v>0</v>
      </c>
    </row>
    <row r="12444" spans="1:4" x14ac:dyDescent="0.25">
      <c r="A12444" t="s">
        <v>18802</v>
      </c>
      <c r="B12444" t="s">
        <v>18803</v>
      </c>
      <c r="C12444">
        <v>2</v>
      </c>
      <c r="D12444">
        <v>0</v>
      </c>
    </row>
    <row r="12445" spans="1:4" x14ac:dyDescent="0.25">
      <c r="A12445" t="s">
        <v>18804</v>
      </c>
      <c r="B12445" t="s">
        <v>18805</v>
      </c>
      <c r="C12445">
        <v>1</v>
      </c>
      <c r="D12445">
        <v>0</v>
      </c>
    </row>
    <row r="12446" spans="1:4" x14ac:dyDescent="0.25">
      <c r="A12446" t="s">
        <v>18806</v>
      </c>
      <c r="B12446" t="s">
        <v>18807</v>
      </c>
      <c r="C12446">
        <v>2</v>
      </c>
      <c r="D12446">
        <v>0</v>
      </c>
    </row>
    <row r="12447" spans="1:4" x14ac:dyDescent="0.25">
      <c r="A12447" t="s">
        <v>18808</v>
      </c>
      <c r="B12447" t="s">
        <v>1294</v>
      </c>
      <c r="C12447">
        <v>1</v>
      </c>
      <c r="D12447">
        <v>0</v>
      </c>
    </row>
    <row r="12448" spans="1:4" x14ac:dyDescent="0.25">
      <c r="A12448" t="s">
        <v>18809</v>
      </c>
      <c r="B12448" t="s">
        <v>18810</v>
      </c>
      <c r="C12448">
        <v>2</v>
      </c>
      <c r="D12448">
        <v>0</v>
      </c>
    </row>
    <row r="12449" spans="1:4" x14ac:dyDescent="0.25">
      <c r="A12449" t="s">
        <v>18811</v>
      </c>
      <c r="B12449" t="s">
        <v>18812</v>
      </c>
      <c r="C12449">
        <v>2</v>
      </c>
      <c r="D12449">
        <v>0</v>
      </c>
    </row>
    <row r="12450" spans="1:4" x14ac:dyDescent="0.25">
      <c r="A12450" t="s">
        <v>18813</v>
      </c>
      <c r="B12450" t="s">
        <v>18814</v>
      </c>
      <c r="C12450">
        <v>1</v>
      </c>
      <c r="D12450">
        <v>0</v>
      </c>
    </row>
    <row r="12451" spans="1:4" x14ac:dyDescent="0.25">
      <c r="A12451" t="s">
        <v>18815</v>
      </c>
      <c r="B12451" t="s">
        <v>18816</v>
      </c>
      <c r="C12451">
        <v>1</v>
      </c>
      <c r="D12451">
        <v>0</v>
      </c>
    </row>
    <row r="12452" spans="1:4" x14ac:dyDescent="0.25">
      <c r="A12452" t="s">
        <v>18815</v>
      </c>
      <c r="B12452" t="s">
        <v>18817</v>
      </c>
      <c r="C12452">
        <v>1</v>
      </c>
      <c r="D12452">
        <v>0</v>
      </c>
    </row>
    <row r="12453" spans="1:4" x14ac:dyDescent="0.25">
      <c r="A12453" t="s">
        <v>18818</v>
      </c>
      <c r="B12453" t="s">
        <v>18819</v>
      </c>
      <c r="C12453">
        <v>1</v>
      </c>
      <c r="D12453">
        <v>0</v>
      </c>
    </row>
    <row r="12454" spans="1:4" x14ac:dyDescent="0.25">
      <c r="A12454" t="s">
        <v>18820</v>
      </c>
      <c r="B12454" t="s">
        <v>18821</v>
      </c>
      <c r="C12454">
        <v>1</v>
      </c>
      <c r="D12454">
        <v>0</v>
      </c>
    </row>
    <row r="12455" spans="1:4" x14ac:dyDescent="0.25">
      <c r="A12455" t="s">
        <v>18822</v>
      </c>
      <c r="B12455" t="s">
        <v>18823</v>
      </c>
      <c r="C12455">
        <v>0</v>
      </c>
      <c r="D12455">
        <v>0</v>
      </c>
    </row>
    <row r="12456" spans="1:4" x14ac:dyDescent="0.25">
      <c r="A12456" t="s">
        <v>18824</v>
      </c>
      <c r="B12456" t="s">
        <v>18825</v>
      </c>
      <c r="C12456">
        <v>0</v>
      </c>
      <c r="D12456">
        <v>0</v>
      </c>
    </row>
    <row r="12457" spans="1:4" x14ac:dyDescent="0.25">
      <c r="A12457" t="s">
        <v>18826</v>
      </c>
      <c r="B12457" t="s">
        <v>18827</v>
      </c>
      <c r="C12457">
        <v>1</v>
      </c>
      <c r="D12457">
        <v>0</v>
      </c>
    </row>
    <row r="12458" spans="1:4" x14ac:dyDescent="0.25">
      <c r="A12458" t="s">
        <v>18828</v>
      </c>
      <c r="B12458" t="s">
        <v>18829</v>
      </c>
      <c r="C12458">
        <v>1</v>
      </c>
      <c r="D12458">
        <v>0</v>
      </c>
    </row>
    <row r="12459" spans="1:4" x14ac:dyDescent="0.25">
      <c r="A12459" t="s">
        <v>18830</v>
      </c>
      <c r="B12459" t="s">
        <v>18831</v>
      </c>
      <c r="C12459">
        <v>1</v>
      </c>
      <c r="D12459">
        <v>0</v>
      </c>
    </row>
    <row r="12460" spans="1:4" x14ac:dyDescent="0.25">
      <c r="A12460" t="s">
        <v>18832</v>
      </c>
      <c r="B12460" t="s">
        <v>18833</v>
      </c>
      <c r="C12460">
        <v>2</v>
      </c>
      <c r="D12460">
        <v>0</v>
      </c>
    </row>
    <row r="12461" spans="1:4" x14ac:dyDescent="0.25">
      <c r="A12461" t="s">
        <v>18834</v>
      </c>
      <c r="B12461" t="s">
        <v>18835</v>
      </c>
      <c r="C12461">
        <v>1</v>
      </c>
      <c r="D12461">
        <v>0</v>
      </c>
    </row>
    <row r="12462" spans="1:4" x14ac:dyDescent="0.25">
      <c r="A12462" t="s">
        <v>18836</v>
      </c>
      <c r="B12462" t="s">
        <v>18837</v>
      </c>
      <c r="C12462">
        <v>0</v>
      </c>
      <c r="D12462">
        <v>0</v>
      </c>
    </row>
    <row r="12463" spans="1:4" x14ac:dyDescent="0.25">
      <c r="A12463" t="s">
        <v>18836</v>
      </c>
      <c r="B12463" t="s">
        <v>18838</v>
      </c>
      <c r="C12463">
        <v>0</v>
      </c>
      <c r="D12463">
        <v>0</v>
      </c>
    </row>
    <row r="12464" spans="1:4" x14ac:dyDescent="0.25">
      <c r="A12464" t="s">
        <v>18836</v>
      </c>
      <c r="B12464" t="s">
        <v>18839</v>
      </c>
      <c r="C12464">
        <v>0</v>
      </c>
      <c r="D12464">
        <v>0</v>
      </c>
    </row>
    <row r="12465" spans="1:4" x14ac:dyDescent="0.25">
      <c r="A12465" t="s">
        <v>18840</v>
      </c>
      <c r="B12465" t="s">
        <v>18841</v>
      </c>
      <c r="C12465">
        <v>0</v>
      </c>
      <c r="D12465">
        <v>0</v>
      </c>
    </row>
    <row r="12466" spans="1:4" x14ac:dyDescent="0.25">
      <c r="A12466" t="s">
        <v>18842</v>
      </c>
      <c r="B12466" t="s">
        <v>18843</v>
      </c>
      <c r="C12466">
        <v>1</v>
      </c>
      <c r="D12466">
        <v>0</v>
      </c>
    </row>
    <row r="12467" spans="1:4" x14ac:dyDescent="0.25">
      <c r="A12467" t="s">
        <v>18844</v>
      </c>
      <c r="B12467" t="s">
        <v>18845</v>
      </c>
      <c r="C12467">
        <v>1</v>
      </c>
      <c r="D12467">
        <v>0</v>
      </c>
    </row>
    <row r="12468" spans="1:4" x14ac:dyDescent="0.25">
      <c r="A12468" t="s">
        <v>18846</v>
      </c>
      <c r="B12468" t="s">
        <v>18847</v>
      </c>
      <c r="C12468">
        <v>2</v>
      </c>
      <c r="D12468">
        <v>0</v>
      </c>
    </row>
    <row r="12469" spans="1:4" x14ac:dyDescent="0.25">
      <c r="A12469" t="s">
        <v>18848</v>
      </c>
      <c r="B12469" t="s">
        <v>18849</v>
      </c>
      <c r="C12469">
        <v>1</v>
      </c>
      <c r="D12469">
        <v>0</v>
      </c>
    </row>
    <row r="12470" spans="1:4" x14ac:dyDescent="0.25">
      <c r="A12470" t="s">
        <v>18848</v>
      </c>
      <c r="B12470" t="s">
        <v>18850</v>
      </c>
      <c r="C12470">
        <v>1</v>
      </c>
      <c r="D12470">
        <v>0</v>
      </c>
    </row>
    <row r="12471" spans="1:4" x14ac:dyDescent="0.25">
      <c r="A12471" t="s">
        <v>18848</v>
      </c>
      <c r="B12471" t="s">
        <v>18851</v>
      </c>
      <c r="C12471">
        <v>1</v>
      </c>
      <c r="D12471">
        <v>0</v>
      </c>
    </row>
    <row r="12472" spans="1:4" x14ac:dyDescent="0.25">
      <c r="A12472" t="s">
        <v>18852</v>
      </c>
      <c r="B12472" t="s">
        <v>18853</v>
      </c>
      <c r="C12472">
        <v>2</v>
      </c>
      <c r="D12472">
        <v>0</v>
      </c>
    </row>
    <row r="12473" spans="1:4" x14ac:dyDescent="0.25">
      <c r="A12473" t="s">
        <v>18854</v>
      </c>
      <c r="B12473" t="s">
        <v>18855</v>
      </c>
      <c r="C12473">
        <v>0</v>
      </c>
      <c r="D12473">
        <v>0</v>
      </c>
    </row>
    <row r="12474" spans="1:4" x14ac:dyDescent="0.25">
      <c r="A12474" t="s">
        <v>18856</v>
      </c>
      <c r="B12474" t="s">
        <v>18857</v>
      </c>
      <c r="C12474">
        <v>1</v>
      </c>
      <c r="D12474">
        <v>0</v>
      </c>
    </row>
    <row r="12475" spans="1:4" x14ac:dyDescent="0.25">
      <c r="A12475" t="s">
        <v>18858</v>
      </c>
      <c r="B12475" t="s">
        <v>18859</v>
      </c>
      <c r="C12475">
        <v>0</v>
      </c>
      <c r="D12475">
        <v>0</v>
      </c>
    </row>
    <row r="12476" spans="1:4" x14ac:dyDescent="0.25">
      <c r="A12476" t="s">
        <v>18860</v>
      </c>
      <c r="B12476" t="s">
        <v>18861</v>
      </c>
      <c r="C12476">
        <v>2</v>
      </c>
      <c r="D12476">
        <v>0</v>
      </c>
    </row>
    <row r="12477" spans="1:4" x14ac:dyDescent="0.25">
      <c r="A12477" t="s">
        <v>18862</v>
      </c>
      <c r="B12477" t="s">
        <v>18863</v>
      </c>
      <c r="C12477">
        <v>2</v>
      </c>
      <c r="D12477">
        <v>0</v>
      </c>
    </row>
    <row r="12478" spans="1:4" x14ac:dyDescent="0.25">
      <c r="A12478" t="s">
        <v>18864</v>
      </c>
      <c r="B12478" t="s">
        <v>18865</v>
      </c>
      <c r="C12478">
        <v>1</v>
      </c>
      <c r="D12478">
        <v>0</v>
      </c>
    </row>
    <row r="12479" spans="1:4" x14ac:dyDescent="0.25">
      <c r="A12479" t="s">
        <v>18866</v>
      </c>
      <c r="B12479" t="s">
        <v>18867</v>
      </c>
      <c r="C12479">
        <v>2</v>
      </c>
      <c r="D12479">
        <v>0</v>
      </c>
    </row>
    <row r="12480" spans="1:4" x14ac:dyDescent="0.25">
      <c r="A12480" t="s">
        <v>18868</v>
      </c>
      <c r="B12480" t="s">
        <v>18869</v>
      </c>
      <c r="C12480">
        <v>1</v>
      </c>
      <c r="D12480">
        <v>0</v>
      </c>
    </row>
    <row r="12481" spans="1:4" x14ac:dyDescent="0.25">
      <c r="A12481" t="s">
        <v>18870</v>
      </c>
      <c r="B12481" t="s">
        <v>2061</v>
      </c>
      <c r="C12481">
        <v>0</v>
      </c>
      <c r="D12481">
        <v>0</v>
      </c>
    </row>
    <row r="12482" spans="1:4" x14ac:dyDescent="0.25">
      <c r="A12482" t="s">
        <v>18871</v>
      </c>
      <c r="B12482" t="s">
        <v>18872</v>
      </c>
      <c r="C12482">
        <v>1</v>
      </c>
      <c r="D12482">
        <v>0</v>
      </c>
    </row>
    <row r="12483" spans="1:4" x14ac:dyDescent="0.25">
      <c r="A12483" t="s">
        <v>18873</v>
      </c>
      <c r="B12483" t="s">
        <v>18874</v>
      </c>
      <c r="C12483">
        <v>0</v>
      </c>
      <c r="D12483">
        <v>0</v>
      </c>
    </row>
    <row r="12484" spans="1:4" x14ac:dyDescent="0.25">
      <c r="A12484" t="s">
        <v>18875</v>
      </c>
      <c r="B12484" t="s">
        <v>18876</v>
      </c>
      <c r="C12484">
        <v>0</v>
      </c>
      <c r="D12484">
        <v>0</v>
      </c>
    </row>
    <row r="12485" spans="1:4" x14ac:dyDescent="0.25">
      <c r="A12485" t="s">
        <v>18875</v>
      </c>
      <c r="B12485" t="s">
        <v>18877</v>
      </c>
      <c r="C12485">
        <v>0</v>
      </c>
      <c r="D12485">
        <v>0</v>
      </c>
    </row>
    <row r="12486" spans="1:4" x14ac:dyDescent="0.25">
      <c r="A12486" t="s">
        <v>18878</v>
      </c>
      <c r="B12486" t="s">
        <v>18879</v>
      </c>
      <c r="C12486">
        <v>0</v>
      </c>
      <c r="D12486">
        <v>0</v>
      </c>
    </row>
    <row r="12487" spans="1:4" x14ac:dyDescent="0.25">
      <c r="A12487" t="s">
        <v>18880</v>
      </c>
      <c r="B12487" t="s">
        <v>18881</v>
      </c>
      <c r="C12487">
        <v>1</v>
      </c>
      <c r="D12487">
        <v>0</v>
      </c>
    </row>
    <row r="12488" spans="1:4" x14ac:dyDescent="0.25">
      <c r="A12488" t="s">
        <v>18882</v>
      </c>
      <c r="B12488" t="s">
        <v>18883</v>
      </c>
      <c r="C12488">
        <v>0</v>
      </c>
      <c r="D12488">
        <v>0</v>
      </c>
    </row>
    <row r="12489" spans="1:4" x14ac:dyDescent="0.25">
      <c r="A12489" t="s">
        <v>18884</v>
      </c>
      <c r="B12489" t="s">
        <v>18885</v>
      </c>
      <c r="C12489">
        <v>1</v>
      </c>
      <c r="D12489">
        <v>0</v>
      </c>
    </row>
    <row r="12490" spans="1:4" x14ac:dyDescent="0.25">
      <c r="A12490" t="s">
        <v>18886</v>
      </c>
      <c r="B12490" t="s">
        <v>18887</v>
      </c>
      <c r="C12490">
        <v>1</v>
      </c>
      <c r="D12490">
        <v>0</v>
      </c>
    </row>
    <row r="12491" spans="1:4" x14ac:dyDescent="0.25">
      <c r="A12491" t="s">
        <v>18888</v>
      </c>
      <c r="B12491" t="s">
        <v>18889</v>
      </c>
      <c r="C12491">
        <v>1</v>
      </c>
      <c r="D12491">
        <v>0</v>
      </c>
    </row>
    <row r="12492" spans="1:4" x14ac:dyDescent="0.25">
      <c r="A12492" t="s">
        <v>18888</v>
      </c>
      <c r="B12492" t="s">
        <v>18890</v>
      </c>
      <c r="C12492">
        <v>0</v>
      </c>
      <c r="D12492">
        <v>0</v>
      </c>
    </row>
    <row r="12493" spans="1:4" x14ac:dyDescent="0.25">
      <c r="A12493" t="s">
        <v>18891</v>
      </c>
      <c r="B12493" t="s">
        <v>18892</v>
      </c>
      <c r="C12493">
        <v>1</v>
      </c>
      <c r="D12493">
        <v>0</v>
      </c>
    </row>
    <row r="12494" spans="1:4" x14ac:dyDescent="0.25">
      <c r="A12494" t="s">
        <v>18893</v>
      </c>
      <c r="B12494" t="s">
        <v>18894</v>
      </c>
      <c r="C12494">
        <v>0</v>
      </c>
      <c r="D12494">
        <v>0</v>
      </c>
    </row>
    <row r="12495" spans="1:4" x14ac:dyDescent="0.25">
      <c r="A12495" t="s">
        <v>18895</v>
      </c>
      <c r="B12495" t="s">
        <v>18896</v>
      </c>
      <c r="C12495">
        <v>1</v>
      </c>
      <c r="D12495">
        <v>0</v>
      </c>
    </row>
    <row r="12496" spans="1:4" x14ac:dyDescent="0.25">
      <c r="A12496" t="s">
        <v>18897</v>
      </c>
      <c r="B12496" t="s">
        <v>18898</v>
      </c>
      <c r="C12496">
        <v>0</v>
      </c>
      <c r="D12496">
        <v>0</v>
      </c>
    </row>
    <row r="12497" spans="1:4" x14ac:dyDescent="0.25">
      <c r="A12497" t="s">
        <v>18897</v>
      </c>
      <c r="B12497" t="s">
        <v>18899</v>
      </c>
      <c r="C12497">
        <v>2</v>
      </c>
      <c r="D12497">
        <v>0</v>
      </c>
    </row>
    <row r="12498" spans="1:4" x14ac:dyDescent="0.25">
      <c r="A12498" t="s">
        <v>18900</v>
      </c>
      <c r="B12498" t="s">
        <v>18901</v>
      </c>
      <c r="C12498">
        <v>1</v>
      </c>
      <c r="D12498">
        <v>0</v>
      </c>
    </row>
    <row r="12499" spans="1:4" x14ac:dyDescent="0.25">
      <c r="A12499" t="s">
        <v>18900</v>
      </c>
      <c r="B12499" t="s">
        <v>18902</v>
      </c>
      <c r="C12499">
        <v>2</v>
      </c>
      <c r="D12499">
        <v>0</v>
      </c>
    </row>
    <row r="12500" spans="1:4" x14ac:dyDescent="0.25">
      <c r="A12500" t="s">
        <v>18903</v>
      </c>
      <c r="B12500" t="s">
        <v>18904</v>
      </c>
      <c r="C12500">
        <v>1</v>
      </c>
      <c r="D12500">
        <v>0</v>
      </c>
    </row>
    <row r="12501" spans="1:4" x14ac:dyDescent="0.25">
      <c r="A12501" t="s">
        <v>18905</v>
      </c>
      <c r="B12501" t="s">
        <v>18906</v>
      </c>
      <c r="C12501">
        <v>1</v>
      </c>
      <c r="D12501">
        <v>0</v>
      </c>
    </row>
    <row r="12502" spans="1:4" x14ac:dyDescent="0.25">
      <c r="A12502" t="s">
        <v>18907</v>
      </c>
      <c r="B12502" t="s">
        <v>18908</v>
      </c>
      <c r="C12502">
        <v>0</v>
      </c>
      <c r="D12502">
        <v>0</v>
      </c>
    </row>
    <row r="12503" spans="1:4" x14ac:dyDescent="0.25">
      <c r="A12503" t="s">
        <v>18909</v>
      </c>
      <c r="B12503" t="s">
        <v>18910</v>
      </c>
      <c r="C12503">
        <v>2</v>
      </c>
      <c r="D12503">
        <v>0</v>
      </c>
    </row>
    <row r="12504" spans="1:4" x14ac:dyDescent="0.25">
      <c r="A12504" t="s">
        <v>18911</v>
      </c>
      <c r="B12504" t="s">
        <v>18912</v>
      </c>
      <c r="C12504">
        <v>0</v>
      </c>
      <c r="D12504">
        <v>0</v>
      </c>
    </row>
    <row r="12505" spans="1:4" x14ac:dyDescent="0.25">
      <c r="A12505" t="s">
        <v>18913</v>
      </c>
      <c r="B12505" t="s">
        <v>18914</v>
      </c>
      <c r="C12505">
        <v>0</v>
      </c>
      <c r="D12505">
        <v>0</v>
      </c>
    </row>
    <row r="12506" spans="1:4" x14ac:dyDescent="0.25">
      <c r="A12506" t="s">
        <v>18915</v>
      </c>
      <c r="B12506" t="s">
        <v>18916</v>
      </c>
      <c r="C12506">
        <v>1</v>
      </c>
      <c r="D12506">
        <v>0</v>
      </c>
    </row>
    <row r="12507" spans="1:4" x14ac:dyDescent="0.25">
      <c r="A12507" t="s">
        <v>18917</v>
      </c>
      <c r="B12507" t="s">
        <v>18918</v>
      </c>
      <c r="C12507">
        <v>1</v>
      </c>
      <c r="D12507">
        <v>0</v>
      </c>
    </row>
    <row r="12508" spans="1:4" x14ac:dyDescent="0.25">
      <c r="A12508" t="s">
        <v>18919</v>
      </c>
      <c r="B12508" t="s">
        <v>18920</v>
      </c>
      <c r="C12508">
        <v>0</v>
      </c>
      <c r="D12508">
        <v>0</v>
      </c>
    </row>
    <row r="12509" spans="1:4" x14ac:dyDescent="0.25">
      <c r="A12509" t="s">
        <v>18921</v>
      </c>
      <c r="B12509" t="s">
        <v>18922</v>
      </c>
      <c r="C12509">
        <v>2</v>
      </c>
      <c r="D12509">
        <v>0</v>
      </c>
    </row>
    <row r="12510" spans="1:4" x14ac:dyDescent="0.25">
      <c r="A12510" t="s">
        <v>18923</v>
      </c>
      <c r="B12510" t="s">
        <v>18924</v>
      </c>
      <c r="C12510">
        <v>1</v>
      </c>
      <c r="D12510">
        <v>0</v>
      </c>
    </row>
    <row r="12511" spans="1:4" x14ac:dyDescent="0.25">
      <c r="A12511" t="s">
        <v>18925</v>
      </c>
      <c r="B12511" t="s">
        <v>18926</v>
      </c>
      <c r="C12511">
        <v>1</v>
      </c>
      <c r="D12511">
        <v>0</v>
      </c>
    </row>
    <row r="12512" spans="1:4" x14ac:dyDescent="0.25">
      <c r="A12512" t="s">
        <v>18927</v>
      </c>
      <c r="B12512" t="s">
        <v>18928</v>
      </c>
      <c r="C12512">
        <v>1</v>
      </c>
      <c r="D12512">
        <v>0</v>
      </c>
    </row>
    <row r="12513" spans="1:4" x14ac:dyDescent="0.25">
      <c r="A12513" t="s">
        <v>18929</v>
      </c>
      <c r="B12513" t="s">
        <v>18930</v>
      </c>
      <c r="C12513">
        <v>1</v>
      </c>
      <c r="D12513">
        <v>0</v>
      </c>
    </row>
    <row r="12514" spans="1:4" x14ac:dyDescent="0.25">
      <c r="A12514" t="s">
        <v>18931</v>
      </c>
      <c r="B12514" t="s">
        <v>18932</v>
      </c>
      <c r="C12514">
        <v>2</v>
      </c>
      <c r="D12514">
        <v>0</v>
      </c>
    </row>
    <row r="12515" spans="1:4" x14ac:dyDescent="0.25">
      <c r="A12515" t="s">
        <v>18933</v>
      </c>
      <c r="B12515" t="s">
        <v>18934</v>
      </c>
      <c r="C12515">
        <v>2</v>
      </c>
      <c r="D12515">
        <v>0</v>
      </c>
    </row>
    <row r="12516" spans="1:4" x14ac:dyDescent="0.25">
      <c r="A12516" t="s">
        <v>18935</v>
      </c>
      <c r="B12516" t="s">
        <v>18936</v>
      </c>
      <c r="C12516">
        <v>0</v>
      </c>
      <c r="D12516">
        <v>0</v>
      </c>
    </row>
    <row r="12517" spans="1:4" x14ac:dyDescent="0.25">
      <c r="A12517" t="s">
        <v>18937</v>
      </c>
      <c r="B12517" t="s">
        <v>18938</v>
      </c>
      <c r="C12517">
        <v>0</v>
      </c>
      <c r="D12517">
        <v>0</v>
      </c>
    </row>
    <row r="12518" spans="1:4" x14ac:dyDescent="0.25">
      <c r="A12518" t="s">
        <v>18939</v>
      </c>
      <c r="B12518" t="s">
        <v>18940</v>
      </c>
      <c r="C12518">
        <v>2</v>
      </c>
      <c r="D12518">
        <v>0</v>
      </c>
    </row>
    <row r="12519" spans="1:4" x14ac:dyDescent="0.25">
      <c r="A12519" t="s">
        <v>18941</v>
      </c>
      <c r="B12519" t="s">
        <v>18942</v>
      </c>
      <c r="C12519">
        <v>1</v>
      </c>
      <c r="D12519">
        <v>0</v>
      </c>
    </row>
    <row r="12520" spans="1:4" x14ac:dyDescent="0.25">
      <c r="A12520" t="s">
        <v>18943</v>
      </c>
      <c r="B12520" t="s">
        <v>18944</v>
      </c>
      <c r="C12520">
        <v>1</v>
      </c>
      <c r="D12520">
        <v>0</v>
      </c>
    </row>
    <row r="12521" spans="1:4" x14ac:dyDescent="0.25">
      <c r="A12521" t="s">
        <v>18945</v>
      </c>
      <c r="B12521" t="s">
        <v>18946</v>
      </c>
      <c r="C12521">
        <v>1</v>
      </c>
      <c r="D12521">
        <v>0</v>
      </c>
    </row>
    <row r="12522" spans="1:4" x14ac:dyDescent="0.25">
      <c r="A12522" t="s">
        <v>18947</v>
      </c>
      <c r="B12522" t="s">
        <v>18948</v>
      </c>
      <c r="C12522">
        <v>1</v>
      </c>
      <c r="D12522">
        <v>0</v>
      </c>
    </row>
    <row r="12523" spans="1:4" x14ac:dyDescent="0.25">
      <c r="A12523" t="s">
        <v>18947</v>
      </c>
      <c r="B12523" t="s">
        <v>18949</v>
      </c>
      <c r="C12523">
        <v>0</v>
      </c>
      <c r="D12523">
        <v>0</v>
      </c>
    </row>
    <row r="12524" spans="1:4" x14ac:dyDescent="0.25">
      <c r="A12524" t="s">
        <v>18950</v>
      </c>
      <c r="B12524" t="s">
        <v>18951</v>
      </c>
      <c r="C12524">
        <v>1</v>
      </c>
      <c r="D12524">
        <v>0</v>
      </c>
    </row>
    <row r="12525" spans="1:4" x14ac:dyDescent="0.25">
      <c r="A12525" t="s">
        <v>18952</v>
      </c>
      <c r="B12525" t="s">
        <v>18953</v>
      </c>
      <c r="C12525">
        <v>1</v>
      </c>
      <c r="D12525">
        <v>0</v>
      </c>
    </row>
    <row r="12526" spans="1:4" x14ac:dyDescent="0.25">
      <c r="A12526" t="s">
        <v>18954</v>
      </c>
      <c r="B12526" t="s">
        <v>18955</v>
      </c>
      <c r="C12526">
        <v>1</v>
      </c>
      <c r="D12526">
        <v>0</v>
      </c>
    </row>
    <row r="12527" spans="1:4" x14ac:dyDescent="0.25">
      <c r="A12527" t="s">
        <v>18956</v>
      </c>
      <c r="B12527" t="s">
        <v>17479</v>
      </c>
      <c r="C12527">
        <v>1</v>
      </c>
      <c r="D12527">
        <v>0</v>
      </c>
    </row>
    <row r="12528" spans="1:4" x14ac:dyDescent="0.25">
      <c r="A12528" t="s">
        <v>18956</v>
      </c>
      <c r="B12528" t="s">
        <v>18957</v>
      </c>
      <c r="C12528">
        <v>2</v>
      </c>
      <c r="D12528">
        <v>0</v>
      </c>
    </row>
    <row r="12529" spans="1:4" x14ac:dyDescent="0.25">
      <c r="A12529" t="s">
        <v>18958</v>
      </c>
      <c r="B12529" t="s">
        <v>18959</v>
      </c>
      <c r="C12529">
        <v>1</v>
      </c>
      <c r="D12529">
        <v>0</v>
      </c>
    </row>
    <row r="12530" spans="1:4" x14ac:dyDescent="0.25">
      <c r="A12530" t="s">
        <v>18958</v>
      </c>
      <c r="B12530" t="s">
        <v>18960</v>
      </c>
      <c r="C12530">
        <v>0</v>
      </c>
      <c r="D12530">
        <v>0</v>
      </c>
    </row>
    <row r="12531" spans="1:4" x14ac:dyDescent="0.25">
      <c r="A12531" t="s">
        <v>18958</v>
      </c>
      <c r="B12531" t="s">
        <v>18961</v>
      </c>
      <c r="C12531">
        <v>2</v>
      </c>
      <c r="D12531">
        <v>0</v>
      </c>
    </row>
    <row r="12532" spans="1:4" x14ac:dyDescent="0.25">
      <c r="A12532" t="s">
        <v>18962</v>
      </c>
      <c r="B12532" t="s">
        <v>18963</v>
      </c>
      <c r="C12532">
        <v>1</v>
      </c>
      <c r="D12532">
        <v>0</v>
      </c>
    </row>
    <row r="12533" spans="1:4" x14ac:dyDescent="0.25">
      <c r="A12533" t="s">
        <v>18964</v>
      </c>
      <c r="B12533" t="s">
        <v>18965</v>
      </c>
      <c r="C12533">
        <v>2</v>
      </c>
      <c r="D12533">
        <v>0</v>
      </c>
    </row>
    <row r="12534" spans="1:4" x14ac:dyDescent="0.25">
      <c r="A12534" t="s">
        <v>18966</v>
      </c>
      <c r="B12534" t="s">
        <v>18967</v>
      </c>
      <c r="C12534">
        <v>1</v>
      </c>
      <c r="D12534">
        <v>0</v>
      </c>
    </row>
    <row r="12535" spans="1:4" x14ac:dyDescent="0.25">
      <c r="A12535" t="s">
        <v>18968</v>
      </c>
      <c r="B12535" t="s">
        <v>11948</v>
      </c>
      <c r="C12535">
        <v>1</v>
      </c>
      <c r="D12535">
        <v>0</v>
      </c>
    </row>
    <row r="12536" spans="1:4" x14ac:dyDescent="0.25">
      <c r="A12536" t="s">
        <v>18969</v>
      </c>
      <c r="B12536" t="s">
        <v>18970</v>
      </c>
      <c r="C12536">
        <v>0</v>
      </c>
      <c r="D12536">
        <v>0</v>
      </c>
    </row>
    <row r="12537" spans="1:4" x14ac:dyDescent="0.25">
      <c r="A12537" t="s">
        <v>18971</v>
      </c>
      <c r="B12537" t="s">
        <v>18972</v>
      </c>
      <c r="C12537">
        <v>1</v>
      </c>
      <c r="D12537">
        <v>0</v>
      </c>
    </row>
    <row r="12538" spans="1:4" x14ac:dyDescent="0.25">
      <c r="A12538" t="s">
        <v>18973</v>
      </c>
      <c r="B12538" t="s">
        <v>18974</v>
      </c>
      <c r="C12538">
        <v>1</v>
      </c>
      <c r="D12538">
        <v>0</v>
      </c>
    </row>
    <row r="12539" spans="1:4" x14ac:dyDescent="0.25">
      <c r="A12539" t="s">
        <v>18975</v>
      </c>
      <c r="B12539" t="s">
        <v>18976</v>
      </c>
      <c r="C12539">
        <v>1</v>
      </c>
      <c r="D12539">
        <v>0</v>
      </c>
    </row>
    <row r="12540" spans="1:4" x14ac:dyDescent="0.25">
      <c r="A12540" t="s">
        <v>18977</v>
      </c>
      <c r="B12540" t="s">
        <v>18978</v>
      </c>
      <c r="C12540">
        <v>1</v>
      </c>
      <c r="D12540">
        <v>0</v>
      </c>
    </row>
    <row r="12541" spans="1:4" x14ac:dyDescent="0.25">
      <c r="A12541" t="s">
        <v>18979</v>
      </c>
      <c r="B12541" t="s">
        <v>18980</v>
      </c>
      <c r="C12541">
        <v>1</v>
      </c>
      <c r="D12541">
        <v>0</v>
      </c>
    </row>
    <row r="12542" spans="1:4" x14ac:dyDescent="0.25">
      <c r="A12542" t="s">
        <v>18981</v>
      </c>
      <c r="B12542" t="s">
        <v>18982</v>
      </c>
      <c r="C12542">
        <v>1</v>
      </c>
      <c r="D12542">
        <v>0</v>
      </c>
    </row>
    <row r="12543" spans="1:4" x14ac:dyDescent="0.25">
      <c r="A12543" t="s">
        <v>18983</v>
      </c>
      <c r="B12543" t="s">
        <v>18984</v>
      </c>
      <c r="C12543">
        <v>2</v>
      </c>
      <c r="D12543">
        <v>0</v>
      </c>
    </row>
    <row r="12544" spans="1:4" x14ac:dyDescent="0.25">
      <c r="A12544" t="s">
        <v>18983</v>
      </c>
      <c r="B12544" t="s">
        <v>18985</v>
      </c>
      <c r="C12544">
        <v>2</v>
      </c>
      <c r="D12544">
        <v>0</v>
      </c>
    </row>
    <row r="12545" spans="1:4" x14ac:dyDescent="0.25">
      <c r="A12545" t="s">
        <v>18983</v>
      </c>
      <c r="B12545" t="s">
        <v>18986</v>
      </c>
      <c r="C12545">
        <v>2</v>
      </c>
      <c r="D12545">
        <v>0</v>
      </c>
    </row>
    <row r="12546" spans="1:4" x14ac:dyDescent="0.25">
      <c r="A12546" t="s">
        <v>18987</v>
      </c>
      <c r="B12546" t="s">
        <v>1294</v>
      </c>
      <c r="C12546">
        <v>1</v>
      </c>
      <c r="D12546">
        <v>0</v>
      </c>
    </row>
    <row r="12547" spans="1:4" x14ac:dyDescent="0.25">
      <c r="A12547" t="s">
        <v>18988</v>
      </c>
      <c r="B12547" t="s">
        <v>18989</v>
      </c>
      <c r="C12547">
        <v>2</v>
      </c>
      <c r="D12547">
        <v>0</v>
      </c>
    </row>
    <row r="12548" spans="1:4" x14ac:dyDescent="0.25">
      <c r="A12548" t="s">
        <v>18990</v>
      </c>
      <c r="B12548" t="s">
        <v>18991</v>
      </c>
      <c r="C12548">
        <v>1</v>
      </c>
      <c r="D12548">
        <v>0</v>
      </c>
    </row>
    <row r="12549" spans="1:4" x14ac:dyDescent="0.25">
      <c r="A12549" t="s">
        <v>18992</v>
      </c>
      <c r="B12549" t="s">
        <v>18993</v>
      </c>
      <c r="C12549">
        <v>1</v>
      </c>
      <c r="D12549">
        <v>0</v>
      </c>
    </row>
    <row r="12550" spans="1:4" x14ac:dyDescent="0.25">
      <c r="A12550" t="s">
        <v>18994</v>
      </c>
      <c r="B12550" t="s">
        <v>18995</v>
      </c>
      <c r="C12550">
        <v>1</v>
      </c>
      <c r="D12550">
        <v>0</v>
      </c>
    </row>
    <row r="12551" spans="1:4" x14ac:dyDescent="0.25">
      <c r="A12551" t="s">
        <v>18996</v>
      </c>
      <c r="B12551" t="s">
        <v>18997</v>
      </c>
      <c r="C12551">
        <v>1</v>
      </c>
      <c r="D12551">
        <v>0</v>
      </c>
    </row>
    <row r="12552" spans="1:4" x14ac:dyDescent="0.25">
      <c r="A12552" t="s">
        <v>18996</v>
      </c>
      <c r="B12552" t="s">
        <v>18998</v>
      </c>
      <c r="C12552">
        <v>0</v>
      </c>
      <c r="D12552">
        <v>0</v>
      </c>
    </row>
    <row r="12553" spans="1:4" x14ac:dyDescent="0.25">
      <c r="A12553" t="s">
        <v>18996</v>
      </c>
      <c r="B12553" t="s">
        <v>18999</v>
      </c>
      <c r="C12553">
        <v>2</v>
      </c>
      <c r="D12553">
        <v>0</v>
      </c>
    </row>
    <row r="12554" spans="1:4" x14ac:dyDescent="0.25">
      <c r="A12554" t="s">
        <v>19000</v>
      </c>
      <c r="B12554" t="s">
        <v>19001</v>
      </c>
      <c r="C12554">
        <v>1</v>
      </c>
      <c r="D12554">
        <v>0</v>
      </c>
    </row>
    <row r="12555" spans="1:4" x14ac:dyDescent="0.25">
      <c r="A12555" t="s">
        <v>19002</v>
      </c>
      <c r="B12555" t="s">
        <v>19003</v>
      </c>
      <c r="C12555">
        <v>1</v>
      </c>
      <c r="D12555">
        <v>0</v>
      </c>
    </row>
    <row r="12556" spans="1:4" x14ac:dyDescent="0.25">
      <c r="A12556" t="s">
        <v>19002</v>
      </c>
      <c r="B12556" t="s">
        <v>19004</v>
      </c>
      <c r="C12556">
        <v>0</v>
      </c>
      <c r="D12556">
        <v>0</v>
      </c>
    </row>
    <row r="12557" spans="1:4" x14ac:dyDescent="0.25">
      <c r="A12557" t="s">
        <v>19005</v>
      </c>
      <c r="B12557" t="s">
        <v>19006</v>
      </c>
      <c r="C12557">
        <v>0</v>
      </c>
      <c r="D12557">
        <v>0</v>
      </c>
    </row>
    <row r="12558" spans="1:4" x14ac:dyDescent="0.25">
      <c r="A12558" t="s">
        <v>19007</v>
      </c>
      <c r="B12558" t="s">
        <v>19008</v>
      </c>
      <c r="C12558">
        <v>1</v>
      </c>
      <c r="D12558">
        <v>0</v>
      </c>
    </row>
    <row r="12559" spans="1:4" x14ac:dyDescent="0.25">
      <c r="A12559" t="s">
        <v>19007</v>
      </c>
      <c r="B12559" t="s">
        <v>19009</v>
      </c>
      <c r="C12559">
        <v>0</v>
      </c>
      <c r="D12559">
        <v>0</v>
      </c>
    </row>
    <row r="12560" spans="1:4" x14ac:dyDescent="0.25">
      <c r="A12560" t="s">
        <v>19007</v>
      </c>
      <c r="B12560" t="s">
        <v>19010</v>
      </c>
      <c r="C12560">
        <v>2</v>
      </c>
      <c r="D12560">
        <v>0</v>
      </c>
    </row>
    <row r="12561" spans="1:4" x14ac:dyDescent="0.25">
      <c r="A12561" t="s">
        <v>19007</v>
      </c>
      <c r="B12561" t="s">
        <v>19011</v>
      </c>
      <c r="C12561">
        <v>2</v>
      </c>
      <c r="D12561">
        <v>0</v>
      </c>
    </row>
    <row r="12562" spans="1:4" x14ac:dyDescent="0.25">
      <c r="A12562" t="s">
        <v>19012</v>
      </c>
      <c r="B12562" t="s">
        <v>19013</v>
      </c>
      <c r="C12562">
        <v>1</v>
      </c>
      <c r="D12562">
        <v>0</v>
      </c>
    </row>
    <row r="12563" spans="1:4" x14ac:dyDescent="0.25">
      <c r="A12563" t="s">
        <v>19012</v>
      </c>
      <c r="B12563" t="s">
        <v>19014</v>
      </c>
      <c r="C12563">
        <v>1</v>
      </c>
      <c r="D12563">
        <v>0</v>
      </c>
    </row>
    <row r="12564" spans="1:4" x14ac:dyDescent="0.25">
      <c r="A12564" t="s">
        <v>19015</v>
      </c>
      <c r="B12564" t="s">
        <v>19016</v>
      </c>
      <c r="C12564">
        <v>2</v>
      </c>
      <c r="D12564">
        <v>0</v>
      </c>
    </row>
    <row r="12565" spans="1:4" x14ac:dyDescent="0.25">
      <c r="A12565" t="s">
        <v>19017</v>
      </c>
      <c r="B12565" t="s">
        <v>19018</v>
      </c>
      <c r="C12565">
        <v>0</v>
      </c>
      <c r="D12565">
        <v>0</v>
      </c>
    </row>
    <row r="12566" spans="1:4" x14ac:dyDescent="0.25">
      <c r="A12566" t="s">
        <v>19019</v>
      </c>
      <c r="B12566" t="s">
        <v>19020</v>
      </c>
      <c r="C12566">
        <v>1</v>
      </c>
      <c r="D12566">
        <v>0</v>
      </c>
    </row>
    <row r="12567" spans="1:4" x14ac:dyDescent="0.25">
      <c r="A12567" t="s">
        <v>19021</v>
      </c>
      <c r="B12567" t="s">
        <v>19022</v>
      </c>
      <c r="C12567">
        <v>2</v>
      </c>
      <c r="D12567">
        <v>0</v>
      </c>
    </row>
    <row r="12568" spans="1:4" x14ac:dyDescent="0.25">
      <c r="A12568" t="s">
        <v>19023</v>
      </c>
      <c r="B12568" t="s">
        <v>19024</v>
      </c>
      <c r="C12568">
        <v>0</v>
      </c>
      <c r="D12568">
        <v>0</v>
      </c>
    </row>
    <row r="12569" spans="1:4" x14ac:dyDescent="0.25">
      <c r="A12569" t="s">
        <v>19025</v>
      </c>
      <c r="B12569" t="s">
        <v>19026</v>
      </c>
      <c r="C12569">
        <v>1</v>
      </c>
      <c r="D12569">
        <v>0</v>
      </c>
    </row>
    <row r="12570" spans="1:4" x14ac:dyDescent="0.25">
      <c r="A12570" t="s">
        <v>19025</v>
      </c>
      <c r="B12570" t="s">
        <v>19027</v>
      </c>
      <c r="C12570">
        <v>0</v>
      </c>
      <c r="D12570">
        <v>0</v>
      </c>
    </row>
    <row r="12571" spans="1:4" x14ac:dyDescent="0.25">
      <c r="A12571" t="s">
        <v>19025</v>
      </c>
      <c r="B12571" t="s">
        <v>19028</v>
      </c>
      <c r="C12571">
        <v>2</v>
      </c>
      <c r="D12571">
        <v>0</v>
      </c>
    </row>
    <row r="12572" spans="1:4" x14ac:dyDescent="0.25">
      <c r="A12572" t="s">
        <v>19029</v>
      </c>
      <c r="B12572" t="s">
        <v>19030</v>
      </c>
      <c r="C12572">
        <v>0</v>
      </c>
      <c r="D12572">
        <v>0</v>
      </c>
    </row>
    <row r="12573" spans="1:4" x14ac:dyDescent="0.25">
      <c r="A12573" t="s">
        <v>19031</v>
      </c>
      <c r="B12573" t="s">
        <v>19032</v>
      </c>
      <c r="C12573">
        <v>0</v>
      </c>
      <c r="D12573">
        <v>0</v>
      </c>
    </row>
    <row r="12574" spans="1:4" x14ac:dyDescent="0.25">
      <c r="A12574" t="s">
        <v>19033</v>
      </c>
      <c r="B12574" t="s">
        <v>19034</v>
      </c>
      <c r="C12574">
        <v>2</v>
      </c>
      <c r="D12574">
        <v>0</v>
      </c>
    </row>
    <row r="12575" spans="1:4" x14ac:dyDescent="0.25">
      <c r="A12575" t="s">
        <v>19035</v>
      </c>
      <c r="B12575" t="s">
        <v>19036</v>
      </c>
      <c r="C12575">
        <v>1</v>
      </c>
      <c r="D12575">
        <v>0</v>
      </c>
    </row>
    <row r="12576" spans="1:4" x14ac:dyDescent="0.25">
      <c r="A12576" t="s">
        <v>19037</v>
      </c>
      <c r="B12576" t="s">
        <v>19038</v>
      </c>
      <c r="C12576">
        <v>1</v>
      </c>
      <c r="D12576">
        <v>0</v>
      </c>
    </row>
    <row r="12577" spans="1:4" x14ac:dyDescent="0.25">
      <c r="A12577" t="s">
        <v>19039</v>
      </c>
      <c r="B12577" t="s">
        <v>19040</v>
      </c>
      <c r="C12577">
        <v>0</v>
      </c>
      <c r="D12577">
        <v>0</v>
      </c>
    </row>
    <row r="12578" spans="1:4" x14ac:dyDescent="0.25">
      <c r="A12578" t="s">
        <v>19041</v>
      </c>
      <c r="B12578" t="s">
        <v>19042</v>
      </c>
      <c r="C12578">
        <v>1</v>
      </c>
      <c r="D12578">
        <v>0</v>
      </c>
    </row>
    <row r="12579" spans="1:4" x14ac:dyDescent="0.25">
      <c r="A12579" t="s">
        <v>19043</v>
      </c>
      <c r="B12579" t="s">
        <v>19044</v>
      </c>
      <c r="C12579">
        <v>2</v>
      </c>
      <c r="D12579">
        <v>0</v>
      </c>
    </row>
    <row r="12580" spans="1:4" x14ac:dyDescent="0.25">
      <c r="A12580" t="s">
        <v>19045</v>
      </c>
      <c r="B12580" t="s">
        <v>19046</v>
      </c>
      <c r="C12580">
        <v>1</v>
      </c>
      <c r="D12580">
        <v>0</v>
      </c>
    </row>
    <row r="12581" spans="1:4" x14ac:dyDescent="0.25">
      <c r="A12581" t="s">
        <v>19047</v>
      </c>
      <c r="B12581" t="s">
        <v>19048</v>
      </c>
      <c r="C12581">
        <v>1</v>
      </c>
      <c r="D12581">
        <v>0</v>
      </c>
    </row>
    <row r="12582" spans="1:4" x14ac:dyDescent="0.25">
      <c r="A12582" t="s">
        <v>19047</v>
      </c>
      <c r="B12582" t="s">
        <v>19049</v>
      </c>
      <c r="C12582">
        <v>0</v>
      </c>
      <c r="D12582">
        <v>0</v>
      </c>
    </row>
    <row r="12583" spans="1:4" x14ac:dyDescent="0.25">
      <c r="A12583" t="s">
        <v>19047</v>
      </c>
      <c r="B12583" t="s">
        <v>19050</v>
      </c>
      <c r="C12583">
        <v>2</v>
      </c>
      <c r="D12583">
        <v>0</v>
      </c>
    </row>
    <row r="12584" spans="1:4" x14ac:dyDescent="0.25">
      <c r="A12584" t="s">
        <v>19051</v>
      </c>
      <c r="B12584" t="s">
        <v>19052</v>
      </c>
      <c r="C12584">
        <v>1</v>
      </c>
      <c r="D12584">
        <v>0</v>
      </c>
    </row>
    <row r="12585" spans="1:4" x14ac:dyDescent="0.25">
      <c r="A12585" t="s">
        <v>19053</v>
      </c>
      <c r="B12585" t="s">
        <v>19054</v>
      </c>
      <c r="C12585">
        <v>2</v>
      </c>
      <c r="D12585">
        <v>0</v>
      </c>
    </row>
    <row r="12586" spans="1:4" x14ac:dyDescent="0.25">
      <c r="A12586" t="s">
        <v>19055</v>
      </c>
      <c r="B12586" t="s">
        <v>19056</v>
      </c>
      <c r="C12586">
        <v>0</v>
      </c>
      <c r="D12586">
        <v>0</v>
      </c>
    </row>
    <row r="12587" spans="1:4" x14ac:dyDescent="0.25">
      <c r="A12587" t="s">
        <v>19057</v>
      </c>
      <c r="B12587" t="s">
        <v>19058</v>
      </c>
      <c r="C12587">
        <v>0</v>
      </c>
      <c r="D12587">
        <v>0</v>
      </c>
    </row>
    <row r="12588" spans="1:4" x14ac:dyDescent="0.25">
      <c r="A12588" t="s">
        <v>19059</v>
      </c>
      <c r="B12588" t="s">
        <v>19060</v>
      </c>
      <c r="C12588">
        <v>1</v>
      </c>
      <c r="D12588">
        <v>0</v>
      </c>
    </row>
    <row r="12589" spans="1:4" x14ac:dyDescent="0.25">
      <c r="A12589" t="s">
        <v>19061</v>
      </c>
      <c r="B12589" t="s">
        <v>19062</v>
      </c>
      <c r="C12589">
        <v>2</v>
      </c>
      <c r="D12589">
        <v>0</v>
      </c>
    </row>
    <row r="12590" spans="1:4" x14ac:dyDescent="0.25">
      <c r="A12590" t="s">
        <v>19063</v>
      </c>
      <c r="B12590" t="s">
        <v>19064</v>
      </c>
      <c r="C12590">
        <v>0</v>
      </c>
      <c r="D12590">
        <v>0</v>
      </c>
    </row>
    <row r="12591" spans="1:4" x14ac:dyDescent="0.25">
      <c r="A12591" t="s">
        <v>19063</v>
      </c>
      <c r="B12591" t="s">
        <v>19065</v>
      </c>
      <c r="C12591">
        <v>2</v>
      </c>
      <c r="D12591">
        <v>0</v>
      </c>
    </row>
    <row r="12592" spans="1:4" x14ac:dyDescent="0.25">
      <c r="A12592" t="s">
        <v>19066</v>
      </c>
      <c r="B12592" t="s">
        <v>19067</v>
      </c>
      <c r="C12592">
        <v>2</v>
      </c>
      <c r="D12592">
        <v>0</v>
      </c>
    </row>
    <row r="12593" spans="1:4" x14ac:dyDescent="0.25">
      <c r="A12593" t="s">
        <v>19068</v>
      </c>
      <c r="B12593" t="s">
        <v>19069</v>
      </c>
      <c r="C12593">
        <v>1</v>
      </c>
      <c r="D12593">
        <v>0</v>
      </c>
    </row>
    <row r="12594" spans="1:4" x14ac:dyDescent="0.25">
      <c r="A12594" t="s">
        <v>19068</v>
      </c>
      <c r="B12594" t="s">
        <v>19070</v>
      </c>
      <c r="C12594">
        <v>0</v>
      </c>
      <c r="D12594">
        <v>0</v>
      </c>
    </row>
    <row r="12595" spans="1:4" x14ac:dyDescent="0.25">
      <c r="A12595" t="s">
        <v>19071</v>
      </c>
      <c r="B12595" t="s">
        <v>19072</v>
      </c>
      <c r="C12595">
        <v>1</v>
      </c>
      <c r="D12595">
        <v>0</v>
      </c>
    </row>
    <row r="12596" spans="1:4" x14ac:dyDescent="0.25">
      <c r="A12596" t="s">
        <v>19073</v>
      </c>
      <c r="B12596" t="s">
        <v>19074</v>
      </c>
      <c r="C12596">
        <v>1</v>
      </c>
      <c r="D12596">
        <v>0</v>
      </c>
    </row>
    <row r="12597" spans="1:4" x14ac:dyDescent="0.25">
      <c r="A12597" t="s">
        <v>19073</v>
      </c>
      <c r="B12597" t="s">
        <v>19075</v>
      </c>
      <c r="C12597">
        <v>0</v>
      </c>
      <c r="D12597">
        <v>0</v>
      </c>
    </row>
    <row r="12598" spans="1:4" x14ac:dyDescent="0.25">
      <c r="A12598" t="s">
        <v>19073</v>
      </c>
      <c r="B12598" t="s">
        <v>19076</v>
      </c>
      <c r="C12598">
        <v>2</v>
      </c>
      <c r="D12598">
        <v>0</v>
      </c>
    </row>
    <row r="12599" spans="1:4" x14ac:dyDescent="0.25">
      <c r="A12599" t="s">
        <v>19077</v>
      </c>
      <c r="B12599" t="s">
        <v>19078</v>
      </c>
      <c r="C12599">
        <v>0</v>
      </c>
      <c r="D12599">
        <v>0</v>
      </c>
    </row>
    <row r="12600" spans="1:4" x14ac:dyDescent="0.25">
      <c r="A12600" t="s">
        <v>19079</v>
      </c>
      <c r="B12600" t="s">
        <v>19080</v>
      </c>
      <c r="C12600">
        <v>1</v>
      </c>
      <c r="D12600">
        <v>0</v>
      </c>
    </row>
    <row r="12601" spans="1:4" x14ac:dyDescent="0.25">
      <c r="A12601" t="s">
        <v>19079</v>
      </c>
      <c r="B12601" t="s">
        <v>19081</v>
      </c>
      <c r="C12601">
        <v>0</v>
      </c>
      <c r="D12601">
        <v>0</v>
      </c>
    </row>
    <row r="12602" spans="1:4" x14ac:dyDescent="0.25">
      <c r="A12602" t="s">
        <v>19082</v>
      </c>
      <c r="B12602" t="s">
        <v>19083</v>
      </c>
      <c r="C12602">
        <v>1</v>
      </c>
      <c r="D12602">
        <v>0</v>
      </c>
    </row>
    <row r="12603" spans="1:4" x14ac:dyDescent="0.25">
      <c r="A12603" t="s">
        <v>19084</v>
      </c>
      <c r="B12603" t="s">
        <v>19085</v>
      </c>
      <c r="C12603">
        <v>1</v>
      </c>
      <c r="D12603">
        <v>0</v>
      </c>
    </row>
    <row r="12604" spans="1:4" x14ac:dyDescent="0.25">
      <c r="A12604" t="s">
        <v>19084</v>
      </c>
      <c r="B12604" t="s">
        <v>19086</v>
      </c>
      <c r="C12604">
        <v>1</v>
      </c>
      <c r="D12604">
        <v>0</v>
      </c>
    </row>
    <row r="12605" spans="1:4" x14ac:dyDescent="0.25">
      <c r="A12605" t="s">
        <v>19087</v>
      </c>
      <c r="B12605" t="s">
        <v>19088</v>
      </c>
      <c r="C12605">
        <v>0</v>
      </c>
      <c r="D12605">
        <v>0</v>
      </c>
    </row>
    <row r="12606" spans="1:4" x14ac:dyDescent="0.25">
      <c r="A12606" t="s">
        <v>19089</v>
      </c>
      <c r="B12606" t="s">
        <v>19090</v>
      </c>
      <c r="C12606">
        <v>1</v>
      </c>
      <c r="D12606">
        <v>0</v>
      </c>
    </row>
    <row r="12607" spans="1:4" x14ac:dyDescent="0.25">
      <c r="A12607" t="s">
        <v>19091</v>
      </c>
      <c r="B12607" t="s">
        <v>19092</v>
      </c>
      <c r="C12607">
        <v>2</v>
      </c>
      <c r="D12607">
        <v>0</v>
      </c>
    </row>
    <row r="12608" spans="1:4" x14ac:dyDescent="0.25">
      <c r="A12608" t="s">
        <v>19093</v>
      </c>
      <c r="B12608" t="s">
        <v>19094</v>
      </c>
      <c r="C12608">
        <v>1</v>
      </c>
      <c r="D12608">
        <v>0</v>
      </c>
    </row>
    <row r="12609" spans="1:4" x14ac:dyDescent="0.25">
      <c r="A12609" t="s">
        <v>19095</v>
      </c>
      <c r="B12609" t="s">
        <v>19096</v>
      </c>
      <c r="C12609">
        <v>1</v>
      </c>
      <c r="D12609">
        <v>0</v>
      </c>
    </row>
    <row r="12610" spans="1:4" x14ac:dyDescent="0.25">
      <c r="A12610" t="s">
        <v>19097</v>
      </c>
      <c r="B12610" t="s">
        <v>19098</v>
      </c>
      <c r="C12610">
        <v>1</v>
      </c>
      <c r="D12610">
        <v>0</v>
      </c>
    </row>
    <row r="12611" spans="1:4" x14ac:dyDescent="0.25">
      <c r="A12611" t="s">
        <v>19099</v>
      </c>
      <c r="B12611" t="s">
        <v>19100</v>
      </c>
      <c r="C12611">
        <v>2</v>
      </c>
      <c r="D12611">
        <v>0</v>
      </c>
    </row>
    <row r="12612" spans="1:4" x14ac:dyDescent="0.25">
      <c r="A12612" t="s">
        <v>19101</v>
      </c>
      <c r="B12612" t="s">
        <v>19102</v>
      </c>
      <c r="C12612">
        <v>2</v>
      </c>
      <c r="D12612">
        <v>0</v>
      </c>
    </row>
    <row r="12613" spans="1:4" x14ac:dyDescent="0.25">
      <c r="A12613" t="s">
        <v>19103</v>
      </c>
      <c r="B12613" t="s">
        <v>19104</v>
      </c>
      <c r="C12613">
        <v>1</v>
      </c>
      <c r="D12613">
        <v>0</v>
      </c>
    </row>
    <row r="12614" spans="1:4" x14ac:dyDescent="0.25">
      <c r="A12614" t="s">
        <v>19105</v>
      </c>
      <c r="B12614" t="s">
        <v>19106</v>
      </c>
      <c r="C12614">
        <v>0</v>
      </c>
      <c r="D12614">
        <v>0</v>
      </c>
    </row>
    <row r="12615" spans="1:4" x14ac:dyDescent="0.25">
      <c r="A12615" t="s">
        <v>19107</v>
      </c>
      <c r="B12615" t="s">
        <v>19108</v>
      </c>
      <c r="C12615">
        <v>2</v>
      </c>
      <c r="D12615">
        <v>0</v>
      </c>
    </row>
    <row r="12616" spans="1:4" x14ac:dyDescent="0.25">
      <c r="A12616" t="s">
        <v>19109</v>
      </c>
      <c r="B12616" t="s">
        <v>19110</v>
      </c>
      <c r="C12616">
        <v>1</v>
      </c>
      <c r="D12616">
        <v>0</v>
      </c>
    </row>
    <row r="12617" spans="1:4" x14ac:dyDescent="0.25">
      <c r="A12617" t="s">
        <v>19111</v>
      </c>
      <c r="B12617" t="e">
        <v>#NAME?</v>
      </c>
      <c r="C12617">
        <v>1</v>
      </c>
      <c r="D12617">
        <v>0</v>
      </c>
    </row>
    <row r="12618" spans="1:4" x14ac:dyDescent="0.25">
      <c r="A12618" t="s">
        <v>19112</v>
      </c>
      <c r="B12618" t="s">
        <v>19113</v>
      </c>
      <c r="C12618">
        <v>1</v>
      </c>
      <c r="D12618">
        <v>0</v>
      </c>
    </row>
    <row r="12619" spans="1:4" x14ac:dyDescent="0.25">
      <c r="A12619" t="s">
        <v>19114</v>
      </c>
      <c r="B12619" t="s">
        <v>19115</v>
      </c>
      <c r="C12619">
        <v>0</v>
      </c>
      <c r="D12619">
        <v>0</v>
      </c>
    </row>
    <row r="12620" spans="1:4" x14ac:dyDescent="0.25">
      <c r="A12620" t="s">
        <v>19116</v>
      </c>
      <c r="B12620" t="s">
        <v>19117</v>
      </c>
      <c r="C12620">
        <v>0</v>
      </c>
      <c r="D12620">
        <v>0</v>
      </c>
    </row>
    <row r="12621" spans="1:4" x14ac:dyDescent="0.25">
      <c r="A12621" t="s">
        <v>19118</v>
      </c>
      <c r="B12621" t="s">
        <v>19119</v>
      </c>
      <c r="C12621">
        <v>1</v>
      </c>
      <c r="D12621">
        <v>0</v>
      </c>
    </row>
    <row r="12622" spans="1:4" x14ac:dyDescent="0.25">
      <c r="A12622" t="s">
        <v>19120</v>
      </c>
      <c r="B12622" t="s">
        <v>19121</v>
      </c>
      <c r="C12622">
        <v>1</v>
      </c>
      <c r="D12622">
        <v>0</v>
      </c>
    </row>
    <row r="12623" spans="1:4" x14ac:dyDescent="0.25">
      <c r="A12623" t="s">
        <v>19120</v>
      </c>
      <c r="B12623" t="s">
        <v>19122</v>
      </c>
      <c r="C12623">
        <v>0</v>
      </c>
      <c r="D12623">
        <v>0</v>
      </c>
    </row>
    <row r="12624" spans="1:4" x14ac:dyDescent="0.25">
      <c r="A12624" t="s">
        <v>19123</v>
      </c>
      <c r="B12624" t="s">
        <v>19124</v>
      </c>
      <c r="C12624">
        <v>1</v>
      </c>
      <c r="D12624">
        <v>0</v>
      </c>
    </row>
    <row r="12625" spans="1:4" x14ac:dyDescent="0.25">
      <c r="A12625" t="s">
        <v>19125</v>
      </c>
      <c r="B12625" t="s">
        <v>19126</v>
      </c>
      <c r="C12625">
        <v>1</v>
      </c>
      <c r="D12625">
        <v>0</v>
      </c>
    </row>
    <row r="12626" spans="1:4" x14ac:dyDescent="0.25">
      <c r="A12626" t="s">
        <v>19125</v>
      </c>
      <c r="B12626" t="s">
        <v>19127</v>
      </c>
      <c r="C12626">
        <v>0</v>
      </c>
      <c r="D12626">
        <v>0</v>
      </c>
    </row>
    <row r="12627" spans="1:4" x14ac:dyDescent="0.25">
      <c r="A12627" t="s">
        <v>19128</v>
      </c>
      <c r="B12627" t="s">
        <v>19129</v>
      </c>
      <c r="C12627">
        <v>1</v>
      </c>
      <c r="D12627">
        <v>0</v>
      </c>
    </row>
    <row r="12628" spans="1:4" x14ac:dyDescent="0.25">
      <c r="A12628" t="s">
        <v>19130</v>
      </c>
      <c r="B12628" t="s">
        <v>19131</v>
      </c>
      <c r="C12628">
        <v>1</v>
      </c>
      <c r="D12628">
        <v>0</v>
      </c>
    </row>
    <row r="12629" spans="1:4" x14ac:dyDescent="0.25">
      <c r="A12629" t="s">
        <v>19130</v>
      </c>
      <c r="B12629" t="s">
        <v>19132</v>
      </c>
      <c r="C12629">
        <v>1</v>
      </c>
      <c r="D12629">
        <v>0</v>
      </c>
    </row>
    <row r="12630" spans="1:4" x14ac:dyDescent="0.25">
      <c r="A12630" t="s">
        <v>19130</v>
      </c>
      <c r="B12630" t="s">
        <v>19133</v>
      </c>
      <c r="C12630">
        <v>1</v>
      </c>
      <c r="D12630">
        <v>0</v>
      </c>
    </row>
    <row r="12631" spans="1:4" x14ac:dyDescent="0.25">
      <c r="A12631" t="s">
        <v>19130</v>
      </c>
      <c r="B12631" t="s">
        <v>19134</v>
      </c>
      <c r="C12631">
        <v>1</v>
      </c>
      <c r="D12631">
        <v>0</v>
      </c>
    </row>
    <row r="12632" spans="1:4" x14ac:dyDescent="0.25">
      <c r="A12632" t="s">
        <v>19130</v>
      </c>
      <c r="B12632" t="s">
        <v>19135</v>
      </c>
      <c r="C12632">
        <v>1</v>
      </c>
      <c r="D12632">
        <v>0</v>
      </c>
    </row>
    <row r="12633" spans="1:4" x14ac:dyDescent="0.25">
      <c r="A12633" t="s">
        <v>19130</v>
      </c>
      <c r="B12633" t="s">
        <v>19136</v>
      </c>
      <c r="C12633">
        <v>1</v>
      </c>
      <c r="D12633">
        <v>0</v>
      </c>
    </row>
    <row r="12634" spans="1:4" x14ac:dyDescent="0.25">
      <c r="A12634" t="s">
        <v>19137</v>
      </c>
      <c r="B12634" t="s">
        <v>19138</v>
      </c>
      <c r="C12634">
        <v>1</v>
      </c>
      <c r="D12634">
        <v>0</v>
      </c>
    </row>
    <row r="12635" spans="1:4" x14ac:dyDescent="0.25">
      <c r="A12635" t="s">
        <v>19139</v>
      </c>
      <c r="B12635" t="s">
        <v>19140</v>
      </c>
      <c r="C12635">
        <v>1</v>
      </c>
      <c r="D12635">
        <v>0</v>
      </c>
    </row>
    <row r="12636" spans="1:4" x14ac:dyDescent="0.25">
      <c r="A12636" t="s">
        <v>19141</v>
      </c>
      <c r="B12636" t="s">
        <v>19142</v>
      </c>
      <c r="C12636">
        <v>1</v>
      </c>
      <c r="D12636">
        <v>0</v>
      </c>
    </row>
    <row r="12637" spans="1:4" x14ac:dyDescent="0.25">
      <c r="A12637" t="s">
        <v>19143</v>
      </c>
      <c r="B12637" t="s">
        <v>19144</v>
      </c>
      <c r="C12637">
        <v>0</v>
      </c>
      <c r="D12637">
        <v>0</v>
      </c>
    </row>
    <row r="12638" spans="1:4" x14ac:dyDescent="0.25">
      <c r="A12638" t="s">
        <v>19145</v>
      </c>
      <c r="B12638" t="s">
        <v>19146</v>
      </c>
      <c r="C12638">
        <v>1</v>
      </c>
      <c r="D12638">
        <v>0</v>
      </c>
    </row>
    <row r="12639" spans="1:4" x14ac:dyDescent="0.25">
      <c r="A12639" t="s">
        <v>19147</v>
      </c>
      <c r="B12639" t="s">
        <v>19148</v>
      </c>
      <c r="C12639">
        <v>1</v>
      </c>
      <c r="D12639">
        <v>0</v>
      </c>
    </row>
    <row r="12640" spans="1:4" x14ac:dyDescent="0.25">
      <c r="A12640" t="s">
        <v>19147</v>
      </c>
      <c r="B12640" t="s">
        <v>19149</v>
      </c>
      <c r="C12640">
        <v>0</v>
      </c>
      <c r="D12640">
        <v>0</v>
      </c>
    </row>
    <row r="12641" spans="1:4" x14ac:dyDescent="0.25">
      <c r="A12641" t="s">
        <v>19147</v>
      </c>
      <c r="B12641" t="s">
        <v>19150</v>
      </c>
      <c r="C12641">
        <v>0</v>
      </c>
      <c r="D12641">
        <v>0</v>
      </c>
    </row>
    <row r="12642" spans="1:4" x14ac:dyDescent="0.25">
      <c r="A12642" t="s">
        <v>19151</v>
      </c>
      <c r="B12642" t="s">
        <v>19152</v>
      </c>
      <c r="C12642">
        <v>1</v>
      </c>
      <c r="D12642">
        <v>0</v>
      </c>
    </row>
    <row r="12643" spans="1:4" x14ac:dyDescent="0.25">
      <c r="A12643" t="s">
        <v>19151</v>
      </c>
      <c r="B12643" t="s">
        <v>19153</v>
      </c>
      <c r="C12643">
        <v>0</v>
      </c>
      <c r="D12643">
        <v>0</v>
      </c>
    </row>
    <row r="12644" spans="1:4" x14ac:dyDescent="0.25">
      <c r="A12644" t="s">
        <v>19151</v>
      </c>
      <c r="B12644" t="s">
        <v>19154</v>
      </c>
      <c r="C12644">
        <v>2</v>
      </c>
      <c r="D12644">
        <v>0</v>
      </c>
    </row>
    <row r="12645" spans="1:4" x14ac:dyDescent="0.25">
      <c r="A12645" t="s">
        <v>19155</v>
      </c>
      <c r="B12645" t="s">
        <v>19156</v>
      </c>
      <c r="C12645">
        <v>1</v>
      </c>
      <c r="D12645">
        <v>0</v>
      </c>
    </row>
    <row r="12646" spans="1:4" x14ac:dyDescent="0.25">
      <c r="A12646" t="s">
        <v>19157</v>
      </c>
      <c r="B12646" t="s">
        <v>19158</v>
      </c>
      <c r="C12646">
        <v>1</v>
      </c>
      <c r="D12646">
        <v>0</v>
      </c>
    </row>
    <row r="12647" spans="1:4" x14ac:dyDescent="0.25">
      <c r="A12647" t="s">
        <v>19159</v>
      </c>
      <c r="B12647" t="s">
        <v>19160</v>
      </c>
      <c r="C12647">
        <v>1</v>
      </c>
      <c r="D12647">
        <v>0</v>
      </c>
    </row>
    <row r="12648" spans="1:4" x14ac:dyDescent="0.25">
      <c r="A12648" t="s">
        <v>19161</v>
      </c>
      <c r="B12648" t="s">
        <v>19162</v>
      </c>
      <c r="C12648">
        <v>1</v>
      </c>
      <c r="D12648">
        <v>0</v>
      </c>
    </row>
    <row r="12649" spans="1:4" x14ac:dyDescent="0.25">
      <c r="A12649" t="s">
        <v>19163</v>
      </c>
      <c r="B12649" t="s">
        <v>5434</v>
      </c>
      <c r="C12649">
        <v>1</v>
      </c>
      <c r="D12649">
        <v>0</v>
      </c>
    </row>
    <row r="12650" spans="1:4" x14ac:dyDescent="0.25">
      <c r="A12650" t="s">
        <v>19164</v>
      </c>
      <c r="B12650" t="s">
        <v>19165</v>
      </c>
      <c r="C12650">
        <v>1</v>
      </c>
      <c r="D12650">
        <v>0</v>
      </c>
    </row>
    <row r="12651" spans="1:4" x14ac:dyDescent="0.25">
      <c r="A12651" t="s">
        <v>19166</v>
      </c>
      <c r="B12651" t="s">
        <v>19167</v>
      </c>
      <c r="C12651">
        <v>0</v>
      </c>
      <c r="D12651">
        <v>0</v>
      </c>
    </row>
    <row r="12652" spans="1:4" x14ac:dyDescent="0.25">
      <c r="A12652" t="s">
        <v>19168</v>
      </c>
      <c r="B12652" t="s">
        <v>19169</v>
      </c>
      <c r="C12652">
        <v>1</v>
      </c>
      <c r="D12652">
        <v>0</v>
      </c>
    </row>
    <row r="12653" spans="1:4" x14ac:dyDescent="0.25">
      <c r="A12653" t="s">
        <v>19170</v>
      </c>
      <c r="B12653" t="s">
        <v>19171</v>
      </c>
      <c r="C12653">
        <v>2</v>
      </c>
      <c r="D12653">
        <v>0</v>
      </c>
    </row>
    <row r="12654" spans="1:4" x14ac:dyDescent="0.25">
      <c r="A12654" t="s">
        <v>19172</v>
      </c>
      <c r="B12654" t="s">
        <v>19173</v>
      </c>
      <c r="C12654">
        <v>0</v>
      </c>
      <c r="D12654">
        <v>0</v>
      </c>
    </row>
    <row r="12655" spans="1:4" x14ac:dyDescent="0.25">
      <c r="A12655" t="s">
        <v>19174</v>
      </c>
      <c r="B12655" t="s">
        <v>19175</v>
      </c>
      <c r="C12655">
        <v>0</v>
      </c>
      <c r="D12655">
        <v>0</v>
      </c>
    </row>
    <row r="12656" spans="1:4" x14ac:dyDescent="0.25">
      <c r="A12656" t="s">
        <v>19176</v>
      </c>
      <c r="B12656" t="s">
        <v>19177</v>
      </c>
      <c r="C12656">
        <v>1</v>
      </c>
      <c r="D12656">
        <v>0</v>
      </c>
    </row>
    <row r="12657" spans="1:4" x14ac:dyDescent="0.25">
      <c r="A12657" t="s">
        <v>19176</v>
      </c>
      <c r="B12657" t="s">
        <v>19178</v>
      </c>
      <c r="C12657">
        <v>0</v>
      </c>
      <c r="D12657">
        <v>0</v>
      </c>
    </row>
    <row r="12658" spans="1:4" x14ac:dyDescent="0.25">
      <c r="A12658" t="s">
        <v>19179</v>
      </c>
      <c r="B12658" t="s">
        <v>19180</v>
      </c>
      <c r="C12658">
        <v>2</v>
      </c>
      <c r="D12658">
        <v>0</v>
      </c>
    </row>
    <row r="12659" spans="1:4" x14ac:dyDescent="0.25">
      <c r="A12659" t="s">
        <v>19181</v>
      </c>
      <c r="B12659" t="s">
        <v>6061</v>
      </c>
      <c r="C12659">
        <v>0</v>
      </c>
      <c r="D12659">
        <v>0</v>
      </c>
    </row>
    <row r="12660" spans="1:4" x14ac:dyDescent="0.25">
      <c r="A12660" t="s">
        <v>19182</v>
      </c>
      <c r="B12660" t="s">
        <v>19183</v>
      </c>
      <c r="C12660">
        <v>2</v>
      </c>
      <c r="D12660">
        <v>0</v>
      </c>
    </row>
    <row r="12661" spans="1:4" x14ac:dyDescent="0.25">
      <c r="A12661" t="s">
        <v>19184</v>
      </c>
      <c r="B12661" t="s">
        <v>19185</v>
      </c>
      <c r="C12661">
        <v>1</v>
      </c>
      <c r="D12661">
        <v>0</v>
      </c>
    </row>
    <row r="12662" spans="1:4" x14ac:dyDescent="0.25">
      <c r="A12662" t="s">
        <v>19186</v>
      </c>
      <c r="B12662" t="s">
        <v>19187</v>
      </c>
      <c r="C12662">
        <v>2</v>
      </c>
      <c r="D12662">
        <v>0</v>
      </c>
    </row>
    <row r="12663" spans="1:4" x14ac:dyDescent="0.25">
      <c r="A12663" t="s">
        <v>19188</v>
      </c>
      <c r="B12663" t="s">
        <v>19189</v>
      </c>
      <c r="C12663">
        <v>2</v>
      </c>
      <c r="D12663">
        <v>0</v>
      </c>
    </row>
    <row r="12664" spans="1:4" x14ac:dyDescent="0.25">
      <c r="A12664" t="s">
        <v>19190</v>
      </c>
      <c r="B12664" t="s">
        <v>19191</v>
      </c>
      <c r="C12664">
        <v>1</v>
      </c>
      <c r="D12664">
        <v>0</v>
      </c>
    </row>
    <row r="12665" spans="1:4" x14ac:dyDescent="0.25">
      <c r="A12665" t="s">
        <v>19192</v>
      </c>
      <c r="B12665" t="s">
        <v>19193</v>
      </c>
      <c r="C12665">
        <v>1</v>
      </c>
      <c r="D12665">
        <v>0</v>
      </c>
    </row>
    <row r="12666" spans="1:4" x14ac:dyDescent="0.25">
      <c r="A12666" t="s">
        <v>19194</v>
      </c>
      <c r="B12666" t="s">
        <v>19195</v>
      </c>
      <c r="C12666">
        <v>1</v>
      </c>
      <c r="D12666">
        <v>0</v>
      </c>
    </row>
    <row r="12667" spans="1:4" x14ac:dyDescent="0.25">
      <c r="A12667" t="s">
        <v>19196</v>
      </c>
      <c r="B12667" t="s">
        <v>19197</v>
      </c>
      <c r="C12667">
        <v>1</v>
      </c>
      <c r="D12667">
        <v>0</v>
      </c>
    </row>
    <row r="12668" spans="1:4" x14ac:dyDescent="0.25">
      <c r="A12668" t="s">
        <v>19198</v>
      </c>
      <c r="B12668" t="s">
        <v>19199</v>
      </c>
      <c r="C12668">
        <v>1</v>
      </c>
      <c r="D12668">
        <v>0</v>
      </c>
    </row>
    <row r="12669" spans="1:4" x14ac:dyDescent="0.25">
      <c r="A12669" t="s">
        <v>19198</v>
      </c>
      <c r="B12669" t="s">
        <v>19200</v>
      </c>
      <c r="C12669">
        <v>1</v>
      </c>
      <c r="D12669">
        <v>0</v>
      </c>
    </row>
    <row r="12670" spans="1:4" x14ac:dyDescent="0.25">
      <c r="A12670" t="s">
        <v>19201</v>
      </c>
      <c r="B12670" t="s">
        <v>19202</v>
      </c>
      <c r="C12670">
        <v>1</v>
      </c>
      <c r="D12670">
        <v>0</v>
      </c>
    </row>
    <row r="12671" spans="1:4" x14ac:dyDescent="0.25">
      <c r="A12671" t="s">
        <v>19203</v>
      </c>
      <c r="B12671" t="s">
        <v>19204</v>
      </c>
      <c r="C12671">
        <v>0</v>
      </c>
      <c r="D12671">
        <v>0</v>
      </c>
    </row>
    <row r="12672" spans="1:4" x14ac:dyDescent="0.25">
      <c r="A12672" t="s">
        <v>19205</v>
      </c>
      <c r="B12672" t="s">
        <v>19206</v>
      </c>
      <c r="C12672">
        <v>0</v>
      </c>
      <c r="D12672">
        <v>0</v>
      </c>
    </row>
    <row r="12673" spans="1:4" x14ac:dyDescent="0.25">
      <c r="A12673" t="s">
        <v>19207</v>
      </c>
      <c r="B12673" t="s">
        <v>19208</v>
      </c>
      <c r="C12673">
        <v>1</v>
      </c>
      <c r="D12673">
        <v>0</v>
      </c>
    </row>
    <row r="12674" spans="1:4" x14ac:dyDescent="0.25">
      <c r="A12674" t="s">
        <v>19209</v>
      </c>
      <c r="B12674" t="s">
        <v>19210</v>
      </c>
      <c r="C12674">
        <v>1</v>
      </c>
      <c r="D12674">
        <v>0</v>
      </c>
    </row>
    <row r="12675" spans="1:4" x14ac:dyDescent="0.25">
      <c r="A12675" t="s">
        <v>19211</v>
      </c>
      <c r="B12675" t="s">
        <v>19212</v>
      </c>
      <c r="C12675">
        <v>0</v>
      </c>
      <c r="D12675">
        <v>0</v>
      </c>
    </row>
    <row r="12676" spans="1:4" x14ac:dyDescent="0.25">
      <c r="A12676" t="s">
        <v>19213</v>
      </c>
      <c r="B12676" t="s">
        <v>19214</v>
      </c>
      <c r="C12676">
        <v>0</v>
      </c>
      <c r="D12676">
        <v>0</v>
      </c>
    </row>
    <row r="12677" spans="1:4" x14ac:dyDescent="0.25">
      <c r="A12677" t="s">
        <v>19215</v>
      </c>
      <c r="B12677" t="s">
        <v>19216</v>
      </c>
      <c r="C12677">
        <v>1</v>
      </c>
      <c r="D12677">
        <v>0</v>
      </c>
    </row>
    <row r="12678" spans="1:4" x14ac:dyDescent="0.25">
      <c r="A12678" t="s">
        <v>19217</v>
      </c>
      <c r="B12678" t="s">
        <v>19218</v>
      </c>
      <c r="C12678">
        <v>0</v>
      </c>
      <c r="D12678">
        <v>0</v>
      </c>
    </row>
    <row r="12679" spans="1:4" x14ac:dyDescent="0.25">
      <c r="A12679" t="s">
        <v>19217</v>
      </c>
      <c r="B12679" t="s">
        <v>19219</v>
      </c>
      <c r="C12679">
        <v>2</v>
      </c>
      <c r="D12679">
        <v>0</v>
      </c>
    </row>
    <row r="12680" spans="1:4" x14ac:dyDescent="0.25">
      <c r="A12680" t="s">
        <v>19220</v>
      </c>
      <c r="B12680" t="s">
        <v>19221</v>
      </c>
      <c r="C12680">
        <v>0</v>
      </c>
      <c r="D12680">
        <v>0</v>
      </c>
    </row>
    <row r="12681" spans="1:4" x14ac:dyDescent="0.25">
      <c r="A12681" t="s">
        <v>19222</v>
      </c>
      <c r="B12681" t="s">
        <v>19223</v>
      </c>
      <c r="C12681">
        <v>1</v>
      </c>
      <c r="D12681">
        <v>0</v>
      </c>
    </row>
    <row r="12682" spans="1:4" x14ac:dyDescent="0.25">
      <c r="A12682" t="s">
        <v>19224</v>
      </c>
      <c r="B12682" t="s">
        <v>19225</v>
      </c>
      <c r="C12682">
        <v>1</v>
      </c>
      <c r="D12682">
        <v>0</v>
      </c>
    </row>
    <row r="12683" spans="1:4" x14ac:dyDescent="0.25">
      <c r="A12683" t="s">
        <v>19226</v>
      </c>
      <c r="B12683" t="s">
        <v>19227</v>
      </c>
      <c r="C12683">
        <v>0</v>
      </c>
      <c r="D12683">
        <v>0</v>
      </c>
    </row>
    <row r="12684" spans="1:4" x14ac:dyDescent="0.25">
      <c r="A12684" t="s">
        <v>19228</v>
      </c>
      <c r="B12684" t="s">
        <v>19229</v>
      </c>
      <c r="C12684">
        <v>1</v>
      </c>
      <c r="D12684">
        <v>0</v>
      </c>
    </row>
    <row r="12685" spans="1:4" x14ac:dyDescent="0.25">
      <c r="A12685" t="s">
        <v>19228</v>
      </c>
      <c r="B12685" t="s">
        <v>11948</v>
      </c>
      <c r="C12685">
        <v>0</v>
      </c>
      <c r="D12685">
        <v>0</v>
      </c>
    </row>
    <row r="12686" spans="1:4" x14ac:dyDescent="0.25">
      <c r="A12686" t="s">
        <v>19230</v>
      </c>
      <c r="B12686" t="s">
        <v>19231</v>
      </c>
      <c r="C12686">
        <v>2</v>
      </c>
      <c r="D12686">
        <v>0</v>
      </c>
    </row>
    <row r="12687" spans="1:4" x14ac:dyDescent="0.25">
      <c r="A12687" t="s">
        <v>19232</v>
      </c>
      <c r="B12687" t="s">
        <v>19233</v>
      </c>
      <c r="C12687">
        <v>0</v>
      </c>
      <c r="D12687">
        <v>0</v>
      </c>
    </row>
    <row r="12688" spans="1:4" x14ac:dyDescent="0.25">
      <c r="A12688" t="s">
        <v>19232</v>
      </c>
      <c r="B12688" t="s">
        <v>19234</v>
      </c>
      <c r="C12688">
        <v>2</v>
      </c>
      <c r="D12688">
        <v>0</v>
      </c>
    </row>
    <row r="12689" spans="1:4" x14ac:dyDescent="0.25">
      <c r="A12689" t="s">
        <v>19235</v>
      </c>
      <c r="B12689" t="s">
        <v>19236</v>
      </c>
      <c r="C12689">
        <v>0</v>
      </c>
      <c r="D12689">
        <v>0</v>
      </c>
    </row>
    <row r="12690" spans="1:4" x14ac:dyDescent="0.25">
      <c r="A12690" t="s">
        <v>19237</v>
      </c>
      <c r="B12690" t="s">
        <v>19238</v>
      </c>
      <c r="C12690">
        <v>1</v>
      </c>
      <c r="D12690">
        <v>0</v>
      </c>
    </row>
    <row r="12691" spans="1:4" x14ac:dyDescent="0.25">
      <c r="A12691" t="s">
        <v>19239</v>
      </c>
      <c r="B12691" t="s">
        <v>19240</v>
      </c>
      <c r="C12691">
        <v>1</v>
      </c>
      <c r="D12691">
        <v>0</v>
      </c>
    </row>
    <row r="12692" spans="1:4" x14ac:dyDescent="0.25">
      <c r="A12692" t="s">
        <v>19241</v>
      </c>
      <c r="B12692" t="s">
        <v>19242</v>
      </c>
      <c r="C12692">
        <v>0</v>
      </c>
      <c r="D12692">
        <v>0</v>
      </c>
    </row>
    <row r="12693" spans="1:4" x14ac:dyDescent="0.25">
      <c r="A12693" t="s">
        <v>19243</v>
      </c>
      <c r="B12693" t="s">
        <v>19244</v>
      </c>
      <c r="C12693">
        <v>0</v>
      </c>
      <c r="D12693">
        <v>0</v>
      </c>
    </row>
    <row r="12694" spans="1:4" x14ac:dyDescent="0.25">
      <c r="A12694" t="s">
        <v>19243</v>
      </c>
      <c r="B12694" t="s">
        <v>19245</v>
      </c>
      <c r="C12694">
        <v>2</v>
      </c>
      <c r="D12694">
        <v>0</v>
      </c>
    </row>
    <row r="12695" spans="1:4" x14ac:dyDescent="0.25">
      <c r="A12695" t="s">
        <v>19243</v>
      </c>
      <c r="B12695" t="s">
        <v>19246</v>
      </c>
      <c r="C12695">
        <v>2</v>
      </c>
      <c r="D12695">
        <v>0</v>
      </c>
    </row>
    <row r="12696" spans="1:4" x14ac:dyDescent="0.25">
      <c r="A12696" t="s">
        <v>19247</v>
      </c>
      <c r="B12696" t="s">
        <v>19248</v>
      </c>
      <c r="C12696">
        <v>2</v>
      </c>
      <c r="D12696">
        <v>0</v>
      </c>
    </row>
    <row r="12697" spans="1:4" x14ac:dyDescent="0.25">
      <c r="A12697" t="s">
        <v>19249</v>
      </c>
      <c r="B12697" t="s">
        <v>19250</v>
      </c>
      <c r="C12697">
        <v>1</v>
      </c>
      <c r="D12697">
        <v>0</v>
      </c>
    </row>
    <row r="12698" spans="1:4" x14ac:dyDescent="0.25">
      <c r="A12698" t="s">
        <v>19249</v>
      </c>
      <c r="B12698" t="s">
        <v>19251</v>
      </c>
      <c r="C12698">
        <v>1</v>
      </c>
      <c r="D12698">
        <v>0</v>
      </c>
    </row>
    <row r="12699" spans="1:4" x14ac:dyDescent="0.25">
      <c r="A12699" t="s">
        <v>19249</v>
      </c>
      <c r="B12699" t="s">
        <v>19252</v>
      </c>
      <c r="C12699">
        <v>1</v>
      </c>
      <c r="D12699">
        <v>0</v>
      </c>
    </row>
    <row r="12700" spans="1:4" x14ac:dyDescent="0.25">
      <c r="A12700" t="s">
        <v>19253</v>
      </c>
      <c r="B12700" t="s">
        <v>19254</v>
      </c>
      <c r="C12700">
        <v>1</v>
      </c>
      <c r="D12700">
        <v>0</v>
      </c>
    </row>
    <row r="12701" spans="1:4" x14ac:dyDescent="0.25">
      <c r="A12701" t="s">
        <v>19255</v>
      </c>
      <c r="B12701" t="s">
        <v>19256</v>
      </c>
      <c r="C12701">
        <v>1</v>
      </c>
      <c r="D12701">
        <v>0</v>
      </c>
    </row>
    <row r="12702" spans="1:4" x14ac:dyDescent="0.25">
      <c r="A12702" t="s">
        <v>19257</v>
      </c>
      <c r="B12702" t="s">
        <v>19258</v>
      </c>
      <c r="C12702">
        <v>2</v>
      </c>
      <c r="D12702">
        <v>0</v>
      </c>
    </row>
    <row r="12703" spans="1:4" x14ac:dyDescent="0.25">
      <c r="A12703" t="s">
        <v>19259</v>
      </c>
      <c r="B12703" t="s">
        <v>19260</v>
      </c>
      <c r="C12703">
        <v>0</v>
      </c>
      <c r="D12703">
        <v>0</v>
      </c>
    </row>
    <row r="12704" spans="1:4" x14ac:dyDescent="0.25">
      <c r="A12704" t="s">
        <v>19261</v>
      </c>
      <c r="B12704" t="s">
        <v>19262</v>
      </c>
      <c r="C12704">
        <v>1</v>
      </c>
      <c r="D12704">
        <v>0</v>
      </c>
    </row>
    <row r="12705" spans="1:4" x14ac:dyDescent="0.25">
      <c r="A12705" t="s">
        <v>19263</v>
      </c>
      <c r="B12705" t="s">
        <v>19264</v>
      </c>
      <c r="C12705">
        <v>1</v>
      </c>
      <c r="D12705">
        <v>0</v>
      </c>
    </row>
    <row r="12706" spans="1:4" x14ac:dyDescent="0.25">
      <c r="A12706" t="s">
        <v>19265</v>
      </c>
      <c r="B12706" t="s">
        <v>19266</v>
      </c>
      <c r="C12706">
        <v>1</v>
      </c>
      <c r="D12706">
        <v>0</v>
      </c>
    </row>
    <row r="12707" spans="1:4" x14ac:dyDescent="0.25">
      <c r="A12707" t="s">
        <v>19265</v>
      </c>
      <c r="B12707" t="s">
        <v>19267</v>
      </c>
      <c r="C12707">
        <v>0</v>
      </c>
      <c r="D12707">
        <v>0</v>
      </c>
    </row>
    <row r="12708" spans="1:4" x14ac:dyDescent="0.25">
      <c r="A12708" t="s">
        <v>19268</v>
      </c>
      <c r="B12708" t="s">
        <v>19269</v>
      </c>
      <c r="C12708">
        <v>1</v>
      </c>
      <c r="D12708">
        <v>0</v>
      </c>
    </row>
    <row r="12709" spans="1:4" x14ac:dyDescent="0.25">
      <c r="A12709" t="s">
        <v>19270</v>
      </c>
      <c r="B12709" t="s">
        <v>19271</v>
      </c>
      <c r="C12709">
        <v>2</v>
      </c>
      <c r="D12709">
        <v>0</v>
      </c>
    </row>
    <row r="12710" spans="1:4" x14ac:dyDescent="0.25">
      <c r="A12710" t="s">
        <v>19272</v>
      </c>
      <c r="B12710" t="s">
        <v>19273</v>
      </c>
      <c r="C12710">
        <v>2</v>
      </c>
      <c r="D12710">
        <v>0</v>
      </c>
    </row>
    <row r="12711" spans="1:4" x14ac:dyDescent="0.25">
      <c r="A12711" t="s">
        <v>19274</v>
      </c>
      <c r="B12711" t="s">
        <v>19275</v>
      </c>
      <c r="C12711">
        <v>0</v>
      </c>
      <c r="D12711">
        <v>0</v>
      </c>
    </row>
    <row r="12712" spans="1:4" x14ac:dyDescent="0.25">
      <c r="A12712" t="s">
        <v>19274</v>
      </c>
      <c r="B12712" t="s">
        <v>19276</v>
      </c>
      <c r="C12712">
        <v>2</v>
      </c>
      <c r="D12712">
        <v>0</v>
      </c>
    </row>
    <row r="12713" spans="1:4" x14ac:dyDescent="0.25">
      <c r="A12713" t="s">
        <v>19277</v>
      </c>
      <c r="B12713" t="s">
        <v>19278</v>
      </c>
      <c r="C12713">
        <v>2</v>
      </c>
      <c r="D12713">
        <v>0</v>
      </c>
    </row>
    <row r="12714" spans="1:4" x14ac:dyDescent="0.25">
      <c r="A12714" t="s">
        <v>19279</v>
      </c>
      <c r="B12714" t="s">
        <v>19280</v>
      </c>
      <c r="C12714">
        <v>2</v>
      </c>
      <c r="D12714">
        <v>0</v>
      </c>
    </row>
    <row r="12715" spans="1:4" x14ac:dyDescent="0.25">
      <c r="A12715" t="s">
        <v>19281</v>
      </c>
      <c r="B12715" t="s">
        <v>19282</v>
      </c>
      <c r="C12715">
        <v>1</v>
      </c>
      <c r="D12715">
        <v>0</v>
      </c>
    </row>
    <row r="12716" spans="1:4" x14ac:dyDescent="0.25">
      <c r="A12716" t="s">
        <v>19283</v>
      </c>
      <c r="B12716" t="s">
        <v>19284</v>
      </c>
      <c r="C12716">
        <v>0</v>
      </c>
      <c r="D12716">
        <v>0</v>
      </c>
    </row>
    <row r="12717" spans="1:4" x14ac:dyDescent="0.25">
      <c r="A12717" t="s">
        <v>19285</v>
      </c>
      <c r="B12717" t="s">
        <v>19286</v>
      </c>
      <c r="C12717">
        <v>0</v>
      </c>
      <c r="D12717">
        <v>0</v>
      </c>
    </row>
    <row r="12718" spans="1:4" x14ac:dyDescent="0.25">
      <c r="A12718" t="s">
        <v>19285</v>
      </c>
      <c r="B12718" t="s">
        <v>19287</v>
      </c>
      <c r="C12718">
        <v>0</v>
      </c>
      <c r="D12718">
        <v>0</v>
      </c>
    </row>
    <row r="12719" spans="1:4" x14ac:dyDescent="0.25">
      <c r="A12719" t="s">
        <v>19288</v>
      </c>
      <c r="B12719" t="s">
        <v>19289</v>
      </c>
      <c r="C12719">
        <v>1</v>
      </c>
      <c r="D12719">
        <v>0</v>
      </c>
    </row>
    <row r="12720" spans="1:4" x14ac:dyDescent="0.25">
      <c r="A12720" t="s">
        <v>19288</v>
      </c>
      <c r="B12720" t="s">
        <v>19290</v>
      </c>
      <c r="C12720">
        <v>1</v>
      </c>
      <c r="D12720">
        <v>0</v>
      </c>
    </row>
    <row r="12721" spans="1:4" x14ac:dyDescent="0.25">
      <c r="A12721" t="s">
        <v>19288</v>
      </c>
      <c r="B12721" t="s">
        <v>19291</v>
      </c>
      <c r="C12721">
        <v>0</v>
      </c>
      <c r="D12721">
        <v>0</v>
      </c>
    </row>
    <row r="12722" spans="1:4" x14ac:dyDescent="0.25">
      <c r="A12722" t="s">
        <v>19288</v>
      </c>
      <c r="B12722" t="s">
        <v>19292</v>
      </c>
      <c r="C12722">
        <v>0</v>
      </c>
      <c r="D12722">
        <v>0</v>
      </c>
    </row>
    <row r="12723" spans="1:4" x14ac:dyDescent="0.25">
      <c r="A12723" t="s">
        <v>19293</v>
      </c>
      <c r="B12723" t="s">
        <v>19294</v>
      </c>
      <c r="C12723">
        <v>2</v>
      </c>
      <c r="D12723">
        <v>0</v>
      </c>
    </row>
    <row r="12724" spans="1:4" x14ac:dyDescent="0.25">
      <c r="A12724" t="s">
        <v>19295</v>
      </c>
      <c r="B12724" t="s">
        <v>19296</v>
      </c>
      <c r="C12724">
        <v>2</v>
      </c>
      <c r="D12724">
        <v>0</v>
      </c>
    </row>
    <row r="12725" spans="1:4" x14ac:dyDescent="0.25">
      <c r="A12725" t="s">
        <v>19297</v>
      </c>
      <c r="B12725" t="s">
        <v>19298</v>
      </c>
      <c r="C12725">
        <v>2</v>
      </c>
      <c r="D12725">
        <v>0</v>
      </c>
    </row>
    <row r="12726" spans="1:4" x14ac:dyDescent="0.25">
      <c r="A12726" t="s">
        <v>19299</v>
      </c>
      <c r="B12726" t="s">
        <v>19300</v>
      </c>
      <c r="C12726">
        <v>2</v>
      </c>
      <c r="D12726">
        <v>0</v>
      </c>
    </row>
    <row r="12727" spans="1:4" x14ac:dyDescent="0.25">
      <c r="A12727" t="s">
        <v>19301</v>
      </c>
      <c r="B12727" t="s">
        <v>19302</v>
      </c>
      <c r="C12727">
        <v>0</v>
      </c>
      <c r="D12727">
        <v>0</v>
      </c>
    </row>
    <row r="12728" spans="1:4" x14ac:dyDescent="0.25">
      <c r="A12728" t="s">
        <v>19303</v>
      </c>
      <c r="B12728" t="s">
        <v>19304</v>
      </c>
      <c r="C12728">
        <v>0</v>
      </c>
      <c r="D12728">
        <v>0</v>
      </c>
    </row>
    <row r="12729" spans="1:4" x14ac:dyDescent="0.25">
      <c r="A12729" t="s">
        <v>19305</v>
      </c>
      <c r="B12729" t="s">
        <v>19306</v>
      </c>
      <c r="C12729">
        <v>2</v>
      </c>
      <c r="D12729">
        <v>0</v>
      </c>
    </row>
    <row r="12730" spans="1:4" x14ac:dyDescent="0.25">
      <c r="A12730" t="s">
        <v>19307</v>
      </c>
      <c r="B12730" t="s">
        <v>19308</v>
      </c>
      <c r="C12730">
        <v>1</v>
      </c>
      <c r="D12730">
        <v>0</v>
      </c>
    </row>
    <row r="12731" spans="1:4" x14ac:dyDescent="0.25">
      <c r="A12731" t="s">
        <v>19307</v>
      </c>
      <c r="B12731" t="s">
        <v>19309</v>
      </c>
      <c r="C12731">
        <v>0</v>
      </c>
      <c r="D12731">
        <v>0</v>
      </c>
    </row>
    <row r="12732" spans="1:4" x14ac:dyDescent="0.25">
      <c r="A12732" t="s">
        <v>19310</v>
      </c>
      <c r="B12732" t="s">
        <v>19311</v>
      </c>
      <c r="C12732">
        <v>1</v>
      </c>
      <c r="D12732">
        <v>0</v>
      </c>
    </row>
    <row r="12733" spans="1:4" x14ac:dyDescent="0.25">
      <c r="A12733" t="s">
        <v>19312</v>
      </c>
      <c r="B12733" t="s">
        <v>19313</v>
      </c>
      <c r="C12733">
        <v>1</v>
      </c>
      <c r="D12733">
        <v>0</v>
      </c>
    </row>
    <row r="12734" spans="1:4" x14ac:dyDescent="0.25">
      <c r="A12734" t="s">
        <v>19312</v>
      </c>
      <c r="B12734" t="s">
        <v>19314</v>
      </c>
      <c r="C12734">
        <v>0</v>
      </c>
      <c r="D12734">
        <v>0</v>
      </c>
    </row>
    <row r="12735" spans="1:4" x14ac:dyDescent="0.25">
      <c r="A12735" t="s">
        <v>19312</v>
      </c>
      <c r="B12735" t="s">
        <v>19315</v>
      </c>
      <c r="C12735">
        <v>2</v>
      </c>
      <c r="D12735">
        <v>0</v>
      </c>
    </row>
    <row r="12736" spans="1:4" x14ac:dyDescent="0.25">
      <c r="A12736" t="s">
        <v>19316</v>
      </c>
      <c r="B12736" t="s">
        <v>19317</v>
      </c>
      <c r="C12736">
        <v>1</v>
      </c>
      <c r="D12736">
        <v>0</v>
      </c>
    </row>
    <row r="12737" spans="1:4" x14ac:dyDescent="0.25">
      <c r="A12737" t="s">
        <v>19316</v>
      </c>
      <c r="B12737" t="s">
        <v>19318</v>
      </c>
      <c r="C12737">
        <v>0</v>
      </c>
      <c r="D12737">
        <v>0</v>
      </c>
    </row>
    <row r="12738" spans="1:4" x14ac:dyDescent="0.25">
      <c r="A12738" t="s">
        <v>19319</v>
      </c>
      <c r="B12738" t="s">
        <v>19320</v>
      </c>
      <c r="C12738">
        <v>1</v>
      </c>
      <c r="D12738">
        <v>0</v>
      </c>
    </row>
    <row r="12739" spans="1:4" x14ac:dyDescent="0.25">
      <c r="A12739" t="s">
        <v>19321</v>
      </c>
      <c r="B12739" t="s">
        <v>19322</v>
      </c>
      <c r="C12739">
        <v>1</v>
      </c>
      <c r="D12739">
        <v>0</v>
      </c>
    </row>
    <row r="12740" spans="1:4" x14ac:dyDescent="0.25">
      <c r="A12740" t="s">
        <v>19323</v>
      </c>
      <c r="B12740" t="s">
        <v>19324</v>
      </c>
      <c r="C12740">
        <v>1</v>
      </c>
      <c r="D12740">
        <v>0</v>
      </c>
    </row>
    <row r="12741" spans="1:4" x14ac:dyDescent="0.25">
      <c r="A12741" t="s">
        <v>19325</v>
      </c>
      <c r="B12741" t="s">
        <v>19326</v>
      </c>
      <c r="C12741">
        <v>0</v>
      </c>
      <c r="D12741">
        <v>0</v>
      </c>
    </row>
    <row r="12742" spans="1:4" x14ac:dyDescent="0.25">
      <c r="A12742" t="s">
        <v>19327</v>
      </c>
      <c r="B12742" t="s">
        <v>19328</v>
      </c>
      <c r="C12742">
        <v>2</v>
      </c>
      <c r="D12742">
        <v>0</v>
      </c>
    </row>
    <row r="12743" spans="1:4" x14ac:dyDescent="0.25">
      <c r="A12743" t="s">
        <v>19329</v>
      </c>
      <c r="B12743" t="s">
        <v>19330</v>
      </c>
      <c r="C12743">
        <v>2</v>
      </c>
      <c r="D12743">
        <v>0</v>
      </c>
    </row>
    <row r="12744" spans="1:4" x14ac:dyDescent="0.25">
      <c r="A12744" t="s">
        <v>19331</v>
      </c>
      <c r="B12744" t="s">
        <v>19332</v>
      </c>
      <c r="C12744">
        <v>1</v>
      </c>
      <c r="D12744">
        <v>0</v>
      </c>
    </row>
    <row r="12745" spans="1:4" x14ac:dyDescent="0.25">
      <c r="A12745" t="s">
        <v>19333</v>
      </c>
      <c r="B12745" t="s">
        <v>19334</v>
      </c>
      <c r="C12745">
        <v>2</v>
      </c>
      <c r="D12745">
        <v>0</v>
      </c>
    </row>
    <row r="12746" spans="1:4" x14ac:dyDescent="0.25">
      <c r="A12746" t="s">
        <v>19335</v>
      </c>
      <c r="B12746" t="s">
        <v>19336</v>
      </c>
      <c r="C12746">
        <v>1</v>
      </c>
      <c r="D12746">
        <v>0</v>
      </c>
    </row>
    <row r="12747" spans="1:4" x14ac:dyDescent="0.25">
      <c r="A12747" t="s">
        <v>19337</v>
      </c>
      <c r="B12747" t="s">
        <v>19338</v>
      </c>
      <c r="C12747">
        <v>1</v>
      </c>
      <c r="D12747">
        <v>0</v>
      </c>
    </row>
    <row r="12748" spans="1:4" x14ac:dyDescent="0.25">
      <c r="A12748" t="s">
        <v>19337</v>
      </c>
      <c r="B12748" t="s">
        <v>19339</v>
      </c>
      <c r="C12748">
        <v>0</v>
      </c>
      <c r="D12748">
        <v>0</v>
      </c>
    </row>
    <row r="12749" spans="1:4" x14ac:dyDescent="0.25">
      <c r="A12749" t="s">
        <v>19340</v>
      </c>
      <c r="B12749" t="s">
        <v>19341</v>
      </c>
      <c r="C12749">
        <v>0</v>
      </c>
      <c r="D12749">
        <v>0</v>
      </c>
    </row>
    <row r="12750" spans="1:4" x14ac:dyDescent="0.25">
      <c r="A12750" t="s">
        <v>19342</v>
      </c>
      <c r="B12750" t="s">
        <v>19343</v>
      </c>
      <c r="C12750">
        <v>1</v>
      </c>
      <c r="D12750">
        <v>0</v>
      </c>
    </row>
    <row r="12751" spans="1:4" x14ac:dyDescent="0.25">
      <c r="A12751" t="s">
        <v>19344</v>
      </c>
      <c r="B12751" t="s">
        <v>19345</v>
      </c>
      <c r="C12751">
        <v>1</v>
      </c>
      <c r="D12751">
        <v>0</v>
      </c>
    </row>
    <row r="12752" spans="1:4" x14ac:dyDescent="0.25">
      <c r="A12752" t="s">
        <v>19344</v>
      </c>
      <c r="B12752" t="s">
        <v>19346</v>
      </c>
      <c r="C12752">
        <v>0</v>
      </c>
      <c r="D12752">
        <v>0</v>
      </c>
    </row>
    <row r="12753" spans="1:4" x14ac:dyDescent="0.25">
      <c r="A12753" t="s">
        <v>19347</v>
      </c>
      <c r="B12753" t="s">
        <v>19348</v>
      </c>
      <c r="C12753">
        <v>1</v>
      </c>
      <c r="D12753">
        <v>0</v>
      </c>
    </row>
    <row r="12754" spans="1:4" x14ac:dyDescent="0.25">
      <c r="A12754" t="s">
        <v>19349</v>
      </c>
      <c r="B12754" t="s">
        <v>19350</v>
      </c>
      <c r="C12754">
        <v>2</v>
      </c>
      <c r="D12754">
        <v>0</v>
      </c>
    </row>
    <row r="12755" spans="1:4" x14ac:dyDescent="0.25">
      <c r="A12755" t="s">
        <v>19351</v>
      </c>
      <c r="B12755" t="s">
        <v>19352</v>
      </c>
      <c r="C12755">
        <v>1</v>
      </c>
      <c r="D12755">
        <v>0</v>
      </c>
    </row>
    <row r="12756" spans="1:4" x14ac:dyDescent="0.25">
      <c r="A12756" t="s">
        <v>19353</v>
      </c>
      <c r="B12756" t="s">
        <v>19354</v>
      </c>
      <c r="C12756">
        <v>1</v>
      </c>
      <c r="D12756">
        <v>0</v>
      </c>
    </row>
    <row r="12757" spans="1:4" x14ac:dyDescent="0.25">
      <c r="A12757" t="s">
        <v>19355</v>
      </c>
      <c r="B12757" t="s">
        <v>19356</v>
      </c>
      <c r="C12757">
        <v>0</v>
      </c>
      <c r="D12757">
        <v>0</v>
      </c>
    </row>
    <row r="12758" spans="1:4" x14ac:dyDescent="0.25">
      <c r="A12758" t="s">
        <v>19355</v>
      </c>
      <c r="B12758" t="s">
        <v>19357</v>
      </c>
      <c r="C12758">
        <v>0</v>
      </c>
      <c r="D12758">
        <v>0</v>
      </c>
    </row>
    <row r="12759" spans="1:4" x14ac:dyDescent="0.25">
      <c r="A12759" t="s">
        <v>19358</v>
      </c>
      <c r="B12759" t="s">
        <v>19359</v>
      </c>
      <c r="C12759">
        <v>0</v>
      </c>
      <c r="D12759">
        <v>0</v>
      </c>
    </row>
    <row r="12760" spans="1:4" x14ac:dyDescent="0.25">
      <c r="A12760" t="s">
        <v>19360</v>
      </c>
      <c r="B12760" t="s">
        <v>5713</v>
      </c>
      <c r="C12760">
        <v>1</v>
      </c>
      <c r="D12760">
        <v>0</v>
      </c>
    </row>
    <row r="12761" spans="1:4" x14ac:dyDescent="0.25">
      <c r="A12761" t="s">
        <v>19361</v>
      </c>
      <c r="B12761" t="s">
        <v>19362</v>
      </c>
      <c r="C12761">
        <v>1</v>
      </c>
      <c r="D12761">
        <v>0</v>
      </c>
    </row>
    <row r="12762" spans="1:4" x14ac:dyDescent="0.25">
      <c r="A12762" t="s">
        <v>19363</v>
      </c>
      <c r="B12762" t="s">
        <v>19364</v>
      </c>
      <c r="C12762">
        <v>1</v>
      </c>
      <c r="D12762">
        <v>0</v>
      </c>
    </row>
    <row r="12763" spans="1:4" x14ac:dyDescent="0.25">
      <c r="A12763" t="s">
        <v>19365</v>
      </c>
      <c r="B12763" t="s">
        <v>19366</v>
      </c>
      <c r="C12763">
        <v>1</v>
      </c>
      <c r="D12763">
        <v>0</v>
      </c>
    </row>
    <row r="12764" spans="1:4" x14ac:dyDescent="0.25">
      <c r="A12764" t="s">
        <v>19367</v>
      </c>
      <c r="B12764" t="s">
        <v>19368</v>
      </c>
      <c r="C12764">
        <v>2</v>
      </c>
      <c r="D12764">
        <v>0</v>
      </c>
    </row>
    <row r="12765" spans="1:4" x14ac:dyDescent="0.25">
      <c r="A12765" t="s">
        <v>19369</v>
      </c>
      <c r="B12765" t="s">
        <v>19370</v>
      </c>
      <c r="C12765">
        <v>1</v>
      </c>
      <c r="D12765">
        <v>0</v>
      </c>
    </row>
    <row r="12766" spans="1:4" x14ac:dyDescent="0.25">
      <c r="A12766" t="s">
        <v>19371</v>
      </c>
      <c r="B12766" t="s">
        <v>19372</v>
      </c>
      <c r="C12766">
        <v>1</v>
      </c>
      <c r="D12766">
        <v>0</v>
      </c>
    </row>
    <row r="12767" spans="1:4" x14ac:dyDescent="0.25">
      <c r="A12767" t="s">
        <v>19373</v>
      </c>
      <c r="B12767" t="s">
        <v>19374</v>
      </c>
      <c r="C12767">
        <v>1</v>
      </c>
      <c r="D12767">
        <v>0</v>
      </c>
    </row>
    <row r="12768" spans="1:4" x14ac:dyDescent="0.25">
      <c r="A12768" t="s">
        <v>19375</v>
      </c>
      <c r="B12768" t="s">
        <v>19376</v>
      </c>
      <c r="C12768">
        <v>2</v>
      </c>
      <c r="D12768">
        <v>0</v>
      </c>
    </row>
    <row r="12769" spans="1:4" x14ac:dyDescent="0.25">
      <c r="A12769" t="s">
        <v>19375</v>
      </c>
      <c r="B12769" t="s">
        <v>19377</v>
      </c>
      <c r="C12769">
        <v>2</v>
      </c>
      <c r="D12769">
        <v>0</v>
      </c>
    </row>
    <row r="12770" spans="1:4" x14ac:dyDescent="0.25">
      <c r="A12770" t="s">
        <v>19378</v>
      </c>
      <c r="B12770" t="s">
        <v>19379</v>
      </c>
      <c r="C12770">
        <v>1</v>
      </c>
      <c r="D12770">
        <v>0</v>
      </c>
    </row>
    <row r="12771" spans="1:4" x14ac:dyDescent="0.25">
      <c r="A12771" t="s">
        <v>19378</v>
      </c>
      <c r="B12771" t="s">
        <v>19380</v>
      </c>
      <c r="C12771">
        <v>0</v>
      </c>
      <c r="D12771">
        <v>0</v>
      </c>
    </row>
    <row r="12772" spans="1:4" x14ac:dyDescent="0.25">
      <c r="A12772" t="s">
        <v>19378</v>
      </c>
      <c r="B12772" t="s">
        <v>19381</v>
      </c>
      <c r="C12772">
        <v>2</v>
      </c>
      <c r="D12772">
        <v>0</v>
      </c>
    </row>
    <row r="12773" spans="1:4" x14ac:dyDescent="0.25">
      <c r="A12773" t="s">
        <v>19382</v>
      </c>
      <c r="B12773" t="s">
        <v>19383</v>
      </c>
      <c r="C12773">
        <v>1</v>
      </c>
      <c r="D12773">
        <v>0</v>
      </c>
    </row>
    <row r="12774" spans="1:4" x14ac:dyDescent="0.25">
      <c r="A12774" t="s">
        <v>19382</v>
      </c>
      <c r="B12774" t="s">
        <v>19384</v>
      </c>
      <c r="C12774">
        <v>0</v>
      </c>
      <c r="D12774">
        <v>0</v>
      </c>
    </row>
    <row r="12775" spans="1:4" x14ac:dyDescent="0.25">
      <c r="A12775" t="s">
        <v>19382</v>
      </c>
      <c r="B12775" t="s">
        <v>19385</v>
      </c>
      <c r="C12775">
        <v>2</v>
      </c>
      <c r="D12775">
        <v>0</v>
      </c>
    </row>
    <row r="12776" spans="1:4" x14ac:dyDescent="0.25">
      <c r="A12776" t="s">
        <v>19386</v>
      </c>
      <c r="B12776" t="s">
        <v>19387</v>
      </c>
      <c r="C12776">
        <v>1</v>
      </c>
      <c r="D12776">
        <v>0</v>
      </c>
    </row>
    <row r="12777" spans="1:4" x14ac:dyDescent="0.25">
      <c r="A12777" t="s">
        <v>19386</v>
      </c>
      <c r="B12777" t="s">
        <v>19388</v>
      </c>
      <c r="C12777">
        <v>0</v>
      </c>
      <c r="D12777">
        <v>0</v>
      </c>
    </row>
    <row r="12778" spans="1:4" x14ac:dyDescent="0.25">
      <c r="A12778" t="s">
        <v>19389</v>
      </c>
      <c r="B12778" t="s">
        <v>19390</v>
      </c>
      <c r="C12778">
        <v>1</v>
      </c>
      <c r="D12778">
        <v>0</v>
      </c>
    </row>
    <row r="12779" spans="1:4" x14ac:dyDescent="0.25">
      <c r="A12779" t="s">
        <v>19391</v>
      </c>
      <c r="B12779" t="s">
        <v>19392</v>
      </c>
      <c r="C12779">
        <v>1</v>
      </c>
      <c r="D12779">
        <v>0</v>
      </c>
    </row>
    <row r="12780" spans="1:4" x14ac:dyDescent="0.25">
      <c r="A12780" t="s">
        <v>19393</v>
      </c>
      <c r="B12780" t="s">
        <v>19394</v>
      </c>
      <c r="C12780">
        <v>1</v>
      </c>
      <c r="D12780">
        <v>0</v>
      </c>
    </row>
    <row r="12781" spans="1:4" x14ac:dyDescent="0.25">
      <c r="A12781" t="s">
        <v>19393</v>
      </c>
      <c r="B12781" t="s">
        <v>19395</v>
      </c>
      <c r="C12781">
        <v>0</v>
      </c>
      <c r="D12781">
        <v>0</v>
      </c>
    </row>
    <row r="12782" spans="1:4" x14ac:dyDescent="0.25">
      <c r="A12782" t="s">
        <v>19396</v>
      </c>
      <c r="B12782" t="s">
        <v>19397</v>
      </c>
      <c r="C12782">
        <v>2</v>
      </c>
      <c r="D12782">
        <v>0</v>
      </c>
    </row>
    <row r="12783" spans="1:4" x14ac:dyDescent="0.25">
      <c r="A12783" t="s">
        <v>19398</v>
      </c>
      <c r="B12783" t="s">
        <v>19399</v>
      </c>
      <c r="C12783">
        <v>0</v>
      </c>
      <c r="D12783">
        <v>0</v>
      </c>
    </row>
    <row r="12784" spans="1:4" x14ac:dyDescent="0.25">
      <c r="A12784" t="s">
        <v>19400</v>
      </c>
      <c r="B12784" t="s">
        <v>19401</v>
      </c>
      <c r="C12784">
        <v>1</v>
      </c>
      <c r="D12784">
        <v>0</v>
      </c>
    </row>
    <row r="12785" spans="1:4" x14ac:dyDescent="0.25">
      <c r="A12785" t="s">
        <v>19400</v>
      </c>
      <c r="B12785" t="s">
        <v>19402</v>
      </c>
      <c r="C12785">
        <v>1</v>
      </c>
      <c r="D12785">
        <v>0</v>
      </c>
    </row>
    <row r="12786" spans="1:4" x14ac:dyDescent="0.25">
      <c r="A12786" t="s">
        <v>19403</v>
      </c>
      <c r="B12786" t="s">
        <v>19404</v>
      </c>
      <c r="C12786">
        <v>1</v>
      </c>
      <c r="D12786">
        <v>0</v>
      </c>
    </row>
    <row r="12787" spans="1:4" x14ac:dyDescent="0.25">
      <c r="A12787" t="s">
        <v>19403</v>
      </c>
      <c r="B12787" t="s">
        <v>19405</v>
      </c>
      <c r="C12787">
        <v>0</v>
      </c>
      <c r="D12787">
        <v>0</v>
      </c>
    </row>
    <row r="12788" spans="1:4" x14ac:dyDescent="0.25">
      <c r="A12788" t="s">
        <v>19406</v>
      </c>
      <c r="B12788" t="s">
        <v>19407</v>
      </c>
      <c r="C12788">
        <v>2</v>
      </c>
      <c r="D12788">
        <v>0</v>
      </c>
    </row>
    <row r="12789" spans="1:4" x14ac:dyDescent="0.25">
      <c r="A12789" t="s">
        <v>19408</v>
      </c>
      <c r="B12789" t="s">
        <v>19409</v>
      </c>
      <c r="C12789">
        <v>1</v>
      </c>
      <c r="D12789">
        <v>0</v>
      </c>
    </row>
    <row r="12790" spans="1:4" x14ac:dyDescent="0.25">
      <c r="A12790" t="s">
        <v>19408</v>
      </c>
      <c r="B12790" t="s">
        <v>19410</v>
      </c>
      <c r="C12790">
        <v>0</v>
      </c>
      <c r="D12790">
        <v>0</v>
      </c>
    </row>
    <row r="12791" spans="1:4" x14ac:dyDescent="0.25">
      <c r="A12791" t="s">
        <v>19411</v>
      </c>
      <c r="B12791" t="s">
        <v>19412</v>
      </c>
      <c r="C12791">
        <v>1</v>
      </c>
      <c r="D12791">
        <v>0</v>
      </c>
    </row>
    <row r="12792" spans="1:4" x14ac:dyDescent="0.25">
      <c r="A12792" t="s">
        <v>19413</v>
      </c>
      <c r="B12792" t="s">
        <v>19414</v>
      </c>
      <c r="C12792">
        <v>1</v>
      </c>
      <c r="D12792">
        <v>0</v>
      </c>
    </row>
    <row r="12793" spans="1:4" x14ac:dyDescent="0.25">
      <c r="A12793" t="s">
        <v>19415</v>
      </c>
      <c r="B12793" t="s">
        <v>19416</v>
      </c>
      <c r="C12793">
        <v>2</v>
      </c>
      <c r="D12793">
        <v>0</v>
      </c>
    </row>
    <row r="12794" spans="1:4" x14ac:dyDescent="0.25">
      <c r="A12794" t="s">
        <v>19417</v>
      </c>
      <c r="B12794" t="s">
        <v>19418</v>
      </c>
      <c r="C12794">
        <v>1</v>
      </c>
      <c r="D12794">
        <v>0</v>
      </c>
    </row>
    <row r="12795" spans="1:4" x14ac:dyDescent="0.25">
      <c r="A12795" t="s">
        <v>19419</v>
      </c>
      <c r="B12795" t="s">
        <v>19420</v>
      </c>
      <c r="C12795">
        <v>1</v>
      </c>
      <c r="D12795">
        <v>0</v>
      </c>
    </row>
    <row r="12796" spans="1:4" x14ac:dyDescent="0.25">
      <c r="A12796" t="s">
        <v>19421</v>
      </c>
      <c r="B12796" t="s">
        <v>19422</v>
      </c>
      <c r="C12796">
        <v>1</v>
      </c>
      <c r="D12796">
        <v>0</v>
      </c>
    </row>
    <row r="12797" spans="1:4" x14ac:dyDescent="0.25">
      <c r="A12797" t="s">
        <v>19423</v>
      </c>
      <c r="B12797" t="s">
        <v>19424</v>
      </c>
      <c r="C12797">
        <v>1</v>
      </c>
      <c r="D12797">
        <v>0</v>
      </c>
    </row>
    <row r="12798" spans="1:4" x14ac:dyDescent="0.25">
      <c r="A12798" t="s">
        <v>19423</v>
      </c>
      <c r="B12798" t="s">
        <v>19425</v>
      </c>
      <c r="C12798">
        <v>0</v>
      </c>
      <c r="D12798">
        <v>0</v>
      </c>
    </row>
    <row r="12799" spans="1:4" x14ac:dyDescent="0.25">
      <c r="A12799" t="s">
        <v>19426</v>
      </c>
      <c r="B12799" t="s">
        <v>19427</v>
      </c>
      <c r="C12799">
        <v>1</v>
      </c>
      <c r="D12799">
        <v>0</v>
      </c>
    </row>
    <row r="12800" spans="1:4" x14ac:dyDescent="0.25">
      <c r="A12800" t="s">
        <v>19428</v>
      </c>
      <c r="B12800" t="s">
        <v>19429</v>
      </c>
      <c r="C12800">
        <v>0</v>
      </c>
      <c r="D12800">
        <v>0</v>
      </c>
    </row>
    <row r="12801" spans="1:4" x14ac:dyDescent="0.25">
      <c r="A12801" t="s">
        <v>19430</v>
      </c>
      <c r="B12801" t="s">
        <v>19431</v>
      </c>
      <c r="C12801">
        <v>1</v>
      </c>
      <c r="D12801">
        <v>0</v>
      </c>
    </row>
    <row r="12802" spans="1:4" x14ac:dyDescent="0.25">
      <c r="A12802" t="s">
        <v>19430</v>
      </c>
      <c r="B12802" t="s">
        <v>19432</v>
      </c>
      <c r="C12802">
        <v>0</v>
      </c>
      <c r="D12802">
        <v>0</v>
      </c>
    </row>
    <row r="12803" spans="1:4" x14ac:dyDescent="0.25">
      <c r="A12803" t="s">
        <v>19430</v>
      </c>
      <c r="B12803" t="s">
        <v>19433</v>
      </c>
      <c r="C12803">
        <v>2</v>
      </c>
      <c r="D12803">
        <v>0</v>
      </c>
    </row>
    <row r="12804" spans="1:4" x14ac:dyDescent="0.25">
      <c r="A12804" t="s">
        <v>19430</v>
      </c>
      <c r="B12804" t="s">
        <v>19434</v>
      </c>
      <c r="C12804">
        <v>2</v>
      </c>
      <c r="D12804">
        <v>0</v>
      </c>
    </row>
    <row r="12805" spans="1:4" x14ac:dyDescent="0.25">
      <c r="A12805" t="s">
        <v>19435</v>
      </c>
      <c r="B12805" t="s">
        <v>19436</v>
      </c>
      <c r="C12805">
        <v>1</v>
      </c>
      <c r="D12805">
        <v>0</v>
      </c>
    </row>
    <row r="12806" spans="1:4" x14ac:dyDescent="0.25">
      <c r="A12806" t="s">
        <v>19437</v>
      </c>
      <c r="B12806" t="s">
        <v>19438</v>
      </c>
      <c r="C12806">
        <v>1</v>
      </c>
      <c r="D12806">
        <v>0</v>
      </c>
    </row>
    <row r="12807" spans="1:4" x14ac:dyDescent="0.25">
      <c r="A12807" t="s">
        <v>19439</v>
      </c>
      <c r="B12807" t="s">
        <v>19440</v>
      </c>
      <c r="C12807">
        <v>0</v>
      </c>
      <c r="D12807">
        <v>0</v>
      </c>
    </row>
    <row r="12808" spans="1:4" x14ac:dyDescent="0.25">
      <c r="A12808" t="s">
        <v>19439</v>
      </c>
      <c r="B12808" t="s">
        <v>19441</v>
      </c>
      <c r="C12808">
        <v>2</v>
      </c>
      <c r="D12808">
        <v>0</v>
      </c>
    </row>
    <row r="12809" spans="1:4" x14ac:dyDescent="0.25">
      <c r="A12809" t="s">
        <v>19442</v>
      </c>
      <c r="B12809" t="s">
        <v>19443</v>
      </c>
      <c r="C12809">
        <v>2</v>
      </c>
      <c r="D12809">
        <v>0</v>
      </c>
    </row>
    <row r="12810" spans="1:4" x14ac:dyDescent="0.25">
      <c r="A12810" t="s">
        <v>19444</v>
      </c>
      <c r="B12810" t="s">
        <v>19445</v>
      </c>
      <c r="C12810">
        <v>2</v>
      </c>
      <c r="D12810">
        <v>0</v>
      </c>
    </row>
    <row r="12811" spans="1:4" x14ac:dyDescent="0.25">
      <c r="A12811" t="s">
        <v>19446</v>
      </c>
      <c r="B12811" t="s">
        <v>19447</v>
      </c>
      <c r="C12811">
        <v>1</v>
      </c>
      <c r="D12811">
        <v>0</v>
      </c>
    </row>
    <row r="12812" spans="1:4" x14ac:dyDescent="0.25">
      <c r="A12812" t="s">
        <v>19448</v>
      </c>
      <c r="B12812" t="s">
        <v>9783</v>
      </c>
      <c r="C12812">
        <v>1</v>
      </c>
      <c r="D12812">
        <v>0</v>
      </c>
    </row>
    <row r="12813" spans="1:4" x14ac:dyDescent="0.25">
      <c r="A12813" t="s">
        <v>19448</v>
      </c>
      <c r="B12813" t="s">
        <v>19449</v>
      </c>
      <c r="C12813">
        <v>1</v>
      </c>
      <c r="D12813">
        <v>0</v>
      </c>
    </row>
    <row r="12814" spans="1:4" x14ac:dyDescent="0.25">
      <c r="A12814" t="s">
        <v>19448</v>
      </c>
      <c r="B12814" t="s">
        <v>19450</v>
      </c>
      <c r="C12814">
        <v>1</v>
      </c>
      <c r="D12814">
        <v>0</v>
      </c>
    </row>
    <row r="12815" spans="1:4" x14ac:dyDescent="0.25">
      <c r="A12815" t="s">
        <v>19451</v>
      </c>
      <c r="B12815" t="s">
        <v>19452</v>
      </c>
      <c r="C12815">
        <v>1</v>
      </c>
      <c r="D12815">
        <v>0</v>
      </c>
    </row>
    <row r="12816" spans="1:4" x14ac:dyDescent="0.25">
      <c r="A12816" t="s">
        <v>19451</v>
      </c>
      <c r="B12816" t="s">
        <v>19453</v>
      </c>
      <c r="C12816">
        <v>0</v>
      </c>
      <c r="D12816">
        <v>0</v>
      </c>
    </row>
    <row r="12817" spans="1:4" x14ac:dyDescent="0.25">
      <c r="A12817" t="s">
        <v>19454</v>
      </c>
      <c r="B12817" t="s">
        <v>19455</v>
      </c>
      <c r="C12817">
        <v>1</v>
      </c>
      <c r="D12817">
        <v>0</v>
      </c>
    </row>
    <row r="12818" spans="1:4" x14ac:dyDescent="0.25">
      <c r="A12818" t="s">
        <v>19456</v>
      </c>
      <c r="B12818" t="s">
        <v>19457</v>
      </c>
      <c r="C12818">
        <v>1</v>
      </c>
      <c r="D12818">
        <v>0</v>
      </c>
    </row>
    <row r="12819" spans="1:4" x14ac:dyDescent="0.25">
      <c r="A12819" t="s">
        <v>19458</v>
      </c>
      <c r="B12819" t="s">
        <v>19459</v>
      </c>
      <c r="C12819">
        <v>1</v>
      </c>
      <c r="D12819">
        <v>0</v>
      </c>
    </row>
    <row r="12820" spans="1:4" x14ac:dyDescent="0.25">
      <c r="A12820" t="s">
        <v>19460</v>
      </c>
      <c r="B12820" t="s">
        <v>19461</v>
      </c>
      <c r="C12820">
        <v>1</v>
      </c>
      <c r="D12820">
        <v>0</v>
      </c>
    </row>
    <row r="12821" spans="1:4" x14ac:dyDescent="0.25">
      <c r="A12821" t="s">
        <v>19460</v>
      </c>
      <c r="B12821" t="s">
        <v>19462</v>
      </c>
      <c r="C12821">
        <v>2</v>
      </c>
      <c r="D12821">
        <v>0</v>
      </c>
    </row>
    <row r="12822" spans="1:4" x14ac:dyDescent="0.25">
      <c r="A12822" t="s">
        <v>19463</v>
      </c>
      <c r="B12822" t="s">
        <v>19464</v>
      </c>
      <c r="C12822">
        <v>0</v>
      </c>
      <c r="D12822">
        <v>0</v>
      </c>
    </row>
    <row r="12823" spans="1:4" x14ac:dyDescent="0.25">
      <c r="A12823" t="s">
        <v>19465</v>
      </c>
      <c r="B12823" t="s">
        <v>19466</v>
      </c>
      <c r="C12823">
        <v>1</v>
      </c>
      <c r="D12823">
        <v>0</v>
      </c>
    </row>
    <row r="12824" spans="1:4" x14ac:dyDescent="0.25">
      <c r="A12824" t="s">
        <v>19467</v>
      </c>
      <c r="B12824" t="s">
        <v>19468</v>
      </c>
      <c r="C12824">
        <v>1</v>
      </c>
      <c r="D12824">
        <v>0</v>
      </c>
    </row>
    <row r="12825" spans="1:4" x14ac:dyDescent="0.25">
      <c r="A12825" t="s">
        <v>19469</v>
      </c>
      <c r="B12825" t="s">
        <v>19470</v>
      </c>
      <c r="C12825">
        <v>1</v>
      </c>
      <c r="D12825">
        <v>0</v>
      </c>
    </row>
    <row r="12826" spans="1:4" x14ac:dyDescent="0.25">
      <c r="A12826" t="s">
        <v>19471</v>
      </c>
      <c r="B12826" t="s">
        <v>19472</v>
      </c>
      <c r="C12826">
        <v>0</v>
      </c>
      <c r="D12826">
        <v>0</v>
      </c>
    </row>
    <row r="12827" spans="1:4" x14ac:dyDescent="0.25">
      <c r="A12827" t="s">
        <v>19473</v>
      </c>
      <c r="B12827" t="s">
        <v>19474</v>
      </c>
      <c r="C12827">
        <v>1</v>
      </c>
      <c r="D12827">
        <v>0</v>
      </c>
    </row>
    <row r="12828" spans="1:4" x14ac:dyDescent="0.25">
      <c r="A12828" t="s">
        <v>19475</v>
      </c>
      <c r="B12828" t="s">
        <v>19476</v>
      </c>
      <c r="C12828">
        <v>1</v>
      </c>
      <c r="D12828">
        <v>0</v>
      </c>
    </row>
    <row r="12829" spans="1:4" x14ac:dyDescent="0.25">
      <c r="A12829" t="s">
        <v>19477</v>
      </c>
      <c r="B12829" t="s">
        <v>19478</v>
      </c>
      <c r="C12829">
        <v>1</v>
      </c>
      <c r="D12829">
        <v>0</v>
      </c>
    </row>
    <row r="12830" spans="1:4" x14ac:dyDescent="0.25">
      <c r="A12830" t="s">
        <v>19477</v>
      </c>
      <c r="B12830" t="s">
        <v>19479</v>
      </c>
      <c r="C12830">
        <v>0</v>
      </c>
      <c r="D12830">
        <v>0</v>
      </c>
    </row>
    <row r="12831" spans="1:4" x14ac:dyDescent="0.25">
      <c r="A12831" t="s">
        <v>19477</v>
      </c>
      <c r="B12831" t="s">
        <v>19480</v>
      </c>
      <c r="C12831">
        <v>2</v>
      </c>
      <c r="D12831">
        <v>0</v>
      </c>
    </row>
    <row r="12832" spans="1:4" x14ac:dyDescent="0.25">
      <c r="A12832" t="s">
        <v>19477</v>
      </c>
      <c r="B12832" t="s">
        <v>19481</v>
      </c>
      <c r="C12832">
        <v>2</v>
      </c>
      <c r="D12832">
        <v>0</v>
      </c>
    </row>
    <row r="12833" spans="1:4" x14ac:dyDescent="0.25">
      <c r="A12833" t="s">
        <v>19482</v>
      </c>
      <c r="B12833" t="s">
        <v>19483</v>
      </c>
      <c r="C12833">
        <v>0</v>
      </c>
      <c r="D12833">
        <v>0</v>
      </c>
    </row>
    <row r="12834" spans="1:4" x14ac:dyDescent="0.25">
      <c r="A12834" t="s">
        <v>19484</v>
      </c>
      <c r="B12834" t="s">
        <v>19485</v>
      </c>
      <c r="C12834">
        <v>2</v>
      </c>
      <c r="D12834">
        <v>0</v>
      </c>
    </row>
    <row r="12835" spans="1:4" x14ac:dyDescent="0.25">
      <c r="A12835" t="s">
        <v>19486</v>
      </c>
      <c r="B12835" t="s">
        <v>19487</v>
      </c>
      <c r="C12835">
        <v>1</v>
      </c>
      <c r="D12835">
        <v>0</v>
      </c>
    </row>
    <row r="12836" spans="1:4" x14ac:dyDescent="0.25">
      <c r="A12836" t="s">
        <v>19486</v>
      </c>
      <c r="B12836" t="s">
        <v>19488</v>
      </c>
      <c r="C12836">
        <v>1</v>
      </c>
      <c r="D12836">
        <v>0</v>
      </c>
    </row>
    <row r="12837" spans="1:4" x14ac:dyDescent="0.25">
      <c r="A12837" t="s">
        <v>19486</v>
      </c>
      <c r="B12837" t="s">
        <v>19489</v>
      </c>
      <c r="C12837">
        <v>0</v>
      </c>
      <c r="D12837">
        <v>0</v>
      </c>
    </row>
    <row r="12838" spans="1:4" x14ac:dyDescent="0.25">
      <c r="A12838" t="s">
        <v>19490</v>
      </c>
      <c r="B12838" t="s">
        <v>19491</v>
      </c>
      <c r="C12838">
        <v>1</v>
      </c>
      <c r="D12838">
        <v>0</v>
      </c>
    </row>
    <row r="12839" spans="1:4" x14ac:dyDescent="0.25">
      <c r="A12839" t="s">
        <v>19492</v>
      </c>
      <c r="B12839" t="s">
        <v>19493</v>
      </c>
      <c r="C12839">
        <v>1</v>
      </c>
      <c r="D12839">
        <v>0</v>
      </c>
    </row>
    <row r="12840" spans="1:4" x14ac:dyDescent="0.25">
      <c r="A12840" t="s">
        <v>19494</v>
      </c>
      <c r="B12840" t="s">
        <v>19495</v>
      </c>
      <c r="C12840">
        <v>1</v>
      </c>
      <c r="D12840">
        <v>0</v>
      </c>
    </row>
    <row r="12841" spans="1:4" x14ac:dyDescent="0.25">
      <c r="A12841" t="s">
        <v>19496</v>
      </c>
      <c r="B12841" t="s">
        <v>19497</v>
      </c>
      <c r="C12841">
        <v>1</v>
      </c>
      <c r="D12841">
        <v>0</v>
      </c>
    </row>
    <row r="12842" spans="1:4" x14ac:dyDescent="0.25">
      <c r="A12842" t="s">
        <v>19498</v>
      </c>
      <c r="B12842" t="s">
        <v>19499</v>
      </c>
      <c r="C12842">
        <v>2</v>
      </c>
      <c r="D12842">
        <v>0</v>
      </c>
    </row>
    <row r="12843" spans="1:4" x14ac:dyDescent="0.25">
      <c r="A12843" t="s">
        <v>19500</v>
      </c>
      <c r="B12843" t="s">
        <v>19501</v>
      </c>
      <c r="C12843">
        <v>1</v>
      </c>
      <c r="D12843">
        <v>0</v>
      </c>
    </row>
    <row r="12844" spans="1:4" x14ac:dyDescent="0.25">
      <c r="A12844" t="s">
        <v>19502</v>
      </c>
      <c r="B12844" t="s">
        <v>19503</v>
      </c>
      <c r="C12844">
        <v>1</v>
      </c>
      <c r="D12844">
        <v>0</v>
      </c>
    </row>
    <row r="12845" spans="1:4" x14ac:dyDescent="0.25">
      <c r="A12845" t="s">
        <v>19502</v>
      </c>
      <c r="B12845" t="s">
        <v>19504</v>
      </c>
      <c r="C12845">
        <v>0</v>
      </c>
      <c r="D12845">
        <v>0</v>
      </c>
    </row>
    <row r="12846" spans="1:4" x14ac:dyDescent="0.25">
      <c r="A12846" t="s">
        <v>19502</v>
      </c>
      <c r="B12846" t="s">
        <v>19505</v>
      </c>
      <c r="C12846">
        <v>0</v>
      </c>
      <c r="D12846">
        <v>0</v>
      </c>
    </row>
    <row r="12847" spans="1:4" x14ac:dyDescent="0.25">
      <c r="A12847" t="s">
        <v>19506</v>
      </c>
      <c r="B12847" t="s">
        <v>19507</v>
      </c>
      <c r="C12847">
        <v>2</v>
      </c>
      <c r="D12847">
        <v>0</v>
      </c>
    </row>
    <row r="12848" spans="1:4" x14ac:dyDescent="0.25">
      <c r="A12848" t="s">
        <v>19506</v>
      </c>
      <c r="B12848" t="s">
        <v>19508</v>
      </c>
      <c r="C12848">
        <v>2</v>
      </c>
      <c r="D12848">
        <v>0</v>
      </c>
    </row>
    <row r="12849" spans="1:4" x14ac:dyDescent="0.25">
      <c r="A12849" t="s">
        <v>19509</v>
      </c>
      <c r="B12849" t="s">
        <v>19510</v>
      </c>
      <c r="C12849">
        <v>1</v>
      </c>
      <c r="D12849">
        <v>0</v>
      </c>
    </row>
    <row r="12850" spans="1:4" x14ac:dyDescent="0.25">
      <c r="A12850" t="s">
        <v>19511</v>
      </c>
      <c r="B12850" t="s">
        <v>19512</v>
      </c>
      <c r="C12850">
        <v>1</v>
      </c>
      <c r="D12850">
        <v>0</v>
      </c>
    </row>
    <row r="12851" spans="1:4" x14ac:dyDescent="0.25">
      <c r="A12851" t="s">
        <v>19511</v>
      </c>
      <c r="B12851" t="s">
        <v>19513</v>
      </c>
      <c r="C12851">
        <v>0</v>
      </c>
      <c r="D12851">
        <v>0</v>
      </c>
    </row>
    <row r="12852" spans="1:4" x14ac:dyDescent="0.25">
      <c r="A12852" t="s">
        <v>19514</v>
      </c>
      <c r="B12852" t="s">
        <v>19515</v>
      </c>
      <c r="C12852">
        <v>1</v>
      </c>
      <c r="D12852">
        <v>0</v>
      </c>
    </row>
    <row r="12853" spans="1:4" x14ac:dyDescent="0.25">
      <c r="A12853" t="s">
        <v>19516</v>
      </c>
      <c r="B12853" t="s">
        <v>19517</v>
      </c>
      <c r="C12853">
        <v>0</v>
      </c>
      <c r="D12853">
        <v>0</v>
      </c>
    </row>
    <row r="12854" spans="1:4" x14ac:dyDescent="0.25">
      <c r="A12854" t="s">
        <v>19518</v>
      </c>
      <c r="B12854" t="s">
        <v>19519</v>
      </c>
      <c r="C12854">
        <v>1</v>
      </c>
      <c r="D12854">
        <v>0</v>
      </c>
    </row>
    <row r="12855" spans="1:4" x14ac:dyDescent="0.25">
      <c r="A12855" t="s">
        <v>19518</v>
      </c>
      <c r="B12855" t="s">
        <v>19520</v>
      </c>
      <c r="C12855">
        <v>0</v>
      </c>
      <c r="D12855">
        <v>0</v>
      </c>
    </row>
    <row r="12856" spans="1:4" x14ac:dyDescent="0.25">
      <c r="A12856" t="s">
        <v>19521</v>
      </c>
      <c r="B12856" t="s">
        <v>19522</v>
      </c>
      <c r="C12856">
        <v>1</v>
      </c>
      <c r="D12856">
        <v>0</v>
      </c>
    </row>
    <row r="12857" spans="1:4" x14ac:dyDescent="0.25">
      <c r="A12857" t="s">
        <v>19523</v>
      </c>
      <c r="B12857" t="s">
        <v>19524</v>
      </c>
      <c r="C12857">
        <v>2</v>
      </c>
      <c r="D12857">
        <v>0</v>
      </c>
    </row>
    <row r="12858" spans="1:4" x14ac:dyDescent="0.25">
      <c r="A12858" t="s">
        <v>19525</v>
      </c>
      <c r="B12858" t="s">
        <v>19526</v>
      </c>
      <c r="C12858">
        <v>1</v>
      </c>
      <c r="D12858">
        <v>0</v>
      </c>
    </row>
    <row r="12859" spans="1:4" x14ac:dyDescent="0.25">
      <c r="A12859" t="s">
        <v>19527</v>
      </c>
      <c r="B12859" t="s">
        <v>19528</v>
      </c>
      <c r="C12859">
        <v>1</v>
      </c>
      <c r="D12859">
        <v>0</v>
      </c>
    </row>
    <row r="12860" spans="1:4" x14ac:dyDescent="0.25">
      <c r="A12860" t="s">
        <v>19527</v>
      </c>
      <c r="B12860" t="s">
        <v>19529</v>
      </c>
      <c r="C12860">
        <v>0</v>
      </c>
      <c r="D12860">
        <v>0</v>
      </c>
    </row>
    <row r="12861" spans="1:4" x14ac:dyDescent="0.25">
      <c r="A12861" t="s">
        <v>19530</v>
      </c>
      <c r="B12861" t="s">
        <v>19531</v>
      </c>
      <c r="C12861">
        <v>0</v>
      </c>
      <c r="D12861">
        <v>0</v>
      </c>
    </row>
    <row r="12862" spans="1:4" x14ac:dyDescent="0.25">
      <c r="A12862" t="s">
        <v>19530</v>
      </c>
      <c r="B12862" t="s">
        <v>19532</v>
      </c>
      <c r="C12862">
        <v>0</v>
      </c>
      <c r="D12862">
        <v>0</v>
      </c>
    </row>
    <row r="12863" spans="1:4" x14ac:dyDescent="0.25">
      <c r="A12863" t="s">
        <v>19533</v>
      </c>
      <c r="B12863" t="s">
        <v>19534</v>
      </c>
      <c r="C12863">
        <v>1</v>
      </c>
      <c r="D12863">
        <v>0</v>
      </c>
    </row>
    <row r="12864" spans="1:4" x14ac:dyDescent="0.25">
      <c r="A12864" t="s">
        <v>19535</v>
      </c>
      <c r="B12864" t="s">
        <v>19536</v>
      </c>
      <c r="C12864">
        <v>1</v>
      </c>
      <c r="D12864">
        <v>0</v>
      </c>
    </row>
    <row r="12865" spans="1:4" x14ac:dyDescent="0.25">
      <c r="A12865" t="s">
        <v>19535</v>
      </c>
      <c r="B12865" t="s">
        <v>19537</v>
      </c>
      <c r="C12865">
        <v>1</v>
      </c>
      <c r="D12865">
        <v>0</v>
      </c>
    </row>
    <row r="12866" spans="1:4" x14ac:dyDescent="0.25">
      <c r="A12866" t="s">
        <v>19535</v>
      </c>
      <c r="B12866" t="s">
        <v>19538</v>
      </c>
      <c r="C12866">
        <v>0</v>
      </c>
      <c r="D12866">
        <v>0</v>
      </c>
    </row>
    <row r="12867" spans="1:4" x14ac:dyDescent="0.25">
      <c r="A12867" t="s">
        <v>19535</v>
      </c>
      <c r="B12867" t="s">
        <v>19539</v>
      </c>
      <c r="C12867">
        <v>2</v>
      </c>
      <c r="D12867">
        <v>0</v>
      </c>
    </row>
    <row r="12868" spans="1:4" x14ac:dyDescent="0.25">
      <c r="A12868" t="s">
        <v>19540</v>
      </c>
      <c r="B12868" t="s">
        <v>19541</v>
      </c>
      <c r="C12868">
        <v>0</v>
      </c>
      <c r="D12868">
        <v>0</v>
      </c>
    </row>
    <row r="12869" spans="1:4" x14ac:dyDescent="0.25">
      <c r="A12869" t="s">
        <v>19542</v>
      </c>
      <c r="B12869" t="s">
        <v>19543</v>
      </c>
      <c r="C12869">
        <v>2</v>
      </c>
      <c r="D12869">
        <v>0</v>
      </c>
    </row>
    <row r="12870" spans="1:4" x14ac:dyDescent="0.25">
      <c r="A12870" t="s">
        <v>19544</v>
      </c>
      <c r="B12870" t="s">
        <v>19545</v>
      </c>
      <c r="C12870">
        <v>1</v>
      </c>
      <c r="D12870">
        <v>0</v>
      </c>
    </row>
    <row r="12871" spans="1:4" x14ac:dyDescent="0.25">
      <c r="A12871" t="s">
        <v>19546</v>
      </c>
      <c r="B12871" t="s">
        <v>19547</v>
      </c>
      <c r="C12871">
        <v>2</v>
      </c>
      <c r="D12871">
        <v>0</v>
      </c>
    </row>
    <row r="12872" spans="1:4" x14ac:dyDescent="0.25">
      <c r="A12872" t="s">
        <v>19548</v>
      </c>
      <c r="B12872" t="s">
        <v>19549</v>
      </c>
      <c r="C12872">
        <v>1</v>
      </c>
      <c r="D12872">
        <v>0</v>
      </c>
    </row>
    <row r="12873" spans="1:4" x14ac:dyDescent="0.25">
      <c r="A12873" t="s">
        <v>19550</v>
      </c>
      <c r="B12873" t="s">
        <v>19551</v>
      </c>
      <c r="C12873">
        <v>1</v>
      </c>
      <c r="D12873">
        <v>0</v>
      </c>
    </row>
    <row r="12874" spans="1:4" x14ac:dyDescent="0.25">
      <c r="A12874" t="s">
        <v>19552</v>
      </c>
      <c r="B12874" t="s">
        <v>19553</v>
      </c>
      <c r="C12874">
        <v>1</v>
      </c>
      <c r="D12874">
        <v>0</v>
      </c>
    </row>
    <row r="12875" spans="1:4" x14ac:dyDescent="0.25">
      <c r="A12875" t="s">
        <v>19554</v>
      </c>
      <c r="B12875" t="s">
        <v>19555</v>
      </c>
      <c r="C12875">
        <v>1</v>
      </c>
      <c r="D12875">
        <v>0</v>
      </c>
    </row>
    <row r="12876" spans="1:4" x14ac:dyDescent="0.25">
      <c r="A12876" t="s">
        <v>19556</v>
      </c>
      <c r="B12876" t="s">
        <v>19557</v>
      </c>
      <c r="C12876">
        <v>1</v>
      </c>
      <c r="D12876">
        <v>0</v>
      </c>
    </row>
    <row r="12877" spans="1:4" x14ac:dyDescent="0.25">
      <c r="A12877" t="s">
        <v>19556</v>
      </c>
      <c r="B12877" t="s">
        <v>19558</v>
      </c>
      <c r="C12877">
        <v>1</v>
      </c>
      <c r="D12877">
        <v>0</v>
      </c>
    </row>
    <row r="12878" spans="1:4" x14ac:dyDescent="0.25">
      <c r="A12878" t="s">
        <v>19556</v>
      </c>
      <c r="B12878" t="s">
        <v>19559</v>
      </c>
      <c r="C12878">
        <v>1</v>
      </c>
      <c r="D12878">
        <v>0</v>
      </c>
    </row>
    <row r="12879" spans="1:4" x14ac:dyDescent="0.25">
      <c r="A12879" t="s">
        <v>19560</v>
      </c>
      <c r="B12879" t="s">
        <v>19561</v>
      </c>
      <c r="C12879">
        <v>1</v>
      </c>
      <c r="D12879">
        <v>0</v>
      </c>
    </row>
    <row r="12880" spans="1:4" x14ac:dyDescent="0.25">
      <c r="A12880" t="s">
        <v>19562</v>
      </c>
      <c r="B12880" t="s">
        <v>19563</v>
      </c>
      <c r="C12880">
        <v>1</v>
      </c>
      <c r="D12880">
        <v>0</v>
      </c>
    </row>
    <row r="12881" spans="1:4" x14ac:dyDescent="0.25">
      <c r="A12881" t="s">
        <v>19564</v>
      </c>
      <c r="B12881" t="s">
        <v>19565</v>
      </c>
      <c r="C12881">
        <v>1</v>
      </c>
      <c r="D12881">
        <v>0</v>
      </c>
    </row>
    <row r="12882" spans="1:4" x14ac:dyDescent="0.25">
      <c r="A12882" t="s">
        <v>19566</v>
      </c>
      <c r="B12882" t="s">
        <v>19567</v>
      </c>
      <c r="C12882">
        <v>1</v>
      </c>
      <c r="D12882">
        <v>0</v>
      </c>
    </row>
    <row r="12883" spans="1:4" x14ac:dyDescent="0.25">
      <c r="A12883" t="s">
        <v>19566</v>
      </c>
      <c r="B12883" t="s">
        <v>19568</v>
      </c>
      <c r="C12883">
        <v>0</v>
      </c>
      <c r="D12883">
        <v>0</v>
      </c>
    </row>
    <row r="12884" spans="1:4" x14ac:dyDescent="0.25">
      <c r="A12884" t="s">
        <v>19566</v>
      </c>
      <c r="B12884" t="s">
        <v>19569</v>
      </c>
      <c r="C12884">
        <v>2</v>
      </c>
      <c r="D12884">
        <v>0</v>
      </c>
    </row>
    <row r="12885" spans="1:4" x14ac:dyDescent="0.25">
      <c r="A12885" t="s">
        <v>19570</v>
      </c>
      <c r="B12885" t="s">
        <v>19571</v>
      </c>
      <c r="C12885">
        <v>1</v>
      </c>
      <c r="D12885">
        <v>0</v>
      </c>
    </row>
    <row r="12886" spans="1:4" x14ac:dyDescent="0.25">
      <c r="A12886" t="s">
        <v>19572</v>
      </c>
      <c r="B12886" t="s">
        <v>19573</v>
      </c>
      <c r="C12886">
        <v>1</v>
      </c>
      <c r="D12886">
        <v>0</v>
      </c>
    </row>
    <row r="12887" spans="1:4" x14ac:dyDescent="0.25">
      <c r="A12887" t="s">
        <v>19572</v>
      </c>
      <c r="B12887" t="s">
        <v>19574</v>
      </c>
      <c r="C12887">
        <v>2</v>
      </c>
      <c r="D12887">
        <v>0</v>
      </c>
    </row>
    <row r="12888" spans="1:4" x14ac:dyDescent="0.25">
      <c r="A12888" t="s">
        <v>19575</v>
      </c>
      <c r="B12888" t="s">
        <v>5713</v>
      </c>
      <c r="C12888">
        <v>1</v>
      </c>
      <c r="D12888">
        <v>0</v>
      </c>
    </row>
    <row r="12889" spans="1:4" x14ac:dyDescent="0.25">
      <c r="A12889" t="s">
        <v>19576</v>
      </c>
      <c r="B12889" t="s">
        <v>19577</v>
      </c>
      <c r="C12889">
        <v>1</v>
      </c>
      <c r="D12889">
        <v>0</v>
      </c>
    </row>
    <row r="12890" spans="1:4" x14ac:dyDescent="0.25">
      <c r="A12890" t="s">
        <v>19578</v>
      </c>
      <c r="B12890" t="s">
        <v>19579</v>
      </c>
      <c r="C12890">
        <v>0</v>
      </c>
      <c r="D12890">
        <v>0</v>
      </c>
    </row>
    <row r="12891" spans="1:4" x14ac:dyDescent="0.25">
      <c r="A12891" t="s">
        <v>19580</v>
      </c>
      <c r="B12891" t="s">
        <v>19581</v>
      </c>
      <c r="C12891">
        <v>2</v>
      </c>
      <c r="D12891">
        <v>0</v>
      </c>
    </row>
    <row r="12892" spans="1:4" x14ac:dyDescent="0.25">
      <c r="A12892" t="s">
        <v>19582</v>
      </c>
      <c r="B12892" t="s">
        <v>19583</v>
      </c>
      <c r="C12892">
        <v>1</v>
      </c>
      <c r="D12892">
        <v>0</v>
      </c>
    </row>
    <row r="12893" spans="1:4" x14ac:dyDescent="0.25">
      <c r="A12893" t="s">
        <v>19584</v>
      </c>
      <c r="B12893" t="s">
        <v>19585</v>
      </c>
      <c r="C12893">
        <v>1</v>
      </c>
      <c r="D12893">
        <v>0</v>
      </c>
    </row>
    <row r="12894" spans="1:4" x14ac:dyDescent="0.25">
      <c r="A12894" t="s">
        <v>19586</v>
      </c>
      <c r="B12894" t="s">
        <v>19587</v>
      </c>
      <c r="C12894">
        <v>1</v>
      </c>
      <c r="D12894">
        <v>0</v>
      </c>
    </row>
    <row r="12895" spans="1:4" x14ac:dyDescent="0.25">
      <c r="A12895" t="s">
        <v>19588</v>
      </c>
      <c r="B12895" t="s">
        <v>19589</v>
      </c>
      <c r="C12895">
        <v>0</v>
      </c>
      <c r="D12895">
        <v>0</v>
      </c>
    </row>
    <row r="12896" spans="1:4" x14ac:dyDescent="0.25">
      <c r="A12896" t="s">
        <v>19590</v>
      </c>
      <c r="B12896" t="s">
        <v>19591</v>
      </c>
      <c r="C12896">
        <v>1</v>
      </c>
      <c r="D12896">
        <v>0</v>
      </c>
    </row>
    <row r="12897" spans="1:4" x14ac:dyDescent="0.25">
      <c r="A12897" t="s">
        <v>19592</v>
      </c>
      <c r="B12897" t="s">
        <v>19593</v>
      </c>
      <c r="C12897">
        <v>1</v>
      </c>
      <c r="D12897">
        <v>0</v>
      </c>
    </row>
    <row r="12898" spans="1:4" x14ac:dyDescent="0.25">
      <c r="A12898" t="s">
        <v>19594</v>
      </c>
      <c r="B12898" t="s">
        <v>19595</v>
      </c>
      <c r="C12898">
        <v>1</v>
      </c>
      <c r="D12898">
        <v>0</v>
      </c>
    </row>
    <row r="12899" spans="1:4" x14ac:dyDescent="0.25">
      <c r="A12899" t="s">
        <v>19594</v>
      </c>
      <c r="B12899" t="s">
        <v>19596</v>
      </c>
      <c r="C12899">
        <v>0</v>
      </c>
      <c r="D12899">
        <v>0</v>
      </c>
    </row>
    <row r="12900" spans="1:4" x14ac:dyDescent="0.25">
      <c r="A12900" t="s">
        <v>19597</v>
      </c>
      <c r="B12900" t="s">
        <v>19598</v>
      </c>
      <c r="C12900">
        <v>1</v>
      </c>
      <c r="D12900">
        <v>0</v>
      </c>
    </row>
    <row r="12901" spans="1:4" x14ac:dyDescent="0.25">
      <c r="A12901" t="s">
        <v>19599</v>
      </c>
      <c r="B12901" t="s">
        <v>19600</v>
      </c>
      <c r="C12901">
        <v>1</v>
      </c>
      <c r="D12901">
        <v>0</v>
      </c>
    </row>
    <row r="12902" spans="1:4" x14ac:dyDescent="0.25">
      <c r="A12902" t="s">
        <v>19599</v>
      </c>
      <c r="B12902" t="s">
        <v>19601</v>
      </c>
      <c r="C12902">
        <v>0</v>
      </c>
      <c r="D12902">
        <v>0</v>
      </c>
    </row>
    <row r="12903" spans="1:4" x14ac:dyDescent="0.25">
      <c r="A12903" t="s">
        <v>19599</v>
      </c>
      <c r="B12903" t="s">
        <v>19602</v>
      </c>
      <c r="C12903">
        <v>2</v>
      </c>
      <c r="D12903">
        <v>0</v>
      </c>
    </row>
    <row r="12904" spans="1:4" x14ac:dyDescent="0.25">
      <c r="A12904" t="s">
        <v>19603</v>
      </c>
      <c r="B12904" t="s">
        <v>19604</v>
      </c>
      <c r="C12904">
        <v>2</v>
      </c>
      <c r="D12904">
        <v>0</v>
      </c>
    </row>
    <row r="12905" spans="1:4" x14ac:dyDescent="0.25">
      <c r="A12905" t="s">
        <v>19605</v>
      </c>
      <c r="B12905" t="s">
        <v>19606</v>
      </c>
      <c r="C12905">
        <v>1</v>
      </c>
      <c r="D12905">
        <v>0</v>
      </c>
    </row>
    <row r="12906" spans="1:4" x14ac:dyDescent="0.25">
      <c r="A12906" t="s">
        <v>19607</v>
      </c>
      <c r="B12906" t="s">
        <v>19608</v>
      </c>
      <c r="C12906">
        <v>1</v>
      </c>
      <c r="D12906">
        <v>0</v>
      </c>
    </row>
    <row r="12907" spans="1:4" x14ac:dyDescent="0.25">
      <c r="A12907" t="s">
        <v>19607</v>
      </c>
      <c r="B12907" t="s">
        <v>19609</v>
      </c>
      <c r="C12907">
        <v>2</v>
      </c>
      <c r="D12907">
        <v>0</v>
      </c>
    </row>
    <row r="12908" spans="1:4" x14ac:dyDescent="0.25">
      <c r="A12908" t="s">
        <v>19610</v>
      </c>
      <c r="B12908" t="s">
        <v>19611</v>
      </c>
      <c r="C12908">
        <v>0</v>
      </c>
      <c r="D12908">
        <v>0</v>
      </c>
    </row>
    <row r="12909" spans="1:4" x14ac:dyDescent="0.25">
      <c r="A12909" t="s">
        <v>19612</v>
      </c>
      <c r="B12909" t="s">
        <v>19613</v>
      </c>
      <c r="C12909">
        <v>1</v>
      </c>
      <c r="D12909">
        <v>0</v>
      </c>
    </row>
    <row r="12910" spans="1:4" x14ac:dyDescent="0.25">
      <c r="A12910" t="s">
        <v>19614</v>
      </c>
      <c r="B12910" t="s">
        <v>19615</v>
      </c>
      <c r="C12910">
        <v>2</v>
      </c>
      <c r="D12910">
        <v>0</v>
      </c>
    </row>
    <row r="12911" spans="1:4" x14ac:dyDescent="0.25">
      <c r="A12911" t="s">
        <v>19616</v>
      </c>
      <c r="B12911" t="s">
        <v>19617</v>
      </c>
      <c r="C12911">
        <v>2</v>
      </c>
      <c r="D12911">
        <v>0</v>
      </c>
    </row>
    <row r="12912" spans="1:4" x14ac:dyDescent="0.25">
      <c r="A12912" t="s">
        <v>19618</v>
      </c>
      <c r="B12912" t="s">
        <v>19619</v>
      </c>
      <c r="C12912">
        <v>1</v>
      </c>
      <c r="D12912">
        <v>0</v>
      </c>
    </row>
    <row r="12913" spans="1:4" x14ac:dyDescent="0.25">
      <c r="A12913" t="s">
        <v>19620</v>
      </c>
      <c r="B12913" t="s">
        <v>19621</v>
      </c>
      <c r="C12913">
        <v>1</v>
      </c>
      <c r="D12913">
        <v>0</v>
      </c>
    </row>
    <row r="12914" spans="1:4" x14ac:dyDescent="0.25">
      <c r="A12914" t="s">
        <v>19622</v>
      </c>
      <c r="B12914" t="s">
        <v>19623</v>
      </c>
      <c r="C12914">
        <v>1</v>
      </c>
      <c r="D12914">
        <v>0</v>
      </c>
    </row>
    <row r="12915" spans="1:4" x14ac:dyDescent="0.25">
      <c r="A12915" t="s">
        <v>19624</v>
      </c>
      <c r="B12915" t="s">
        <v>19625</v>
      </c>
      <c r="C12915">
        <v>1</v>
      </c>
      <c r="D12915">
        <v>0</v>
      </c>
    </row>
    <row r="12916" spans="1:4" x14ac:dyDescent="0.25">
      <c r="A12916" t="s">
        <v>19626</v>
      </c>
      <c r="B12916" t="s">
        <v>19627</v>
      </c>
      <c r="C12916">
        <v>1</v>
      </c>
      <c r="D12916">
        <v>0</v>
      </c>
    </row>
    <row r="12917" spans="1:4" x14ac:dyDescent="0.25">
      <c r="A12917" t="s">
        <v>19628</v>
      </c>
      <c r="B12917" t="s">
        <v>19629</v>
      </c>
      <c r="C12917">
        <v>1</v>
      </c>
      <c r="D12917">
        <v>0</v>
      </c>
    </row>
    <row r="12918" spans="1:4" x14ac:dyDescent="0.25">
      <c r="A12918" t="s">
        <v>19628</v>
      </c>
      <c r="B12918" t="s">
        <v>19630</v>
      </c>
      <c r="C12918">
        <v>0</v>
      </c>
      <c r="D12918">
        <v>0</v>
      </c>
    </row>
    <row r="12919" spans="1:4" x14ac:dyDescent="0.25">
      <c r="A12919" t="s">
        <v>19631</v>
      </c>
      <c r="B12919" t="s">
        <v>19632</v>
      </c>
      <c r="C12919">
        <v>1</v>
      </c>
      <c r="D12919">
        <v>0</v>
      </c>
    </row>
    <row r="12920" spans="1:4" x14ac:dyDescent="0.25">
      <c r="A12920" t="s">
        <v>19633</v>
      </c>
      <c r="B12920" t="s">
        <v>19634</v>
      </c>
      <c r="C12920">
        <v>2</v>
      </c>
      <c r="D12920">
        <v>0</v>
      </c>
    </row>
    <row r="12921" spans="1:4" x14ac:dyDescent="0.25">
      <c r="A12921" t="s">
        <v>19635</v>
      </c>
      <c r="B12921" t="s">
        <v>19636</v>
      </c>
      <c r="C12921">
        <v>1</v>
      </c>
      <c r="D12921">
        <v>0</v>
      </c>
    </row>
    <row r="12922" spans="1:4" x14ac:dyDescent="0.25">
      <c r="A12922" t="s">
        <v>19637</v>
      </c>
      <c r="B12922" t="s">
        <v>19638</v>
      </c>
      <c r="C12922">
        <v>1</v>
      </c>
      <c r="D12922">
        <v>0</v>
      </c>
    </row>
    <row r="12923" spans="1:4" x14ac:dyDescent="0.25">
      <c r="A12923" t="s">
        <v>19639</v>
      </c>
      <c r="B12923" t="s">
        <v>19640</v>
      </c>
      <c r="C12923">
        <v>0</v>
      </c>
      <c r="D12923">
        <v>0</v>
      </c>
    </row>
    <row r="12924" spans="1:4" x14ac:dyDescent="0.25">
      <c r="A12924" t="s">
        <v>19641</v>
      </c>
      <c r="B12924" t="s">
        <v>19642</v>
      </c>
      <c r="C12924">
        <v>1</v>
      </c>
      <c r="D12924">
        <v>0</v>
      </c>
    </row>
    <row r="12925" spans="1:4" x14ac:dyDescent="0.25">
      <c r="A12925" t="s">
        <v>19643</v>
      </c>
      <c r="B12925" t="s">
        <v>19644</v>
      </c>
      <c r="C12925">
        <v>1</v>
      </c>
      <c r="D12925">
        <v>0</v>
      </c>
    </row>
    <row r="12926" spans="1:4" x14ac:dyDescent="0.25">
      <c r="A12926" t="s">
        <v>19645</v>
      </c>
      <c r="B12926" t="s">
        <v>19646</v>
      </c>
      <c r="C12926">
        <v>1</v>
      </c>
      <c r="D12926">
        <v>0</v>
      </c>
    </row>
    <row r="12927" spans="1:4" x14ac:dyDescent="0.25">
      <c r="A12927" t="s">
        <v>19645</v>
      </c>
      <c r="B12927" t="s">
        <v>19647</v>
      </c>
      <c r="C12927">
        <v>0</v>
      </c>
      <c r="D12927">
        <v>0</v>
      </c>
    </row>
    <row r="12928" spans="1:4" x14ac:dyDescent="0.25">
      <c r="A12928" t="s">
        <v>19648</v>
      </c>
      <c r="B12928" t="s">
        <v>19649</v>
      </c>
      <c r="C12928">
        <v>1</v>
      </c>
      <c r="D12928">
        <v>0</v>
      </c>
    </row>
    <row r="12929" spans="1:4" x14ac:dyDescent="0.25">
      <c r="A12929" t="s">
        <v>19650</v>
      </c>
      <c r="B12929" t="s">
        <v>19651</v>
      </c>
      <c r="C12929">
        <v>1</v>
      </c>
      <c r="D12929">
        <v>0</v>
      </c>
    </row>
    <row r="12930" spans="1:4" x14ac:dyDescent="0.25">
      <c r="A12930" t="s">
        <v>19652</v>
      </c>
      <c r="B12930" t="s">
        <v>19653</v>
      </c>
      <c r="C12930">
        <v>1</v>
      </c>
      <c r="D12930">
        <v>0</v>
      </c>
    </row>
    <row r="12931" spans="1:4" x14ac:dyDescent="0.25">
      <c r="A12931" t="s">
        <v>19654</v>
      </c>
      <c r="B12931" t="s">
        <v>19655</v>
      </c>
      <c r="C12931">
        <v>1</v>
      </c>
      <c r="D12931">
        <v>0</v>
      </c>
    </row>
    <row r="12932" spans="1:4" x14ac:dyDescent="0.25">
      <c r="A12932" t="s">
        <v>19654</v>
      </c>
      <c r="B12932" t="s">
        <v>19656</v>
      </c>
      <c r="C12932">
        <v>0</v>
      </c>
      <c r="D12932">
        <v>0</v>
      </c>
    </row>
    <row r="12933" spans="1:4" x14ac:dyDescent="0.25">
      <c r="A12933" t="s">
        <v>19657</v>
      </c>
      <c r="B12933" t="s">
        <v>19658</v>
      </c>
      <c r="C12933">
        <v>0</v>
      </c>
      <c r="D12933">
        <v>0</v>
      </c>
    </row>
    <row r="12934" spans="1:4" x14ac:dyDescent="0.25">
      <c r="A12934" t="s">
        <v>19657</v>
      </c>
      <c r="B12934" t="s">
        <v>19659</v>
      </c>
      <c r="C12934">
        <v>2</v>
      </c>
      <c r="D12934">
        <v>0</v>
      </c>
    </row>
    <row r="12935" spans="1:4" x14ac:dyDescent="0.25">
      <c r="A12935" t="s">
        <v>19660</v>
      </c>
      <c r="B12935" t="s">
        <v>19661</v>
      </c>
      <c r="C12935">
        <v>1</v>
      </c>
      <c r="D12935">
        <v>0</v>
      </c>
    </row>
    <row r="12936" spans="1:4" x14ac:dyDescent="0.25">
      <c r="A12936" t="s">
        <v>19662</v>
      </c>
      <c r="B12936" t="s">
        <v>19663</v>
      </c>
      <c r="C12936">
        <v>1</v>
      </c>
      <c r="D12936">
        <v>0</v>
      </c>
    </row>
    <row r="12937" spans="1:4" x14ac:dyDescent="0.25">
      <c r="A12937" t="s">
        <v>19664</v>
      </c>
      <c r="B12937" t="s">
        <v>19665</v>
      </c>
      <c r="C12937">
        <v>1</v>
      </c>
      <c r="D12937">
        <v>0</v>
      </c>
    </row>
    <row r="12938" spans="1:4" x14ac:dyDescent="0.25">
      <c r="A12938" t="s">
        <v>19666</v>
      </c>
      <c r="B12938" t="s">
        <v>19667</v>
      </c>
      <c r="C12938">
        <v>1</v>
      </c>
      <c r="D12938">
        <v>0</v>
      </c>
    </row>
    <row r="12939" spans="1:4" x14ac:dyDescent="0.25">
      <c r="A12939" t="s">
        <v>19668</v>
      </c>
      <c r="B12939" t="s">
        <v>19669</v>
      </c>
      <c r="C12939">
        <v>2</v>
      </c>
      <c r="D12939">
        <v>0</v>
      </c>
    </row>
    <row r="12940" spans="1:4" x14ac:dyDescent="0.25">
      <c r="A12940" t="s">
        <v>19670</v>
      </c>
      <c r="B12940" t="s">
        <v>19671</v>
      </c>
      <c r="C12940">
        <v>0</v>
      </c>
      <c r="D12940">
        <v>0</v>
      </c>
    </row>
    <row r="12941" spans="1:4" x14ac:dyDescent="0.25">
      <c r="A12941" t="s">
        <v>19672</v>
      </c>
      <c r="B12941" t="s">
        <v>19673</v>
      </c>
      <c r="C12941">
        <v>1</v>
      </c>
      <c r="D12941">
        <v>0</v>
      </c>
    </row>
    <row r="12942" spans="1:4" x14ac:dyDescent="0.25">
      <c r="A12942" t="s">
        <v>19674</v>
      </c>
      <c r="B12942" t="s">
        <v>19675</v>
      </c>
      <c r="C12942">
        <v>1</v>
      </c>
      <c r="D12942">
        <v>0</v>
      </c>
    </row>
    <row r="12943" spans="1:4" x14ac:dyDescent="0.25">
      <c r="A12943" t="s">
        <v>19676</v>
      </c>
      <c r="B12943" t="s">
        <v>19677</v>
      </c>
      <c r="C12943">
        <v>2</v>
      </c>
      <c r="D12943">
        <v>0</v>
      </c>
    </row>
    <row r="12944" spans="1:4" x14ac:dyDescent="0.25">
      <c r="A12944" t="s">
        <v>19678</v>
      </c>
      <c r="B12944" t="s">
        <v>19679</v>
      </c>
      <c r="C12944">
        <v>1</v>
      </c>
      <c r="D12944">
        <v>0</v>
      </c>
    </row>
    <row r="12945" spans="1:4" x14ac:dyDescent="0.25">
      <c r="A12945" t="s">
        <v>19678</v>
      </c>
      <c r="B12945" t="s">
        <v>19680</v>
      </c>
      <c r="C12945">
        <v>0</v>
      </c>
      <c r="D12945">
        <v>0</v>
      </c>
    </row>
    <row r="12946" spans="1:4" x14ac:dyDescent="0.25">
      <c r="A12946" t="s">
        <v>19681</v>
      </c>
      <c r="B12946" t="s">
        <v>19682</v>
      </c>
      <c r="C12946">
        <v>1</v>
      </c>
      <c r="D12946">
        <v>0</v>
      </c>
    </row>
    <row r="12947" spans="1:4" x14ac:dyDescent="0.25">
      <c r="A12947" t="s">
        <v>19681</v>
      </c>
      <c r="B12947" t="s">
        <v>19683</v>
      </c>
      <c r="C12947">
        <v>2</v>
      </c>
      <c r="D12947">
        <v>0</v>
      </c>
    </row>
    <row r="12948" spans="1:4" x14ac:dyDescent="0.25">
      <c r="A12948" t="s">
        <v>19684</v>
      </c>
      <c r="B12948" t="s">
        <v>19685</v>
      </c>
      <c r="C12948">
        <v>1</v>
      </c>
      <c r="D12948">
        <v>0</v>
      </c>
    </row>
    <row r="12949" spans="1:4" x14ac:dyDescent="0.25">
      <c r="A12949" t="s">
        <v>19686</v>
      </c>
      <c r="B12949" t="s">
        <v>19687</v>
      </c>
      <c r="C12949">
        <v>1</v>
      </c>
      <c r="D12949">
        <v>0</v>
      </c>
    </row>
    <row r="12950" spans="1:4" x14ac:dyDescent="0.25">
      <c r="A12950" t="s">
        <v>19688</v>
      </c>
      <c r="B12950" t="s">
        <v>19689</v>
      </c>
      <c r="C12950">
        <v>0</v>
      </c>
      <c r="D12950">
        <v>0</v>
      </c>
    </row>
    <row r="12951" spans="1:4" x14ac:dyDescent="0.25">
      <c r="A12951" t="s">
        <v>19690</v>
      </c>
      <c r="B12951" t="s">
        <v>19691</v>
      </c>
      <c r="C12951">
        <v>1</v>
      </c>
      <c r="D12951">
        <v>0</v>
      </c>
    </row>
    <row r="12952" spans="1:4" x14ac:dyDescent="0.25">
      <c r="A12952" t="s">
        <v>19692</v>
      </c>
      <c r="B12952" t="s">
        <v>19693</v>
      </c>
      <c r="C12952">
        <v>1</v>
      </c>
      <c r="D12952">
        <v>0</v>
      </c>
    </row>
    <row r="12953" spans="1:4" x14ac:dyDescent="0.25">
      <c r="A12953" t="s">
        <v>19694</v>
      </c>
      <c r="B12953" t="s">
        <v>19695</v>
      </c>
      <c r="C12953">
        <v>1</v>
      </c>
      <c r="D12953">
        <v>0</v>
      </c>
    </row>
    <row r="12954" spans="1:4" x14ac:dyDescent="0.25">
      <c r="A12954" t="s">
        <v>19696</v>
      </c>
      <c r="B12954" t="s">
        <v>19697</v>
      </c>
      <c r="C12954">
        <v>2</v>
      </c>
      <c r="D12954">
        <v>0</v>
      </c>
    </row>
    <row r="12955" spans="1:4" x14ac:dyDescent="0.25">
      <c r="A12955" t="s">
        <v>19698</v>
      </c>
      <c r="B12955" t="s">
        <v>19699</v>
      </c>
      <c r="C12955">
        <v>0</v>
      </c>
      <c r="D12955">
        <v>0</v>
      </c>
    </row>
    <row r="12956" spans="1:4" x14ac:dyDescent="0.25">
      <c r="A12956" t="s">
        <v>19700</v>
      </c>
      <c r="B12956" t="s">
        <v>19701</v>
      </c>
      <c r="C12956">
        <v>1</v>
      </c>
      <c r="D12956">
        <v>0</v>
      </c>
    </row>
    <row r="12957" spans="1:4" x14ac:dyDescent="0.25">
      <c r="A12957" t="s">
        <v>19702</v>
      </c>
      <c r="B12957" t="s">
        <v>19703</v>
      </c>
      <c r="C12957">
        <v>2</v>
      </c>
      <c r="D12957">
        <v>0</v>
      </c>
    </row>
    <row r="12958" spans="1:4" x14ac:dyDescent="0.25">
      <c r="A12958" t="s">
        <v>19704</v>
      </c>
      <c r="B12958" t="s">
        <v>19705</v>
      </c>
      <c r="C12958">
        <v>0</v>
      </c>
      <c r="D12958">
        <v>0</v>
      </c>
    </row>
    <row r="12959" spans="1:4" x14ac:dyDescent="0.25">
      <c r="A12959" t="s">
        <v>19706</v>
      </c>
      <c r="B12959" t="s">
        <v>19707</v>
      </c>
      <c r="C12959">
        <v>1</v>
      </c>
      <c r="D12959">
        <v>0</v>
      </c>
    </row>
    <row r="12960" spans="1:4" x14ac:dyDescent="0.25">
      <c r="A12960" t="s">
        <v>19706</v>
      </c>
      <c r="B12960" t="s">
        <v>19708</v>
      </c>
      <c r="C12960">
        <v>0</v>
      </c>
      <c r="D12960">
        <v>0</v>
      </c>
    </row>
    <row r="12961" spans="1:4" x14ac:dyDescent="0.25">
      <c r="A12961" t="s">
        <v>19709</v>
      </c>
      <c r="B12961" t="s">
        <v>19710</v>
      </c>
      <c r="C12961">
        <v>2</v>
      </c>
      <c r="D12961">
        <v>0</v>
      </c>
    </row>
    <row r="12962" spans="1:4" x14ac:dyDescent="0.25">
      <c r="A12962" t="s">
        <v>19711</v>
      </c>
      <c r="B12962" t="s">
        <v>19712</v>
      </c>
      <c r="C12962">
        <v>1</v>
      </c>
      <c r="D12962">
        <v>0</v>
      </c>
    </row>
    <row r="12963" spans="1:4" x14ac:dyDescent="0.25">
      <c r="A12963" t="s">
        <v>19713</v>
      </c>
      <c r="B12963" t="s">
        <v>19714</v>
      </c>
      <c r="C12963">
        <v>1</v>
      </c>
      <c r="D12963">
        <v>0</v>
      </c>
    </row>
    <row r="12964" spans="1:4" x14ac:dyDescent="0.25">
      <c r="A12964" t="s">
        <v>19715</v>
      </c>
      <c r="B12964" t="s">
        <v>19716</v>
      </c>
      <c r="C12964">
        <v>2</v>
      </c>
      <c r="D12964">
        <v>0</v>
      </c>
    </row>
    <row r="12965" spans="1:4" x14ac:dyDescent="0.25">
      <c r="A12965" t="s">
        <v>19717</v>
      </c>
      <c r="B12965" t="s">
        <v>19718</v>
      </c>
      <c r="C12965">
        <v>1</v>
      </c>
      <c r="D12965">
        <v>0</v>
      </c>
    </row>
    <row r="12966" spans="1:4" x14ac:dyDescent="0.25">
      <c r="A12966" t="s">
        <v>19719</v>
      </c>
      <c r="B12966" t="s">
        <v>19720</v>
      </c>
      <c r="C12966">
        <v>1</v>
      </c>
      <c r="D12966">
        <v>0</v>
      </c>
    </row>
    <row r="12967" spans="1:4" x14ac:dyDescent="0.25">
      <c r="A12967" t="s">
        <v>19721</v>
      </c>
      <c r="B12967" t="s">
        <v>19722</v>
      </c>
      <c r="C12967">
        <v>1</v>
      </c>
      <c r="D12967">
        <v>0</v>
      </c>
    </row>
    <row r="12968" spans="1:4" x14ac:dyDescent="0.25">
      <c r="A12968" t="s">
        <v>19721</v>
      </c>
      <c r="B12968" t="s">
        <v>19723</v>
      </c>
      <c r="C12968">
        <v>1</v>
      </c>
      <c r="D12968">
        <v>0</v>
      </c>
    </row>
    <row r="12969" spans="1:4" x14ac:dyDescent="0.25">
      <c r="A12969" t="s">
        <v>19721</v>
      </c>
      <c r="B12969" t="s">
        <v>19724</v>
      </c>
      <c r="C12969">
        <v>0</v>
      </c>
      <c r="D12969">
        <v>0</v>
      </c>
    </row>
    <row r="12970" spans="1:4" x14ac:dyDescent="0.25">
      <c r="A12970" t="s">
        <v>19725</v>
      </c>
      <c r="B12970" t="s">
        <v>19726</v>
      </c>
      <c r="C12970">
        <v>1</v>
      </c>
      <c r="D12970">
        <v>0</v>
      </c>
    </row>
    <row r="12971" spans="1:4" x14ac:dyDescent="0.25">
      <c r="A12971" t="s">
        <v>19727</v>
      </c>
      <c r="B12971" t="s">
        <v>19728</v>
      </c>
      <c r="C12971">
        <v>2</v>
      </c>
      <c r="D12971">
        <v>0</v>
      </c>
    </row>
    <row r="12972" spans="1:4" x14ac:dyDescent="0.25">
      <c r="A12972" t="s">
        <v>19729</v>
      </c>
      <c r="B12972" t="s">
        <v>19730</v>
      </c>
      <c r="C12972">
        <v>2</v>
      </c>
      <c r="D12972">
        <v>0</v>
      </c>
    </row>
    <row r="12973" spans="1:4" x14ac:dyDescent="0.25">
      <c r="A12973" t="s">
        <v>19731</v>
      </c>
      <c r="B12973" t="s">
        <v>19732</v>
      </c>
      <c r="C12973">
        <v>1</v>
      </c>
      <c r="D12973">
        <v>0</v>
      </c>
    </row>
    <row r="12974" spans="1:4" x14ac:dyDescent="0.25">
      <c r="A12974" t="s">
        <v>19731</v>
      </c>
      <c r="B12974" t="s">
        <v>19733</v>
      </c>
      <c r="C12974">
        <v>2</v>
      </c>
      <c r="D12974">
        <v>0</v>
      </c>
    </row>
    <row r="12975" spans="1:4" x14ac:dyDescent="0.25">
      <c r="A12975" t="s">
        <v>19734</v>
      </c>
      <c r="B12975" t="s">
        <v>19735</v>
      </c>
      <c r="C12975">
        <v>2</v>
      </c>
      <c r="D12975">
        <v>0</v>
      </c>
    </row>
    <row r="12976" spans="1:4" x14ac:dyDescent="0.25">
      <c r="A12976" t="s">
        <v>19736</v>
      </c>
      <c r="B12976" t="s">
        <v>19737</v>
      </c>
      <c r="C12976">
        <v>1</v>
      </c>
      <c r="D12976">
        <v>0</v>
      </c>
    </row>
    <row r="12977" spans="1:4" x14ac:dyDescent="0.25">
      <c r="A12977" t="s">
        <v>19736</v>
      </c>
      <c r="B12977" t="s">
        <v>19738</v>
      </c>
      <c r="C12977">
        <v>0</v>
      </c>
      <c r="D12977">
        <v>0</v>
      </c>
    </row>
    <row r="12978" spans="1:4" x14ac:dyDescent="0.25">
      <c r="A12978" t="s">
        <v>19739</v>
      </c>
      <c r="B12978" t="s">
        <v>19740</v>
      </c>
      <c r="C12978">
        <v>1</v>
      </c>
      <c r="D12978">
        <v>0</v>
      </c>
    </row>
    <row r="12979" spans="1:4" x14ac:dyDescent="0.25">
      <c r="A12979" t="s">
        <v>19741</v>
      </c>
      <c r="B12979" t="s">
        <v>19742</v>
      </c>
      <c r="C12979">
        <v>1</v>
      </c>
      <c r="D12979">
        <v>0</v>
      </c>
    </row>
    <row r="12980" spans="1:4" x14ac:dyDescent="0.25">
      <c r="A12980" t="s">
        <v>19743</v>
      </c>
      <c r="B12980" t="s">
        <v>19744</v>
      </c>
      <c r="C12980">
        <v>1</v>
      </c>
      <c r="D12980">
        <v>0</v>
      </c>
    </row>
    <row r="12981" spans="1:4" x14ac:dyDescent="0.25">
      <c r="A12981" t="s">
        <v>19745</v>
      </c>
      <c r="B12981" t="s">
        <v>19746</v>
      </c>
      <c r="C12981">
        <v>1</v>
      </c>
      <c r="D12981">
        <v>0</v>
      </c>
    </row>
    <row r="12982" spans="1:4" x14ac:dyDescent="0.25">
      <c r="A12982" t="s">
        <v>19745</v>
      </c>
      <c r="B12982" t="s">
        <v>19747</v>
      </c>
      <c r="C12982">
        <v>0</v>
      </c>
      <c r="D12982">
        <v>0</v>
      </c>
    </row>
    <row r="12983" spans="1:4" x14ac:dyDescent="0.25">
      <c r="A12983" t="s">
        <v>19745</v>
      </c>
      <c r="B12983" t="s">
        <v>19748</v>
      </c>
      <c r="C12983">
        <v>2</v>
      </c>
      <c r="D12983">
        <v>0</v>
      </c>
    </row>
    <row r="12984" spans="1:4" x14ac:dyDescent="0.25">
      <c r="A12984" t="s">
        <v>19749</v>
      </c>
      <c r="B12984" t="s">
        <v>19750</v>
      </c>
      <c r="C12984">
        <v>1</v>
      </c>
      <c r="D12984">
        <v>0</v>
      </c>
    </row>
    <row r="12985" spans="1:4" x14ac:dyDescent="0.25">
      <c r="A12985" t="s">
        <v>19751</v>
      </c>
      <c r="B12985" t="s">
        <v>19752</v>
      </c>
      <c r="C12985">
        <v>2</v>
      </c>
      <c r="D12985">
        <v>0</v>
      </c>
    </row>
    <row r="12986" spans="1:4" x14ac:dyDescent="0.25">
      <c r="A12986" t="s">
        <v>19753</v>
      </c>
      <c r="B12986" t="s">
        <v>1294</v>
      </c>
      <c r="C12986">
        <v>1</v>
      </c>
      <c r="D12986">
        <v>0</v>
      </c>
    </row>
    <row r="12987" spans="1:4" x14ac:dyDescent="0.25">
      <c r="A12987" t="s">
        <v>19754</v>
      </c>
      <c r="B12987" t="s">
        <v>19755</v>
      </c>
      <c r="C12987">
        <v>0</v>
      </c>
      <c r="D12987">
        <v>0</v>
      </c>
    </row>
    <row r="12988" spans="1:4" x14ac:dyDescent="0.25">
      <c r="A12988" t="s">
        <v>19756</v>
      </c>
      <c r="B12988" t="s">
        <v>19757</v>
      </c>
      <c r="C12988">
        <v>0</v>
      </c>
      <c r="D12988">
        <v>0</v>
      </c>
    </row>
    <row r="12989" spans="1:4" x14ac:dyDescent="0.25">
      <c r="A12989" t="s">
        <v>19756</v>
      </c>
      <c r="B12989" t="s">
        <v>19050</v>
      </c>
      <c r="C12989">
        <v>2</v>
      </c>
      <c r="D12989">
        <v>0</v>
      </c>
    </row>
    <row r="12990" spans="1:4" x14ac:dyDescent="0.25">
      <c r="A12990" t="s">
        <v>19758</v>
      </c>
      <c r="B12990" t="s">
        <v>17479</v>
      </c>
      <c r="C12990">
        <v>1</v>
      </c>
      <c r="D12990">
        <v>0</v>
      </c>
    </row>
    <row r="12991" spans="1:4" x14ac:dyDescent="0.25">
      <c r="A12991" t="s">
        <v>19758</v>
      </c>
      <c r="B12991" t="s">
        <v>19759</v>
      </c>
      <c r="C12991">
        <v>0</v>
      </c>
      <c r="D12991">
        <v>0</v>
      </c>
    </row>
    <row r="12992" spans="1:4" x14ac:dyDescent="0.25">
      <c r="A12992" t="s">
        <v>19760</v>
      </c>
      <c r="B12992" t="s">
        <v>19761</v>
      </c>
      <c r="C12992">
        <v>0</v>
      </c>
      <c r="D12992">
        <v>0</v>
      </c>
    </row>
    <row r="12993" spans="1:4" x14ac:dyDescent="0.25">
      <c r="A12993" t="s">
        <v>19762</v>
      </c>
      <c r="B12993" t="s">
        <v>19763</v>
      </c>
      <c r="C12993">
        <v>0</v>
      </c>
      <c r="D12993">
        <v>0</v>
      </c>
    </row>
    <row r="12994" spans="1:4" x14ac:dyDescent="0.25">
      <c r="A12994" t="s">
        <v>19764</v>
      </c>
      <c r="B12994" t="s">
        <v>19765</v>
      </c>
      <c r="C12994">
        <v>1</v>
      </c>
      <c r="D12994">
        <v>0</v>
      </c>
    </row>
    <row r="12995" spans="1:4" x14ac:dyDescent="0.25">
      <c r="A12995" t="s">
        <v>19766</v>
      </c>
      <c r="B12995" t="s">
        <v>19767</v>
      </c>
      <c r="C12995">
        <v>0</v>
      </c>
      <c r="D12995">
        <v>0</v>
      </c>
    </row>
    <row r="12996" spans="1:4" x14ac:dyDescent="0.25">
      <c r="A12996" t="s">
        <v>19768</v>
      </c>
      <c r="B12996" t="s">
        <v>19769</v>
      </c>
      <c r="C12996">
        <v>1</v>
      </c>
      <c r="D12996">
        <v>0</v>
      </c>
    </row>
    <row r="12997" spans="1:4" x14ac:dyDescent="0.25">
      <c r="A12997" t="s">
        <v>19770</v>
      </c>
      <c r="B12997" t="s">
        <v>19771</v>
      </c>
      <c r="C12997">
        <v>1</v>
      </c>
      <c r="D12997">
        <v>0</v>
      </c>
    </row>
    <row r="12998" spans="1:4" x14ac:dyDescent="0.25">
      <c r="A12998" t="s">
        <v>19772</v>
      </c>
      <c r="B12998" t="s">
        <v>19773</v>
      </c>
      <c r="C12998">
        <v>1</v>
      </c>
      <c r="D12998">
        <v>0</v>
      </c>
    </row>
    <row r="12999" spans="1:4" x14ac:dyDescent="0.25">
      <c r="A12999" t="s">
        <v>19774</v>
      </c>
      <c r="B12999" t="s">
        <v>19775</v>
      </c>
      <c r="C12999">
        <v>0</v>
      </c>
      <c r="D12999">
        <v>0</v>
      </c>
    </row>
    <row r="13000" spans="1:4" x14ac:dyDescent="0.25">
      <c r="A13000" t="s">
        <v>19776</v>
      </c>
      <c r="B13000" t="s">
        <v>19777</v>
      </c>
      <c r="C13000">
        <v>1</v>
      </c>
      <c r="D13000">
        <v>0</v>
      </c>
    </row>
    <row r="13001" spans="1:4" x14ac:dyDescent="0.25">
      <c r="A13001" t="s">
        <v>19778</v>
      </c>
      <c r="B13001" t="s">
        <v>19779</v>
      </c>
      <c r="C13001">
        <v>1</v>
      </c>
      <c r="D13001">
        <v>0</v>
      </c>
    </row>
    <row r="13002" spans="1:4" x14ac:dyDescent="0.25">
      <c r="A13002" t="s">
        <v>19778</v>
      </c>
      <c r="B13002" t="s">
        <v>19780</v>
      </c>
      <c r="C13002">
        <v>1</v>
      </c>
      <c r="D13002">
        <v>0</v>
      </c>
    </row>
    <row r="13003" spans="1:4" x14ac:dyDescent="0.25">
      <c r="A13003" t="s">
        <v>19781</v>
      </c>
      <c r="B13003" t="s">
        <v>19782</v>
      </c>
      <c r="C13003">
        <v>1</v>
      </c>
      <c r="D13003">
        <v>0</v>
      </c>
    </row>
    <row r="13004" spans="1:4" x14ac:dyDescent="0.25">
      <c r="A13004" t="s">
        <v>19783</v>
      </c>
      <c r="B13004" t="s">
        <v>19784</v>
      </c>
      <c r="C13004">
        <v>1</v>
      </c>
      <c r="D13004">
        <v>0</v>
      </c>
    </row>
    <row r="13005" spans="1:4" x14ac:dyDescent="0.25">
      <c r="A13005" t="s">
        <v>19783</v>
      </c>
      <c r="B13005" t="s">
        <v>19785</v>
      </c>
      <c r="C13005">
        <v>0</v>
      </c>
      <c r="D13005">
        <v>0</v>
      </c>
    </row>
    <row r="13006" spans="1:4" x14ac:dyDescent="0.25">
      <c r="A13006" t="s">
        <v>19783</v>
      </c>
      <c r="B13006" t="s">
        <v>19786</v>
      </c>
      <c r="C13006">
        <v>2</v>
      </c>
      <c r="D13006">
        <v>0</v>
      </c>
    </row>
    <row r="13007" spans="1:4" x14ac:dyDescent="0.25">
      <c r="A13007" t="s">
        <v>19787</v>
      </c>
      <c r="B13007" t="s">
        <v>19788</v>
      </c>
      <c r="C13007">
        <v>0</v>
      </c>
      <c r="D13007">
        <v>0</v>
      </c>
    </row>
    <row r="13008" spans="1:4" x14ac:dyDescent="0.25">
      <c r="A13008" t="s">
        <v>19789</v>
      </c>
      <c r="B13008" t="s">
        <v>19790</v>
      </c>
      <c r="C13008">
        <v>1</v>
      </c>
      <c r="D13008">
        <v>0</v>
      </c>
    </row>
    <row r="13009" spans="1:4" x14ac:dyDescent="0.25">
      <c r="A13009" t="s">
        <v>19791</v>
      </c>
      <c r="B13009" t="s">
        <v>5864</v>
      </c>
      <c r="C13009">
        <v>1</v>
      </c>
      <c r="D13009">
        <v>0</v>
      </c>
    </row>
    <row r="13010" spans="1:4" x14ac:dyDescent="0.25">
      <c r="A13010" t="s">
        <v>19792</v>
      </c>
      <c r="B13010" t="s">
        <v>19793</v>
      </c>
      <c r="C13010">
        <v>1</v>
      </c>
      <c r="D13010">
        <v>0</v>
      </c>
    </row>
    <row r="13011" spans="1:4" x14ac:dyDescent="0.25">
      <c r="A13011" t="s">
        <v>19794</v>
      </c>
      <c r="B13011" t="s">
        <v>19795</v>
      </c>
      <c r="C13011">
        <v>1</v>
      </c>
      <c r="D13011">
        <v>0</v>
      </c>
    </row>
    <row r="13012" spans="1:4" x14ac:dyDescent="0.25">
      <c r="A13012" t="s">
        <v>19796</v>
      </c>
      <c r="B13012" t="s">
        <v>19797</v>
      </c>
      <c r="C13012">
        <v>1</v>
      </c>
      <c r="D13012">
        <v>0</v>
      </c>
    </row>
    <row r="13013" spans="1:4" x14ac:dyDescent="0.25">
      <c r="A13013" t="s">
        <v>19798</v>
      </c>
      <c r="B13013" t="s">
        <v>19799</v>
      </c>
      <c r="C13013">
        <v>0</v>
      </c>
      <c r="D13013">
        <v>0</v>
      </c>
    </row>
    <row r="13014" spans="1:4" x14ac:dyDescent="0.25">
      <c r="A13014" t="s">
        <v>19800</v>
      </c>
      <c r="B13014" t="s">
        <v>19801</v>
      </c>
      <c r="C13014">
        <v>1</v>
      </c>
      <c r="D13014">
        <v>0</v>
      </c>
    </row>
    <row r="13015" spans="1:4" x14ac:dyDescent="0.25">
      <c r="A13015" t="s">
        <v>19802</v>
      </c>
      <c r="B13015" t="s">
        <v>19803</v>
      </c>
      <c r="C13015">
        <v>1</v>
      </c>
      <c r="D13015">
        <v>0</v>
      </c>
    </row>
    <row r="13016" spans="1:4" x14ac:dyDescent="0.25">
      <c r="A13016" t="s">
        <v>19804</v>
      </c>
      <c r="B13016" t="s">
        <v>19805</v>
      </c>
      <c r="C13016">
        <v>1</v>
      </c>
      <c r="D13016">
        <v>0</v>
      </c>
    </row>
    <row r="13017" spans="1:4" x14ac:dyDescent="0.25">
      <c r="A13017" t="s">
        <v>19806</v>
      </c>
      <c r="B13017" t="s">
        <v>19807</v>
      </c>
      <c r="C13017">
        <v>0</v>
      </c>
      <c r="D13017">
        <v>0</v>
      </c>
    </row>
    <row r="13018" spans="1:4" x14ac:dyDescent="0.25">
      <c r="A13018" t="s">
        <v>19808</v>
      </c>
      <c r="B13018" t="s">
        <v>19809</v>
      </c>
      <c r="C13018">
        <v>0</v>
      </c>
      <c r="D13018">
        <v>0</v>
      </c>
    </row>
    <row r="13019" spans="1:4" x14ac:dyDescent="0.25">
      <c r="A13019" t="s">
        <v>19810</v>
      </c>
      <c r="B13019" t="s">
        <v>19811</v>
      </c>
      <c r="C13019">
        <v>0</v>
      </c>
      <c r="D13019">
        <v>0</v>
      </c>
    </row>
    <row r="13020" spans="1:4" x14ac:dyDescent="0.25">
      <c r="A13020" t="s">
        <v>19812</v>
      </c>
      <c r="B13020" t="s">
        <v>19813</v>
      </c>
      <c r="C13020">
        <v>1</v>
      </c>
      <c r="D13020">
        <v>0</v>
      </c>
    </row>
    <row r="13021" spans="1:4" x14ac:dyDescent="0.25">
      <c r="A13021" t="s">
        <v>19814</v>
      </c>
      <c r="B13021" t="s">
        <v>19815</v>
      </c>
      <c r="C13021">
        <v>1</v>
      </c>
      <c r="D13021">
        <v>0</v>
      </c>
    </row>
    <row r="13022" spans="1:4" x14ac:dyDescent="0.25">
      <c r="A13022" t="s">
        <v>19814</v>
      </c>
      <c r="B13022" t="s">
        <v>19816</v>
      </c>
      <c r="C13022">
        <v>0</v>
      </c>
      <c r="D13022">
        <v>0</v>
      </c>
    </row>
    <row r="13023" spans="1:4" x14ac:dyDescent="0.25">
      <c r="A13023" t="s">
        <v>19817</v>
      </c>
      <c r="B13023" t="s">
        <v>19818</v>
      </c>
      <c r="C13023">
        <v>2</v>
      </c>
      <c r="D13023">
        <v>0</v>
      </c>
    </row>
    <row r="13024" spans="1:4" x14ac:dyDescent="0.25">
      <c r="A13024" t="s">
        <v>19819</v>
      </c>
      <c r="B13024" t="s">
        <v>19820</v>
      </c>
      <c r="C13024">
        <v>1</v>
      </c>
      <c r="D13024">
        <v>0</v>
      </c>
    </row>
    <row r="13025" spans="1:4" x14ac:dyDescent="0.25">
      <c r="A13025" t="s">
        <v>19821</v>
      </c>
      <c r="B13025" t="s">
        <v>19822</v>
      </c>
      <c r="C13025">
        <v>1</v>
      </c>
      <c r="D13025">
        <v>0</v>
      </c>
    </row>
    <row r="13026" spans="1:4" x14ac:dyDescent="0.25">
      <c r="A13026" t="s">
        <v>19823</v>
      </c>
      <c r="B13026" t="s">
        <v>19824</v>
      </c>
      <c r="C13026">
        <v>2</v>
      </c>
      <c r="D13026">
        <v>0</v>
      </c>
    </row>
    <row r="13027" spans="1:4" x14ac:dyDescent="0.25">
      <c r="A13027" t="s">
        <v>19825</v>
      </c>
      <c r="B13027" t="s">
        <v>19826</v>
      </c>
      <c r="C13027">
        <v>0</v>
      </c>
      <c r="D13027">
        <v>0</v>
      </c>
    </row>
    <row r="13028" spans="1:4" x14ac:dyDescent="0.25">
      <c r="A13028" t="s">
        <v>19827</v>
      </c>
      <c r="B13028" t="s">
        <v>19828</v>
      </c>
      <c r="C13028">
        <v>1</v>
      </c>
      <c r="D13028">
        <v>0</v>
      </c>
    </row>
    <row r="13029" spans="1:4" x14ac:dyDescent="0.25">
      <c r="A13029" t="s">
        <v>19829</v>
      </c>
      <c r="B13029" t="s">
        <v>19830</v>
      </c>
      <c r="C13029">
        <v>2</v>
      </c>
      <c r="D13029">
        <v>0</v>
      </c>
    </row>
    <row r="13030" spans="1:4" x14ac:dyDescent="0.25">
      <c r="A13030" t="s">
        <v>19831</v>
      </c>
      <c r="B13030" t="s">
        <v>19832</v>
      </c>
      <c r="C13030">
        <v>0</v>
      </c>
      <c r="D13030">
        <v>0</v>
      </c>
    </row>
    <row r="13031" spans="1:4" x14ac:dyDescent="0.25">
      <c r="A13031" t="s">
        <v>19833</v>
      </c>
      <c r="B13031" t="s">
        <v>19834</v>
      </c>
      <c r="C13031">
        <v>1</v>
      </c>
      <c r="D13031">
        <v>0</v>
      </c>
    </row>
    <row r="13032" spans="1:4" x14ac:dyDescent="0.25">
      <c r="A13032" t="s">
        <v>19835</v>
      </c>
      <c r="B13032" t="s">
        <v>19836</v>
      </c>
      <c r="C13032">
        <v>0</v>
      </c>
      <c r="D13032">
        <v>0</v>
      </c>
    </row>
    <row r="13033" spans="1:4" x14ac:dyDescent="0.25">
      <c r="A13033" t="s">
        <v>19835</v>
      </c>
      <c r="B13033" t="s">
        <v>17479</v>
      </c>
      <c r="C13033">
        <v>2</v>
      </c>
      <c r="D13033">
        <v>0</v>
      </c>
    </row>
    <row r="13034" spans="1:4" x14ac:dyDescent="0.25">
      <c r="A13034" t="s">
        <v>19837</v>
      </c>
      <c r="B13034" t="s">
        <v>19838</v>
      </c>
      <c r="C13034">
        <v>1</v>
      </c>
      <c r="D13034">
        <v>0</v>
      </c>
    </row>
    <row r="13035" spans="1:4" x14ac:dyDescent="0.25">
      <c r="A13035" t="s">
        <v>19839</v>
      </c>
      <c r="B13035" t="s">
        <v>19840</v>
      </c>
      <c r="C13035">
        <v>2</v>
      </c>
      <c r="D13035">
        <v>0</v>
      </c>
    </row>
    <row r="13036" spans="1:4" x14ac:dyDescent="0.25">
      <c r="A13036" t="s">
        <v>19839</v>
      </c>
      <c r="B13036" t="s">
        <v>19841</v>
      </c>
      <c r="C13036">
        <v>2</v>
      </c>
      <c r="D13036">
        <v>0</v>
      </c>
    </row>
    <row r="13037" spans="1:4" x14ac:dyDescent="0.25">
      <c r="A13037" t="s">
        <v>19842</v>
      </c>
      <c r="B13037" t="s">
        <v>19843</v>
      </c>
      <c r="C13037">
        <v>1</v>
      </c>
      <c r="D13037">
        <v>0</v>
      </c>
    </row>
    <row r="13038" spans="1:4" x14ac:dyDescent="0.25">
      <c r="A13038" t="s">
        <v>19842</v>
      </c>
      <c r="B13038" t="s">
        <v>19844</v>
      </c>
      <c r="C13038">
        <v>0</v>
      </c>
      <c r="D13038">
        <v>0</v>
      </c>
    </row>
    <row r="13039" spans="1:4" x14ac:dyDescent="0.25">
      <c r="A13039" t="s">
        <v>19845</v>
      </c>
      <c r="B13039" t="s">
        <v>19846</v>
      </c>
      <c r="C13039">
        <v>2</v>
      </c>
      <c r="D13039">
        <v>0</v>
      </c>
    </row>
    <row r="13040" spans="1:4" x14ac:dyDescent="0.25">
      <c r="A13040" t="s">
        <v>19847</v>
      </c>
      <c r="B13040" t="s">
        <v>19848</v>
      </c>
      <c r="C13040">
        <v>1</v>
      </c>
      <c r="D13040">
        <v>0</v>
      </c>
    </row>
    <row r="13041" spans="1:4" x14ac:dyDescent="0.25">
      <c r="A13041" t="s">
        <v>19849</v>
      </c>
      <c r="B13041" t="s">
        <v>19850</v>
      </c>
      <c r="C13041">
        <v>1</v>
      </c>
      <c r="D13041">
        <v>0</v>
      </c>
    </row>
    <row r="13042" spans="1:4" x14ac:dyDescent="0.25">
      <c r="A13042" t="s">
        <v>19851</v>
      </c>
      <c r="B13042" t="s">
        <v>19852</v>
      </c>
      <c r="C13042">
        <v>1</v>
      </c>
      <c r="D13042">
        <v>0</v>
      </c>
    </row>
    <row r="13043" spans="1:4" x14ac:dyDescent="0.25">
      <c r="A13043" t="s">
        <v>19853</v>
      </c>
      <c r="B13043" t="s">
        <v>19854</v>
      </c>
      <c r="C13043">
        <v>0</v>
      </c>
      <c r="D13043">
        <v>0</v>
      </c>
    </row>
    <row r="13044" spans="1:4" x14ac:dyDescent="0.25">
      <c r="A13044" t="s">
        <v>19853</v>
      </c>
      <c r="B13044" t="s">
        <v>19855</v>
      </c>
      <c r="C13044">
        <v>0</v>
      </c>
      <c r="D13044">
        <v>0</v>
      </c>
    </row>
    <row r="13045" spans="1:4" x14ac:dyDescent="0.25">
      <c r="A13045" t="s">
        <v>19856</v>
      </c>
      <c r="B13045" t="s">
        <v>19857</v>
      </c>
      <c r="C13045">
        <v>0</v>
      </c>
      <c r="D13045">
        <v>0</v>
      </c>
    </row>
    <row r="13046" spans="1:4" x14ac:dyDescent="0.25">
      <c r="A13046" t="s">
        <v>19858</v>
      </c>
      <c r="B13046" t="s">
        <v>19859</v>
      </c>
      <c r="C13046">
        <v>2</v>
      </c>
      <c r="D13046">
        <v>0</v>
      </c>
    </row>
    <row r="13047" spans="1:4" x14ac:dyDescent="0.25">
      <c r="A13047" t="s">
        <v>19860</v>
      </c>
      <c r="B13047" t="s">
        <v>19861</v>
      </c>
      <c r="C13047">
        <v>0</v>
      </c>
      <c r="D13047">
        <v>0</v>
      </c>
    </row>
    <row r="13048" spans="1:4" x14ac:dyDescent="0.25">
      <c r="A13048" t="s">
        <v>19862</v>
      </c>
      <c r="B13048" t="s">
        <v>19863</v>
      </c>
      <c r="C13048">
        <v>2</v>
      </c>
      <c r="D13048">
        <v>0</v>
      </c>
    </row>
    <row r="13049" spans="1:4" x14ac:dyDescent="0.25">
      <c r="A13049" t="s">
        <v>19864</v>
      </c>
      <c r="B13049" t="s">
        <v>19865</v>
      </c>
      <c r="C13049">
        <v>1</v>
      </c>
      <c r="D13049">
        <v>0</v>
      </c>
    </row>
    <row r="13050" spans="1:4" x14ac:dyDescent="0.25">
      <c r="A13050" t="s">
        <v>19866</v>
      </c>
      <c r="B13050" t="s">
        <v>19867</v>
      </c>
      <c r="C13050">
        <v>2</v>
      </c>
      <c r="D13050">
        <v>0</v>
      </c>
    </row>
    <row r="13051" spans="1:4" x14ac:dyDescent="0.25">
      <c r="A13051" t="s">
        <v>19868</v>
      </c>
      <c r="B13051" t="s">
        <v>19869</v>
      </c>
      <c r="C13051">
        <v>1</v>
      </c>
      <c r="D13051">
        <v>0</v>
      </c>
    </row>
    <row r="13052" spans="1:4" x14ac:dyDescent="0.25">
      <c r="A13052" t="s">
        <v>19870</v>
      </c>
      <c r="B13052" t="s">
        <v>19871</v>
      </c>
      <c r="C13052">
        <v>1</v>
      </c>
      <c r="D13052">
        <v>0</v>
      </c>
    </row>
    <row r="13053" spans="1:4" x14ac:dyDescent="0.25">
      <c r="A13053" t="s">
        <v>19872</v>
      </c>
      <c r="B13053" t="s">
        <v>19873</v>
      </c>
      <c r="C13053">
        <v>1</v>
      </c>
      <c r="D13053">
        <v>0</v>
      </c>
    </row>
    <row r="13054" spans="1:4" x14ac:dyDescent="0.25">
      <c r="A13054" t="s">
        <v>19874</v>
      </c>
      <c r="B13054" t="s">
        <v>19875</v>
      </c>
      <c r="C13054">
        <v>1</v>
      </c>
      <c r="D13054">
        <v>0</v>
      </c>
    </row>
    <row r="13055" spans="1:4" x14ac:dyDescent="0.25">
      <c r="A13055" t="s">
        <v>19876</v>
      </c>
      <c r="B13055" t="s">
        <v>19877</v>
      </c>
      <c r="C13055">
        <v>1</v>
      </c>
      <c r="D13055">
        <v>0</v>
      </c>
    </row>
    <row r="13056" spans="1:4" x14ac:dyDescent="0.25">
      <c r="A13056" t="s">
        <v>19876</v>
      </c>
      <c r="B13056" t="s">
        <v>19878</v>
      </c>
      <c r="C13056">
        <v>0</v>
      </c>
      <c r="D13056">
        <v>0</v>
      </c>
    </row>
    <row r="13057" spans="1:4" x14ac:dyDescent="0.25">
      <c r="A13057" t="s">
        <v>19876</v>
      </c>
      <c r="B13057" t="s">
        <v>19879</v>
      </c>
      <c r="C13057">
        <v>0</v>
      </c>
      <c r="D13057">
        <v>0</v>
      </c>
    </row>
    <row r="13058" spans="1:4" x14ac:dyDescent="0.25">
      <c r="A13058" t="s">
        <v>19880</v>
      </c>
      <c r="B13058" t="s">
        <v>19881</v>
      </c>
      <c r="C13058">
        <v>1</v>
      </c>
      <c r="D13058">
        <v>0</v>
      </c>
    </row>
    <row r="13059" spans="1:4" x14ac:dyDescent="0.25">
      <c r="A13059" t="s">
        <v>19882</v>
      </c>
      <c r="B13059" t="s">
        <v>19883</v>
      </c>
      <c r="C13059">
        <v>1</v>
      </c>
      <c r="D13059">
        <v>0</v>
      </c>
    </row>
    <row r="13060" spans="1:4" x14ac:dyDescent="0.25">
      <c r="A13060" t="s">
        <v>19882</v>
      </c>
      <c r="B13060" t="s">
        <v>19884</v>
      </c>
      <c r="C13060">
        <v>2</v>
      </c>
      <c r="D13060">
        <v>0</v>
      </c>
    </row>
    <row r="13061" spans="1:4" x14ac:dyDescent="0.25">
      <c r="A13061" t="s">
        <v>19885</v>
      </c>
      <c r="B13061" t="s">
        <v>19886</v>
      </c>
      <c r="C13061">
        <v>2</v>
      </c>
      <c r="D13061">
        <v>0</v>
      </c>
    </row>
    <row r="13062" spans="1:4" x14ac:dyDescent="0.25">
      <c r="A13062" t="s">
        <v>19887</v>
      </c>
      <c r="B13062" t="s">
        <v>19888</v>
      </c>
      <c r="C13062">
        <v>1</v>
      </c>
      <c r="D13062">
        <v>0</v>
      </c>
    </row>
    <row r="13063" spans="1:4" x14ac:dyDescent="0.25">
      <c r="A13063" t="s">
        <v>19889</v>
      </c>
      <c r="B13063" t="s">
        <v>19890</v>
      </c>
      <c r="C13063">
        <v>1</v>
      </c>
      <c r="D13063">
        <v>0</v>
      </c>
    </row>
    <row r="13064" spans="1:4" x14ac:dyDescent="0.25">
      <c r="A13064" t="s">
        <v>19891</v>
      </c>
      <c r="B13064" t="s">
        <v>19892</v>
      </c>
      <c r="C13064">
        <v>1</v>
      </c>
      <c r="D13064">
        <v>0</v>
      </c>
    </row>
    <row r="13065" spans="1:4" x14ac:dyDescent="0.25">
      <c r="A13065" t="s">
        <v>19893</v>
      </c>
      <c r="B13065" t="s">
        <v>19894</v>
      </c>
      <c r="C13065">
        <v>1</v>
      </c>
      <c r="D13065">
        <v>0</v>
      </c>
    </row>
    <row r="13066" spans="1:4" x14ac:dyDescent="0.25">
      <c r="A13066" t="s">
        <v>19895</v>
      </c>
      <c r="B13066" t="s">
        <v>19896</v>
      </c>
      <c r="C13066">
        <v>1</v>
      </c>
      <c r="D13066">
        <v>0</v>
      </c>
    </row>
    <row r="13067" spans="1:4" x14ac:dyDescent="0.25">
      <c r="A13067" t="s">
        <v>19897</v>
      </c>
      <c r="B13067" t="s">
        <v>19898</v>
      </c>
      <c r="C13067">
        <v>1</v>
      </c>
      <c r="D13067">
        <v>0</v>
      </c>
    </row>
    <row r="13068" spans="1:4" x14ac:dyDescent="0.25">
      <c r="A13068" t="s">
        <v>19899</v>
      </c>
      <c r="B13068" t="s">
        <v>19900</v>
      </c>
      <c r="C13068">
        <v>0</v>
      </c>
      <c r="D13068">
        <v>0</v>
      </c>
    </row>
    <row r="13069" spans="1:4" x14ac:dyDescent="0.25">
      <c r="A13069" t="s">
        <v>19901</v>
      </c>
      <c r="B13069" t="s">
        <v>19902</v>
      </c>
      <c r="C13069">
        <v>1</v>
      </c>
      <c r="D13069">
        <v>0</v>
      </c>
    </row>
    <row r="13070" spans="1:4" x14ac:dyDescent="0.25">
      <c r="A13070" t="s">
        <v>19903</v>
      </c>
      <c r="B13070" t="s">
        <v>19904</v>
      </c>
      <c r="C13070">
        <v>1</v>
      </c>
      <c r="D13070">
        <v>0</v>
      </c>
    </row>
    <row r="13071" spans="1:4" x14ac:dyDescent="0.25">
      <c r="A13071" t="s">
        <v>19905</v>
      </c>
      <c r="B13071" t="s">
        <v>19906</v>
      </c>
      <c r="C13071">
        <v>1</v>
      </c>
      <c r="D13071">
        <v>0</v>
      </c>
    </row>
    <row r="13072" spans="1:4" x14ac:dyDescent="0.25">
      <c r="A13072" t="s">
        <v>19907</v>
      </c>
      <c r="B13072" t="s">
        <v>19908</v>
      </c>
      <c r="C13072">
        <v>1</v>
      </c>
      <c r="D13072">
        <v>0</v>
      </c>
    </row>
    <row r="13073" spans="1:4" x14ac:dyDescent="0.25">
      <c r="A13073" t="s">
        <v>19909</v>
      </c>
      <c r="B13073" t="s">
        <v>19910</v>
      </c>
      <c r="C13073">
        <v>0</v>
      </c>
      <c r="D13073">
        <v>0</v>
      </c>
    </row>
    <row r="13074" spans="1:4" x14ac:dyDescent="0.25">
      <c r="A13074" t="s">
        <v>19909</v>
      </c>
      <c r="B13074" t="s">
        <v>19911</v>
      </c>
      <c r="C13074">
        <v>0</v>
      </c>
      <c r="D13074">
        <v>0</v>
      </c>
    </row>
    <row r="13075" spans="1:4" x14ac:dyDescent="0.25">
      <c r="A13075" t="s">
        <v>19912</v>
      </c>
      <c r="B13075" t="s">
        <v>19913</v>
      </c>
      <c r="C13075">
        <v>1</v>
      </c>
      <c r="D13075">
        <v>0</v>
      </c>
    </row>
    <row r="13076" spans="1:4" x14ac:dyDescent="0.25">
      <c r="A13076" t="s">
        <v>19912</v>
      </c>
      <c r="B13076" t="s">
        <v>19914</v>
      </c>
      <c r="C13076">
        <v>1</v>
      </c>
      <c r="D13076">
        <v>0</v>
      </c>
    </row>
    <row r="13077" spans="1:4" x14ac:dyDescent="0.25">
      <c r="A13077" t="s">
        <v>19915</v>
      </c>
      <c r="B13077" t="s">
        <v>19916</v>
      </c>
      <c r="C13077">
        <v>2</v>
      </c>
      <c r="D13077">
        <v>0</v>
      </c>
    </row>
    <row r="13078" spans="1:4" x14ac:dyDescent="0.25">
      <c r="A13078" t="s">
        <v>19917</v>
      </c>
      <c r="B13078" t="s">
        <v>19918</v>
      </c>
      <c r="C13078">
        <v>1</v>
      </c>
      <c r="D13078">
        <v>0</v>
      </c>
    </row>
    <row r="13079" spans="1:4" x14ac:dyDescent="0.25">
      <c r="A13079" t="s">
        <v>19917</v>
      </c>
      <c r="B13079" t="s">
        <v>19919</v>
      </c>
      <c r="C13079">
        <v>0</v>
      </c>
      <c r="D13079">
        <v>0</v>
      </c>
    </row>
    <row r="13080" spans="1:4" x14ac:dyDescent="0.25">
      <c r="A13080" t="s">
        <v>19920</v>
      </c>
      <c r="B13080" t="s">
        <v>19921</v>
      </c>
      <c r="C13080">
        <v>1</v>
      </c>
      <c r="D13080">
        <v>0</v>
      </c>
    </row>
    <row r="13081" spans="1:4" x14ac:dyDescent="0.25">
      <c r="A13081" t="s">
        <v>19922</v>
      </c>
      <c r="B13081" t="s">
        <v>19923</v>
      </c>
      <c r="C13081">
        <v>0</v>
      </c>
      <c r="D13081">
        <v>0</v>
      </c>
    </row>
    <row r="13082" spans="1:4" x14ac:dyDescent="0.25">
      <c r="A13082" t="s">
        <v>19924</v>
      </c>
      <c r="B13082" t="s">
        <v>19925</v>
      </c>
      <c r="C13082">
        <v>0</v>
      </c>
      <c r="D13082">
        <v>0</v>
      </c>
    </row>
    <row r="13083" spans="1:4" x14ac:dyDescent="0.25">
      <c r="A13083" t="s">
        <v>19926</v>
      </c>
      <c r="B13083" t="s">
        <v>19927</v>
      </c>
      <c r="C13083">
        <v>1</v>
      </c>
      <c r="D13083">
        <v>0</v>
      </c>
    </row>
    <row r="13084" spans="1:4" x14ac:dyDescent="0.25">
      <c r="A13084" t="s">
        <v>19928</v>
      </c>
      <c r="B13084" t="s">
        <v>19929</v>
      </c>
      <c r="C13084">
        <v>1</v>
      </c>
      <c r="D13084">
        <v>0</v>
      </c>
    </row>
    <row r="13085" spans="1:4" x14ac:dyDescent="0.25">
      <c r="A13085" t="s">
        <v>19930</v>
      </c>
      <c r="B13085" t="s">
        <v>19931</v>
      </c>
      <c r="C13085">
        <v>2</v>
      </c>
      <c r="D13085">
        <v>0</v>
      </c>
    </row>
    <row r="13086" spans="1:4" x14ac:dyDescent="0.25">
      <c r="A13086" t="s">
        <v>19932</v>
      </c>
      <c r="B13086" t="s">
        <v>19933</v>
      </c>
      <c r="C13086">
        <v>1</v>
      </c>
      <c r="D13086">
        <v>0</v>
      </c>
    </row>
    <row r="13087" spans="1:4" x14ac:dyDescent="0.25">
      <c r="A13087" t="s">
        <v>19932</v>
      </c>
      <c r="B13087" t="s">
        <v>19934</v>
      </c>
      <c r="C13087">
        <v>0</v>
      </c>
      <c r="D13087">
        <v>0</v>
      </c>
    </row>
    <row r="13088" spans="1:4" x14ac:dyDescent="0.25">
      <c r="A13088" t="s">
        <v>19935</v>
      </c>
      <c r="B13088" t="s">
        <v>19936</v>
      </c>
      <c r="C13088">
        <v>0</v>
      </c>
      <c r="D13088">
        <v>0</v>
      </c>
    </row>
    <row r="13089" spans="1:4" x14ac:dyDescent="0.25">
      <c r="A13089" t="s">
        <v>19937</v>
      </c>
      <c r="B13089" t="s">
        <v>19938</v>
      </c>
      <c r="C13089">
        <v>1</v>
      </c>
      <c r="D13089">
        <v>0</v>
      </c>
    </row>
    <row r="13090" spans="1:4" x14ac:dyDescent="0.25">
      <c r="A13090" t="s">
        <v>19939</v>
      </c>
      <c r="B13090" t="s">
        <v>19940</v>
      </c>
      <c r="C13090">
        <v>0</v>
      </c>
      <c r="D13090">
        <v>0</v>
      </c>
    </row>
    <row r="13091" spans="1:4" x14ac:dyDescent="0.25">
      <c r="A13091" t="s">
        <v>19941</v>
      </c>
      <c r="B13091" t="s">
        <v>19942</v>
      </c>
      <c r="C13091">
        <v>1</v>
      </c>
      <c r="D13091">
        <v>0</v>
      </c>
    </row>
    <row r="13092" spans="1:4" x14ac:dyDescent="0.25">
      <c r="A13092" t="s">
        <v>19943</v>
      </c>
      <c r="B13092" t="s">
        <v>19944</v>
      </c>
      <c r="C13092">
        <v>1</v>
      </c>
      <c r="D13092">
        <v>0</v>
      </c>
    </row>
    <row r="13093" spans="1:4" x14ac:dyDescent="0.25">
      <c r="A13093" t="s">
        <v>19945</v>
      </c>
      <c r="B13093" t="s">
        <v>19946</v>
      </c>
      <c r="C13093">
        <v>1</v>
      </c>
      <c r="D13093">
        <v>0</v>
      </c>
    </row>
    <row r="13094" spans="1:4" x14ac:dyDescent="0.25">
      <c r="A13094" t="s">
        <v>19945</v>
      </c>
      <c r="B13094" t="s">
        <v>19947</v>
      </c>
      <c r="C13094">
        <v>2</v>
      </c>
      <c r="D13094">
        <v>0</v>
      </c>
    </row>
    <row r="13095" spans="1:4" x14ac:dyDescent="0.25">
      <c r="A13095" t="s">
        <v>19948</v>
      </c>
      <c r="B13095" t="s">
        <v>19949</v>
      </c>
      <c r="C13095">
        <v>1</v>
      </c>
      <c r="D13095">
        <v>0</v>
      </c>
    </row>
    <row r="13096" spans="1:4" x14ac:dyDescent="0.25">
      <c r="A13096" t="s">
        <v>19950</v>
      </c>
      <c r="B13096" t="s">
        <v>19951</v>
      </c>
      <c r="C13096">
        <v>0</v>
      </c>
      <c r="D13096">
        <v>0</v>
      </c>
    </row>
    <row r="13097" spans="1:4" x14ac:dyDescent="0.25">
      <c r="A13097" t="s">
        <v>19952</v>
      </c>
      <c r="B13097" t="s">
        <v>19953</v>
      </c>
      <c r="C13097">
        <v>1</v>
      </c>
      <c r="D13097">
        <v>0</v>
      </c>
    </row>
    <row r="13098" spans="1:4" x14ac:dyDescent="0.25">
      <c r="A13098" t="s">
        <v>19954</v>
      </c>
      <c r="B13098" t="s">
        <v>19955</v>
      </c>
      <c r="C13098">
        <v>0</v>
      </c>
      <c r="D13098">
        <v>0</v>
      </c>
    </row>
    <row r="13099" spans="1:4" x14ac:dyDescent="0.25">
      <c r="A13099" t="s">
        <v>19954</v>
      </c>
      <c r="B13099" t="s">
        <v>19956</v>
      </c>
      <c r="C13099">
        <v>2</v>
      </c>
      <c r="D13099">
        <v>0</v>
      </c>
    </row>
    <row r="13100" spans="1:4" x14ac:dyDescent="0.25">
      <c r="A13100" t="s">
        <v>19957</v>
      </c>
      <c r="B13100" t="s">
        <v>19958</v>
      </c>
      <c r="C13100">
        <v>1</v>
      </c>
      <c r="D13100">
        <v>0</v>
      </c>
    </row>
    <row r="13101" spans="1:4" x14ac:dyDescent="0.25">
      <c r="A13101" t="s">
        <v>19957</v>
      </c>
      <c r="B13101" t="s">
        <v>19959</v>
      </c>
      <c r="C13101">
        <v>0</v>
      </c>
      <c r="D13101">
        <v>0</v>
      </c>
    </row>
    <row r="13102" spans="1:4" x14ac:dyDescent="0.25">
      <c r="A13102" t="s">
        <v>19960</v>
      </c>
      <c r="B13102" t="s">
        <v>19961</v>
      </c>
      <c r="C13102">
        <v>1</v>
      </c>
      <c r="D13102">
        <v>0</v>
      </c>
    </row>
    <row r="13103" spans="1:4" x14ac:dyDescent="0.25">
      <c r="A13103" t="s">
        <v>19962</v>
      </c>
      <c r="B13103" t="s">
        <v>19963</v>
      </c>
      <c r="C13103">
        <v>0</v>
      </c>
      <c r="D13103">
        <v>0</v>
      </c>
    </row>
    <row r="13104" spans="1:4" x14ac:dyDescent="0.25">
      <c r="A13104" t="s">
        <v>19964</v>
      </c>
      <c r="B13104" t="s">
        <v>19965</v>
      </c>
      <c r="C13104">
        <v>1</v>
      </c>
      <c r="D13104">
        <v>0</v>
      </c>
    </row>
    <row r="13105" spans="1:4" x14ac:dyDescent="0.25">
      <c r="A13105" t="s">
        <v>19966</v>
      </c>
      <c r="B13105" t="s">
        <v>19967</v>
      </c>
      <c r="C13105">
        <v>1</v>
      </c>
      <c r="D13105">
        <v>0</v>
      </c>
    </row>
    <row r="13106" spans="1:4" x14ac:dyDescent="0.25">
      <c r="A13106" t="s">
        <v>19968</v>
      </c>
      <c r="B13106" t="s">
        <v>19969</v>
      </c>
      <c r="C13106">
        <v>1</v>
      </c>
      <c r="D13106">
        <v>0</v>
      </c>
    </row>
    <row r="13107" spans="1:4" x14ac:dyDescent="0.25">
      <c r="A13107" t="s">
        <v>19970</v>
      </c>
      <c r="B13107" t="s">
        <v>19971</v>
      </c>
      <c r="C13107">
        <v>1</v>
      </c>
      <c r="D13107">
        <v>0</v>
      </c>
    </row>
    <row r="13108" spans="1:4" x14ac:dyDescent="0.25">
      <c r="A13108" t="s">
        <v>19972</v>
      </c>
      <c r="B13108" t="s">
        <v>19973</v>
      </c>
      <c r="C13108">
        <v>1</v>
      </c>
      <c r="D13108">
        <v>0</v>
      </c>
    </row>
    <row r="13109" spans="1:4" x14ac:dyDescent="0.25">
      <c r="A13109" t="s">
        <v>19974</v>
      </c>
      <c r="B13109" t="s">
        <v>19975</v>
      </c>
      <c r="C13109">
        <v>0</v>
      </c>
      <c r="D13109">
        <v>0</v>
      </c>
    </row>
    <row r="13110" spans="1:4" x14ac:dyDescent="0.25">
      <c r="A13110" t="s">
        <v>19976</v>
      </c>
      <c r="B13110" t="s">
        <v>19977</v>
      </c>
      <c r="C13110">
        <v>1</v>
      </c>
      <c r="D13110">
        <v>0</v>
      </c>
    </row>
    <row r="13111" spans="1:4" x14ac:dyDescent="0.25">
      <c r="A13111" t="s">
        <v>19978</v>
      </c>
      <c r="B13111" t="s">
        <v>19979</v>
      </c>
      <c r="C13111">
        <v>0</v>
      </c>
      <c r="D13111">
        <v>0</v>
      </c>
    </row>
    <row r="13112" spans="1:4" x14ac:dyDescent="0.25">
      <c r="A13112" t="s">
        <v>19980</v>
      </c>
      <c r="B13112" t="s">
        <v>19981</v>
      </c>
      <c r="C13112">
        <v>1</v>
      </c>
      <c r="D13112">
        <v>0</v>
      </c>
    </row>
    <row r="13113" spans="1:4" x14ac:dyDescent="0.25">
      <c r="A13113" t="s">
        <v>19982</v>
      </c>
      <c r="B13113" t="s">
        <v>19983</v>
      </c>
      <c r="C13113">
        <v>1</v>
      </c>
      <c r="D13113">
        <v>0</v>
      </c>
    </row>
    <row r="13114" spans="1:4" x14ac:dyDescent="0.25">
      <c r="A13114" t="s">
        <v>19984</v>
      </c>
      <c r="B13114" t="s">
        <v>19985</v>
      </c>
      <c r="C13114">
        <v>1</v>
      </c>
      <c r="D13114">
        <v>0</v>
      </c>
    </row>
    <row r="13115" spans="1:4" x14ac:dyDescent="0.25">
      <c r="A13115" t="s">
        <v>19986</v>
      </c>
      <c r="B13115" t="s">
        <v>19987</v>
      </c>
      <c r="C13115">
        <v>0</v>
      </c>
      <c r="D13115">
        <v>0</v>
      </c>
    </row>
    <row r="13116" spans="1:4" x14ac:dyDescent="0.25">
      <c r="A13116" t="s">
        <v>19988</v>
      </c>
      <c r="B13116" t="s">
        <v>19989</v>
      </c>
      <c r="C13116">
        <v>1</v>
      </c>
      <c r="D13116">
        <v>0</v>
      </c>
    </row>
    <row r="13117" spans="1:4" x14ac:dyDescent="0.25">
      <c r="A13117" t="s">
        <v>19990</v>
      </c>
      <c r="B13117" t="s">
        <v>19991</v>
      </c>
      <c r="C13117">
        <v>1</v>
      </c>
      <c r="D13117">
        <v>0</v>
      </c>
    </row>
    <row r="13118" spans="1:4" x14ac:dyDescent="0.25">
      <c r="A13118" t="s">
        <v>19990</v>
      </c>
      <c r="B13118" t="s">
        <v>19992</v>
      </c>
      <c r="C13118">
        <v>0</v>
      </c>
      <c r="D13118">
        <v>0</v>
      </c>
    </row>
    <row r="13119" spans="1:4" x14ac:dyDescent="0.25">
      <c r="A13119" t="s">
        <v>19990</v>
      </c>
      <c r="B13119" t="s">
        <v>19993</v>
      </c>
      <c r="C13119">
        <v>2</v>
      </c>
      <c r="D13119">
        <v>0</v>
      </c>
    </row>
    <row r="13120" spans="1:4" x14ac:dyDescent="0.25">
      <c r="A13120" t="s">
        <v>19994</v>
      </c>
      <c r="B13120" t="s">
        <v>19995</v>
      </c>
      <c r="C13120">
        <v>1</v>
      </c>
      <c r="D13120">
        <v>0</v>
      </c>
    </row>
    <row r="13121" spans="1:4" x14ac:dyDescent="0.25">
      <c r="A13121" t="s">
        <v>19994</v>
      </c>
      <c r="B13121" t="s">
        <v>19996</v>
      </c>
      <c r="C13121">
        <v>0</v>
      </c>
      <c r="D13121">
        <v>0</v>
      </c>
    </row>
    <row r="13122" spans="1:4" x14ac:dyDescent="0.25">
      <c r="A13122" t="s">
        <v>19997</v>
      </c>
      <c r="B13122" t="s">
        <v>19998</v>
      </c>
      <c r="C13122">
        <v>0</v>
      </c>
      <c r="D13122">
        <v>0</v>
      </c>
    </row>
    <row r="13123" spans="1:4" x14ac:dyDescent="0.25">
      <c r="A13123" t="s">
        <v>19999</v>
      </c>
      <c r="B13123" t="s">
        <v>20000</v>
      </c>
      <c r="C13123">
        <v>1</v>
      </c>
      <c r="D13123">
        <v>0</v>
      </c>
    </row>
    <row r="13124" spans="1:4" x14ac:dyDescent="0.25">
      <c r="A13124" t="s">
        <v>20001</v>
      </c>
      <c r="B13124" t="s">
        <v>20002</v>
      </c>
      <c r="C13124">
        <v>1</v>
      </c>
      <c r="D13124">
        <v>0</v>
      </c>
    </row>
    <row r="13125" spans="1:4" x14ac:dyDescent="0.25">
      <c r="A13125" t="s">
        <v>20003</v>
      </c>
      <c r="B13125" t="s">
        <v>20004</v>
      </c>
      <c r="C13125">
        <v>1</v>
      </c>
      <c r="D13125">
        <v>0</v>
      </c>
    </row>
    <row r="13126" spans="1:4" x14ac:dyDescent="0.25">
      <c r="A13126" t="s">
        <v>20005</v>
      </c>
      <c r="B13126" t="s">
        <v>20006</v>
      </c>
      <c r="C13126">
        <v>0</v>
      </c>
      <c r="D13126">
        <v>0</v>
      </c>
    </row>
    <row r="13127" spans="1:4" x14ac:dyDescent="0.25">
      <c r="A13127" t="s">
        <v>20007</v>
      </c>
      <c r="B13127" t="s">
        <v>20008</v>
      </c>
      <c r="C13127">
        <v>0</v>
      </c>
      <c r="D13127">
        <v>0</v>
      </c>
    </row>
    <row r="13128" spans="1:4" x14ac:dyDescent="0.25">
      <c r="A13128" t="s">
        <v>20009</v>
      </c>
      <c r="B13128" t="s">
        <v>5434</v>
      </c>
      <c r="C13128">
        <v>1</v>
      </c>
      <c r="D13128">
        <v>0</v>
      </c>
    </row>
    <row r="13129" spans="1:4" x14ac:dyDescent="0.25">
      <c r="A13129" t="s">
        <v>20009</v>
      </c>
      <c r="B13129" t="s">
        <v>20010</v>
      </c>
      <c r="C13129">
        <v>0</v>
      </c>
      <c r="D13129">
        <v>0</v>
      </c>
    </row>
    <row r="13130" spans="1:4" x14ac:dyDescent="0.25">
      <c r="A13130" t="s">
        <v>20011</v>
      </c>
      <c r="B13130" t="s">
        <v>20012</v>
      </c>
      <c r="C13130">
        <v>1</v>
      </c>
      <c r="D13130">
        <v>0</v>
      </c>
    </row>
    <row r="13131" spans="1:4" x14ac:dyDescent="0.25">
      <c r="A13131" t="s">
        <v>20011</v>
      </c>
      <c r="B13131" t="s">
        <v>20013</v>
      </c>
      <c r="C13131">
        <v>0</v>
      </c>
      <c r="D13131">
        <v>0</v>
      </c>
    </row>
    <row r="13132" spans="1:4" x14ac:dyDescent="0.25">
      <c r="A13132" t="s">
        <v>20014</v>
      </c>
      <c r="B13132" t="s">
        <v>20015</v>
      </c>
      <c r="C13132">
        <v>1</v>
      </c>
      <c r="D13132">
        <v>0</v>
      </c>
    </row>
    <row r="13133" spans="1:4" x14ac:dyDescent="0.25">
      <c r="A13133" t="s">
        <v>20016</v>
      </c>
      <c r="B13133" t="s">
        <v>20017</v>
      </c>
      <c r="C13133">
        <v>1</v>
      </c>
      <c r="D13133">
        <v>0</v>
      </c>
    </row>
    <row r="13134" spans="1:4" x14ac:dyDescent="0.25">
      <c r="A13134" t="s">
        <v>20018</v>
      </c>
      <c r="B13134" t="s">
        <v>20019</v>
      </c>
      <c r="C13134">
        <v>1</v>
      </c>
      <c r="D13134">
        <v>0</v>
      </c>
    </row>
    <row r="13135" spans="1:4" x14ac:dyDescent="0.25">
      <c r="A13135" t="s">
        <v>20020</v>
      </c>
      <c r="B13135" t="s">
        <v>20021</v>
      </c>
      <c r="C13135">
        <v>1</v>
      </c>
      <c r="D13135">
        <v>0</v>
      </c>
    </row>
    <row r="13136" spans="1:4" x14ac:dyDescent="0.25">
      <c r="A13136" t="s">
        <v>20020</v>
      </c>
      <c r="B13136" t="s">
        <v>20022</v>
      </c>
      <c r="C13136">
        <v>0</v>
      </c>
      <c r="D13136">
        <v>0</v>
      </c>
    </row>
    <row r="13137" spans="1:4" x14ac:dyDescent="0.25">
      <c r="A13137" t="s">
        <v>20020</v>
      </c>
      <c r="B13137" t="s">
        <v>20023</v>
      </c>
      <c r="C13137">
        <v>2</v>
      </c>
      <c r="D13137">
        <v>0</v>
      </c>
    </row>
    <row r="13138" spans="1:4" x14ac:dyDescent="0.25">
      <c r="A13138" t="s">
        <v>20024</v>
      </c>
      <c r="B13138" t="s">
        <v>20025</v>
      </c>
      <c r="C13138">
        <v>1</v>
      </c>
      <c r="D13138">
        <v>0</v>
      </c>
    </row>
    <row r="13139" spans="1:4" x14ac:dyDescent="0.25">
      <c r="A13139" t="s">
        <v>20026</v>
      </c>
      <c r="B13139" t="s">
        <v>20027</v>
      </c>
      <c r="C13139">
        <v>1</v>
      </c>
      <c r="D13139">
        <v>0</v>
      </c>
    </row>
    <row r="13140" spans="1:4" x14ac:dyDescent="0.25">
      <c r="A13140" t="s">
        <v>20028</v>
      </c>
      <c r="B13140" t="s">
        <v>20029</v>
      </c>
      <c r="C13140">
        <v>1</v>
      </c>
      <c r="D13140">
        <v>0</v>
      </c>
    </row>
    <row r="13141" spans="1:4" x14ac:dyDescent="0.25">
      <c r="A13141" t="s">
        <v>20030</v>
      </c>
      <c r="B13141" t="s">
        <v>20031</v>
      </c>
      <c r="C13141">
        <v>1</v>
      </c>
      <c r="D13141">
        <v>0</v>
      </c>
    </row>
    <row r="13142" spans="1:4" x14ac:dyDescent="0.25">
      <c r="A13142" t="s">
        <v>20032</v>
      </c>
      <c r="B13142" t="s">
        <v>20033</v>
      </c>
      <c r="C13142">
        <v>1</v>
      </c>
      <c r="D13142">
        <v>0</v>
      </c>
    </row>
    <row r="13143" spans="1:4" x14ac:dyDescent="0.25">
      <c r="A13143" t="s">
        <v>20034</v>
      </c>
      <c r="B13143" t="s">
        <v>20035</v>
      </c>
      <c r="C13143">
        <v>1</v>
      </c>
      <c r="D13143">
        <v>0</v>
      </c>
    </row>
    <row r="13144" spans="1:4" x14ac:dyDescent="0.25">
      <c r="A13144" t="s">
        <v>20036</v>
      </c>
      <c r="B13144" t="s">
        <v>20037</v>
      </c>
      <c r="C13144">
        <v>0</v>
      </c>
      <c r="D13144">
        <v>0</v>
      </c>
    </row>
    <row r="13145" spans="1:4" x14ac:dyDescent="0.25">
      <c r="A13145" t="s">
        <v>20038</v>
      </c>
      <c r="B13145" t="s">
        <v>20039</v>
      </c>
      <c r="C13145">
        <v>1</v>
      </c>
      <c r="D13145">
        <v>0</v>
      </c>
    </row>
    <row r="13146" spans="1:4" x14ac:dyDescent="0.25">
      <c r="A13146" t="s">
        <v>20040</v>
      </c>
      <c r="B13146" t="s">
        <v>20041</v>
      </c>
      <c r="C13146">
        <v>1</v>
      </c>
      <c r="D13146">
        <v>0</v>
      </c>
    </row>
    <row r="13147" spans="1:4" x14ac:dyDescent="0.25">
      <c r="A13147" t="s">
        <v>20040</v>
      </c>
      <c r="B13147" t="s">
        <v>20042</v>
      </c>
      <c r="C13147">
        <v>2</v>
      </c>
      <c r="D13147">
        <v>0</v>
      </c>
    </row>
    <row r="13148" spans="1:4" x14ac:dyDescent="0.25">
      <c r="A13148" t="s">
        <v>20040</v>
      </c>
      <c r="B13148" t="s">
        <v>20043</v>
      </c>
      <c r="C13148">
        <v>2</v>
      </c>
      <c r="D13148">
        <v>0</v>
      </c>
    </row>
    <row r="13149" spans="1:4" x14ac:dyDescent="0.25">
      <c r="A13149" t="s">
        <v>20044</v>
      </c>
      <c r="B13149" t="s">
        <v>20045</v>
      </c>
      <c r="C13149">
        <v>1</v>
      </c>
      <c r="D13149">
        <v>0</v>
      </c>
    </row>
    <row r="13150" spans="1:4" x14ac:dyDescent="0.25">
      <c r="A13150" t="s">
        <v>20046</v>
      </c>
      <c r="B13150" t="s">
        <v>20047</v>
      </c>
      <c r="C13150">
        <v>1</v>
      </c>
      <c r="D13150">
        <v>0</v>
      </c>
    </row>
    <row r="13151" spans="1:4" x14ac:dyDescent="0.25">
      <c r="A13151" t="s">
        <v>20046</v>
      </c>
      <c r="B13151" t="s">
        <v>20048</v>
      </c>
      <c r="C13151">
        <v>0</v>
      </c>
      <c r="D13151">
        <v>0</v>
      </c>
    </row>
    <row r="13152" spans="1:4" x14ac:dyDescent="0.25">
      <c r="A13152" t="s">
        <v>20046</v>
      </c>
      <c r="B13152" t="s">
        <v>20049</v>
      </c>
      <c r="C13152">
        <v>2</v>
      </c>
      <c r="D13152">
        <v>0</v>
      </c>
    </row>
    <row r="13153" spans="1:4" x14ac:dyDescent="0.25">
      <c r="A13153" t="s">
        <v>20046</v>
      </c>
      <c r="B13153" t="s">
        <v>20050</v>
      </c>
      <c r="C13153">
        <v>2</v>
      </c>
      <c r="D13153">
        <v>0</v>
      </c>
    </row>
    <row r="13154" spans="1:4" x14ac:dyDescent="0.25">
      <c r="A13154" t="s">
        <v>20046</v>
      </c>
      <c r="B13154" t="s">
        <v>20051</v>
      </c>
      <c r="C13154">
        <v>2</v>
      </c>
      <c r="D13154">
        <v>0</v>
      </c>
    </row>
    <row r="13155" spans="1:4" x14ac:dyDescent="0.25">
      <c r="A13155" t="s">
        <v>20052</v>
      </c>
      <c r="B13155" t="s">
        <v>20053</v>
      </c>
      <c r="C13155">
        <v>0</v>
      </c>
      <c r="D13155">
        <v>0</v>
      </c>
    </row>
    <row r="13156" spans="1:4" x14ac:dyDescent="0.25">
      <c r="A13156" t="s">
        <v>20054</v>
      </c>
      <c r="B13156" t="s">
        <v>20055</v>
      </c>
      <c r="C13156">
        <v>2</v>
      </c>
      <c r="D13156">
        <v>0</v>
      </c>
    </row>
    <row r="13157" spans="1:4" x14ac:dyDescent="0.25">
      <c r="A13157" t="s">
        <v>20056</v>
      </c>
      <c r="B13157" t="s">
        <v>20057</v>
      </c>
      <c r="C13157">
        <v>1</v>
      </c>
      <c r="D13157">
        <v>0</v>
      </c>
    </row>
    <row r="13158" spans="1:4" x14ac:dyDescent="0.25">
      <c r="A13158" t="s">
        <v>20056</v>
      </c>
      <c r="B13158" t="s">
        <v>20058</v>
      </c>
      <c r="C13158">
        <v>0</v>
      </c>
      <c r="D13158">
        <v>0</v>
      </c>
    </row>
    <row r="13159" spans="1:4" x14ac:dyDescent="0.25">
      <c r="A13159" t="s">
        <v>20059</v>
      </c>
      <c r="B13159" t="s">
        <v>20060</v>
      </c>
      <c r="C13159">
        <v>0</v>
      </c>
      <c r="D13159">
        <v>0</v>
      </c>
    </row>
    <row r="13160" spans="1:4" x14ac:dyDescent="0.25">
      <c r="A13160" t="s">
        <v>20061</v>
      </c>
      <c r="B13160" t="s">
        <v>20062</v>
      </c>
      <c r="C13160">
        <v>1</v>
      </c>
      <c r="D13160">
        <v>0</v>
      </c>
    </row>
    <row r="13161" spans="1:4" x14ac:dyDescent="0.25">
      <c r="A13161" t="s">
        <v>20063</v>
      </c>
      <c r="B13161" t="s">
        <v>20064</v>
      </c>
      <c r="C13161">
        <v>1</v>
      </c>
      <c r="D13161">
        <v>0</v>
      </c>
    </row>
    <row r="13162" spans="1:4" x14ac:dyDescent="0.25">
      <c r="A13162" t="s">
        <v>20065</v>
      </c>
      <c r="B13162" t="s">
        <v>20066</v>
      </c>
      <c r="C13162">
        <v>1</v>
      </c>
      <c r="D13162">
        <v>0</v>
      </c>
    </row>
    <row r="13163" spans="1:4" x14ac:dyDescent="0.25">
      <c r="A13163" t="s">
        <v>20067</v>
      </c>
      <c r="B13163" t="s">
        <v>20068</v>
      </c>
      <c r="C13163">
        <v>1</v>
      </c>
      <c r="D13163">
        <v>0</v>
      </c>
    </row>
    <row r="13164" spans="1:4" x14ac:dyDescent="0.25">
      <c r="A13164" t="s">
        <v>20067</v>
      </c>
      <c r="B13164" t="s">
        <v>20069</v>
      </c>
      <c r="C13164">
        <v>2</v>
      </c>
      <c r="D13164">
        <v>0</v>
      </c>
    </row>
    <row r="13165" spans="1:4" x14ac:dyDescent="0.25">
      <c r="A13165" t="s">
        <v>20070</v>
      </c>
      <c r="B13165" t="s">
        <v>20071</v>
      </c>
      <c r="C13165">
        <v>0</v>
      </c>
      <c r="D13165">
        <v>0</v>
      </c>
    </row>
    <row r="13166" spans="1:4" x14ac:dyDescent="0.25">
      <c r="A13166" t="s">
        <v>20072</v>
      </c>
      <c r="B13166" t="s">
        <v>20073</v>
      </c>
      <c r="C13166">
        <v>1</v>
      </c>
      <c r="D13166">
        <v>0</v>
      </c>
    </row>
    <row r="13167" spans="1:4" x14ac:dyDescent="0.25">
      <c r="A13167" t="s">
        <v>20074</v>
      </c>
      <c r="B13167" t="s">
        <v>20075</v>
      </c>
      <c r="C13167">
        <v>1</v>
      </c>
      <c r="D13167">
        <v>0</v>
      </c>
    </row>
    <row r="13168" spans="1:4" x14ac:dyDescent="0.25">
      <c r="A13168" t="s">
        <v>20076</v>
      </c>
      <c r="B13168" t="s">
        <v>20077</v>
      </c>
      <c r="C13168">
        <v>1</v>
      </c>
      <c r="D13168">
        <v>0</v>
      </c>
    </row>
    <row r="13169" spans="1:4" x14ac:dyDescent="0.25">
      <c r="A13169" t="s">
        <v>20078</v>
      </c>
      <c r="B13169" t="s">
        <v>20079</v>
      </c>
      <c r="C13169">
        <v>1</v>
      </c>
      <c r="D13169">
        <v>0</v>
      </c>
    </row>
    <row r="13170" spans="1:4" x14ac:dyDescent="0.25">
      <c r="A13170" t="s">
        <v>20078</v>
      </c>
      <c r="B13170" t="s">
        <v>20080</v>
      </c>
      <c r="C13170">
        <v>1</v>
      </c>
      <c r="D13170">
        <v>0</v>
      </c>
    </row>
    <row r="13171" spans="1:4" x14ac:dyDescent="0.25">
      <c r="A13171" t="s">
        <v>20078</v>
      </c>
      <c r="B13171" t="s">
        <v>20081</v>
      </c>
      <c r="C13171">
        <v>1</v>
      </c>
      <c r="D13171">
        <v>0</v>
      </c>
    </row>
    <row r="13172" spans="1:4" x14ac:dyDescent="0.25">
      <c r="A13172" t="s">
        <v>20082</v>
      </c>
      <c r="B13172" t="s">
        <v>20083</v>
      </c>
      <c r="C13172">
        <v>0</v>
      </c>
      <c r="D13172">
        <v>0</v>
      </c>
    </row>
    <row r="13173" spans="1:4" x14ac:dyDescent="0.25">
      <c r="A13173" t="s">
        <v>20084</v>
      </c>
      <c r="B13173" t="s">
        <v>20085</v>
      </c>
      <c r="C13173">
        <v>1</v>
      </c>
      <c r="D13173">
        <v>0</v>
      </c>
    </row>
    <row r="13174" spans="1:4" x14ac:dyDescent="0.25">
      <c r="A13174" t="s">
        <v>20084</v>
      </c>
      <c r="B13174" t="s">
        <v>20086</v>
      </c>
      <c r="C13174">
        <v>0</v>
      </c>
      <c r="D13174">
        <v>0</v>
      </c>
    </row>
    <row r="13175" spans="1:4" x14ac:dyDescent="0.25">
      <c r="A13175" t="s">
        <v>20087</v>
      </c>
      <c r="B13175" t="s">
        <v>20088</v>
      </c>
      <c r="C13175">
        <v>1</v>
      </c>
      <c r="D13175">
        <v>0</v>
      </c>
    </row>
    <row r="13176" spans="1:4" x14ac:dyDescent="0.25">
      <c r="A13176" t="s">
        <v>20089</v>
      </c>
      <c r="B13176" t="s">
        <v>20090</v>
      </c>
      <c r="C13176">
        <v>2</v>
      </c>
      <c r="D13176">
        <v>0</v>
      </c>
    </row>
    <row r="13177" spans="1:4" x14ac:dyDescent="0.25">
      <c r="A13177" t="s">
        <v>20089</v>
      </c>
      <c r="B13177" t="s">
        <v>20091</v>
      </c>
      <c r="C13177">
        <v>2</v>
      </c>
      <c r="D13177">
        <v>0</v>
      </c>
    </row>
    <row r="13178" spans="1:4" x14ac:dyDescent="0.25">
      <c r="A13178" t="s">
        <v>20092</v>
      </c>
      <c r="B13178" t="s">
        <v>20093</v>
      </c>
      <c r="C13178">
        <v>1</v>
      </c>
      <c r="D13178">
        <v>0</v>
      </c>
    </row>
    <row r="13179" spans="1:4" x14ac:dyDescent="0.25">
      <c r="A13179" t="s">
        <v>20094</v>
      </c>
      <c r="B13179" t="s">
        <v>20095</v>
      </c>
      <c r="C13179">
        <v>1</v>
      </c>
      <c r="D13179">
        <v>0</v>
      </c>
    </row>
    <row r="13180" spans="1:4" x14ac:dyDescent="0.25">
      <c r="A13180" t="s">
        <v>20096</v>
      </c>
      <c r="B13180" t="s">
        <v>20097</v>
      </c>
      <c r="C13180">
        <v>0</v>
      </c>
      <c r="D13180">
        <v>0</v>
      </c>
    </row>
    <row r="13181" spans="1:4" x14ac:dyDescent="0.25">
      <c r="A13181" t="s">
        <v>20098</v>
      </c>
      <c r="B13181" t="s">
        <v>20099</v>
      </c>
      <c r="C13181">
        <v>0</v>
      </c>
      <c r="D13181">
        <v>0</v>
      </c>
    </row>
    <row r="13182" spans="1:4" x14ac:dyDescent="0.25">
      <c r="A13182" t="s">
        <v>20100</v>
      </c>
      <c r="B13182" t="s">
        <v>20101</v>
      </c>
      <c r="C13182">
        <v>2</v>
      </c>
      <c r="D13182">
        <v>0</v>
      </c>
    </row>
    <row r="13183" spans="1:4" x14ac:dyDescent="0.25">
      <c r="A13183" t="s">
        <v>20102</v>
      </c>
      <c r="B13183" t="s">
        <v>20103</v>
      </c>
      <c r="C13183">
        <v>1</v>
      </c>
      <c r="D13183">
        <v>0</v>
      </c>
    </row>
    <row r="13184" spans="1:4" x14ac:dyDescent="0.25">
      <c r="A13184" t="s">
        <v>20104</v>
      </c>
      <c r="B13184" t="s">
        <v>20105</v>
      </c>
      <c r="C13184">
        <v>1</v>
      </c>
      <c r="D13184">
        <v>0</v>
      </c>
    </row>
    <row r="13185" spans="1:4" x14ac:dyDescent="0.25">
      <c r="A13185" t="s">
        <v>20104</v>
      </c>
      <c r="B13185" t="s">
        <v>20106</v>
      </c>
      <c r="C13185">
        <v>2</v>
      </c>
      <c r="D13185">
        <v>0</v>
      </c>
    </row>
    <row r="13186" spans="1:4" x14ac:dyDescent="0.25">
      <c r="A13186" t="s">
        <v>20107</v>
      </c>
      <c r="B13186" t="s">
        <v>17865</v>
      </c>
      <c r="C13186">
        <v>1</v>
      </c>
      <c r="D13186">
        <v>0</v>
      </c>
    </row>
    <row r="13187" spans="1:4" x14ac:dyDescent="0.25">
      <c r="A13187" t="s">
        <v>20108</v>
      </c>
      <c r="B13187" t="s">
        <v>20109</v>
      </c>
      <c r="C13187">
        <v>1</v>
      </c>
      <c r="D13187">
        <v>0</v>
      </c>
    </row>
    <row r="13188" spans="1:4" x14ac:dyDescent="0.25">
      <c r="A13188" t="s">
        <v>20110</v>
      </c>
      <c r="B13188" t="s">
        <v>20111</v>
      </c>
      <c r="C13188">
        <v>1</v>
      </c>
      <c r="D13188">
        <v>0</v>
      </c>
    </row>
    <row r="13189" spans="1:4" x14ac:dyDescent="0.25">
      <c r="A13189" t="s">
        <v>20110</v>
      </c>
      <c r="B13189" t="s">
        <v>20112</v>
      </c>
      <c r="C13189">
        <v>1</v>
      </c>
      <c r="D13189">
        <v>0</v>
      </c>
    </row>
    <row r="13190" spans="1:4" x14ac:dyDescent="0.25">
      <c r="A13190" t="s">
        <v>20113</v>
      </c>
      <c r="B13190" t="s">
        <v>20114</v>
      </c>
      <c r="C13190">
        <v>0</v>
      </c>
      <c r="D13190">
        <v>0</v>
      </c>
    </row>
    <row r="13191" spans="1:4" x14ac:dyDescent="0.25">
      <c r="A13191" t="s">
        <v>20115</v>
      </c>
      <c r="B13191" t="s">
        <v>20116</v>
      </c>
      <c r="C13191">
        <v>1</v>
      </c>
      <c r="D13191">
        <v>0</v>
      </c>
    </row>
    <row r="13192" spans="1:4" x14ac:dyDescent="0.25">
      <c r="A13192" t="s">
        <v>20117</v>
      </c>
      <c r="B13192" t="s">
        <v>20118</v>
      </c>
      <c r="C13192">
        <v>1</v>
      </c>
      <c r="D13192">
        <v>0</v>
      </c>
    </row>
    <row r="13193" spans="1:4" x14ac:dyDescent="0.25">
      <c r="A13193" t="s">
        <v>20119</v>
      </c>
      <c r="B13193" t="s">
        <v>20120</v>
      </c>
      <c r="C13193">
        <v>1</v>
      </c>
      <c r="D13193">
        <v>0</v>
      </c>
    </row>
    <row r="13194" spans="1:4" x14ac:dyDescent="0.25">
      <c r="A13194" t="s">
        <v>20121</v>
      </c>
      <c r="B13194" t="s">
        <v>20122</v>
      </c>
      <c r="C13194">
        <v>0</v>
      </c>
      <c r="D13194">
        <v>0</v>
      </c>
    </row>
    <row r="13195" spans="1:4" x14ac:dyDescent="0.25">
      <c r="A13195" t="s">
        <v>20123</v>
      </c>
      <c r="B13195" t="s">
        <v>20124</v>
      </c>
      <c r="C13195">
        <v>2</v>
      </c>
      <c r="D13195">
        <v>0</v>
      </c>
    </row>
    <row r="13196" spans="1:4" x14ac:dyDescent="0.25">
      <c r="A13196" t="s">
        <v>20125</v>
      </c>
      <c r="B13196" t="s">
        <v>20126</v>
      </c>
      <c r="C13196">
        <v>0</v>
      </c>
      <c r="D13196">
        <v>0</v>
      </c>
    </row>
    <row r="13197" spans="1:4" x14ac:dyDescent="0.25">
      <c r="A13197" t="s">
        <v>20127</v>
      </c>
      <c r="B13197" t="s">
        <v>20128</v>
      </c>
      <c r="C13197">
        <v>1</v>
      </c>
      <c r="D13197">
        <v>0</v>
      </c>
    </row>
    <row r="13198" spans="1:4" x14ac:dyDescent="0.25">
      <c r="A13198" t="s">
        <v>20129</v>
      </c>
      <c r="B13198" t="s">
        <v>20130</v>
      </c>
      <c r="C13198">
        <v>1</v>
      </c>
      <c r="D13198">
        <v>0</v>
      </c>
    </row>
    <row r="13199" spans="1:4" x14ac:dyDescent="0.25">
      <c r="A13199" t="s">
        <v>20131</v>
      </c>
      <c r="B13199" t="s">
        <v>20132</v>
      </c>
      <c r="C13199">
        <v>1</v>
      </c>
      <c r="D13199">
        <v>0</v>
      </c>
    </row>
    <row r="13200" spans="1:4" x14ac:dyDescent="0.25">
      <c r="A13200" t="s">
        <v>20133</v>
      </c>
      <c r="B13200" t="s">
        <v>20134</v>
      </c>
      <c r="C13200">
        <v>2</v>
      </c>
      <c r="D13200">
        <v>0</v>
      </c>
    </row>
    <row r="13201" spans="1:4" x14ac:dyDescent="0.25">
      <c r="A13201" t="s">
        <v>20135</v>
      </c>
      <c r="B13201" t="s">
        <v>20136</v>
      </c>
      <c r="C13201">
        <v>0</v>
      </c>
      <c r="D13201">
        <v>0</v>
      </c>
    </row>
    <row r="13202" spans="1:4" x14ac:dyDescent="0.25">
      <c r="A13202" t="s">
        <v>20137</v>
      </c>
      <c r="B13202" t="s">
        <v>20138</v>
      </c>
      <c r="C13202">
        <v>1</v>
      </c>
      <c r="D13202">
        <v>0</v>
      </c>
    </row>
    <row r="13203" spans="1:4" x14ac:dyDescent="0.25">
      <c r="A13203" t="s">
        <v>20139</v>
      </c>
      <c r="B13203" t="s">
        <v>20136</v>
      </c>
      <c r="C13203">
        <v>0</v>
      </c>
      <c r="D13203">
        <v>0</v>
      </c>
    </row>
    <row r="13204" spans="1:4" x14ac:dyDescent="0.25">
      <c r="A13204" t="s">
        <v>20140</v>
      </c>
      <c r="B13204" t="s">
        <v>20141</v>
      </c>
      <c r="C13204">
        <v>1</v>
      </c>
      <c r="D13204">
        <v>0</v>
      </c>
    </row>
    <row r="13205" spans="1:4" x14ac:dyDescent="0.25">
      <c r="A13205" t="s">
        <v>20140</v>
      </c>
      <c r="B13205" t="s">
        <v>20142</v>
      </c>
      <c r="C13205">
        <v>0</v>
      </c>
      <c r="D13205">
        <v>0</v>
      </c>
    </row>
    <row r="13206" spans="1:4" x14ac:dyDescent="0.25">
      <c r="A13206" t="s">
        <v>20143</v>
      </c>
      <c r="B13206" t="s">
        <v>20144</v>
      </c>
      <c r="C13206">
        <v>0</v>
      </c>
      <c r="D13206">
        <v>0</v>
      </c>
    </row>
    <row r="13207" spans="1:4" x14ac:dyDescent="0.25">
      <c r="A13207" t="s">
        <v>20145</v>
      </c>
      <c r="B13207" t="s">
        <v>20146</v>
      </c>
      <c r="C13207">
        <v>1</v>
      </c>
      <c r="D13207">
        <v>0</v>
      </c>
    </row>
    <row r="13208" spans="1:4" x14ac:dyDescent="0.25">
      <c r="A13208" t="s">
        <v>20147</v>
      </c>
      <c r="B13208" t="s">
        <v>20148</v>
      </c>
      <c r="C13208">
        <v>1</v>
      </c>
      <c r="D13208">
        <v>0</v>
      </c>
    </row>
    <row r="13209" spans="1:4" x14ac:dyDescent="0.25">
      <c r="A13209" t="s">
        <v>20149</v>
      </c>
      <c r="B13209" t="s">
        <v>20150</v>
      </c>
      <c r="C13209">
        <v>0</v>
      </c>
      <c r="D13209">
        <v>0</v>
      </c>
    </row>
    <row r="13210" spans="1:4" x14ac:dyDescent="0.25">
      <c r="A13210" t="s">
        <v>20151</v>
      </c>
      <c r="B13210" t="s">
        <v>20152</v>
      </c>
      <c r="C13210">
        <v>1</v>
      </c>
      <c r="D13210">
        <v>0</v>
      </c>
    </row>
    <row r="13211" spans="1:4" x14ac:dyDescent="0.25">
      <c r="A13211" t="s">
        <v>20153</v>
      </c>
      <c r="B13211" t="s">
        <v>20154</v>
      </c>
      <c r="C13211">
        <v>0</v>
      </c>
      <c r="D13211">
        <v>0</v>
      </c>
    </row>
    <row r="13212" spans="1:4" x14ac:dyDescent="0.25">
      <c r="A13212" t="s">
        <v>20155</v>
      </c>
      <c r="B13212" t="s">
        <v>20156</v>
      </c>
      <c r="C13212">
        <v>0</v>
      </c>
      <c r="D13212">
        <v>0</v>
      </c>
    </row>
    <row r="13213" spans="1:4" x14ac:dyDescent="0.25">
      <c r="A13213" t="s">
        <v>20157</v>
      </c>
      <c r="B13213" t="s">
        <v>20158</v>
      </c>
      <c r="C13213">
        <v>1</v>
      </c>
      <c r="D13213">
        <v>0</v>
      </c>
    </row>
    <row r="13214" spans="1:4" x14ac:dyDescent="0.25">
      <c r="A13214" t="s">
        <v>20159</v>
      </c>
      <c r="B13214" t="s">
        <v>20160</v>
      </c>
      <c r="C13214">
        <v>1</v>
      </c>
      <c r="D13214">
        <v>0</v>
      </c>
    </row>
    <row r="13215" spans="1:4" x14ac:dyDescent="0.25">
      <c r="A13215" t="s">
        <v>20161</v>
      </c>
      <c r="B13215" t="s">
        <v>20162</v>
      </c>
      <c r="C13215">
        <v>1</v>
      </c>
      <c r="D13215">
        <v>0</v>
      </c>
    </row>
    <row r="13216" spans="1:4" x14ac:dyDescent="0.25">
      <c r="A13216" t="s">
        <v>20163</v>
      </c>
      <c r="B13216" t="s">
        <v>20164</v>
      </c>
      <c r="C13216">
        <v>1</v>
      </c>
      <c r="D13216">
        <v>0</v>
      </c>
    </row>
    <row r="13217" spans="1:4" x14ac:dyDescent="0.25">
      <c r="A13217" t="s">
        <v>20165</v>
      </c>
      <c r="B13217" t="s">
        <v>20166</v>
      </c>
      <c r="C13217">
        <v>1</v>
      </c>
      <c r="D13217">
        <v>0</v>
      </c>
    </row>
    <row r="13218" spans="1:4" x14ac:dyDescent="0.25">
      <c r="A13218" t="s">
        <v>20167</v>
      </c>
      <c r="B13218" t="s">
        <v>20168</v>
      </c>
      <c r="C13218">
        <v>1</v>
      </c>
      <c r="D13218">
        <v>0</v>
      </c>
    </row>
    <row r="13219" spans="1:4" x14ac:dyDescent="0.25">
      <c r="A13219" t="s">
        <v>20169</v>
      </c>
      <c r="B13219" t="s">
        <v>20170</v>
      </c>
      <c r="C13219">
        <v>1</v>
      </c>
      <c r="D13219">
        <v>0</v>
      </c>
    </row>
    <row r="13220" spans="1:4" x14ac:dyDescent="0.25">
      <c r="A13220" t="s">
        <v>20171</v>
      </c>
      <c r="B13220" t="s">
        <v>20172</v>
      </c>
      <c r="C13220">
        <v>1</v>
      </c>
      <c r="D13220">
        <v>0</v>
      </c>
    </row>
    <row r="13221" spans="1:4" x14ac:dyDescent="0.25">
      <c r="A13221" t="s">
        <v>20173</v>
      </c>
      <c r="B13221" t="s">
        <v>20174</v>
      </c>
      <c r="C13221">
        <v>2</v>
      </c>
      <c r="D13221">
        <v>0</v>
      </c>
    </row>
    <row r="13222" spans="1:4" x14ac:dyDescent="0.25">
      <c r="A13222" t="s">
        <v>20175</v>
      </c>
      <c r="B13222" t="s">
        <v>20176</v>
      </c>
      <c r="C13222">
        <v>1</v>
      </c>
      <c r="D13222">
        <v>0</v>
      </c>
    </row>
    <row r="13223" spans="1:4" x14ac:dyDescent="0.25">
      <c r="A13223" t="s">
        <v>20175</v>
      </c>
      <c r="B13223" t="s">
        <v>20177</v>
      </c>
      <c r="C13223">
        <v>0</v>
      </c>
      <c r="D13223">
        <v>0</v>
      </c>
    </row>
    <row r="13224" spans="1:4" x14ac:dyDescent="0.25">
      <c r="A13224" t="s">
        <v>20178</v>
      </c>
      <c r="B13224" t="s">
        <v>20179</v>
      </c>
      <c r="C13224">
        <v>1</v>
      </c>
      <c r="D13224">
        <v>0</v>
      </c>
    </row>
    <row r="13225" spans="1:4" x14ac:dyDescent="0.25">
      <c r="A13225" t="s">
        <v>20178</v>
      </c>
      <c r="B13225" t="s">
        <v>20180</v>
      </c>
      <c r="C13225">
        <v>2</v>
      </c>
      <c r="D13225">
        <v>0</v>
      </c>
    </row>
    <row r="13226" spans="1:4" x14ac:dyDescent="0.25">
      <c r="A13226" t="s">
        <v>20181</v>
      </c>
      <c r="B13226" t="s">
        <v>20182</v>
      </c>
      <c r="C13226">
        <v>0</v>
      </c>
      <c r="D13226">
        <v>0</v>
      </c>
    </row>
    <row r="13227" spans="1:4" x14ac:dyDescent="0.25">
      <c r="A13227" t="s">
        <v>20183</v>
      </c>
      <c r="B13227" t="s">
        <v>20184</v>
      </c>
      <c r="C13227">
        <v>1</v>
      </c>
      <c r="D13227">
        <v>0</v>
      </c>
    </row>
    <row r="13228" spans="1:4" x14ac:dyDescent="0.25">
      <c r="A13228" t="s">
        <v>20185</v>
      </c>
      <c r="B13228" t="s">
        <v>20186</v>
      </c>
      <c r="C13228">
        <v>1</v>
      </c>
      <c r="D13228">
        <v>0</v>
      </c>
    </row>
    <row r="13229" spans="1:4" x14ac:dyDescent="0.25">
      <c r="A13229" t="s">
        <v>20187</v>
      </c>
      <c r="B13229" t="s">
        <v>20188</v>
      </c>
      <c r="C13229">
        <v>1</v>
      </c>
      <c r="D13229">
        <v>0</v>
      </c>
    </row>
    <row r="13230" spans="1:4" x14ac:dyDescent="0.25">
      <c r="A13230" t="s">
        <v>20189</v>
      </c>
      <c r="B13230" t="s">
        <v>20190</v>
      </c>
      <c r="C13230">
        <v>1</v>
      </c>
      <c r="D13230">
        <v>0</v>
      </c>
    </row>
    <row r="13231" spans="1:4" x14ac:dyDescent="0.25">
      <c r="A13231" t="s">
        <v>20191</v>
      </c>
      <c r="B13231" t="s">
        <v>20192</v>
      </c>
      <c r="C13231">
        <v>1</v>
      </c>
      <c r="D13231">
        <v>0</v>
      </c>
    </row>
    <row r="13232" spans="1:4" x14ac:dyDescent="0.25">
      <c r="A13232" t="s">
        <v>20191</v>
      </c>
      <c r="B13232" t="s">
        <v>20193</v>
      </c>
      <c r="C13232">
        <v>0</v>
      </c>
      <c r="D13232">
        <v>0</v>
      </c>
    </row>
    <row r="13233" spans="1:4" x14ac:dyDescent="0.25">
      <c r="A13233" t="s">
        <v>20194</v>
      </c>
      <c r="B13233" t="s">
        <v>20195</v>
      </c>
      <c r="C13233">
        <v>1</v>
      </c>
      <c r="D13233">
        <v>0</v>
      </c>
    </row>
    <row r="13234" spans="1:4" x14ac:dyDescent="0.25">
      <c r="A13234" t="s">
        <v>20196</v>
      </c>
      <c r="B13234" t="s">
        <v>20197</v>
      </c>
      <c r="C13234">
        <v>0</v>
      </c>
      <c r="D13234">
        <v>0</v>
      </c>
    </row>
    <row r="13235" spans="1:4" x14ac:dyDescent="0.25">
      <c r="A13235" t="s">
        <v>20198</v>
      </c>
      <c r="B13235" t="s">
        <v>20199</v>
      </c>
      <c r="C13235">
        <v>0</v>
      </c>
      <c r="D13235">
        <v>0</v>
      </c>
    </row>
    <row r="13236" spans="1:4" x14ac:dyDescent="0.25">
      <c r="A13236" t="s">
        <v>20200</v>
      </c>
      <c r="B13236" t="s">
        <v>20201</v>
      </c>
      <c r="C13236">
        <v>1</v>
      </c>
      <c r="D13236">
        <v>0</v>
      </c>
    </row>
    <row r="13237" spans="1:4" x14ac:dyDescent="0.25">
      <c r="A13237" t="s">
        <v>20202</v>
      </c>
      <c r="B13237" t="s">
        <v>20203</v>
      </c>
      <c r="C13237">
        <v>1</v>
      </c>
      <c r="D13237">
        <v>0</v>
      </c>
    </row>
    <row r="13238" spans="1:4" x14ac:dyDescent="0.25">
      <c r="A13238" t="s">
        <v>20202</v>
      </c>
      <c r="B13238" t="s">
        <v>20204</v>
      </c>
      <c r="C13238">
        <v>1</v>
      </c>
      <c r="D13238">
        <v>0</v>
      </c>
    </row>
    <row r="13239" spans="1:4" x14ac:dyDescent="0.25">
      <c r="A13239" t="s">
        <v>20205</v>
      </c>
      <c r="B13239" t="s">
        <v>20206</v>
      </c>
      <c r="C13239">
        <v>0</v>
      </c>
      <c r="D13239">
        <v>0</v>
      </c>
    </row>
    <row r="13240" spans="1:4" x14ac:dyDescent="0.25">
      <c r="A13240" t="s">
        <v>20207</v>
      </c>
      <c r="B13240" t="s">
        <v>20208</v>
      </c>
      <c r="C13240">
        <v>2</v>
      </c>
      <c r="D13240">
        <v>0</v>
      </c>
    </row>
    <row r="13241" spans="1:4" x14ac:dyDescent="0.25">
      <c r="A13241" t="s">
        <v>20209</v>
      </c>
      <c r="B13241" t="s">
        <v>20210</v>
      </c>
      <c r="C13241">
        <v>1</v>
      </c>
      <c r="D13241">
        <v>0</v>
      </c>
    </row>
    <row r="13242" spans="1:4" x14ac:dyDescent="0.25">
      <c r="A13242" t="s">
        <v>20211</v>
      </c>
      <c r="B13242" t="s">
        <v>20212</v>
      </c>
      <c r="C13242">
        <v>0</v>
      </c>
      <c r="D13242">
        <v>0</v>
      </c>
    </row>
    <row r="13243" spans="1:4" x14ac:dyDescent="0.25">
      <c r="A13243" t="s">
        <v>20213</v>
      </c>
      <c r="B13243" t="s">
        <v>20214</v>
      </c>
      <c r="C13243">
        <v>1</v>
      </c>
      <c r="D13243">
        <v>0</v>
      </c>
    </row>
    <row r="13244" spans="1:4" x14ac:dyDescent="0.25">
      <c r="A13244" t="s">
        <v>20215</v>
      </c>
      <c r="B13244" t="s">
        <v>20216</v>
      </c>
      <c r="C13244">
        <v>0</v>
      </c>
      <c r="D13244">
        <v>0</v>
      </c>
    </row>
    <row r="13245" spans="1:4" x14ac:dyDescent="0.25">
      <c r="A13245" t="s">
        <v>20215</v>
      </c>
      <c r="B13245" t="s">
        <v>20217</v>
      </c>
      <c r="C13245">
        <v>2</v>
      </c>
      <c r="D13245">
        <v>0</v>
      </c>
    </row>
    <row r="13246" spans="1:4" x14ac:dyDescent="0.25">
      <c r="A13246" t="s">
        <v>20218</v>
      </c>
      <c r="B13246" t="s">
        <v>20219</v>
      </c>
      <c r="C13246">
        <v>1</v>
      </c>
      <c r="D13246">
        <v>0</v>
      </c>
    </row>
    <row r="13247" spans="1:4" x14ac:dyDescent="0.25">
      <c r="A13247" t="s">
        <v>20220</v>
      </c>
      <c r="B13247" t="s">
        <v>20221</v>
      </c>
      <c r="C13247">
        <v>0</v>
      </c>
      <c r="D13247">
        <v>0</v>
      </c>
    </row>
    <row r="13248" spans="1:4" x14ac:dyDescent="0.25">
      <c r="A13248" t="s">
        <v>20222</v>
      </c>
      <c r="B13248" t="s">
        <v>20223</v>
      </c>
      <c r="C13248">
        <v>1</v>
      </c>
      <c r="D13248">
        <v>0</v>
      </c>
    </row>
    <row r="13249" spans="1:4" x14ac:dyDescent="0.25">
      <c r="A13249" t="s">
        <v>20224</v>
      </c>
      <c r="B13249" t="s">
        <v>20225</v>
      </c>
      <c r="C13249">
        <v>1</v>
      </c>
      <c r="D13249">
        <v>0</v>
      </c>
    </row>
    <row r="13250" spans="1:4" x14ac:dyDescent="0.25">
      <c r="A13250" t="s">
        <v>20226</v>
      </c>
      <c r="B13250" t="s">
        <v>20227</v>
      </c>
      <c r="C13250">
        <v>1</v>
      </c>
      <c r="D13250">
        <v>0</v>
      </c>
    </row>
    <row r="13251" spans="1:4" x14ac:dyDescent="0.25">
      <c r="A13251" t="s">
        <v>20228</v>
      </c>
      <c r="B13251" t="s">
        <v>20229</v>
      </c>
      <c r="C13251">
        <v>1</v>
      </c>
      <c r="D13251">
        <v>0</v>
      </c>
    </row>
    <row r="13252" spans="1:4" x14ac:dyDescent="0.25">
      <c r="A13252" t="s">
        <v>20230</v>
      </c>
      <c r="B13252" t="s">
        <v>20231</v>
      </c>
      <c r="C13252">
        <v>1</v>
      </c>
      <c r="D13252">
        <v>0</v>
      </c>
    </row>
    <row r="13253" spans="1:4" x14ac:dyDescent="0.25">
      <c r="A13253" t="s">
        <v>20230</v>
      </c>
      <c r="B13253" t="s">
        <v>20232</v>
      </c>
      <c r="C13253">
        <v>2</v>
      </c>
      <c r="D13253">
        <v>0</v>
      </c>
    </row>
    <row r="13254" spans="1:4" x14ac:dyDescent="0.25">
      <c r="A13254" t="s">
        <v>20233</v>
      </c>
      <c r="B13254" t="s">
        <v>20234</v>
      </c>
      <c r="C13254">
        <v>0</v>
      </c>
      <c r="D13254">
        <v>0</v>
      </c>
    </row>
    <row r="13255" spans="1:4" x14ac:dyDescent="0.25">
      <c r="A13255" t="s">
        <v>20235</v>
      </c>
      <c r="B13255" t="s">
        <v>20236</v>
      </c>
      <c r="C13255">
        <v>1</v>
      </c>
      <c r="D13255">
        <v>0</v>
      </c>
    </row>
    <row r="13256" spans="1:4" x14ac:dyDescent="0.25">
      <c r="A13256" t="s">
        <v>20237</v>
      </c>
      <c r="B13256" t="s">
        <v>20238</v>
      </c>
      <c r="C13256">
        <v>1</v>
      </c>
      <c r="D13256">
        <v>0</v>
      </c>
    </row>
    <row r="13257" spans="1:4" x14ac:dyDescent="0.25">
      <c r="A13257" t="s">
        <v>20239</v>
      </c>
      <c r="B13257" t="s">
        <v>20240</v>
      </c>
      <c r="C13257">
        <v>2</v>
      </c>
      <c r="D13257">
        <v>0</v>
      </c>
    </row>
    <row r="13258" spans="1:4" x14ac:dyDescent="0.25">
      <c r="A13258" t="s">
        <v>20241</v>
      </c>
      <c r="B13258" t="s">
        <v>20242</v>
      </c>
      <c r="C13258">
        <v>1</v>
      </c>
      <c r="D13258">
        <v>0</v>
      </c>
    </row>
    <row r="13259" spans="1:4" x14ac:dyDescent="0.25">
      <c r="A13259" t="s">
        <v>20243</v>
      </c>
      <c r="B13259" t="s">
        <v>17589</v>
      </c>
      <c r="C13259">
        <v>0</v>
      </c>
      <c r="D13259">
        <v>0</v>
      </c>
    </row>
    <row r="13260" spans="1:4" x14ac:dyDescent="0.25">
      <c r="A13260" t="s">
        <v>20244</v>
      </c>
      <c r="B13260" t="s">
        <v>20245</v>
      </c>
      <c r="C13260">
        <v>1</v>
      </c>
      <c r="D13260">
        <v>0</v>
      </c>
    </row>
    <row r="13261" spans="1:4" x14ac:dyDescent="0.25">
      <c r="A13261" t="s">
        <v>20246</v>
      </c>
      <c r="B13261" t="s">
        <v>20247</v>
      </c>
      <c r="C13261">
        <v>0</v>
      </c>
      <c r="D13261">
        <v>0</v>
      </c>
    </row>
    <row r="13262" spans="1:4" x14ac:dyDescent="0.25">
      <c r="A13262" t="s">
        <v>20248</v>
      </c>
      <c r="B13262" t="s">
        <v>20249</v>
      </c>
      <c r="C13262">
        <v>2</v>
      </c>
      <c r="D13262">
        <v>0</v>
      </c>
    </row>
    <row r="13263" spans="1:4" x14ac:dyDescent="0.25">
      <c r="A13263" t="s">
        <v>20250</v>
      </c>
      <c r="B13263" t="s">
        <v>20251</v>
      </c>
      <c r="C13263">
        <v>1</v>
      </c>
      <c r="D13263">
        <v>0</v>
      </c>
    </row>
    <row r="13264" spans="1:4" x14ac:dyDescent="0.25">
      <c r="A13264" t="s">
        <v>20252</v>
      </c>
      <c r="B13264" t="s">
        <v>20253</v>
      </c>
      <c r="C13264">
        <v>0</v>
      </c>
      <c r="D13264">
        <v>0</v>
      </c>
    </row>
    <row r="13265" spans="1:4" x14ac:dyDescent="0.25">
      <c r="A13265" t="s">
        <v>20254</v>
      </c>
      <c r="B13265" t="s">
        <v>20255</v>
      </c>
      <c r="C13265">
        <v>1</v>
      </c>
      <c r="D13265">
        <v>0</v>
      </c>
    </row>
    <row r="13266" spans="1:4" x14ac:dyDescent="0.25">
      <c r="A13266" t="s">
        <v>20254</v>
      </c>
      <c r="B13266" t="s">
        <v>20256</v>
      </c>
      <c r="C13266">
        <v>0</v>
      </c>
      <c r="D13266">
        <v>0</v>
      </c>
    </row>
    <row r="13267" spans="1:4" x14ac:dyDescent="0.25">
      <c r="A13267" t="s">
        <v>20257</v>
      </c>
      <c r="B13267" t="s">
        <v>20258</v>
      </c>
      <c r="C13267">
        <v>1</v>
      </c>
      <c r="D13267">
        <v>0</v>
      </c>
    </row>
    <row r="13268" spans="1:4" x14ac:dyDescent="0.25">
      <c r="A13268" t="s">
        <v>20259</v>
      </c>
      <c r="B13268" t="s">
        <v>20260</v>
      </c>
      <c r="C13268">
        <v>2</v>
      </c>
      <c r="D13268">
        <v>0</v>
      </c>
    </row>
    <row r="13269" spans="1:4" x14ac:dyDescent="0.25">
      <c r="A13269" t="s">
        <v>20261</v>
      </c>
      <c r="B13269" t="s">
        <v>20262</v>
      </c>
      <c r="C13269">
        <v>1</v>
      </c>
      <c r="D13269">
        <v>0</v>
      </c>
    </row>
    <row r="13270" spans="1:4" x14ac:dyDescent="0.25">
      <c r="A13270" t="s">
        <v>20263</v>
      </c>
      <c r="B13270" t="s">
        <v>20264</v>
      </c>
      <c r="C13270">
        <v>1</v>
      </c>
      <c r="D13270">
        <v>0</v>
      </c>
    </row>
    <row r="13271" spans="1:4" x14ac:dyDescent="0.25">
      <c r="A13271" t="s">
        <v>20265</v>
      </c>
      <c r="B13271" t="s">
        <v>20266</v>
      </c>
      <c r="C13271">
        <v>1</v>
      </c>
      <c r="D13271">
        <v>0</v>
      </c>
    </row>
    <row r="13272" spans="1:4" x14ac:dyDescent="0.25">
      <c r="A13272" t="s">
        <v>20267</v>
      </c>
      <c r="B13272" t="s">
        <v>20268</v>
      </c>
      <c r="C13272">
        <v>1</v>
      </c>
      <c r="D13272">
        <v>0</v>
      </c>
    </row>
    <row r="13273" spans="1:4" x14ac:dyDescent="0.25">
      <c r="A13273" t="s">
        <v>20269</v>
      </c>
      <c r="B13273" t="s">
        <v>20270</v>
      </c>
      <c r="C13273">
        <v>1</v>
      </c>
      <c r="D13273">
        <v>0</v>
      </c>
    </row>
    <row r="13274" spans="1:4" x14ac:dyDescent="0.25">
      <c r="A13274" t="s">
        <v>20271</v>
      </c>
      <c r="B13274" t="s">
        <v>20272</v>
      </c>
      <c r="C13274">
        <v>1</v>
      </c>
      <c r="D13274">
        <v>0</v>
      </c>
    </row>
    <row r="13275" spans="1:4" x14ac:dyDescent="0.25">
      <c r="A13275" t="s">
        <v>20273</v>
      </c>
      <c r="B13275" t="s">
        <v>20274</v>
      </c>
      <c r="C13275">
        <v>1</v>
      </c>
      <c r="D13275">
        <v>0</v>
      </c>
    </row>
    <row r="13276" spans="1:4" x14ac:dyDescent="0.25">
      <c r="A13276" t="s">
        <v>20273</v>
      </c>
      <c r="B13276" t="s">
        <v>20275</v>
      </c>
      <c r="C13276">
        <v>2</v>
      </c>
      <c r="D13276">
        <v>0</v>
      </c>
    </row>
    <row r="13277" spans="1:4" x14ac:dyDescent="0.25">
      <c r="A13277" t="s">
        <v>20276</v>
      </c>
      <c r="B13277" t="s">
        <v>20277</v>
      </c>
      <c r="C13277">
        <v>1</v>
      </c>
      <c r="D13277">
        <v>0</v>
      </c>
    </row>
    <row r="13278" spans="1:4" x14ac:dyDescent="0.25">
      <c r="A13278" t="s">
        <v>20276</v>
      </c>
      <c r="B13278" t="s">
        <v>20278</v>
      </c>
      <c r="C13278">
        <v>0</v>
      </c>
      <c r="D13278">
        <v>0</v>
      </c>
    </row>
    <row r="13279" spans="1:4" x14ac:dyDescent="0.25">
      <c r="A13279" t="s">
        <v>20279</v>
      </c>
      <c r="B13279" t="s">
        <v>20280</v>
      </c>
      <c r="C13279">
        <v>1</v>
      </c>
      <c r="D13279">
        <v>0</v>
      </c>
    </row>
    <row r="13280" spans="1:4" x14ac:dyDescent="0.25">
      <c r="A13280" t="s">
        <v>20281</v>
      </c>
      <c r="B13280" t="s">
        <v>20282</v>
      </c>
      <c r="C13280">
        <v>0</v>
      </c>
      <c r="D13280">
        <v>0</v>
      </c>
    </row>
    <row r="13281" spans="1:4" x14ac:dyDescent="0.25">
      <c r="A13281" t="s">
        <v>20283</v>
      </c>
      <c r="B13281" t="s">
        <v>20284</v>
      </c>
      <c r="C13281">
        <v>1</v>
      </c>
      <c r="D13281">
        <v>0</v>
      </c>
    </row>
    <row r="13282" spans="1:4" x14ac:dyDescent="0.25">
      <c r="A13282" t="s">
        <v>20285</v>
      </c>
      <c r="B13282" t="s">
        <v>20286</v>
      </c>
      <c r="C13282">
        <v>0</v>
      </c>
      <c r="D13282">
        <v>0</v>
      </c>
    </row>
    <row r="13283" spans="1:4" x14ac:dyDescent="0.25">
      <c r="A13283" t="s">
        <v>20287</v>
      </c>
      <c r="B13283" t="s">
        <v>20288</v>
      </c>
      <c r="C13283">
        <v>1</v>
      </c>
      <c r="D13283">
        <v>0</v>
      </c>
    </row>
    <row r="13284" spans="1:4" x14ac:dyDescent="0.25">
      <c r="A13284" t="s">
        <v>20289</v>
      </c>
      <c r="B13284" t="s">
        <v>20290</v>
      </c>
      <c r="C13284">
        <v>0</v>
      </c>
      <c r="D13284">
        <v>0</v>
      </c>
    </row>
    <row r="13285" spans="1:4" x14ac:dyDescent="0.25">
      <c r="A13285" t="s">
        <v>20291</v>
      </c>
      <c r="B13285" t="s">
        <v>20292</v>
      </c>
      <c r="C13285">
        <v>1</v>
      </c>
      <c r="D13285">
        <v>0</v>
      </c>
    </row>
    <row r="13286" spans="1:4" x14ac:dyDescent="0.25">
      <c r="A13286" t="s">
        <v>20291</v>
      </c>
      <c r="B13286" t="s">
        <v>20293</v>
      </c>
      <c r="C13286">
        <v>0</v>
      </c>
      <c r="D13286">
        <v>0</v>
      </c>
    </row>
    <row r="13287" spans="1:4" x14ac:dyDescent="0.25">
      <c r="A13287" t="s">
        <v>20294</v>
      </c>
      <c r="B13287" t="s">
        <v>20295</v>
      </c>
      <c r="C13287">
        <v>1</v>
      </c>
      <c r="D13287">
        <v>0</v>
      </c>
    </row>
    <row r="13288" spans="1:4" x14ac:dyDescent="0.25">
      <c r="A13288" t="s">
        <v>20296</v>
      </c>
      <c r="B13288" t="s">
        <v>20297</v>
      </c>
      <c r="C13288">
        <v>1</v>
      </c>
      <c r="D13288">
        <v>0</v>
      </c>
    </row>
    <row r="13289" spans="1:4" x14ac:dyDescent="0.25">
      <c r="A13289" t="s">
        <v>20298</v>
      </c>
      <c r="B13289" t="s">
        <v>20299</v>
      </c>
      <c r="C13289">
        <v>1</v>
      </c>
      <c r="D13289">
        <v>0</v>
      </c>
    </row>
    <row r="13290" spans="1:4" x14ac:dyDescent="0.25">
      <c r="A13290" t="s">
        <v>20300</v>
      </c>
      <c r="B13290" t="s">
        <v>20301</v>
      </c>
      <c r="C13290">
        <v>2</v>
      </c>
      <c r="D13290">
        <v>0</v>
      </c>
    </row>
    <row r="13291" spans="1:4" x14ac:dyDescent="0.25">
      <c r="A13291" t="s">
        <v>20302</v>
      </c>
      <c r="B13291" t="s">
        <v>20303</v>
      </c>
      <c r="C13291">
        <v>1</v>
      </c>
      <c r="D13291">
        <v>0</v>
      </c>
    </row>
    <row r="13292" spans="1:4" x14ac:dyDescent="0.25">
      <c r="A13292" t="s">
        <v>20304</v>
      </c>
      <c r="B13292" t="s">
        <v>20305</v>
      </c>
      <c r="C13292">
        <v>1</v>
      </c>
      <c r="D13292">
        <v>0</v>
      </c>
    </row>
    <row r="13293" spans="1:4" x14ac:dyDescent="0.25">
      <c r="A13293" t="s">
        <v>20306</v>
      </c>
      <c r="B13293" t="s">
        <v>20307</v>
      </c>
      <c r="C13293">
        <v>1</v>
      </c>
      <c r="D13293">
        <v>0</v>
      </c>
    </row>
    <row r="13294" spans="1:4" x14ac:dyDescent="0.25">
      <c r="A13294" t="s">
        <v>20308</v>
      </c>
      <c r="B13294" t="s">
        <v>20309</v>
      </c>
      <c r="C13294">
        <v>2</v>
      </c>
      <c r="D13294">
        <v>0</v>
      </c>
    </row>
    <row r="13295" spans="1:4" x14ac:dyDescent="0.25">
      <c r="A13295" t="s">
        <v>20310</v>
      </c>
      <c r="B13295" t="s">
        <v>20311</v>
      </c>
      <c r="C13295">
        <v>0</v>
      </c>
      <c r="D13295">
        <v>0</v>
      </c>
    </row>
    <row r="13296" spans="1:4" x14ac:dyDescent="0.25">
      <c r="A13296" t="s">
        <v>20312</v>
      </c>
      <c r="B13296" t="s">
        <v>20313</v>
      </c>
      <c r="C13296">
        <v>1</v>
      </c>
      <c r="D13296">
        <v>0</v>
      </c>
    </row>
    <row r="13297" spans="1:4" x14ac:dyDescent="0.25">
      <c r="A13297" t="s">
        <v>20314</v>
      </c>
      <c r="B13297" t="s">
        <v>20315</v>
      </c>
      <c r="C13297">
        <v>1</v>
      </c>
      <c r="D13297">
        <v>0</v>
      </c>
    </row>
    <row r="13298" spans="1:4" x14ac:dyDescent="0.25">
      <c r="A13298" t="s">
        <v>20316</v>
      </c>
      <c r="B13298" t="s">
        <v>20317</v>
      </c>
      <c r="C13298">
        <v>1</v>
      </c>
      <c r="D13298">
        <v>0</v>
      </c>
    </row>
    <row r="13299" spans="1:4" x14ac:dyDescent="0.25">
      <c r="A13299" t="s">
        <v>20318</v>
      </c>
      <c r="B13299" t="s">
        <v>20319</v>
      </c>
      <c r="C13299">
        <v>0</v>
      </c>
      <c r="D13299">
        <v>0</v>
      </c>
    </row>
    <row r="13300" spans="1:4" x14ac:dyDescent="0.25">
      <c r="A13300" t="s">
        <v>20320</v>
      </c>
      <c r="B13300" t="s">
        <v>20321</v>
      </c>
      <c r="C13300">
        <v>1</v>
      </c>
      <c r="D13300">
        <v>0</v>
      </c>
    </row>
    <row r="13301" spans="1:4" x14ac:dyDescent="0.25">
      <c r="A13301" t="s">
        <v>20322</v>
      </c>
      <c r="B13301" t="s">
        <v>20323</v>
      </c>
      <c r="C13301">
        <v>1</v>
      </c>
      <c r="D13301">
        <v>0</v>
      </c>
    </row>
    <row r="13302" spans="1:4" x14ac:dyDescent="0.25">
      <c r="A13302" t="s">
        <v>20324</v>
      </c>
      <c r="B13302" t="s">
        <v>20325</v>
      </c>
      <c r="C13302">
        <v>1</v>
      </c>
      <c r="D13302">
        <v>0</v>
      </c>
    </row>
    <row r="13303" spans="1:4" x14ac:dyDescent="0.25">
      <c r="A13303" t="s">
        <v>20326</v>
      </c>
      <c r="B13303" t="s">
        <v>20327</v>
      </c>
      <c r="C13303">
        <v>0</v>
      </c>
      <c r="D13303">
        <v>0</v>
      </c>
    </row>
    <row r="13304" spans="1:4" x14ac:dyDescent="0.25">
      <c r="A13304" t="s">
        <v>20326</v>
      </c>
      <c r="B13304" t="s">
        <v>20328</v>
      </c>
      <c r="C13304">
        <v>2</v>
      </c>
      <c r="D13304">
        <v>0</v>
      </c>
    </row>
    <row r="13305" spans="1:4" x14ac:dyDescent="0.25">
      <c r="A13305" t="s">
        <v>20329</v>
      </c>
      <c r="B13305" t="s">
        <v>20330</v>
      </c>
      <c r="C13305">
        <v>1</v>
      </c>
      <c r="D13305">
        <v>0</v>
      </c>
    </row>
    <row r="13306" spans="1:4" x14ac:dyDescent="0.25">
      <c r="A13306" t="s">
        <v>20329</v>
      </c>
      <c r="B13306" t="s">
        <v>20331</v>
      </c>
      <c r="C13306">
        <v>0</v>
      </c>
      <c r="D13306">
        <v>0</v>
      </c>
    </row>
    <row r="13307" spans="1:4" x14ac:dyDescent="0.25">
      <c r="A13307" t="s">
        <v>20329</v>
      </c>
      <c r="B13307" t="s">
        <v>20332</v>
      </c>
      <c r="C13307">
        <v>2</v>
      </c>
      <c r="D13307">
        <v>0</v>
      </c>
    </row>
    <row r="13308" spans="1:4" x14ac:dyDescent="0.25">
      <c r="A13308" t="s">
        <v>20333</v>
      </c>
      <c r="B13308" t="s">
        <v>20334</v>
      </c>
      <c r="C13308">
        <v>1</v>
      </c>
      <c r="D13308">
        <v>0</v>
      </c>
    </row>
    <row r="13309" spans="1:4" x14ac:dyDescent="0.25">
      <c r="A13309" t="s">
        <v>20335</v>
      </c>
      <c r="B13309" t="s">
        <v>20336</v>
      </c>
      <c r="C13309">
        <v>1</v>
      </c>
      <c r="D13309">
        <v>0</v>
      </c>
    </row>
    <row r="13310" spans="1:4" x14ac:dyDescent="0.25">
      <c r="A13310" t="s">
        <v>20337</v>
      </c>
      <c r="B13310" t="s">
        <v>20338</v>
      </c>
      <c r="C13310">
        <v>1</v>
      </c>
      <c r="D13310">
        <v>0</v>
      </c>
    </row>
    <row r="13311" spans="1:4" x14ac:dyDescent="0.25">
      <c r="A13311" t="s">
        <v>20337</v>
      </c>
      <c r="B13311" t="s">
        <v>20339</v>
      </c>
      <c r="C13311">
        <v>1</v>
      </c>
      <c r="D13311">
        <v>0</v>
      </c>
    </row>
    <row r="13312" spans="1:4" x14ac:dyDescent="0.25">
      <c r="A13312" t="s">
        <v>20337</v>
      </c>
      <c r="B13312" t="s">
        <v>20340</v>
      </c>
      <c r="C13312">
        <v>1</v>
      </c>
      <c r="D13312">
        <v>0</v>
      </c>
    </row>
    <row r="13313" spans="1:4" x14ac:dyDescent="0.25">
      <c r="A13313" t="s">
        <v>20337</v>
      </c>
      <c r="B13313" t="s">
        <v>20341</v>
      </c>
      <c r="C13313">
        <v>2</v>
      </c>
      <c r="D13313">
        <v>0</v>
      </c>
    </row>
    <row r="13314" spans="1:4" x14ac:dyDescent="0.25">
      <c r="A13314" t="s">
        <v>20342</v>
      </c>
      <c r="B13314" t="s">
        <v>20343</v>
      </c>
      <c r="C13314">
        <v>1</v>
      </c>
      <c r="D13314">
        <v>0</v>
      </c>
    </row>
    <row r="13315" spans="1:4" x14ac:dyDescent="0.25">
      <c r="A13315" t="s">
        <v>20344</v>
      </c>
      <c r="B13315" t="s">
        <v>20345</v>
      </c>
      <c r="C13315">
        <v>1</v>
      </c>
      <c r="D13315">
        <v>0</v>
      </c>
    </row>
    <row r="13316" spans="1:4" x14ac:dyDescent="0.25">
      <c r="A13316" t="s">
        <v>20346</v>
      </c>
      <c r="B13316" t="s">
        <v>20347</v>
      </c>
      <c r="C13316">
        <v>0</v>
      </c>
      <c r="D13316">
        <v>0</v>
      </c>
    </row>
    <row r="13317" spans="1:4" x14ac:dyDescent="0.25">
      <c r="A13317" t="s">
        <v>20346</v>
      </c>
      <c r="B13317" t="s">
        <v>20348</v>
      </c>
      <c r="C13317">
        <v>2</v>
      </c>
      <c r="D13317">
        <v>0</v>
      </c>
    </row>
    <row r="13318" spans="1:4" x14ac:dyDescent="0.25">
      <c r="A13318" t="s">
        <v>20349</v>
      </c>
      <c r="B13318" t="s">
        <v>20350</v>
      </c>
      <c r="C13318">
        <v>1</v>
      </c>
      <c r="D13318">
        <v>0</v>
      </c>
    </row>
    <row r="13319" spans="1:4" x14ac:dyDescent="0.25">
      <c r="A13319" t="s">
        <v>20351</v>
      </c>
      <c r="B13319" t="s">
        <v>20352</v>
      </c>
      <c r="C13319">
        <v>2</v>
      </c>
      <c r="D13319">
        <v>0</v>
      </c>
    </row>
    <row r="13320" spans="1:4" x14ac:dyDescent="0.25">
      <c r="A13320" t="s">
        <v>20353</v>
      </c>
      <c r="B13320" t="s">
        <v>20354</v>
      </c>
      <c r="C13320">
        <v>1</v>
      </c>
      <c r="D13320">
        <v>0</v>
      </c>
    </row>
    <row r="13321" spans="1:4" x14ac:dyDescent="0.25">
      <c r="A13321" t="s">
        <v>20355</v>
      </c>
      <c r="B13321" t="s">
        <v>20356</v>
      </c>
      <c r="C13321">
        <v>2</v>
      </c>
      <c r="D13321">
        <v>0</v>
      </c>
    </row>
    <row r="13322" spans="1:4" x14ac:dyDescent="0.25">
      <c r="A13322" t="s">
        <v>20357</v>
      </c>
      <c r="B13322" t="s">
        <v>20358</v>
      </c>
      <c r="C13322">
        <v>2</v>
      </c>
      <c r="D13322">
        <v>0</v>
      </c>
    </row>
    <row r="13323" spans="1:4" x14ac:dyDescent="0.25">
      <c r="A13323" t="s">
        <v>20359</v>
      </c>
      <c r="B13323" t="s">
        <v>20360</v>
      </c>
      <c r="C13323">
        <v>1</v>
      </c>
      <c r="D13323">
        <v>0</v>
      </c>
    </row>
    <row r="13324" spans="1:4" x14ac:dyDescent="0.25">
      <c r="A13324" t="s">
        <v>20361</v>
      </c>
      <c r="B13324" t="s">
        <v>20362</v>
      </c>
      <c r="C13324">
        <v>1</v>
      </c>
      <c r="D13324">
        <v>0</v>
      </c>
    </row>
    <row r="13325" spans="1:4" x14ac:dyDescent="0.25">
      <c r="A13325" t="s">
        <v>20361</v>
      </c>
      <c r="B13325" t="s">
        <v>20363</v>
      </c>
      <c r="C13325">
        <v>0</v>
      </c>
      <c r="D13325">
        <v>0</v>
      </c>
    </row>
    <row r="13326" spans="1:4" x14ac:dyDescent="0.25">
      <c r="A13326" t="s">
        <v>20361</v>
      </c>
      <c r="B13326" t="s">
        <v>20364</v>
      </c>
      <c r="C13326">
        <v>0</v>
      </c>
      <c r="D13326">
        <v>0</v>
      </c>
    </row>
    <row r="13327" spans="1:4" x14ac:dyDescent="0.25">
      <c r="A13327" t="s">
        <v>20361</v>
      </c>
      <c r="B13327" t="s">
        <v>20365</v>
      </c>
      <c r="C13327">
        <v>2</v>
      </c>
      <c r="D13327">
        <v>0</v>
      </c>
    </row>
    <row r="13328" spans="1:4" x14ac:dyDescent="0.25">
      <c r="A13328" t="s">
        <v>20361</v>
      </c>
      <c r="B13328" t="s">
        <v>20366</v>
      </c>
      <c r="C13328">
        <v>2</v>
      </c>
      <c r="D13328">
        <v>0</v>
      </c>
    </row>
    <row r="13329" spans="1:4" x14ac:dyDescent="0.25">
      <c r="A13329" t="s">
        <v>20367</v>
      </c>
      <c r="B13329" t="s">
        <v>20368</v>
      </c>
      <c r="C13329">
        <v>1</v>
      </c>
      <c r="D13329">
        <v>0</v>
      </c>
    </row>
    <row r="13330" spans="1:4" x14ac:dyDescent="0.25">
      <c r="A13330" t="s">
        <v>20369</v>
      </c>
      <c r="B13330" t="s">
        <v>20370</v>
      </c>
      <c r="C13330">
        <v>1</v>
      </c>
      <c r="D13330">
        <v>0</v>
      </c>
    </row>
    <row r="13331" spans="1:4" x14ac:dyDescent="0.25">
      <c r="A13331" t="s">
        <v>20371</v>
      </c>
      <c r="B13331" t="s">
        <v>20372</v>
      </c>
      <c r="C13331">
        <v>2</v>
      </c>
      <c r="D13331">
        <v>0</v>
      </c>
    </row>
    <row r="13332" spans="1:4" x14ac:dyDescent="0.25">
      <c r="A13332" t="s">
        <v>20373</v>
      </c>
      <c r="B13332" t="s">
        <v>20374</v>
      </c>
      <c r="C13332">
        <v>1</v>
      </c>
      <c r="D13332">
        <v>0</v>
      </c>
    </row>
    <row r="13333" spans="1:4" x14ac:dyDescent="0.25">
      <c r="A13333" t="s">
        <v>20375</v>
      </c>
      <c r="B13333" t="s">
        <v>20376</v>
      </c>
      <c r="C13333">
        <v>0</v>
      </c>
      <c r="D13333">
        <v>0</v>
      </c>
    </row>
    <row r="13334" spans="1:4" x14ac:dyDescent="0.25">
      <c r="A13334" t="s">
        <v>20377</v>
      </c>
      <c r="B13334" t="s">
        <v>20378</v>
      </c>
      <c r="C13334">
        <v>1</v>
      </c>
      <c r="D13334">
        <v>0</v>
      </c>
    </row>
    <row r="13335" spans="1:4" x14ac:dyDescent="0.25">
      <c r="A13335" t="s">
        <v>20379</v>
      </c>
      <c r="B13335" t="s">
        <v>20380</v>
      </c>
      <c r="C13335">
        <v>0</v>
      </c>
      <c r="D13335">
        <v>0</v>
      </c>
    </row>
    <row r="13336" spans="1:4" x14ac:dyDescent="0.25">
      <c r="A13336" t="s">
        <v>20381</v>
      </c>
      <c r="B13336" t="s">
        <v>20382</v>
      </c>
      <c r="C13336">
        <v>0</v>
      </c>
      <c r="D13336">
        <v>0</v>
      </c>
    </row>
    <row r="13337" spans="1:4" x14ac:dyDescent="0.25">
      <c r="A13337" t="s">
        <v>20383</v>
      </c>
      <c r="B13337" t="s">
        <v>20384</v>
      </c>
      <c r="C13337">
        <v>1</v>
      </c>
      <c r="D13337">
        <v>0</v>
      </c>
    </row>
    <row r="13338" spans="1:4" x14ac:dyDescent="0.25">
      <c r="A13338" t="s">
        <v>20385</v>
      </c>
      <c r="B13338" t="s">
        <v>20386</v>
      </c>
      <c r="C13338">
        <v>1</v>
      </c>
      <c r="D13338">
        <v>0</v>
      </c>
    </row>
    <row r="13339" spans="1:4" x14ac:dyDescent="0.25">
      <c r="A13339" t="s">
        <v>20387</v>
      </c>
      <c r="B13339" t="s">
        <v>20388</v>
      </c>
      <c r="C13339">
        <v>1</v>
      </c>
      <c r="D13339">
        <v>0</v>
      </c>
    </row>
    <row r="13340" spans="1:4" x14ac:dyDescent="0.25">
      <c r="A13340" t="s">
        <v>20387</v>
      </c>
      <c r="B13340" t="s">
        <v>20389</v>
      </c>
      <c r="C13340">
        <v>0</v>
      </c>
      <c r="D13340">
        <v>0</v>
      </c>
    </row>
    <row r="13341" spans="1:4" x14ac:dyDescent="0.25">
      <c r="A13341" t="s">
        <v>20390</v>
      </c>
      <c r="B13341" t="s">
        <v>20391</v>
      </c>
      <c r="C13341">
        <v>1</v>
      </c>
      <c r="D13341">
        <v>0</v>
      </c>
    </row>
    <row r="13342" spans="1:4" x14ac:dyDescent="0.25">
      <c r="A13342" t="s">
        <v>20392</v>
      </c>
      <c r="B13342" t="s">
        <v>20393</v>
      </c>
      <c r="C13342">
        <v>1</v>
      </c>
      <c r="D13342">
        <v>0</v>
      </c>
    </row>
    <row r="13343" spans="1:4" x14ac:dyDescent="0.25">
      <c r="A13343" t="s">
        <v>20394</v>
      </c>
      <c r="B13343" t="s">
        <v>20395</v>
      </c>
      <c r="C13343">
        <v>1</v>
      </c>
      <c r="D13343">
        <v>0</v>
      </c>
    </row>
    <row r="13344" spans="1:4" x14ac:dyDescent="0.25">
      <c r="A13344" t="s">
        <v>20396</v>
      </c>
      <c r="B13344" t="s">
        <v>20397</v>
      </c>
      <c r="C13344">
        <v>1</v>
      </c>
      <c r="D13344">
        <v>0</v>
      </c>
    </row>
    <row r="13345" spans="1:4" x14ac:dyDescent="0.25">
      <c r="A13345" t="s">
        <v>20398</v>
      </c>
      <c r="B13345" t="s">
        <v>20399</v>
      </c>
      <c r="C13345">
        <v>2</v>
      </c>
      <c r="D13345">
        <v>0</v>
      </c>
    </row>
    <row r="13346" spans="1:4" x14ac:dyDescent="0.25">
      <c r="A13346" t="s">
        <v>20400</v>
      </c>
      <c r="B13346" t="s">
        <v>20401</v>
      </c>
      <c r="C13346">
        <v>2</v>
      </c>
      <c r="D13346">
        <v>0</v>
      </c>
    </row>
    <row r="13347" spans="1:4" x14ac:dyDescent="0.25">
      <c r="A13347" t="s">
        <v>20402</v>
      </c>
      <c r="B13347" t="s">
        <v>20403</v>
      </c>
      <c r="C13347">
        <v>1</v>
      </c>
      <c r="D13347">
        <v>0</v>
      </c>
    </row>
    <row r="13348" spans="1:4" x14ac:dyDescent="0.25">
      <c r="A13348" t="s">
        <v>20404</v>
      </c>
      <c r="B13348" t="s">
        <v>20405</v>
      </c>
      <c r="C13348">
        <v>1</v>
      </c>
      <c r="D13348">
        <v>0</v>
      </c>
    </row>
    <row r="13349" spans="1:4" x14ac:dyDescent="0.25">
      <c r="A13349" t="s">
        <v>20404</v>
      </c>
      <c r="B13349" t="s">
        <v>20406</v>
      </c>
      <c r="C13349">
        <v>0</v>
      </c>
      <c r="D13349">
        <v>0</v>
      </c>
    </row>
    <row r="13350" spans="1:4" x14ac:dyDescent="0.25">
      <c r="A13350" t="s">
        <v>20407</v>
      </c>
      <c r="B13350" t="s">
        <v>20408</v>
      </c>
      <c r="C13350">
        <v>1</v>
      </c>
      <c r="D13350">
        <v>0</v>
      </c>
    </row>
    <row r="13351" spans="1:4" x14ac:dyDescent="0.25">
      <c r="A13351" t="s">
        <v>20407</v>
      </c>
      <c r="B13351" t="s">
        <v>20409</v>
      </c>
      <c r="C13351">
        <v>0</v>
      </c>
      <c r="D13351">
        <v>0</v>
      </c>
    </row>
    <row r="13352" spans="1:4" x14ac:dyDescent="0.25">
      <c r="A13352" t="s">
        <v>20410</v>
      </c>
      <c r="B13352" t="s">
        <v>20411</v>
      </c>
      <c r="C13352">
        <v>1</v>
      </c>
      <c r="D13352">
        <v>0</v>
      </c>
    </row>
    <row r="13353" spans="1:4" x14ac:dyDescent="0.25">
      <c r="A13353" t="s">
        <v>20410</v>
      </c>
      <c r="B13353" t="s">
        <v>20412</v>
      </c>
      <c r="C13353">
        <v>2</v>
      </c>
      <c r="D13353">
        <v>0</v>
      </c>
    </row>
    <row r="13354" spans="1:4" x14ac:dyDescent="0.25">
      <c r="A13354" t="s">
        <v>20413</v>
      </c>
      <c r="B13354" t="s">
        <v>20414</v>
      </c>
      <c r="C13354">
        <v>1</v>
      </c>
      <c r="D13354">
        <v>0</v>
      </c>
    </row>
    <row r="13355" spans="1:4" x14ac:dyDescent="0.25">
      <c r="A13355" t="s">
        <v>20413</v>
      </c>
      <c r="B13355" t="s">
        <v>20415</v>
      </c>
      <c r="C13355">
        <v>0</v>
      </c>
      <c r="D13355">
        <v>0</v>
      </c>
    </row>
    <row r="13356" spans="1:4" x14ac:dyDescent="0.25">
      <c r="A13356" t="s">
        <v>20416</v>
      </c>
      <c r="B13356" t="s">
        <v>20417</v>
      </c>
      <c r="C13356">
        <v>1</v>
      </c>
      <c r="D13356">
        <v>0</v>
      </c>
    </row>
    <row r="13357" spans="1:4" x14ac:dyDescent="0.25">
      <c r="A13357" t="s">
        <v>20416</v>
      </c>
      <c r="B13357" t="s">
        <v>20418</v>
      </c>
      <c r="C13357">
        <v>1</v>
      </c>
      <c r="D13357">
        <v>0</v>
      </c>
    </row>
    <row r="13358" spans="1:4" x14ac:dyDescent="0.25">
      <c r="A13358" t="s">
        <v>20416</v>
      </c>
      <c r="B13358" t="s">
        <v>20419</v>
      </c>
      <c r="C13358">
        <v>1</v>
      </c>
      <c r="D13358">
        <v>0</v>
      </c>
    </row>
    <row r="13359" spans="1:4" x14ac:dyDescent="0.25">
      <c r="A13359" t="s">
        <v>20416</v>
      </c>
      <c r="B13359" t="s">
        <v>20420</v>
      </c>
      <c r="C13359">
        <v>1</v>
      </c>
      <c r="D13359">
        <v>0</v>
      </c>
    </row>
    <row r="13360" spans="1:4" x14ac:dyDescent="0.25">
      <c r="A13360" t="s">
        <v>20421</v>
      </c>
      <c r="B13360" t="s">
        <v>20422</v>
      </c>
      <c r="C13360">
        <v>1</v>
      </c>
      <c r="D13360">
        <v>0</v>
      </c>
    </row>
    <row r="13361" spans="1:4" x14ac:dyDescent="0.25">
      <c r="A13361" t="s">
        <v>20423</v>
      </c>
      <c r="B13361" t="s">
        <v>20424</v>
      </c>
      <c r="C13361">
        <v>1</v>
      </c>
      <c r="D13361">
        <v>0</v>
      </c>
    </row>
    <row r="13362" spans="1:4" x14ac:dyDescent="0.25">
      <c r="A13362" t="s">
        <v>20425</v>
      </c>
      <c r="B13362" t="s">
        <v>20426</v>
      </c>
      <c r="C13362">
        <v>1</v>
      </c>
      <c r="D13362">
        <v>0</v>
      </c>
    </row>
    <row r="13363" spans="1:4" x14ac:dyDescent="0.25">
      <c r="A13363" t="s">
        <v>20425</v>
      </c>
      <c r="B13363" t="s">
        <v>20427</v>
      </c>
      <c r="C13363">
        <v>0</v>
      </c>
      <c r="D13363">
        <v>0</v>
      </c>
    </row>
    <row r="13364" spans="1:4" x14ac:dyDescent="0.25">
      <c r="A13364" t="s">
        <v>20425</v>
      </c>
      <c r="B13364" t="s">
        <v>20428</v>
      </c>
      <c r="C13364">
        <v>0</v>
      </c>
      <c r="D13364">
        <v>0</v>
      </c>
    </row>
    <row r="13365" spans="1:4" x14ac:dyDescent="0.25">
      <c r="A13365" t="s">
        <v>20429</v>
      </c>
      <c r="B13365" t="s">
        <v>20430</v>
      </c>
      <c r="C13365">
        <v>0</v>
      </c>
      <c r="D13365">
        <v>0</v>
      </c>
    </row>
    <row r="13366" spans="1:4" x14ac:dyDescent="0.25">
      <c r="A13366" t="s">
        <v>20431</v>
      </c>
      <c r="B13366" t="s">
        <v>20432</v>
      </c>
      <c r="C13366">
        <v>1</v>
      </c>
      <c r="D13366">
        <v>0</v>
      </c>
    </row>
    <row r="13367" spans="1:4" x14ac:dyDescent="0.25">
      <c r="A13367" t="s">
        <v>20433</v>
      </c>
      <c r="B13367" t="s">
        <v>20434</v>
      </c>
      <c r="C13367">
        <v>1</v>
      </c>
      <c r="D13367">
        <v>0</v>
      </c>
    </row>
    <row r="13368" spans="1:4" x14ac:dyDescent="0.25">
      <c r="A13368" t="s">
        <v>20433</v>
      </c>
      <c r="B13368" t="s">
        <v>20435</v>
      </c>
      <c r="C13368">
        <v>0</v>
      </c>
      <c r="D13368">
        <v>0</v>
      </c>
    </row>
    <row r="13369" spans="1:4" x14ac:dyDescent="0.25">
      <c r="A13369" t="s">
        <v>20433</v>
      </c>
      <c r="B13369" t="s">
        <v>20436</v>
      </c>
      <c r="C13369">
        <v>2</v>
      </c>
      <c r="D13369">
        <v>0</v>
      </c>
    </row>
    <row r="13370" spans="1:4" x14ac:dyDescent="0.25">
      <c r="A13370" t="s">
        <v>20437</v>
      </c>
      <c r="B13370" t="s">
        <v>20438</v>
      </c>
      <c r="C13370">
        <v>1</v>
      </c>
      <c r="D13370">
        <v>0</v>
      </c>
    </row>
    <row r="13371" spans="1:4" x14ac:dyDescent="0.25">
      <c r="A13371" t="s">
        <v>20439</v>
      </c>
      <c r="B13371" t="s">
        <v>20440</v>
      </c>
      <c r="C13371">
        <v>0</v>
      </c>
      <c r="D13371">
        <v>0</v>
      </c>
    </row>
    <row r="13372" spans="1:4" x14ac:dyDescent="0.25">
      <c r="A13372" t="s">
        <v>20441</v>
      </c>
      <c r="B13372" t="s">
        <v>20442</v>
      </c>
      <c r="C13372">
        <v>1</v>
      </c>
      <c r="D13372">
        <v>0</v>
      </c>
    </row>
    <row r="13373" spans="1:4" x14ac:dyDescent="0.25">
      <c r="A13373" t="s">
        <v>20443</v>
      </c>
      <c r="B13373" t="s">
        <v>20444</v>
      </c>
      <c r="C13373">
        <v>0</v>
      </c>
      <c r="D13373">
        <v>0</v>
      </c>
    </row>
    <row r="13374" spans="1:4" x14ac:dyDescent="0.25">
      <c r="A13374" t="s">
        <v>20443</v>
      </c>
      <c r="B13374" t="s">
        <v>20445</v>
      </c>
      <c r="C13374">
        <v>2</v>
      </c>
      <c r="D13374">
        <v>0</v>
      </c>
    </row>
    <row r="13375" spans="1:4" x14ac:dyDescent="0.25">
      <c r="A13375" t="s">
        <v>20446</v>
      </c>
      <c r="B13375" t="s">
        <v>20447</v>
      </c>
      <c r="C13375">
        <v>1</v>
      </c>
      <c r="D13375">
        <v>0</v>
      </c>
    </row>
    <row r="13376" spans="1:4" x14ac:dyDescent="0.25">
      <c r="A13376" t="s">
        <v>20448</v>
      </c>
      <c r="B13376" t="s">
        <v>20449</v>
      </c>
      <c r="C13376">
        <v>0</v>
      </c>
      <c r="D13376">
        <v>0</v>
      </c>
    </row>
    <row r="13377" spans="1:4" x14ac:dyDescent="0.25">
      <c r="A13377" t="s">
        <v>20450</v>
      </c>
      <c r="B13377" t="s">
        <v>20451</v>
      </c>
      <c r="C13377">
        <v>1</v>
      </c>
      <c r="D13377">
        <v>0</v>
      </c>
    </row>
    <row r="13378" spans="1:4" x14ac:dyDescent="0.25">
      <c r="A13378" t="s">
        <v>20452</v>
      </c>
      <c r="B13378" t="s">
        <v>20453</v>
      </c>
      <c r="C13378">
        <v>1</v>
      </c>
      <c r="D13378">
        <v>0</v>
      </c>
    </row>
    <row r="13379" spans="1:4" x14ac:dyDescent="0.25">
      <c r="A13379" t="s">
        <v>20454</v>
      </c>
      <c r="B13379" t="s">
        <v>20455</v>
      </c>
      <c r="C13379">
        <v>1</v>
      </c>
      <c r="D13379">
        <v>0</v>
      </c>
    </row>
    <row r="13380" spans="1:4" x14ac:dyDescent="0.25">
      <c r="A13380" t="s">
        <v>20456</v>
      </c>
      <c r="B13380" t="s">
        <v>20457</v>
      </c>
      <c r="C13380">
        <v>1</v>
      </c>
      <c r="D13380">
        <v>0</v>
      </c>
    </row>
    <row r="13381" spans="1:4" x14ac:dyDescent="0.25">
      <c r="A13381" t="s">
        <v>20456</v>
      </c>
      <c r="B13381" t="s">
        <v>20458</v>
      </c>
      <c r="C13381">
        <v>2</v>
      </c>
      <c r="D13381">
        <v>0</v>
      </c>
    </row>
    <row r="13382" spans="1:4" x14ac:dyDescent="0.25">
      <c r="A13382" t="s">
        <v>20459</v>
      </c>
      <c r="B13382" t="s">
        <v>20460</v>
      </c>
      <c r="C13382">
        <v>1</v>
      </c>
      <c r="D13382">
        <v>0</v>
      </c>
    </row>
    <row r="13383" spans="1:4" x14ac:dyDescent="0.25">
      <c r="A13383" t="s">
        <v>20461</v>
      </c>
      <c r="B13383" t="s">
        <v>20462</v>
      </c>
      <c r="C13383">
        <v>0</v>
      </c>
      <c r="D13383">
        <v>0</v>
      </c>
    </row>
    <row r="13384" spans="1:4" x14ac:dyDescent="0.25">
      <c r="A13384" t="s">
        <v>20463</v>
      </c>
      <c r="B13384" t="s">
        <v>20464</v>
      </c>
      <c r="C13384">
        <v>1</v>
      </c>
      <c r="D13384">
        <v>0</v>
      </c>
    </row>
    <row r="13385" spans="1:4" x14ac:dyDescent="0.25">
      <c r="A13385" t="s">
        <v>20465</v>
      </c>
      <c r="B13385" t="s">
        <v>20466</v>
      </c>
      <c r="C13385">
        <v>0</v>
      </c>
      <c r="D13385">
        <v>0</v>
      </c>
    </row>
    <row r="13386" spans="1:4" x14ac:dyDescent="0.25">
      <c r="A13386" t="s">
        <v>20467</v>
      </c>
      <c r="B13386" t="s">
        <v>12472</v>
      </c>
      <c r="C13386">
        <v>1</v>
      </c>
      <c r="D13386">
        <v>0</v>
      </c>
    </row>
    <row r="13387" spans="1:4" x14ac:dyDescent="0.25">
      <c r="A13387" t="s">
        <v>20468</v>
      </c>
      <c r="B13387" t="s">
        <v>20469</v>
      </c>
      <c r="C13387">
        <v>1</v>
      </c>
      <c r="D13387">
        <v>0</v>
      </c>
    </row>
    <row r="13388" spans="1:4" x14ac:dyDescent="0.25">
      <c r="A13388" t="s">
        <v>20470</v>
      </c>
      <c r="B13388" t="s">
        <v>20471</v>
      </c>
      <c r="C13388">
        <v>1</v>
      </c>
      <c r="D13388">
        <v>0</v>
      </c>
    </row>
    <row r="13389" spans="1:4" x14ac:dyDescent="0.25">
      <c r="A13389" t="s">
        <v>20472</v>
      </c>
      <c r="B13389" t="s">
        <v>20473</v>
      </c>
      <c r="C13389">
        <v>1</v>
      </c>
      <c r="D13389">
        <v>0</v>
      </c>
    </row>
    <row r="13390" spans="1:4" x14ac:dyDescent="0.25">
      <c r="A13390" t="s">
        <v>20472</v>
      </c>
      <c r="B13390" t="s">
        <v>20474</v>
      </c>
      <c r="C13390">
        <v>0</v>
      </c>
      <c r="D13390">
        <v>0</v>
      </c>
    </row>
    <row r="13391" spans="1:4" x14ac:dyDescent="0.25">
      <c r="A13391" t="s">
        <v>20475</v>
      </c>
      <c r="B13391" t="s">
        <v>20476</v>
      </c>
      <c r="C13391">
        <v>0</v>
      </c>
      <c r="D13391">
        <v>0</v>
      </c>
    </row>
    <row r="13392" spans="1:4" x14ac:dyDescent="0.25">
      <c r="A13392" t="s">
        <v>20477</v>
      </c>
      <c r="B13392" t="s">
        <v>20478</v>
      </c>
      <c r="C13392">
        <v>1</v>
      </c>
      <c r="D13392">
        <v>0</v>
      </c>
    </row>
    <row r="13393" spans="1:4" x14ac:dyDescent="0.25">
      <c r="A13393" t="s">
        <v>20479</v>
      </c>
      <c r="B13393" t="s">
        <v>20480</v>
      </c>
      <c r="C13393">
        <v>1</v>
      </c>
      <c r="D13393">
        <v>0</v>
      </c>
    </row>
    <row r="13394" spans="1:4" x14ac:dyDescent="0.25">
      <c r="A13394" t="s">
        <v>20481</v>
      </c>
      <c r="B13394" t="s">
        <v>20482</v>
      </c>
      <c r="C13394">
        <v>1</v>
      </c>
      <c r="D13394">
        <v>0</v>
      </c>
    </row>
    <row r="13395" spans="1:4" x14ac:dyDescent="0.25">
      <c r="A13395" t="s">
        <v>20481</v>
      </c>
      <c r="B13395" t="s">
        <v>20483</v>
      </c>
      <c r="C13395">
        <v>1</v>
      </c>
      <c r="D13395">
        <v>0</v>
      </c>
    </row>
    <row r="13396" spans="1:4" x14ac:dyDescent="0.25">
      <c r="A13396" t="s">
        <v>20481</v>
      </c>
      <c r="B13396" t="s">
        <v>20484</v>
      </c>
      <c r="C13396">
        <v>1</v>
      </c>
      <c r="D13396">
        <v>0</v>
      </c>
    </row>
    <row r="13397" spans="1:4" x14ac:dyDescent="0.25">
      <c r="A13397" t="s">
        <v>20485</v>
      </c>
      <c r="B13397" t="s">
        <v>20486</v>
      </c>
      <c r="C13397">
        <v>1</v>
      </c>
      <c r="D13397">
        <v>0</v>
      </c>
    </row>
    <row r="13398" spans="1:4" x14ac:dyDescent="0.25">
      <c r="A13398" t="s">
        <v>20487</v>
      </c>
      <c r="B13398" t="s">
        <v>20488</v>
      </c>
      <c r="C13398">
        <v>0</v>
      </c>
      <c r="D13398">
        <v>0</v>
      </c>
    </row>
    <row r="13399" spans="1:4" x14ac:dyDescent="0.25">
      <c r="A13399" t="s">
        <v>20489</v>
      </c>
      <c r="B13399" t="s">
        <v>20490</v>
      </c>
      <c r="C13399">
        <v>1</v>
      </c>
      <c r="D13399">
        <v>0</v>
      </c>
    </row>
    <row r="13400" spans="1:4" x14ac:dyDescent="0.25">
      <c r="A13400" t="s">
        <v>20489</v>
      </c>
      <c r="B13400" t="s">
        <v>20491</v>
      </c>
      <c r="C13400">
        <v>2</v>
      </c>
      <c r="D13400">
        <v>0</v>
      </c>
    </row>
    <row r="13401" spans="1:4" x14ac:dyDescent="0.25">
      <c r="A13401" t="s">
        <v>20492</v>
      </c>
      <c r="B13401" t="s">
        <v>20493</v>
      </c>
      <c r="C13401">
        <v>1</v>
      </c>
      <c r="D13401">
        <v>0</v>
      </c>
    </row>
    <row r="13402" spans="1:4" x14ac:dyDescent="0.25">
      <c r="A13402" t="s">
        <v>20494</v>
      </c>
      <c r="B13402" t="s">
        <v>20495</v>
      </c>
      <c r="C13402">
        <v>0</v>
      </c>
      <c r="D13402">
        <v>0</v>
      </c>
    </row>
    <row r="13403" spans="1:4" x14ac:dyDescent="0.25">
      <c r="A13403" t="s">
        <v>20496</v>
      </c>
      <c r="B13403" t="s">
        <v>20497</v>
      </c>
      <c r="C13403">
        <v>1</v>
      </c>
      <c r="D13403">
        <v>0</v>
      </c>
    </row>
    <row r="13404" spans="1:4" x14ac:dyDescent="0.25">
      <c r="A13404" t="s">
        <v>20496</v>
      </c>
      <c r="B13404" t="s">
        <v>20498</v>
      </c>
      <c r="C13404">
        <v>0</v>
      </c>
      <c r="D13404">
        <v>0</v>
      </c>
    </row>
    <row r="13405" spans="1:4" x14ac:dyDescent="0.25">
      <c r="A13405" t="s">
        <v>20499</v>
      </c>
      <c r="B13405" t="s">
        <v>20500</v>
      </c>
      <c r="C13405">
        <v>2</v>
      </c>
      <c r="D13405">
        <v>0</v>
      </c>
    </row>
    <row r="13406" spans="1:4" x14ac:dyDescent="0.25">
      <c r="A13406" t="s">
        <v>20501</v>
      </c>
      <c r="B13406" t="s">
        <v>20502</v>
      </c>
      <c r="C13406">
        <v>1</v>
      </c>
      <c r="D13406">
        <v>0</v>
      </c>
    </row>
    <row r="13407" spans="1:4" x14ac:dyDescent="0.25">
      <c r="A13407" t="s">
        <v>20501</v>
      </c>
      <c r="B13407" t="s">
        <v>20503</v>
      </c>
      <c r="C13407">
        <v>1</v>
      </c>
      <c r="D13407">
        <v>0</v>
      </c>
    </row>
    <row r="13408" spans="1:4" x14ac:dyDescent="0.25">
      <c r="A13408" t="s">
        <v>20501</v>
      </c>
      <c r="B13408" t="s">
        <v>20504</v>
      </c>
      <c r="C13408">
        <v>0</v>
      </c>
      <c r="D13408">
        <v>0</v>
      </c>
    </row>
    <row r="13409" spans="1:4" x14ac:dyDescent="0.25">
      <c r="A13409" t="s">
        <v>20505</v>
      </c>
      <c r="B13409" t="s">
        <v>20506</v>
      </c>
      <c r="C13409">
        <v>1</v>
      </c>
      <c r="D13409">
        <v>0</v>
      </c>
    </row>
    <row r="13410" spans="1:4" x14ac:dyDescent="0.25">
      <c r="A13410" t="s">
        <v>20507</v>
      </c>
      <c r="B13410" t="s">
        <v>20508</v>
      </c>
      <c r="C13410">
        <v>1</v>
      </c>
      <c r="D13410">
        <v>0</v>
      </c>
    </row>
    <row r="13411" spans="1:4" x14ac:dyDescent="0.25">
      <c r="A13411" t="s">
        <v>20509</v>
      </c>
      <c r="B13411" t="s">
        <v>20510</v>
      </c>
      <c r="C13411">
        <v>1</v>
      </c>
      <c r="D13411">
        <v>0</v>
      </c>
    </row>
    <row r="13412" spans="1:4" x14ac:dyDescent="0.25">
      <c r="A13412" t="s">
        <v>20511</v>
      </c>
      <c r="B13412" t="s">
        <v>20512</v>
      </c>
      <c r="C13412">
        <v>1</v>
      </c>
      <c r="D13412">
        <v>0</v>
      </c>
    </row>
    <row r="13413" spans="1:4" x14ac:dyDescent="0.25">
      <c r="A13413" t="s">
        <v>20513</v>
      </c>
      <c r="B13413" t="s">
        <v>20514</v>
      </c>
      <c r="C13413">
        <v>1</v>
      </c>
      <c r="D13413">
        <v>0</v>
      </c>
    </row>
    <row r="13414" spans="1:4" x14ac:dyDescent="0.25">
      <c r="A13414" t="s">
        <v>20515</v>
      </c>
      <c r="B13414" t="s">
        <v>20516</v>
      </c>
      <c r="C13414">
        <v>1</v>
      </c>
      <c r="D13414">
        <v>0</v>
      </c>
    </row>
    <row r="13415" spans="1:4" x14ac:dyDescent="0.25">
      <c r="A13415" t="s">
        <v>20517</v>
      </c>
      <c r="B13415" t="s">
        <v>20518</v>
      </c>
      <c r="C13415">
        <v>1</v>
      </c>
      <c r="D13415">
        <v>0</v>
      </c>
    </row>
    <row r="13416" spans="1:4" x14ac:dyDescent="0.25">
      <c r="A13416" t="s">
        <v>20519</v>
      </c>
      <c r="B13416" t="s">
        <v>20520</v>
      </c>
      <c r="C13416">
        <v>1</v>
      </c>
      <c r="D13416">
        <v>0</v>
      </c>
    </row>
    <row r="13417" spans="1:4" x14ac:dyDescent="0.25">
      <c r="A13417" t="s">
        <v>20521</v>
      </c>
      <c r="B13417" t="s">
        <v>20522</v>
      </c>
      <c r="C13417">
        <v>0</v>
      </c>
      <c r="D13417">
        <v>0</v>
      </c>
    </row>
    <row r="13418" spans="1:4" x14ac:dyDescent="0.25">
      <c r="A13418" t="s">
        <v>20523</v>
      </c>
      <c r="B13418" t="s">
        <v>20524</v>
      </c>
      <c r="C13418">
        <v>0</v>
      </c>
      <c r="D13418">
        <v>0</v>
      </c>
    </row>
    <row r="13419" spans="1:4" x14ac:dyDescent="0.25">
      <c r="A13419" t="s">
        <v>20525</v>
      </c>
      <c r="B13419" t="s">
        <v>20526</v>
      </c>
      <c r="C13419">
        <v>2</v>
      </c>
      <c r="D13419">
        <v>0</v>
      </c>
    </row>
    <row r="13420" spans="1:4" x14ac:dyDescent="0.25">
      <c r="A13420" t="s">
        <v>20527</v>
      </c>
      <c r="B13420" t="s">
        <v>20528</v>
      </c>
      <c r="C13420">
        <v>1</v>
      </c>
      <c r="D13420">
        <v>0</v>
      </c>
    </row>
    <row r="13421" spans="1:4" x14ac:dyDescent="0.25">
      <c r="A13421" t="s">
        <v>20529</v>
      </c>
      <c r="B13421" t="s">
        <v>20530</v>
      </c>
      <c r="C13421">
        <v>1</v>
      </c>
      <c r="D13421">
        <v>0</v>
      </c>
    </row>
    <row r="13422" spans="1:4" x14ac:dyDescent="0.25">
      <c r="A13422" t="s">
        <v>20531</v>
      </c>
      <c r="B13422" t="s">
        <v>20532</v>
      </c>
      <c r="C13422">
        <v>1</v>
      </c>
      <c r="D13422">
        <v>0</v>
      </c>
    </row>
    <row r="13423" spans="1:4" x14ac:dyDescent="0.25">
      <c r="A13423" t="s">
        <v>20533</v>
      </c>
      <c r="B13423" t="s">
        <v>20534</v>
      </c>
      <c r="C13423">
        <v>2</v>
      </c>
      <c r="D13423">
        <v>0</v>
      </c>
    </row>
    <row r="13424" spans="1:4" x14ac:dyDescent="0.25">
      <c r="A13424" t="s">
        <v>20535</v>
      </c>
      <c r="B13424" t="s">
        <v>20536</v>
      </c>
      <c r="C13424">
        <v>1</v>
      </c>
      <c r="D13424">
        <v>0</v>
      </c>
    </row>
    <row r="13425" spans="1:4" x14ac:dyDescent="0.25">
      <c r="A13425" t="s">
        <v>20537</v>
      </c>
      <c r="B13425" t="s">
        <v>20538</v>
      </c>
      <c r="C13425">
        <v>1</v>
      </c>
      <c r="D13425">
        <v>0</v>
      </c>
    </row>
    <row r="13426" spans="1:4" x14ac:dyDescent="0.25">
      <c r="A13426" t="s">
        <v>20539</v>
      </c>
      <c r="B13426" t="s">
        <v>20540</v>
      </c>
      <c r="C13426">
        <v>1</v>
      </c>
      <c r="D13426">
        <v>0</v>
      </c>
    </row>
    <row r="13427" spans="1:4" x14ac:dyDescent="0.25">
      <c r="A13427" t="s">
        <v>20541</v>
      </c>
      <c r="B13427" t="s">
        <v>20542</v>
      </c>
      <c r="C13427">
        <v>1</v>
      </c>
      <c r="D13427">
        <v>0</v>
      </c>
    </row>
    <row r="13428" spans="1:4" x14ac:dyDescent="0.25">
      <c r="A13428" t="s">
        <v>20543</v>
      </c>
      <c r="B13428" t="s">
        <v>20544</v>
      </c>
      <c r="C13428">
        <v>1</v>
      </c>
      <c r="D13428">
        <v>0</v>
      </c>
    </row>
    <row r="13429" spans="1:4" x14ac:dyDescent="0.25">
      <c r="A13429" t="s">
        <v>20543</v>
      </c>
      <c r="B13429" t="s">
        <v>20545</v>
      </c>
      <c r="C13429">
        <v>2</v>
      </c>
      <c r="D13429">
        <v>0</v>
      </c>
    </row>
    <row r="13430" spans="1:4" x14ac:dyDescent="0.25">
      <c r="A13430" t="s">
        <v>20546</v>
      </c>
      <c r="B13430" t="s">
        <v>20547</v>
      </c>
      <c r="C13430">
        <v>1</v>
      </c>
      <c r="D13430">
        <v>0</v>
      </c>
    </row>
    <row r="13431" spans="1:4" x14ac:dyDescent="0.25">
      <c r="A13431" t="s">
        <v>20548</v>
      </c>
      <c r="B13431" t="s">
        <v>20549</v>
      </c>
      <c r="C13431">
        <v>1</v>
      </c>
      <c r="D13431">
        <v>0</v>
      </c>
    </row>
    <row r="13432" spans="1:4" x14ac:dyDescent="0.25">
      <c r="A13432" t="s">
        <v>20550</v>
      </c>
      <c r="B13432" t="s">
        <v>20551</v>
      </c>
      <c r="C13432">
        <v>0</v>
      </c>
      <c r="D13432">
        <v>0</v>
      </c>
    </row>
    <row r="13433" spans="1:4" x14ac:dyDescent="0.25">
      <c r="A13433" t="s">
        <v>20552</v>
      </c>
      <c r="B13433" t="s">
        <v>20553</v>
      </c>
      <c r="C13433">
        <v>1</v>
      </c>
      <c r="D13433">
        <v>0</v>
      </c>
    </row>
    <row r="13434" spans="1:4" x14ac:dyDescent="0.25">
      <c r="A13434" t="s">
        <v>20552</v>
      </c>
      <c r="B13434" t="s">
        <v>20554</v>
      </c>
      <c r="C13434">
        <v>1</v>
      </c>
      <c r="D13434">
        <v>0</v>
      </c>
    </row>
    <row r="13435" spans="1:4" x14ac:dyDescent="0.25">
      <c r="A13435" t="s">
        <v>20555</v>
      </c>
      <c r="B13435" t="s">
        <v>20556</v>
      </c>
      <c r="C13435">
        <v>1</v>
      </c>
      <c r="D13435">
        <v>0</v>
      </c>
    </row>
    <row r="13436" spans="1:4" x14ac:dyDescent="0.25">
      <c r="A13436" t="s">
        <v>20555</v>
      </c>
      <c r="B13436" t="s">
        <v>20557</v>
      </c>
      <c r="C13436">
        <v>1</v>
      </c>
      <c r="D13436">
        <v>0</v>
      </c>
    </row>
    <row r="13437" spans="1:4" x14ac:dyDescent="0.25">
      <c r="A13437" t="s">
        <v>20558</v>
      </c>
      <c r="B13437" t="s">
        <v>20559</v>
      </c>
      <c r="C13437">
        <v>0</v>
      </c>
      <c r="D13437">
        <v>0</v>
      </c>
    </row>
    <row r="13438" spans="1:4" x14ac:dyDescent="0.25">
      <c r="A13438" t="s">
        <v>20560</v>
      </c>
      <c r="B13438" t="s">
        <v>20561</v>
      </c>
      <c r="C13438">
        <v>2</v>
      </c>
      <c r="D13438">
        <v>0</v>
      </c>
    </row>
    <row r="13439" spans="1:4" x14ac:dyDescent="0.25">
      <c r="A13439" t="s">
        <v>20562</v>
      </c>
      <c r="B13439" t="s">
        <v>20563</v>
      </c>
      <c r="C13439">
        <v>1</v>
      </c>
      <c r="D13439">
        <v>0</v>
      </c>
    </row>
    <row r="13440" spans="1:4" x14ac:dyDescent="0.25">
      <c r="A13440" t="s">
        <v>20564</v>
      </c>
      <c r="B13440" t="s">
        <v>20565</v>
      </c>
      <c r="C13440">
        <v>1</v>
      </c>
      <c r="D13440">
        <v>0</v>
      </c>
    </row>
    <row r="13441" spans="1:4" x14ac:dyDescent="0.25">
      <c r="A13441" t="s">
        <v>20566</v>
      </c>
      <c r="B13441" t="s">
        <v>20567</v>
      </c>
      <c r="C13441">
        <v>1</v>
      </c>
      <c r="D13441">
        <v>0</v>
      </c>
    </row>
    <row r="13442" spans="1:4" x14ac:dyDescent="0.25">
      <c r="A13442" t="s">
        <v>20568</v>
      </c>
      <c r="B13442" t="s">
        <v>17479</v>
      </c>
      <c r="C13442">
        <v>2</v>
      </c>
      <c r="D13442">
        <v>0</v>
      </c>
    </row>
    <row r="13443" spans="1:4" x14ac:dyDescent="0.25">
      <c r="A13443" t="s">
        <v>20569</v>
      </c>
      <c r="B13443" t="s">
        <v>20570</v>
      </c>
      <c r="C13443">
        <v>1</v>
      </c>
      <c r="D13443">
        <v>0</v>
      </c>
    </row>
    <row r="13444" spans="1:4" x14ac:dyDescent="0.25">
      <c r="A13444" t="s">
        <v>20569</v>
      </c>
      <c r="B13444" t="s">
        <v>20571</v>
      </c>
      <c r="C13444">
        <v>1</v>
      </c>
      <c r="D13444">
        <v>0</v>
      </c>
    </row>
    <row r="13445" spans="1:4" x14ac:dyDescent="0.25">
      <c r="A13445" t="s">
        <v>20572</v>
      </c>
      <c r="B13445" t="s">
        <v>20573</v>
      </c>
      <c r="C13445">
        <v>1</v>
      </c>
      <c r="D13445">
        <v>0</v>
      </c>
    </row>
    <row r="13446" spans="1:4" x14ac:dyDescent="0.25">
      <c r="A13446" t="s">
        <v>20574</v>
      </c>
      <c r="B13446" t="s">
        <v>20575</v>
      </c>
      <c r="C13446">
        <v>1</v>
      </c>
      <c r="D13446">
        <v>0</v>
      </c>
    </row>
    <row r="13447" spans="1:4" x14ac:dyDescent="0.25">
      <c r="A13447" t="s">
        <v>20576</v>
      </c>
      <c r="B13447" t="s">
        <v>20577</v>
      </c>
      <c r="C13447">
        <v>1</v>
      </c>
      <c r="D13447">
        <v>0</v>
      </c>
    </row>
    <row r="13448" spans="1:4" x14ac:dyDescent="0.25">
      <c r="A13448" t="s">
        <v>20576</v>
      </c>
      <c r="B13448" t="s">
        <v>20578</v>
      </c>
      <c r="C13448">
        <v>0</v>
      </c>
      <c r="D13448">
        <v>0</v>
      </c>
    </row>
    <row r="13449" spans="1:4" x14ac:dyDescent="0.25">
      <c r="A13449" t="s">
        <v>20576</v>
      </c>
      <c r="B13449" t="s">
        <v>20579</v>
      </c>
      <c r="C13449">
        <v>0</v>
      </c>
      <c r="D13449">
        <v>0</v>
      </c>
    </row>
    <row r="13450" spans="1:4" x14ac:dyDescent="0.25">
      <c r="A13450" t="s">
        <v>20580</v>
      </c>
      <c r="B13450" t="s">
        <v>20581</v>
      </c>
      <c r="C13450">
        <v>0</v>
      </c>
      <c r="D13450">
        <v>0</v>
      </c>
    </row>
    <row r="13451" spans="1:4" x14ac:dyDescent="0.25">
      <c r="A13451" t="s">
        <v>20582</v>
      </c>
      <c r="B13451" t="s">
        <v>20583</v>
      </c>
      <c r="C13451">
        <v>2</v>
      </c>
      <c r="D13451">
        <v>0</v>
      </c>
    </row>
    <row r="13452" spans="1:4" x14ac:dyDescent="0.25">
      <c r="A13452" t="s">
        <v>20584</v>
      </c>
      <c r="B13452" t="s">
        <v>20585</v>
      </c>
      <c r="C13452">
        <v>1</v>
      </c>
      <c r="D13452">
        <v>0</v>
      </c>
    </row>
    <row r="13453" spans="1:4" x14ac:dyDescent="0.25">
      <c r="A13453" t="s">
        <v>20586</v>
      </c>
      <c r="B13453" t="s">
        <v>20587</v>
      </c>
      <c r="C13453">
        <v>0</v>
      </c>
      <c r="D13453">
        <v>0</v>
      </c>
    </row>
    <row r="13454" spans="1:4" x14ac:dyDescent="0.25">
      <c r="A13454" t="s">
        <v>20586</v>
      </c>
      <c r="B13454" t="s">
        <v>20588</v>
      </c>
      <c r="C13454">
        <v>2</v>
      </c>
      <c r="D13454">
        <v>0</v>
      </c>
    </row>
    <row r="13455" spans="1:4" x14ac:dyDescent="0.25">
      <c r="A13455" t="s">
        <v>20589</v>
      </c>
      <c r="B13455" t="s">
        <v>20590</v>
      </c>
      <c r="C13455">
        <v>2</v>
      </c>
      <c r="D13455">
        <v>0</v>
      </c>
    </row>
    <row r="13456" spans="1:4" x14ac:dyDescent="0.25">
      <c r="A13456" t="s">
        <v>20591</v>
      </c>
      <c r="B13456" t="s">
        <v>20592</v>
      </c>
      <c r="C13456">
        <v>1</v>
      </c>
      <c r="D13456">
        <v>0</v>
      </c>
    </row>
    <row r="13457" spans="1:4" x14ac:dyDescent="0.25">
      <c r="A13457" t="s">
        <v>20593</v>
      </c>
      <c r="B13457" t="s">
        <v>20594</v>
      </c>
      <c r="C13457">
        <v>1</v>
      </c>
      <c r="D13457">
        <v>0</v>
      </c>
    </row>
    <row r="13458" spans="1:4" x14ac:dyDescent="0.25">
      <c r="A13458" t="s">
        <v>20595</v>
      </c>
      <c r="B13458" t="s">
        <v>20596</v>
      </c>
      <c r="C13458">
        <v>0</v>
      </c>
      <c r="D13458">
        <v>0</v>
      </c>
    </row>
    <row r="13459" spans="1:4" x14ac:dyDescent="0.25">
      <c r="A13459" t="s">
        <v>20597</v>
      </c>
      <c r="B13459" t="s">
        <v>20598</v>
      </c>
      <c r="C13459">
        <v>0</v>
      </c>
      <c r="D13459">
        <v>0</v>
      </c>
    </row>
    <row r="13460" spans="1:4" x14ac:dyDescent="0.25">
      <c r="A13460" t="s">
        <v>20599</v>
      </c>
      <c r="B13460" t="s">
        <v>20600</v>
      </c>
      <c r="C13460">
        <v>1</v>
      </c>
      <c r="D13460">
        <v>0</v>
      </c>
    </row>
    <row r="13461" spans="1:4" x14ac:dyDescent="0.25">
      <c r="A13461" t="s">
        <v>20601</v>
      </c>
      <c r="B13461" t="s">
        <v>20602</v>
      </c>
      <c r="C13461">
        <v>1</v>
      </c>
      <c r="D13461">
        <v>0</v>
      </c>
    </row>
    <row r="13462" spans="1:4" x14ac:dyDescent="0.25">
      <c r="A13462" t="s">
        <v>20601</v>
      </c>
      <c r="B13462" t="s">
        <v>20603</v>
      </c>
      <c r="C13462">
        <v>0</v>
      </c>
      <c r="D13462">
        <v>0</v>
      </c>
    </row>
    <row r="13463" spans="1:4" x14ac:dyDescent="0.25">
      <c r="A13463" t="s">
        <v>20604</v>
      </c>
      <c r="B13463" t="s">
        <v>20605</v>
      </c>
      <c r="C13463">
        <v>0</v>
      </c>
      <c r="D13463">
        <v>0</v>
      </c>
    </row>
    <row r="13464" spans="1:4" x14ac:dyDescent="0.25">
      <c r="A13464" t="s">
        <v>20606</v>
      </c>
      <c r="B13464" t="s">
        <v>20607</v>
      </c>
      <c r="C13464">
        <v>0</v>
      </c>
      <c r="D13464">
        <v>0</v>
      </c>
    </row>
    <row r="13465" spans="1:4" x14ac:dyDescent="0.25">
      <c r="A13465" t="s">
        <v>20608</v>
      </c>
      <c r="B13465" t="s">
        <v>20609</v>
      </c>
      <c r="C13465">
        <v>1</v>
      </c>
      <c r="D13465">
        <v>0</v>
      </c>
    </row>
    <row r="13466" spans="1:4" x14ac:dyDescent="0.25">
      <c r="A13466" t="s">
        <v>20610</v>
      </c>
      <c r="B13466" t="s">
        <v>20611</v>
      </c>
      <c r="C13466">
        <v>2</v>
      </c>
      <c r="D13466">
        <v>0</v>
      </c>
    </row>
    <row r="13467" spans="1:4" x14ac:dyDescent="0.25">
      <c r="A13467" t="s">
        <v>20612</v>
      </c>
      <c r="B13467" t="s">
        <v>20613</v>
      </c>
      <c r="C13467">
        <v>1</v>
      </c>
      <c r="D13467">
        <v>0</v>
      </c>
    </row>
    <row r="13468" spans="1:4" x14ac:dyDescent="0.25">
      <c r="A13468" t="s">
        <v>20614</v>
      </c>
      <c r="B13468" t="s">
        <v>20615</v>
      </c>
      <c r="C13468">
        <v>1</v>
      </c>
      <c r="D13468">
        <v>0</v>
      </c>
    </row>
    <row r="13469" spans="1:4" x14ac:dyDescent="0.25">
      <c r="A13469" t="s">
        <v>20616</v>
      </c>
      <c r="B13469" t="s">
        <v>20617</v>
      </c>
      <c r="C13469">
        <v>0</v>
      </c>
      <c r="D13469">
        <v>0</v>
      </c>
    </row>
    <row r="13470" spans="1:4" x14ac:dyDescent="0.25">
      <c r="A13470" t="s">
        <v>20618</v>
      </c>
      <c r="B13470" t="s">
        <v>20619</v>
      </c>
      <c r="C13470">
        <v>2</v>
      </c>
      <c r="D13470">
        <v>0</v>
      </c>
    </row>
    <row r="13471" spans="1:4" x14ac:dyDescent="0.25">
      <c r="A13471" t="s">
        <v>20620</v>
      </c>
      <c r="B13471" t="s">
        <v>20621</v>
      </c>
      <c r="C13471">
        <v>1</v>
      </c>
      <c r="D13471">
        <v>0</v>
      </c>
    </row>
    <row r="13472" spans="1:4" x14ac:dyDescent="0.25">
      <c r="A13472" t="s">
        <v>20622</v>
      </c>
      <c r="B13472" t="s">
        <v>20623</v>
      </c>
      <c r="C13472">
        <v>0</v>
      </c>
      <c r="D13472">
        <v>0</v>
      </c>
    </row>
    <row r="13473" spans="1:4" x14ac:dyDescent="0.25">
      <c r="A13473" t="s">
        <v>20624</v>
      </c>
      <c r="B13473" t="s">
        <v>20625</v>
      </c>
      <c r="C13473">
        <v>1</v>
      </c>
      <c r="D13473">
        <v>0</v>
      </c>
    </row>
    <row r="13474" spans="1:4" x14ac:dyDescent="0.25">
      <c r="A13474" t="s">
        <v>20626</v>
      </c>
      <c r="B13474" t="s">
        <v>20627</v>
      </c>
      <c r="C13474">
        <v>2</v>
      </c>
      <c r="D13474">
        <v>0</v>
      </c>
    </row>
    <row r="13475" spans="1:4" x14ac:dyDescent="0.25">
      <c r="A13475" t="s">
        <v>20628</v>
      </c>
      <c r="B13475" t="s">
        <v>20629</v>
      </c>
      <c r="C13475">
        <v>1</v>
      </c>
      <c r="D13475">
        <v>0</v>
      </c>
    </row>
    <row r="13476" spans="1:4" x14ac:dyDescent="0.25">
      <c r="A13476" t="s">
        <v>20628</v>
      </c>
      <c r="B13476" t="s">
        <v>20630</v>
      </c>
      <c r="C13476">
        <v>0</v>
      </c>
      <c r="D13476">
        <v>0</v>
      </c>
    </row>
    <row r="13477" spans="1:4" x14ac:dyDescent="0.25">
      <c r="A13477" t="s">
        <v>20631</v>
      </c>
      <c r="B13477" t="s">
        <v>20632</v>
      </c>
      <c r="C13477">
        <v>0</v>
      </c>
      <c r="D13477">
        <v>0</v>
      </c>
    </row>
    <row r="13478" spans="1:4" x14ac:dyDescent="0.25">
      <c r="A13478" t="s">
        <v>20633</v>
      </c>
      <c r="B13478" t="s">
        <v>20634</v>
      </c>
      <c r="C13478">
        <v>1</v>
      </c>
      <c r="D13478">
        <v>0</v>
      </c>
    </row>
    <row r="13479" spans="1:4" x14ac:dyDescent="0.25">
      <c r="A13479" t="s">
        <v>20635</v>
      </c>
      <c r="B13479" t="s">
        <v>20636</v>
      </c>
      <c r="C13479">
        <v>0</v>
      </c>
      <c r="D13479">
        <v>0</v>
      </c>
    </row>
    <row r="13480" spans="1:4" x14ac:dyDescent="0.25">
      <c r="A13480" t="s">
        <v>20635</v>
      </c>
      <c r="B13480" t="s">
        <v>20637</v>
      </c>
      <c r="C13480">
        <v>2</v>
      </c>
      <c r="D13480">
        <v>0</v>
      </c>
    </row>
    <row r="13481" spans="1:4" x14ac:dyDescent="0.25">
      <c r="A13481" t="s">
        <v>20638</v>
      </c>
      <c r="B13481" t="s">
        <v>20639</v>
      </c>
      <c r="C13481">
        <v>0</v>
      </c>
      <c r="D13481">
        <v>0</v>
      </c>
    </row>
    <row r="13482" spans="1:4" x14ac:dyDescent="0.25">
      <c r="A13482" t="s">
        <v>20640</v>
      </c>
      <c r="B13482" t="s">
        <v>20641</v>
      </c>
      <c r="C13482">
        <v>1</v>
      </c>
      <c r="D13482">
        <v>0</v>
      </c>
    </row>
    <row r="13483" spans="1:4" x14ac:dyDescent="0.25">
      <c r="A13483" t="s">
        <v>20642</v>
      </c>
      <c r="B13483" t="s">
        <v>20643</v>
      </c>
      <c r="C13483">
        <v>0</v>
      </c>
      <c r="D13483">
        <v>0</v>
      </c>
    </row>
    <row r="13484" spans="1:4" x14ac:dyDescent="0.25">
      <c r="A13484" t="s">
        <v>20644</v>
      </c>
      <c r="B13484" t="s">
        <v>20645</v>
      </c>
      <c r="C13484">
        <v>0</v>
      </c>
      <c r="D13484">
        <v>0</v>
      </c>
    </row>
    <row r="13485" spans="1:4" x14ac:dyDescent="0.25">
      <c r="A13485" t="s">
        <v>20646</v>
      </c>
      <c r="B13485" t="s">
        <v>20647</v>
      </c>
      <c r="C13485">
        <v>2</v>
      </c>
      <c r="D13485">
        <v>0</v>
      </c>
    </row>
    <row r="13486" spans="1:4" x14ac:dyDescent="0.25">
      <c r="A13486" t="s">
        <v>20648</v>
      </c>
      <c r="B13486" t="s">
        <v>20649</v>
      </c>
      <c r="C13486">
        <v>1</v>
      </c>
      <c r="D13486">
        <v>0</v>
      </c>
    </row>
    <row r="13487" spans="1:4" x14ac:dyDescent="0.25">
      <c r="A13487" t="s">
        <v>20650</v>
      </c>
      <c r="B13487" t="s">
        <v>20651</v>
      </c>
      <c r="C13487">
        <v>1</v>
      </c>
      <c r="D13487">
        <v>0</v>
      </c>
    </row>
    <row r="13488" spans="1:4" x14ac:dyDescent="0.25">
      <c r="A13488" t="s">
        <v>20652</v>
      </c>
      <c r="B13488" t="s">
        <v>20653</v>
      </c>
      <c r="C13488">
        <v>1</v>
      </c>
      <c r="D13488">
        <v>0</v>
      </c>
    </row>
    <row r="13489" spans="1:4" x14ac:dyDescent="0.25">
      <c r="A13489" t="s">
        <v>20654</v>
      </c>
      <c r="B13489" t="s">
        <v>20655</v>
      </c>
      <c r="C13489">
        <v>1</v>
      </c>
      <c r="D13489">
        <v>0</v>
      </c>
    </row>
    <row r="13490" spans="1:4" x14ac:dyDescent="0.25">
      <c r="A13490" t="s">
        <v>20656</v>
      </c>
      <c r="B13490" t="s">
        <v>20657</v>
      </c>
      <c r="C13490">
        <v>0</v>
      </c>
      <c r="D13490">
        <v>0</v>
      </c>
    </row>
    <row r="13491" spans="1:4" x14ac:dyDescent="0.25">
      <c r="A13491" t="s">
        <v>20658</v>
      </c>
      <c r="B13491" t="s">
        <v>20659</v>
      </c>
      <c r="C13491">
        <v>1</v>
      </c>
      <c r="D13491">
        <v>0</v>
      </c>
    </row>
    <row r="13492" spans="1:4" x14ac:dyDescent="0.25">
      <c r="A13492" t="s">
        <v>20658</v>
      </c>
      <c r="B13492" t="s">
        <v>20660</v>
      </c>
      <c r="C13492">
        <v>1</v>
      </c>
      <c r="D13492">
        <v>0</v>
      </c>
    </row>
    <row r="13493" spans="1:4" x14ac:dyDescent="0.25">
      <c r="A13493" t="s">
        <v>20661</v>
      </c>
      <c r="B13493" t="s">
        <v>20662</v>
      </c>
      <c r="C13493">
        <v>1</v>
      </c>
      <c r="D13493">
        <v>0</v>
      </c>
    </row>
    <row r="13494" spans="1:4" x14ac:dyDescent="0.25">
      <c r="A13494" t="s">
        <v>20663</v>
      </c>
      <c r="B13494" t="s">
        <v>20664</v>
      </c>
      <c r="C13494">
        <v>1</v>
      </c>
      <c r="D13494">
        <v>0</v>
      </c>
    </row>
    <row r="13495" spans="1:4" x14ac:dyDescent="0.25">
      <c r="A13495" t="s">
        <v>20665</v>
      </c>
      <c r="B13495" t="s">
        <v>20666</v>
      </c>
      <c r="C13495">
        <v>1</v>
      </c>
      <c r="D13495">
        <v>0</v>
      </c>
    </row>
    <row r="13496" spans="1:4" x14ac:dyDescent="0.25">
      <c r="A13496" t="s">
        <v>20665</v>
      </c>
      <c r="B13496" t="s">
        <v>20667</v>
      </c>
      <c r="C13496">
        <v>0</v>
      </c>
      <c r="D13496">
        <v>0</v>
      </c>
    </row>
    <row r="13497" spans="1:4" x14ac:dyDescent="0.25">
      <c r="A13497" t="s">
        <v>20665</v>
      </c>
      <c r="B13497" t="s">
        <v>20668</v>
      </c>
      <c r="C13497">
        <v>2</v>
      </c>
      <c r="D13497">
        <v>0</v>
      </c>
    </row>
    <row r="13498" spans="1:4" x14ac:dyDescent="0.25">
      <c r="A13498" t="s">
        <v>20669</v>
      </c>
      <c r="B13498" t="s">
        <v>20670</v>
      </c>
      <c r="C13498">
        <v>0</v>
      </c>
      <c r="D13498">
        <v>0</v>
      </c>
    </row>
    <row r="13499" spans="1:4" x14ac:dyDescent="0.25">
      <c r="A13499" t="s">
        <v>20671</v>
      </c>
      <c r="B13499" t="s">
        <v>20672</v>
      </c>
      <c r="C13499">
        <v>0</v>
      </c>
      <c r="D13499">
        <v>0</v>
      </c>
    </row>
    <row r="13500" spans="1:4" x14ac:dyDescent="0.25">
      <c r="A13500" t="s">
        <v>20673</v>
      </c>
      <c r="B13500" t="s">
        <v>20674</v>
      </c>
      <c r="C13500">
        <v>2</v>
      </c>
      <c r="D13500">
        <v>0</v>
      </c>
    </row>
    <row r="13501" spans="1:4" x14ac:dyDescent="0.25">
      <c r="A13501" t="s">
        <v>20675</v>
      </c>
      <c r="B13501" t="s">
        <v>20676</v>
      </c>
      <c r="C13501">
        <v>1</v>
      </c>
      <c r="D13501">
        <v>0</v>
      </c>
    </row>
    <row r="13502" spans="1:4" x14ac:dyDescent="0.25">
      <c r="A13502" t="s">
        <v>20677</v>
      </c>
      <c r="B13502" t="s">
        <v>20678</v>
      </c>
      <c r="C13502">
        <v>1</v>
      </c>
      <c r="D13502">
        <v>0</v>
      </c>
    </row>
    <row r="13503" spans="1:4" x14ac:dyDescent="0.25">
      <c r="A13503" t="s">
        <v>20679</v>
      </c>
      <c r="B13503" t="s">
        <v>20680</v>
      </c>
      <c r="C13503">
        <v>1</v>
      </c>
      <c r="D13503">
        <v>0</v>
      </c>
    </row>
    <row r="13504" spans="1:4" x14ac:dyDescent="0.25">
      <c r="A13504" t="s">
        <v>20681</v>
      </c>
      <c r="B13504" t="s">
        <v>20682</v>
      </c>
      <c r="C13504">
        <v>2</v>
      </c>
      <c r="D13504">
        <v>0</v>
      </c>
    </row>
    <row r="13505" spans="1:4" x14ac:dyDescent="0.25">
      <c r="A13505" t="s">
        <v>20683</v>
      </c>
      <c r="B13505" t="s">
        <v>20684</v>
      </c>
      <c r="C13505">
        <v>2</v>
      </c>
      <c r="D13505">
        <v>0</v>
      </c>
    </row>
    <row r="13506" spans="1:4" x14ac:dyDescent="0.25">
      <c r="A13506" t="s">
        <v>20685</v>
      </c>
      <c r="B13506" t="s">
        <v>20686</v>
      </c>
      <c r="C13506">
        <v>0</v>
      </c>
      <c r="D13506">
        <v>0</v>
      </c>
    </row>
    <row r="13507" spans="1:4" x14ac:dyDescent="0.25">
      <c r="A13507" t="s">
        <v>20687</v>
      </c>
      <c r="B13507" t="s">
        <v>20688</v>
      </c>
      <c r="C13507">
        <v>1</v>
      </c>
      <c r="D13507">
        <v>0</v>
      </c>
    </row>
    <row r="13508" spans="1:4" x14ac:dyDescent="0.25">
      <c r="A13508" t="s">
        <v>20687</v>
      </c>
      <c r="B13508" t="s">
        <v>20689</v>
      </c>
      <c r="C13508">
        <v>0</v>
      </c>
      <c r="D13508">
        <v>0</v>
      </c>
    </row>
    <row r="13509" spans="1:4" x14ac:dyDescent="0.25">
      <c r="A13509" t="s">
        <v>20687</v>
      </c>
      <c r="B13509" t="s">
        <v>20690</v>
      </c>
      <c r="C13509">
        <v>2</v>
      </c>
      <c r="D13509">
        <v>0</v>
      </c>
    </row>
    <row r="13510" spans="1:4" x14ac:dyDescent="0.25">
      <c r="A13510" t="s">
        <v>20691</v>
      </c>
      <c r="B13510" t="s">
        <v>20692</v>
      </c>
      <c r="C13510">
        <v>0</v>
      </c>
      <c r="D13510">
        <v>0</v>
      </c>
    </row>
    <row r="13511" spans="1:4" x14ac:dyDescent="0.25">
      <c r="A13511" t="s">
        <v>20693</v>
      </c>
      <c r="B13511" t="s">
        <v>20694</v>
      </c>
      <c r="C13511">
        <v>2</v>
      </c>
      <c r="D13511">
        <v>0</v>
      </c>
    </row>
    <row r="13512" spans="1:4" x14ac:dyDescent="0.25">
      <c r="A13512" t="s">
        <v>20695</v>
      </c>
      <c r="B13512" t="s">
        <v>20696</v>
      </c>
      <c r="C13512">
        <v>0</v>
      </c>
      <c r="D13512">
        <v>0</v>
      </c>
    </row>
    <row r="13513" spans="1:4" x14ac:dyDescent="0.25">
      <c r="A13513" t="s">
        <v>20697</v>
      </c>
      <c r="B13513" t="s">
        <v>20698</v>
      </c>
      <c r="C13513">
        <v>1</v>
      </c>
      <c r="D13513">
        <v>0</v>
      </c>
    </row>
    <row r="13514" spans="1:4" x14ac:dyDescent="0.25">
      <c r="A13514" t="s">
        <v>20699</v>
      </c>
      <c r="B13514" t="s">
        <v>20700</v>
      </c>
      <c r="C13514">
        <v>0</v>
      </c>
      <c r="D13514">
        <v>0</v>
      </c>
    </row>
    <row r="13515" spans="1:4" x14ac:dyDescent="0.25">
      <c r="A13515" t="s">
        <v>20701</v>
      </c>
      <c r="B13515" t="s">
        <v>20702</v>
      </c>
      <c r="C13515">
        <v>2</v>
      </c>
      <c r="D13515">
        <v>0</v>
      </c>
    </row>
    <row r="13516" spans="1:4" x14ac:dyDescent="0.25">
      <c r="A13516" t="s">
        <v>20703</v>
      </c>
      <c r="B13516" t="s">
        <v>20704</v>
      </c>
      <c r="C13516">
        <v>2</v>
      </c>
      <c r="D13516">
        <v>0</v>
      </c>
    </row>
    <row r="13517" spans="1:4" x14ac:dyDescent="0.25">
      <c r="A13517" t="s">
        <v>20705</v>
      </c>
      <c r="B13517" t="s">
        <v>20706</v>
      </c>
      <c r="C13517">
        <v>1</v>
      </c>
      <c r="D13517">
        <v>0</v>
      </c>
    </row>
    <row r="13518" spans="1:4" x14ac:dyDescent="0.25">
      <c r="A13518" t="s">
        <v>20707</v>
      </c>
      <c r="B13518" t="s">
        <v>20708</v>
      </c>
      <c r="C13518">
        <v>2</v>
      </c>
      <c r="D13518">
        <v>0</v>
      </c>
    </row>
    <row r="13519" spans="1:4" x14ac:dyDescent="0.25">
      <c r="A13519" t="s">
        <v>20709</v>
      </c>
      <c r="B13519" t="s">
        <v>20710</v>
      </c>
      <c r="C13519">
        <v>1</v>
      </c>
      <c r="D13519">
        <v>0</v>
      </c>
    </row>
    <row r="13520" spans="1:4" x14ac:dyDescent="0.25">
      <c r="A13520" t="s">
        <v>20711</v>
      </c>
      <c r="B13520" t="s">
        <v>20712</v>
      </c>
      <c r="C13520">
        <v>1</v>
      </c>
      <c r="D13520">
        <v>0</v>
      </c>
    </row>
    <row r="13521" spans="1:4" x14ac:dyDescent="0.25">
      <c r="A13521" t="s">
        <v>20713</v>
      </c>
      <c r="B13521" t="s">
        <v>20714</v>
      </c>
      <c r="C13521">
        <v>2</v>
      </c>
      <c r="D13521">
        <v>0</v>
      </c>
    </row>
    <row r="13522" spans="1:4" x14ac:dyDescent="0.25">
      <c r="A13522" t="s">
        <v>20715</v>
      </c>
      <c r="B13522" t="s">
        <v>20716</v>
      </c>
      <c r="C13522">
        <v>1</v>
      </c>
      <c r="D13522">
        <v>0</v>
      </c>
    </row>
    <row r="13523" spans="1:4" x14ac:dyDescent="0.25">
      <c r="A13523" t="s">
        <v>20717</v>
      </c>
      <c r="B13523" t="s">
        <v>20718</v>
      </c>
      <c r="C13523">
        <v>0</v>
      </c>
      <c r="D13523">
        <v>0</v>
      </c>
    </row>
    <row r="13524" spans="1:4" x14ac:dyDescent="0.25">
      <c r="A13524" t="s">
        <v>20719</v>
      </c>
      <c r="B13524" t="s">
        <v>20720</v>
      </c>
      <c r="C13524">
        <v>1</v>
      </c>
      <c r="D13524">
        <v>0</v>
      </c>
    </row>
    <row r="13525" spans="1:4" x14ac:dyDescent="0.25">
      <c r="A13525" t="s">
        <v>20721</v>
      </c>
      <c r="B13525" t="s">
        <v>20722</v>
      </c>
      <c r="C13525">
        <v>1</v>
      </c>
      <c r="D13525">
        <v>0</v>
      </c>
    </row>
    <row r="13526" spans="1:4" x14ac:dyDescent="0.25">
      <c r="A13526" t="s">
        <v>20723</v>
      </c>
      <c r="B13526" t="s">
        <v>20724</v>
      </c>
      <c r="C13526">
        <v>1</v>
      </c>
      <c r="D13526">
        <v>0</v>
      </c>
    </row>
    <row r="13527" spans="1:4" x14ac:dyDescent="0.25">
      <c r="A13527" t="s">
        <v>20725</v>
      </c>
      <c r="B13527" t="s">
        <v>20726</v>
      </c>
      <c r="C13527">
        <v>1</v>
      </c>
      <c r="D13527">
        <v>0</v>
      </c>
    </row>
    <row r="13528" spans="1:4" x14ac:dyDescent="0.25">
      <c r="A13528" t="s">
        <v>20725</v>
      </c>
      <c r="B13528" t="s">
        <v>20727</v>
      </c>
      <c r="C13528">
        <v>2</v>
      </c>
      <c r="D13528">
        <v>0</v>
      </c>
    </row>
    <row r="13529" spans="1:4" x14ac:dyDescent="0.25">
      <c r="A13529" t="s">
        <v>20725</v>
      </c>
      <c r="B13529" t="s">
        <v>20728</v>
      </c>
      <c r="C13529">
        <v>2</v>
      </c>
      <c r="D13529">
        <v>0</v>
      </c>
    </row>
    <row r="13530" spans="1:4" x14ac:dyDescent="0.25">
      <c r="A13530" t="s">
        <v>20729</v>
      </c>
      <c r="B13530" t="s">
        <v>20730</v>
      </c>
      <c r="C13530">
        <v>0</v>
      </c>
      <c r="D13530">
        <v>0</v>
      </c>
    </row>
    <row r="13531" spans="1:4" x14ac:dyDescent="0.25">
      <c r="A13531" t="s">
        <v>20731</v>
      </c>
      <c r="B13531" t="s">
        <v>20732</v>
      </c>
      <c r="C13531">
        <v>1</v>
      </c>
      <c r="D13531">
        <v>0</v>
      </c>
    </row>
    <row r="13532" spans="1:4" x14ac:dyDescent="0.25">
      <c r="A13532" t="s">
        <v>20733</v>
      </c>
      <c r="B13532" t="s">
        <v>20734</v>
      </c>
      <c r="C13532">
        <v>1</v>
      </c>
      <c r="D13532">
        <v>0</v>
      </c>
    </row>
    <row r="13533" spans="1:4" x14ac:dyDescent="0.25">
      <c r="A13533" t="s">
        <v>20735</v>
      </c>
      <c r="B13533" t="s">
        <v>20736</v>
      </c>
      <c r="C13533">
        <v>1</v>
      </c>
      <c r="D13533">
        <v>0</v>
      </c>
    </row>
    <row r="13534" spans="1:4" x14ac:dyDescent="0.25">
      <c r="A13534" t="s">
        <v>20737</v>
      </c>
      <c r="B13534" t="s">
        <v>20738</v>
      </c>
      <c r="C13534">
        <v>2</v>
      </c>
      <c r="D13534">
        <v>0</v>
      </c>
    </row>
    <row r="13535" spans="1:4" x14ac:dyDescent="0.25">
      <c r="A13535" t="s">
        <v>20739</v>
      </c>
      <c r="B13535" t="s">
        <v>20740</v>
      </c>
      <c r="C13535">
        <v>2</v>
      </c>
      <c r="D13535">
        <v>0</v>
      </c>
    </row>
    <row r="13536" spans="1:4" x14ac:dyDescent="0.25">
      <c r="A13536" t="s">
        <v>20741</v>
      </c>
      <c r="B13536" t="s">
        <v>20742</v>
      </c>
      <c r="C13536">
        <v>1</v>
      </c>
      <c r="D13536">
        <v>0</v>
      </c>
    </row>
    <row r="13537" spans="1:4" x14ac:dyDescent="0.25">
      <c r="A13537" t="s">
        <v>20743</v>
      </c>
      <c r="B13537" t="s">
        <v>20744</v>
      </c>
      <c r="C13537">
        <v>0</v>
      </c>
      <c r="D13537">
        <v>0</v>
      </c>
    </row>
    <row r="13538" spans="1:4" x14ac:dyDescent="0.25">
      <c r="A13538" t="s">
        <v>20745</v>
      </c>
      <c r="B13538" t="s">
        <v>20746</v>
      </c>
      <c r="C13538">
        <v>0</v>
      </c>
      <c r="D13538">
        <v>0</v>
      </c>
    </row>
    <row r="13539" spans="1:4" x14ac:dyDescent="0.25">
      <c r="A13539" t="s">
        <v>20747</v>
      </c>
      <c r="B13539" t="s">
        <v>20748</v>
      </c>
      <c r="C13539">
        <v>1</v>
      </c>
      <c r="D13539">
        <v>0</v>
      </c>
    </row>
    <row r="13540" spans="1:4" x14ac:dyDescent="0.25">
      <c r="A13540" t="s">
        <v>20749</v>
      </c>
      <c r="B13540" t="s">
        <v>20750</v>
      </c>
      <c r="C13540">
        <v>1</v>
      </c>
      <c r="D13540">
        <v>0</v>
      </c>
    </row>
    <row r="13541" spans="1:4" x14ac:dyDescent="0.25">
      <c r="A13541" t="s">
        <v>20751</v>
      </c>
      <c r="B13541" t="s">
        <v>20752</v>
      </c>
      <c r="C13541">
        <v>1</v>
      </c>
      <c r="D13541">
        <v>0</v>
      </c>
    </row>
    <row r="13542" spans="1:4" x14ac:dyDescent="0.25">
      <c r="A13542" t="s">
        <v>20753</v>
      </c>
      <c r="B13542" t="s">
        <v>20754</v>
      </c>
      <c r="C13542">
        <v>0</v>
      </c>
      <c r="D13542">
        <v>0</v>
      </c>
    </row>
    <row r="13543" spans="1:4" x14ac:dyDescent="0.25">
      <c r="A13543" t="s">
        <v>20755</v>
      </c>
      <c r="B13543" t="s">
        <v>20756</v>
      </c>
      <c r="C13543">
        <v>0</v>
      </c>
      <c r="D13543">
        <v>0</v>
      </c>
    </row>
    <row r="13544" spans="1:4" x14ac:dyDescent="0.25">
      <c r="A13544" t="s">
        <v>20757</v>
      </c>
      <c r="B13544" t="s">
        <v>20758</v>
      </c>
      <c r="C13544">
        <v>1</v>
      </c>
      <c r="D13544">
        <v>0</v>
      </c>
    </row>
    <row r="13545" spans="1:4" x14ac:dyDescent="0.25">
      <c r="A13545" t="s">
        <v>20757</v>
      </c>
      <c r="B13545" t="s">
        <v>20759</v>
      </c>
      <c r="C13545">
        <v>1</v>
      </c>
      <c r="D13545">
        <v>0</v>
      </c>
    </row>
    <row r="13546" spans="1:4" x14ac:dyDescent="0.25">
      <c r="A13546" t="s">
        <v>20760</v>
      </c>
      <c r="B13546" t="s">
        <v>20761</v>
      </c>
      <c r="C13546">
        <v>0</v>
      </c>
      <c r="D13546">
        <v>0</v>
      </c>
    </row>
    <row r="13547" spans="1:4" x14ac:dyDescent="0.25">
      <c r="A13547" t="s">
        <v>20762</v>
      </c>
      <c r="B13547" t="s">
        <v>20763</v>
      </c>
      <c r="C13547">
        <v>1</v>
      </c>
      <c r="D13547">
        <v>0</v>
      </c>
    </row>
    <row r="13548" spans="1:4" x14ac:dyDescent="0.25">
      <c r="A13548" t="s">
        <v>20764</v>
      </c>
      <c r="B13548" t="s">
        <v>20765</v>
      </c>
      <c r="C13548">
        <v>0</v>
      </c>
      <c r="D13548">
        <v>0</v>
      </c>
    </row>
    <row r="13549" spans="1:4" x14ac:dyDescent="0.25">
      <c r="A13549" t="s">
        <v>20766</v>
      </c>
      <c r="B13549" t="s">
        <v>20767</v>
      </c>
      <c r="C13549">
        <v>1</v>
      </c>
      <c r="D13549">
        <v>0</v>
      </c>
    </row>
    <row r="13550" spans="1:4" x14ac:dyDescent="0.25">
      <c r="A13550" t="s">
        <v>20768</v>
      </c>
      <c r="B13550" t="s">
        <v>20769</v>
      </c>
      <c r="C13550">
        <v>0</v>
      </c>
      <c r="D13550">
        <v>0</v>
      </c>
    </row>
    <row r="13551" spans="1:4" x14ac:dyDescent="0.25">
      <c r="A13551" t="s">
        <v>20768</v>
      </c>
      <c r="B13551" t="s">
        <v>20770</v>
      </c>
      <c r="C13551">
        <v>0</v>
      </c>
      <c r="D13551">
        <v>0</v>
      </c>
    </row>
    <row r="13552" spans="1:4" x14ac:dyDescent="0.25">
      <c r="A13552" t="s">
        <v>20771</v>
      </c>
      <c r="B13552" t="s">
        <v>20772</v>
      </c>
      <c r="C13552">
        <v>1</v>
      </c>
      <c r="D13552">
        <v>0</v>
      </c>
    </row>
    <row r="13553" spans="1:4" x14ac:dyDescent="0.25">
      <c r="A13553" t="s">
        <v>20773</v>
      </c>
      <c r="B13553" t="s">
        <v>20774</v>
      </c>
      <c r="C13553">
        <v>0</v>
      </c>
      <c r="D13553">
        <v>0</v>
      </c>
    </row>
    <row r="13554" spans="1:4" x14ac:dyDescent="0.25">
      <c r="A13554" t="s">
        <v>20775</v>
      </c>
      <c r="B13554" t="s">
        <v>20776</v>
      </c>
      <c r="C13554">
        <v>1</v>
      </c>
      <c r="D13554">
        <v>0</v>
      </c>
    </row>
    <row r="13555" spans="1:4" x14ac:dyDescent="0.25">
      <c r="A13555" t="s">
        <v>20777</v>
      </c>
      <c r="B13555" t="s">
        <v>20778</v>
      </c>
      <c r="C13555">
        <v>1</v>
      </c>
      <c r="D13555">
        <v>0</v>
      </c>
    </row>
    <row r="13556" spans="1:4" x14ac:dyDescent="0.25">
      <c r="A13556" t="s">
        <v>20777</v>
      </c>
      <c r="B13556" t="s">
        <v>20779</v>
      </c>
      <c r="C13556">
        <v>0</v>
      </c>
      <c r="D13556">
        <v>0</v>
      </c>
    </row>
    <row r="13557" spans="1:4" x14ac:dyDescent="0.25">
      <c r="A13557" t="s">
        <v>20780</v>
      </c>
      <c r="B13557" t="s">
        <v>20781</v>
      </c>
      <c r="C13557">
        <v>1</v>
      </c>
      <c r="D13557">
        <v>0</v>
      </c>
    </row>
    <row r="13558" spans="1:4" x14ac:dyDescent="0.25">
      <c r="A13558" t="s">
        <v>20782</v>
      </c>
      <c r="B13558" t="s">
        <v>20783</v>
      </c>
      <c r="C13558">
        <v>1</v>
      </c>
      <c r="D13558">
        <v>0</v>
      </c>
    </row>
    <row r="13559" spans="1:4" x14ac:dyDescent="0.25">
      <c r="A13559" t="s">
        <v>20784</v>
      </c>
      <c r="B13559" t="s">
        <v>20785</v>
      </c>
      <c r="C13559">
        <v>2</v>
      </c>
      <c r="D13559">
        <v>0</v>
      </c>
    </row>
    <row r="13560" spans="1:4" x14ac:dyDescent="0.25">
      <c r="A13560" t="s">
        <v>20786</v>
      </c>
      <c r="B13560" t="s">
        <v>20787</v>
      </c>
      <c r="C13560">
        <v>1</v>
      </c>
      <c r="D13560">
        <v>0</v>
      </c>
    </row>
    <row r="13561" spans="1:4" x14ac:dyDescent="0.25">
      <c r="A13561" t="s">
        <v>20788</v>
      </c>
      <c r="B13561" t="s">
        <v>20789</v>
      </c>
      <c r="C13561">
        <v>2</v>
      </c>
      <c r="D13561">
        <v>0</v>
      </c>
    </row>
    <row r="13562" spans="1:4" x14ac:dyDescent="0.25">
      <c r="A13562" t="s">
        <v>20790</v>
      </c>
      <c r="B13562" t="s">
        <v>20791</v>
      </c>
      <c r="C13562">
        <v>1</v>
      </c>
      <c r="D13562">
        <v>0</v>
      </c>
    </row>
    <row r="13563" spans="1:4" x14ac:dyDescent="0.25">
      <c r="A13563" t="s">
        <v>20792</v>
      </c>
      <c r="B13563" t="s">
        <v>20793</v>
      </c>
      <c r="C13563">
        <v>2</v>
      </c>
      <c r="D13563">
        <v>0</v>
      </c>
    </row>
    <row r="13564" spans="1:4" x14ac:dyDescent="0.25">
      <c r="A13564" t="s">
        <v>20794</v>
      </c>
      <c r="B13564" t="s">
        <v>20795</v>
      </c>
      <c r="C13564">
        <v>0</v>
      </c>
      <c r="D13564">
        <v>0</v>
      </c>
    </row>
    <row r="13565" spans="1:4" x14ac:dyDescent="0.25">
      <c r="A13565" t="s">
        <v>20796</v>
      </c>
      <c r="B13565" t="s">
        <v>20797</v>
      </c>
      <c r="C13565">
        <v>1</v>
      </c>
      <c r="D13565">
        <v>0</v>
      </c>
    </row>
    <row r="13566" spans="1:4" x14ac:dyDescent="0.25">
      <c r="A13566" t="s">
        <v>20798</v>
      </c>
      <c r="B13566" t="s">
        <v>20799</v>
      </c>
      <c r="C13566">
        <v>1</v>
      </c>
      <c r="D13566">
        <v>0</v>
      </c>
    </row>
    <row r="13567" spans="1:4" x14ac:dyDescent="0.25">
      <c r="A13567" t="s">
        <v>20798</v>
      </c>
      <c r="B13567" t="s">
        <v>20800</v>
      </c>
      <c r="C13567">
        <v>0</v>
      </c>
      <c r="D13567">
        <v>0</v>
      </c>
    </row>
    <row r="13568" spans="1:4" x14ac:dyDescent="0.25">
      <c r="A13568" t="s">
        <v>20801</v>
      </c>
      <c r="B13568" t="s">
        <v>20802</v>
      </c>
      <c r="C13568">
        <v>1</v>
      </c>
      <c r="D13568">
        <v>0</v>
      </c>
    </row>
    <row r="13569" spans="1:4" x14ac:dyDescent="0.25">
      <c r="A13569" t="s">
        <v>20803</v>
      </c>
      <c r="B13569" t="s">
        <v>20804</v>
      </c>
      <c r="C13569">
        <v>1</v>
      </c>
      <c r="D13569">
        <v>0</v>
      </c>
    </row>
    <row r="13570" spans="1:4" x14ac:dyDescent="0.25">
      <c r="A13570" t="s">
        <v>20805</v>
      </c>
      <c r="B13570" t="s">
        <v>20806</v>
      </c>
      <c r="C13570">
        <v>1</v>
      </c>
      <c r="D13570">
        <v>0</v>
      </c>
    </row>
    <row r="13571" spans="1:4" x14ac:dyDescent="0.25">
      <c r="A13571" t="s">
        <v>20807</v>
      </c>
      <c r="B13571" t="s">
        <v>19309</v>
      </c>
      <c r="C13571">
        <v>0</v>
      </c>
      <c r="D13571">
        <v>0</v>
      </c>
    </row>
    <row r="13572" spans="1:4" x14ac:dyDescent="0.25">
      <c r="A13572" t="s">
        <v>20807</v>
      </c>
      <c r="B13572" t="s">
        <v>20808</v>
      </c>
      <c r="C13572">
        <v>2</v>
      </c>
      <c r="D13572">
        <v>0</v>
      </c>
    </row>
    <row r="13573" spans="1:4" x14ac:dyDescent="0.25">
      <c r="A13573" t="s">
        <v>20809</v>
      </c>
      <c r="B13573" t="s">
        <v>20810</v>
      </c>
      <c r="C13573">
        <v>1</v>
      </c>
      <c r="D13573">
        <v>0</v>
      </c>
    </row>
    <row r="13574" spans="1:4" x14ac:dyDescent="0.25">
      <c r="A13574" t="s">
        <v>20809</v>
      </c>
      <c r="B13574" t="s">
        <v>20811</v>
      </c>
      <c r="C13574">
        <v>1</v>
      </c>
      <c r="D13574">
        <v>0</v>
      </c>
    </row>
    <row r="13575" spans="1:4" x14ac:dyDescent="0.25">
      <c r="A13575" t="s">
        <v>20812</v>
      </c>
      <c r="B13575" t="s">
        <v>20813</v>
      </c>
      <c r="C13575">
        <v>1</v>
      </c>
      <c r="D13575">
        <v>0</v>
      </c>
    </row>
    <row r="13576" spans="1:4" x14ac:dyDescent="0.25">
      <c r="A13576" t="s">
        <v>20814</v>
      </c>
      <c r="B13576" t="s">
        <v>20815</v>
      </c>
      <c r="C13576">
        <v>0</v>
      </c>
      <c r="D13576">
        <v>0</v>
      </c>
    </row>
    <row r="13577" spans="1:4" x14ac:dyDescent="0.25">
      <c r="A13577" t="s">
        <v>20816</v>
      </c>
      <c r="B13577" t="s">
        <v>20817</v>
      </c>
      <c r="C13577">
        <v>1</v>
      </c>
      <c r="D13577">
        <v>0</v>
      </c>
    </row>
    <row r="13578" spans="1:4" x14ac:dyDescent="0.25">
      <c r="A13578" t="s">
        <v>20818</v>
      </c>
      <c r="B13578" t="s">
        <v>20819</v>
      </c>
      <c r="C13578">
        <v>1</v>
      </c>
      <c r="D13578">
        <v>0</v>
      </c>
    </row>
    <row r="13579" spans="1:4" x14ac:dyDescent="0.25">
      <c r="A13579" t="s">
        <v>20818</v>
      </c>
      <c r="B13579" t="s">
        <v>20820</v>
      </c>
      <c r="C13579">
        <v>2</v>
      </c>
      <c r="D13579">
        <v>0</v>
      </c>
    </row>
    <row r="13580" spans="1:4" x14ac:dyDescent="0.25">
      <c r="A13580" t="s">
        <v>20821</v>
      </c>
      <c r="B13580" t="s">
        <v>20822</v>
      </c>
      <c r="C13580">
        <v>0</v>
      </c>
      <c r="D13580">
        <v>0</v>
      </c>
    </row>
    <row r="13581" spans="1:4" x14ac:dyDescent="0.25">
      <c r="A13581" t="s">
        <v>20823</v>
      </c>
      <c r="B13581" t="s">
        <v>20824</v>
      </c>
      <c r="C13581">
        <v>1</v>
      </c>
      <c r="D13581">
        <v>0</v>
      </c>
    </row>
    <row r="13582" spans="1:4" x14ac:dyDescent="0.25">
      <c r="A13582" t="s">
        <v>20825</v>
      </c>
      <c r="B13582" t="s">
        <v>20826</v>
      </c>
      <c r="C13582">
        <v>1</v>
      </c>
      <c r="D13582">
        <v>0</v>
      </c>
    </row>
    <row r="13583" spans="1:4" x14ac:dyDescent="0.25">
      <c r="A13583" t="s">
        <v>20827</v>
      </c>
      <c r="B13583" t="s">
        <v>20828</v>
      </c>
      <c r="C13583">
        <v>1</v>
      </c>
      <c r="D13583">
        <v>0</v>
      </c>
    </row>
    <row r="13584" spans="1:4" x14ac:dyDescent="0.25">
      <c r="A13584" t="s">
        <v>20829</v>
      </c>
      <c r="B13584" t="s">
        <v>20830</v>
      </c>
      <c r="C13584">
        <v>1</v>
      </c>
      <c r="D13584">
        <v>0</v>
      </c>
    </row>
    <row r="13585" spans="1:4" x14ac:dyDescent="0.25">
      <c r="A13585" t="s">
        <v>20831</v>
      </c>
      <c r="B13585" t="s">
        <v>20832</v>
      </c>
      <c r="C13585">
        <v>1</v>
      </c>
      <c r="D13585">
        <v>0</v>
      </c>
    </row>
    <row r="13586" spans="1:4" x14ac:dyDescent="0.25">
      <c r="A13586" t="s">
        <v>20833</v>
      </c>
      <c r="B13586" t="s">
        <v>20834</v>
      </c>
      <c r="C13586">
        <v>1</v>
      </c>
      <c r="D13586">
        <v>0</v>
      </c>
    </row>
    <row r="13587" spans="1:4" x14ac:dyDescent="0.25">
      <c r="A13587" t="s">
        <v>20835</v>
      </c>
      <c r="B13587" t="s">
        <v>20836</v>
      </c>
      <c r="C13587">
        <v>1</v>
      </c>
      <c r="D13587">
        <v>0</v>
      </c>
    </row>
    <row r="13588" spans="1:4" x14ac:dyDescent="0.25">
      <c r="A13588" t="s">
        <v>20837</v>
      </c>
      <c r="B13588" t="s">
        <v>20838</v>
      </c>
      <c r="C13588">
        <v>1</v>
      </c>
      <c r="D13588">
        <v>0</v>
      </c>
    </row>
    <row r="13589" spans="1:4" x14ac:dyDescent="0.25">
      <c r="A13589" t="s">
        <v>20839</v>
      </c>
      <c r="B13589" t="s">
        <v>20840</v>
      </c>
      <c r="C13589">
        <v>1</v>
      </c>
      <c r="D13589">
        <v>0</v>
      </c>
    </row>
    <row r="13590" spans="1:4" x14ac:dyDescent="0.25">
      <c r="A13590" t="s">
        <v>20841</v>
      </c>
      <c r="B13590" t="s">
        <v>20842</v>
      </c>
      <c r="C13590">
        <v>1</v>
      </c>
      <c r="D13590">
        <v>0</v>
      </c>
    </row>
    <row r="13591" spans="1:4" x14ac:dyDescent="0.25">
      <c r="A13591" t="s">
        <v>20843</v>
      </c>
      <c r="B13591" t="s">
        <v>20844</v>
      </c>
      <c r="C13591">
        <v>1</v>
      </c>
      <c r="D13591">
        <v>0</v>
      </c>
    </row>
    <row r="13592" spans="1:4" x14ac:dyDescent="0.25">
      <c r="A13592" t="s">
        <v>20845</v>
      </c>
      <c r="B13592" t="s">
        <v>20846</v>
      </c>
      <c r="C13592">
        <v>1</v>
      </c>
      <c r="D13592">
        <v>0</v>
      </c>
    </row>
    <row r="13593" spans="1:4" x14ac:dyDescent="0.25">
      <c r="A13593" t="s">
        <v>20847</v>
      </c>
      <c r="B13593" t="s">
        <v>20848</v>
      </c>
      <c r="C13593">
        <v>0</v>
      </c>
      <c r="D13593">
        <v>0</v>
      </c>
    </row>
    <row r="13594" spans="1:4" x14ac:dyDescent="0.25">
      <c r="A13594" t="s">
        <v>20847</v>
      </c>
      <c r="B13594" t="s">
        <v>20849</v>
      </c>
      <c r="C13594">
        <v>2</v>
      </c>
      <c r="D13594">
        <v>0</v>
      </c>
    </row>
    <row r="13595" spans="1:4" x14ac:dyDescent="0.25">
      <c r="A13595" t="s">
        <v>20850</v>
      </c>
      <c r="B13595" t="s">
        <v>20851</v>
      </c>
      <c r="C13595">
        <v>0</v>
      </c>
      <c r="D13595">
        <v>0</v>
      </c>
    </row>
    <row r="13596" spans="1:4" x14ac:dyDescent="0.25">
      <c r="A13596" t="s">
        <v>20852</v>
      </c>
      <c r="B13596" t="s">
        <v>20853</v>
      </c>
      <c r="C13596">
        <v>0</v>
      </c>
      <c r="D13596">
        <v>0</v>
      </c>
    </row>
    <row r="13597" spans="1:4" x14ac:dyDescent="0.25">
      <c r="A13597" t="s">
        <v>20854</v>
      </c>
      <c r="B13597" t="s">
        <v>20855</v>
      </c>
      <c r="C13597">
        <v>2</v>
      </c>
      <c r="D13597">
        <v>0</v>
      </c>
    </row>
    <row r="13598" spans="1:4" x14ac:dyDescent="0.25">
      <c r="A13598" t="s">
        <v>20856</v>
      </c>
      <c r="B13598" t="s">
        <v>20857</v>
      </c>
      <c r="C13598">
        <v>2</v>
      </c>
      <c r="D13598">
        <v>0</v>
      </c>
    </row>
    <row r="13599" spans="1:4" x14ac:dyDescent="0.25">
      <c r="A13599" t="s">
        <v>20858</v>
      </c>
      <c r="B13599" t="s">
        <v>20859</v>
      </c>
      <c r="C13599">
        <v>1</v>
      </c>
      <c r="D13599">
        <v>0</v>
      </c>
    </row>
    <row r="13600" spans="1:4" x14ac:dyDescent="0.25">
      <c r="A13600" t="s">
        <v>20860</v>
      </c>
      <c r="B13600" t="s">
        <v>20861</v>
      </c>
      <c r="C13600">
        <v>0</v>
      </c>
      <c r="D13600">
        <v>0</v>
      </c>
    </row>
    <row r="13601" spans="1:4" x14ac:dyDescent="0.25">
      <c r="A13601" t="s">
        <v>20862</v>
      </c>
      <c r="B13601" t="s">
        <v>20863</v>
      </c>
      <c r="C13601">
        <v>0</v>
      </c>
      <c r="D13601">
        <v>0</v>
      </c>
    </row>
    <row r="13602" spans="1:4" x14ac:dyDescent="0.25">
      <c r="A13602" t="s">
        <v>20864</v>
      </c>
      <c r="B13602" t="s">
        <v>20865</v>
      </c>
      <c r="C13602">
        <v>1</v>
      </c>
      <c r="D13602">
        <v>0</v>
      </c>
    </row>
    <row r="13603" spans="1:4" x14ac:dyDescent="0.25">
      <c r="A13603" t="s">
        <v>20864</v>
      </c>
      <c r="B13603" t="s">
        <v>20866</v>
      </c>
      <c r="C13603">
        <v>1</v>
      </c>
      <c r="D13603">
        <v>0</v>
      </c>
    </row>
    <row r="13604" spans="1:4" x14ac:dyDescent="0.25">
      <c r="A13604" t="s">
        <v>20864</v>
      </c>
      <c r="B13604" t="s">
        <v>20867</v>
      </c>
      <c r="C13604">
        <v>0</v>
      </c>
      <c r="D13604">
        <v>0</v>
      </c>
    </row>
    <row r="13605" spans="1:4" x14ac:dyDescent="0.25">
      <c r="A13605" t="s">
        <v>20868</v>
      </c>
      <c r="B13605" t="s">
        <v>20869</v>
      </c>
      <c r="C13605">
        <v>1</v>
      </c>
      <c r="D13605">
        <v>0</v>
      </c>
    </row>
    <row r="13606" spans="1:4" x14ac:dyDescent="0.25">
      <c r="A13606" t="s">
        <v>20870</v>
      </c>
      <c r="B13606" t="s">
        <v>20871</v>
      </c>
      <c r="C13606">
        <v>1</v>
      </c>
      <c r="D13606">
        <v>0</v>
      </c>
    </row>
    <row r="13607" spans="1:4" x14ac:dyDescent="0.25">
      <c r="A13607" t="s">
        <v>20872</v>
      </c>
      <c r="B13607" t="s">
        <v>20873</v>
      </c>
      <c r="C13607">
        <v>0</v>
      </c>
      <c r="D13607">
        <v>0</v>
      </c>
    </row>
    <row r="13608" spans="1:4" x14ac:dyDescent="0.25">
      <c r="A13608" t="s">
        <v>20874</v>
      </c>
      <c r="B13608" t="s">
        <v>20875</v>
      </c>
      <c r="C13608">
        <v>0</v>
      </c>
      <c r="D13608">
        <v>0</v>
      </c>
    </row>
    <row r="13609" spans="1:4" x14ac:dyDescent="0.25">
      <c r="A13609" t="s">
        <v>20876</v>
      </c>
      <c r="B13609" t="s">
        <v>20877</v>
      </c>
      <c r="C13609">
        <v>1</v>
      </c>
      <c r="D13609">
        <v>0</v>
      </c>
    </row>
    <row r="13610" spans="1:4" x14ac:dyDescent="0.25">
      <c r="A13610" t="s">
        <v>20876</v>
      </c>
      <c r="B13610" t="s">
        <v>20878</v>
      </c>
      <c r="C13610">
        <v>1</v>
      </c>
      <c r="D13610">
        <v>0</v>
      </c>
    </row>
    <row r="13611" spans="1:4" x14ac:dyDescent="0.25">
      <c r="A13611" t="s">
        <v>20879</v>
      </c>
      <c r="B13611" t="s">
        <v>20880</v>
      </c>
      <c r="C13611">
        <v>1</v>
      </c>
      <c r="D13611">
        <v>0</v>
      </c>
    </row>
    <row r="13612" spans="1:4" x14ac:dyDescent="0.25">
      <c r="A13612" t="s">
        <v>20881</v>
      </c>
      <c r="B13612" t="s">
        <v>20882</v>
      </c>
      <c r="C13612">
        <v>1</v>
      </c>
      <c r="D13612">
        <v>0</v>
      </c>
    </row>
    <row r="13613" spans="1:4" x14ac:dyDescent="0.25">
      <c r="A13613" t="s">
        <v>20883</v>
      </c>
      <c r="B13613" t="s">
        <v>20884</v>
      </c>
      <c r="C13613">
        <v>1</v>
      </c>
      <c r="D13613">
        <v>0</v>
      </c>
    </row>
    <row r="13614" spans="1:4" x14ac:dyDescent="0.25">
      <c r="A13614" t="s">
        <v>20885</v>
      </c>
      <c r="B13614" t="s">
        <v>20077</v>
      </c>
      <c r="C13614">
        <v>1</v>
      </c>
      <c r="D13614">
        <v>0</v>
      </c>
    </row>
    <row r="13615" spans="1:4" x14ac:dyDescent="0.25">
      <c r="A13615" t="s">
        <v>20886</v>
      </c>
      <c r="B13615" t="s">
        <v>20887</v>
      </c>
      <c r="C13615">
        <v>2</v>
      </c>
      <c r="D13615">
        <v>0</v>
      </c>
    </row>
    <row r="13616" spans="1:4" x14ac:dyDescent="0.25">
      <c r="A13616" t="s">
        <v>20888</v>
      </c>
      <c r="B13616" t="s">
        <v>20889</v>
      </c>
      <c r="C13616">
        <v>2</v>
      </c>
      <c r="D13616">
        <v>0</v>
      </c>
    </row>
    <row r="13617" spans="1:4" x14ac:dyDescent="0.25">
      <c r="A13617" t="s">
        <v>20890</v>
      </c>
      <c r="B13617" t="s">
        <v>20891</v>
      </c>
      <c r="C13617">
        <v>1</v>
      </c>
      <c r="D13617">
        <v>0</v>
      </c>
    </row>
    <row r="13618" spans="1:4" x14ac:dyDescent="0.25">
      <c r="A13618" t="s">
        <v>20892</v>
      </c>
      <c r="B13618" t="s">
        <v>20893</v>
      </c>
      <c r="C13618">
        <v>0</v>
      </c>
      <c r="D13618">
        <v>0</v>
      </c>
    </row>
    <row r="13619" spans="1:4" x14ac:dyDescent="0.25">
      <c r="A13619" t="s">
        <v>20894</v>
      </c>
      <c r="B13619" t="s">
        <v>20895</v>
      </c>
      <c r="C13619">
        <v>0</v>
      </c>
      <c r="D13619">
        <v>0</v>
      </c>
    </row>
    <row r="13620" spans="1:4" x14ac:dyDescent="0.25">
      <c r="A13620" t="s">
        <v>20896</v>
      </c>
      <c r="B13620" t="s">
        <v>17257</v>
      </c>
      <c r="C13620">
        <v>1</v>
      </c>
      <c r="D13620">
        <v>0</v>
      </c>
    </row>
    <row r="13621" spans="1:4" x14ac:dyDescent="0.25">
      <c r="A13621" t="s">
        <v>20896</v>
      </c>
      <c r="B13621" t="s">
        <v>20897</v>
      </c>
      <c r="C13621">
        <v>0</v>
      </c>
      <c r="D13621">
        <v>0</v>
      </c>
    </row>
    <row r="13622" spans="1:4" x14ac:dyDescent="0.25">
      <c r="A13622" t="s">
        <v>20898</v>
      </c>
      <c r="B13622" t="s">
        <v>20899</v>
      </c>
      <c r="C13622">
        <v>1</v>
      </c>
      <c r="D13622">
        <v>0</v>
      </c>
    </row>
    <row r="13623" spans="1:4" x14ac:dyDescent="0.25">
      <c r="A13623" t="s">
        <v>20900</v>
      </c>
      <c r="B13623" t="s">
        <v>20901</v>
      </c>
      <c r="C13623">
        <v>1</v>
      </c>
      <c r="D13623">
        <v>0</v>
      </c>
    </row>
    <row r="13624" spans="1:4" x14ac:dyDescent="0.25">
      <c r="A13624" t="s">
        <v>20902</v>
      </c>
      <c r="B13624" t="s">
        <v>20903</v>
      </c>
      <c r="C13624">
        <v>0</v>
      </c>
      <c r="D13624">
        <v>0</v>
      </c>
    </row>
    <row r="13625" spans="1:4" x14ac:dyDescent="0.25">
      <c r="A13625" t="s">
        <v>20904</v>
      </c>
      <c r="B13625" t="s">
        <v>20905</v>
      </c>
      <c r="C13625">
        <v>1</v>
      </c>
      <c r="D13625">
        <v>0</v>
      </c>
    </row>
    <row r="13626" spans="1:4" x14ac:dyDescent="0.25">
      <c r="A13626" t="s">
        <v>20906</v>
      </c>
      <c r="B13626" t="s">
        <v>20907</v>
      </c>
      <c r="C13626">
        <v>1</v>
      </c>
      <c r="D13626">
        <v>0</v>
      </c>
    </row>
    <row r="13627" spans="1:4" x14ac:dyDescent="0.25">
      <c r="A13627" t="s">
        <v>20908</v>
      </c>
      <c r="B13627" t="s">
        <v>20909</v>
      </c>
      <c r="C13627">
        <v>0</v>
      </c>
      <c r="D13627">
        <v>0</v>
      </c>
    </row>
    <row r="13628" spans="1:4" x14ac:dyDescent="0.25">
      <c r="A13628" t="s">
        <v>20910</v>
      </c>
      <c r="B13628" t="s">
        <v>20911</v>
      </c>
      <c r="C13628">
        <v>1</v>
      </c>
      <c r="D13628">
        <v>0</v>
      </c>
    </row>
    <row r="13629" spans="1:4" x14ac:dyDescent="0.25">
      <c r="A13629" t="s">
        <v>20912</v>
      </c>
      <c r="B13629" t="s">
        <v>20913</v>
      </c>
      <c r="C13629">
        <v>1</v>
      </c>
      <c r="D13629">
        <v>0</v>
      </c>
    </row>
    <row r="13630" spans="1:4" x14ac:dyDescent="0.25">
      <c r="A13630" t="s">
        <v>20914</v>
      </c>
      <c r="B13630" t="s">
        <v>20915</v>
      </c>
      <c r="C13630">
        <v>0</v>
      </c>
      <c r="D13630">
        <v>0</v>
      </c>
    </row>
    <row r="13631" spans="1:4" x14ac:dyDescent="0.25">
      <c r="A13631" t="s">
        <v>20916</v>
      </c>
      <c r="B13631" t="s">
        <v>20917</v>
      </c>
      <c r="C13631">
        <v>2</v>
      </c>
      <c r="D13631">
        <v>0</v>
      </c>
    </row>
    <row r="13632" spans="1:4" x14ac:dyDescent="0.25">
      <c r="A13632" t="s">
        <v>20918</v>
      </c>
      <c r="B13632" t="s">
        <v>20919</v>
      </c>
      <c r="C13632">
        <v>0</v>
      </c>
      <c r="D13632">
        <v>0</v>
      </c>
    </row>
    <row r="13633" spans="1:4" x14ac:dyDescent="0.25">
      <c r="A13633" t="s">
        <v>20920</v>
      </c>
      <c r="B13633" t="s">
        <v>20921</v>
      </c>
      <c r="C13633">
        <v>1</v>
      </c>
      <c r="D13633">
        <v>0</v>
      </c>
    </row>
    <row r="13634" spans="1:4" x14ac:dyDescent="0.25">
      <c r="A13634" t="s">
        <v>20920</v>
      </c>
      <c r="B13634" t="s">
        <v>20922</v>
      </c>
      <c r="C13634">
        <v>0</v>
      </c>
      <c r="D13634">
        <v>0</v>
      </c>
    </row>
    <row r="13635" spans="1:4" x14ac:dyDescent="0.25">
      <c r="A13635" t="s">
        <v>20920</v>
      </c>
      <c r="B13635" t="s">
        <v>20923</v>
      </c>
      <c r="C13635">
        <v>2</v>
      </c>
      <c r="D13635">
        <v>0</v>
      </c>
    </row>
    <row r="13636" spans="1:4" x14ac:dyDescent="0.25">
      <c r="A13636" t="s">
        <v>20924</v>
      </c>
      <c r="B13636" t="s">
        <v>20925</v>
      </c>
      <c r="C13636">
        <v>1</v>
      </c>
      <c r="D13636">
        <v>0</v>
      </c>
    </row>
    <row r="13637" spans="1:4" x14ac:dyDescent="0.25">
      <c r="A13637" t="s">
        <v>20926</v>
      </c>
      <c r="B13637" t="s">
        <v>20927</v>
      </c>
      <c r="C13637">
        <v>1</v>
      </c>
      <c r="D13637">
        <v>0</v>
      </c>
    </row>
    <row r="13638" spans="1:4" x14ac:dyDescent="0.25">
      <c r="A13638" t="s">
        <v>20926</v>
      </c>
      <c r="B13638" t="s">
        <v>20928</v>
      </c>
      <c r="C13638">
        <v>2</v>
      </c>
      <c r="D13638">
        <v>0</v>
      </c>
    </row>
    <row r="13639" spans="1:4" x14ac:dyDescent="0.25">
      <c r="A13639" t="s">
        <v>20929</v>
      </c>
      <c r="B13639" t="s">
        <v>20930</v>
      </c>
      <c r="C13639">
        <v>1</v>
      </c>
      <c r="D13639">
        <v>0</v>
      </c>
    </row>
    <row r="13640" spans="1:4" x14ac:dyDescent="0.25">
      <c r="A13640" t="s">
        <v>20931</v>
      </c>
      <c r="B13640" t="s">
        <v>20932</v>
      </c>
      <c r="C13640">
        <v>1</v>
      </c>
      <c r="D13640">
        <v>0</v>
      </c>
    </row>
    <row r="13641" spans="1:4" x14ac:dyDescent="0.25">
      <c r="A13641" t="s">
        <v>20933</v>
      </c>
      <c r="B13641" t="s">
        <v>20934</v>
      </c>
      <c r="C13641">
        <v>1</v>
      </c>
      <c r="D13641">
        <v>0</v>
      </c>
    </row>
    <row r="13642" spans="1:4" x14ac:dyDescent="0.25">
      <c r="A13642" t="s">
        <v>20935</v>
      </c>
      <c r="B13642" t="s">
        <v>20936</v>
      </c>
      <c r="C13642">
        <v>1</v>
      </c>
      <c r="D13642">
        <v>0</v>
      </c>
    </row>
    <row r="13643" spans="1:4" x14ac:dyDescent="0.25">
      <c r="A13643" t="s">
        <v>20937</v>
      </c>
      <c r="B13643" t="s">
        <v>20938</v>
      </c>
      <c r="C13643">
        <v>1</v>
      </c>
      <c r="D13643">
        <v>0</v>
      </c>
    </row>
    <row r="13644" spans="1:4" x14ac:dyDescent="0.25">
      <c r="A13644" t="s">
        <v>20939</v>
      </c>
      <c r="B13644" t="s">
        <v>20940</v>
      </c>
      <c r="C13644">
        <v>1</v>
      </c>
      <c r="D13644">
        <v>0</v>
      </c>
    </row>
    <row r="13645" spans="1:4" x14ac:dyDescent="0.25">
      <c r="A13645" t="s">
        <v>20941</v>
      </c>
      <c r="B13645" t="s">
        <v>20942</v>
      </c>
      <c r="C13645">
        <v>1</v>
      </c>
      <c r="D13645">
        <v>0</v>
      </c>
    </row>
    <row r="13646" spans="1:4" x14ac:dyDescent="0.25">
      <c r="A13646" t="s">
        <v>20943</v>
      </c>
      <c r="B13646" t="s">
        <v>20944</v>
      </c>
      <c r="C13646">
        <v>1</v>
      </c>
      <c r="D13646">
        <v>0</v>
      </c>
    </row>
    <row r="13647" spans="1:4" x14ac:dyDescent="0.25">
      <c r="A13647" t="s">
        <v>20945</v>
      </c>
      <c r="B13647" t="s">
        <v>20946</v>
      </c>
      <c r="C13647">
        <v>1</v>
      </c>
      <c r="D13647">
        <v>0</v>
      </c>
    </row>
    <row r="13648" spans="1:4" x14ac:dyDescent="0.25">
      <c r="A13648" t="s">
        <v>20947</v>
      </c>
      <c r="B13648" t="s">
        <v>20948</v>
      </c>
      <c r="C13648">
        <v>1</v>
      </c>
      <c r="D13648">
        <v>0</v>
      </c>
    </row>
    <row r="13649" spans="1:4" x14ac:dyDescent="0.25">
      <c r="A13649" t="s">
        <v>20949</v>
      </c>
      <c r="B13649" t="s">
        <v>20950</v>
      </c>
      <c r="C13649">
        <v>1</v>
      </c>
      <c r="D13649">
        <v>0</v>
      </c>
    </row>
    <row r="13650" spans="1:4" x14ac:dyDescent="0.25">
      <c r="A13650" t="s">
        <v>20951</v>
      </c>
      <c r="B13650" t="s">
        <v>20952</v>
      </c>
      <c r="C13650">
        <v>1</v>
      </c>
      <c r="D13650">
        <v>0</v>
      </c>
    </row>
    <row r="13651" spans="1:4" x14ac:dyDescent="0.25">
      <c r="A13651" t="s">
        <v>20953</v>
      </c>
      <c r="B13651" t="s">
        <v>20954</v>
      </c>
      <c r="C13651">
        <v>1</v>
      </c>
      <c r="D13651">
        <v>0</v>
      </c>
    </row>
    <row r="13652" spans="1:4" x14ac:dyDescent="0.25">
      <c r="A13652" t="s">
        <v>20955</v>
      </c>
      <c r="B13652" t="s">
        <v>20956</v>
      </c>
      <c r="C13652">
        <v>1</v>
      </c>
      <c r="D13652">
        <v>0</v>
      </c>
    </row>
    <row r="13653" spans="1:4" x14ac:dyDescent="0.25">
      <c r="A13653" t="s">
        <v>20957</v>
      </c>
      <c r="B13653" t="s">
        <v>20958</v>
      </c>
      <c r="C13653">
        <v>1</v>
      </c>
      <c r="D13653">
        <v>0</v>
      </c>
    </row>
    <row r="13654" spans="1:4" x14ac:dyDescent="0.25">
      <c r="A13654" t="s">
        <v>20959</v>
      </c>
      <c r="B13654" t="s">
        <v>20960</v>
      </c>
      <c r="C13654">
        <v>1</v>
      </c>
      <c r="D13654">
        <v>0</v>
      </c>
    </row>
    <row r="13655" spans="1:4" x14ac:dyDescent="0.25">
      <c r="A13655" t="s">
        <v>20961</v>
      </c>
      <c r="B13655" t="s">
        <v>20962</v>
      </c>
      <c r="C13655">
        <v>2</v>
      </c>
      <c r="D13655">
        <v>0</v>
      </c>
    </row>
    <row r="13656" spans="1:4" x14ac:dyDescent="0.25">
      <c r="A13656" t="s">
        <v>20963</v>
      </c>
      <c r="B13656" t="s">
        <v>20964</v>
      </c>
      <c r="C13656">
        <v>1</v>
      </c>
      <c r="D13656">
        <v>0</v>
      </c>
    </row>
    <row r="13657" spans="1:4" x14ac:dyDescent="0.25">
      <c r="A13657" t="s">
        <v>20963</v>
      </c>
      <c r="B13657" t="s">
        <v>20965</v>
      </c>
      <c r="C13657">
        <v>2</v>
      </c>
      <c r="D13657">
        <v>0</v>
      </c>
    </row>
    <row r="13658" spans="1:4" x14ac:dyDescent="0.25">
      <c r="A13658" t="s">
        <v>20966</v>
      </c>
      <c r="B13658" t="s">
        <v>20967</v>
      </c>
      <c r="C13658">
        <v>1</v>
      </c>
      <c r="D13658">
        <v>0</v>
      </c>
    </row>
    <row r="13659" spans="1:4" x14ac:dyDescent="0.25">
      <c r="A13659" t="s">
        <v>20968</v>
      </c>
      <c r="B13659" t="s">
        <v>20969</v>
      </c>
      <c r="C13659">
        <v>2</v>
      </c>
      <c r="D13659">
        <v>0</v>
      </c>
    </row>
    <row r="13660" spans="1:4" x14ac:dyDescent="0.25">
      <c r="A13660" t="s">
        <v>20970</v>
      </c>
      <c r="B13660" t="s">
        <v>20971</v>
      </c>
      <c r="C13660">
        <v>0</v>
      </c>
      <c r="D13660">
        <v>0</v>
      </c>
    </row>
    <row r="13661" spans="1:4" x14ac:dyDescent="0.25">
      <c r="A13661" t="s">
        <v>20972</v>
      </c>
      <c r="B13661" t="s">
        <v>20973</v>
      </c>
      <c r="C13661">
        <v>1</v>
      </c>
      <c r="D13661">
        <v>0</v>
      </c>
    </row>
    <row r="13662" spans="1:4" x14ac:dyDescent="0.25">
      <c r="A13662" t="s">
        <v>20974</v>
      </c>
      <c r="B13662" t="s">
        <v>20975</v>
      </c>
      <c r="C13662">
        <v>1</v>
      </c>
      <c r="D13662">
        <v>0</v>
      </c>
    </row>
    <row r="13663" spans="1:4" x14ac:dyDescent="0.25">
      <c r="A13663" t="s">
        <v>20976</v>
      </c>
      <c r="B13663" t="s">
        <v>20977</v>
      </c>
      <c r="C13663">
        <v>1</v>
      </c>
      <c r="D13663">
        <v>0</v>
      </c>
    </row>
    <row r="13664" spans="1:4" x14ac:dyDescent="0.25">
      <c r="A13664" t="s">
        <v>20978</v>
      </c>
      <c r="B13664" t="s">
        <v>20979</v>
      </c>
      <c r="C13664">
        <v>1</v>
      </c>
      <c r="D13664">
        <v>0</v>
      </c>
    </row>
    <row r="13665" spans="1:4" x14ac:dyDescent="0.25">
      <c r="A13665" t="s">
        <v>20980</v>
      </c>
      <c r="B13665" t="s">
        <v>20981</v>
      </c>
      <c r="C13665">
        <v>1</v>
      </c>
      <c r="D13665">
        <v>0</v>
      </c>
    </row>
    <row r="13666" spans="1:4" x14ac:dyDescent="0.25">
      <c r="A13666" t="s">
        <v>20982</v>
      </c>
      <c r="B13666" t="s">
        <v>20983</v>
      </c>
      <c r="C13666">
        <v>1</v>
      </c>
      <c r="D13666">
        <v>0</v>
      </c>
    </row>
    <row r="13667" spans="1:4" x14ac:dyDescent="0.25">
      <c r="A13667" t="s">
        <v>20984</v>
      </c>
      <c r="B13667" t="s">
        <v>20985</v>
      </c>
      <c r="C13667">
        <v>2</v>
      </c>
      <c r="D13667">
        <v>0</v>
      </c>
    </row>
    <row r="13668" spans="1:4" x14ac:dyDescent="0.25">
      <c r="A13668" t="s">
        <v>20984</v>
      </c>
      <c r="B13668" t="s">
        <v>20986</v>
      </c>
      <c r="C13668">
        <v>2</v>
      </c>
      <c r="D13668">
        <v>0</v>
      </c>
    </row>
    <row r="13669" spans="1:4" x14ac:dyDescent="0.25">
      <c r="A13669" t="s">
        <v>20984</v>
      </c>
      <c r="B13669" t="s">
        <v>20987</v>
      </c>
      <c r="C13669">
        <v>2</v>
      </c>
      <c r="D13669">
        <v>0</v>
      </c>
    </row>
    <row r="13670" spans="1:4" x14ac:dyDescent="0.25">
      <c r="A13670" t="s">
        <v>20988</v>
      </c>
      <c r="B13670" t="s">
        <v>2061</v>
      </c>
      <c r="C13670">
        <v>0</v>
      </c>
      <c r="D13670">
        <v>0</v>
      </c>
    </row>
    <row r="13671" spans="1:4" x14ac:dyDescent="0.25">
      <c r="A13671" t="s">
        <v>20989</v>
      </c>
      <c r="B13671" t="s">
        <v>20990</v>
      </c>
      <c r="C13671">
        <v>1</v>
      </c>
      <c r="D13671">
        <v>0</v>
      </c>
    </row>
    <row r="13672" spans="1:4" x14ac:dyDescent="0.25">
      <c r="A13672" t="s">
        <v>20989</v>
      </c>
      <c r="B13672" t="s">
        <v>20991</v>
      </c>
      <c r="C13672">
        <v>0</v>
      </c>
      <c r="D13672">
        <v>0</v>
      </c>
    </row>
    <row r="13673" spans="1:4" x14ac:dyDescent="0.25">
      <c r="A13673" t="s">
        <v>20992</v>
      </c>
      <c r="B13673" t="s">
        <v>20993</v>
      </c>
      <c r="C13673">
        <v>1</v>
      </c>
      <c r="D13673">
        <v>0</v>
      </c>
    </row>
    <row r="13674" spans="1:4" x14ac:dyDescent="0.25">
      <c r="A13674" t="s">
        <v>20994</v>
      </c>
      <c r="B13674" t="s">
        <v>20995</v>
      </c>
      <c r="C13674">
        <v>2</v>
      </c>
      <c r="D13674">
        <v>0</v>
      </c>
    </row>
    <row r="13675" spans="1:4" x14ac:dyDescent="0.25">
      <c r="A13675" t="s">
        <v>20996</v>
      </c>
      <c r="B13675" t="s">
        <v>20997</v>
      </c>
      <c r="C13675">
        <v>2</v>
      </c>
      <c r="D13675">
        <v>0</v>
      </c>
    </row>
    <row r="13676" spans="1:4" x14ac:dyDescent="0.25">
      <c r="A13676" t="s">
        <v>20998</v>
      </c>
      <c r="B13676" t="s">
        <v>20999</v>
      </c>
      <c r="C13676">
        <v>1</v>
      </c>
      <c r="D13676">
        <v>0</v>
      </c>
    </row>
    <row r="13677" spans="1:4" x14ac:dyDescent="0.25">
      <c r="A13677" t="s">
        <v>21000</v>
      </c>
      <c r="B13677" t="s">
        <v>21001</v>
      </c>
      <c r="C13677">
        <v>1</v>
      </c>
      <c r="D13677">
        <v>0</v>
      </c>
    </row>
    <row r="13678" spans="1:4" x14ac:dyDescent="0.25">
      <c r="A13678" t="s">
        <v>21002</v>
      </c>
      <c r="B13678" t="s">
        <v>21003</v>
      </c>
      <c r="C13678">
        <v>0</v>
      </c>
      <c r="D13678">
        <v>0</v>
      </c>
    </row>
    <row r="13679" spans="1:4" x14ac:dyDescent="0.25">
      <c r="A13679" t="s">
        <v>21004</v>
      </c>
      <c r="B13679" t="s">
        <v>21005</v>
      </c>
      <c r="C13679">
        <v>2</v>
      </c>
      <c r="D13679">
        <v>0</v>
      </c>
    </row>
    <row r="13680" spans="1:4" x14ac:dyDescent="0.25">
      <c r="A13680" t="s">
        <v>21006</v>
      </c>
      <c r="B13680" t="s">
        <v>21007</v>
      </c>
      <c r="C13680">
        <v>1</v>
      </c>
      <c r="D13680">
        <v>0</v>
      </c>
    </row>
    <row r="13681" spans="1:4" x14ac:dyDescent="0.25">
      <c r="A13681" t="s">
        <v>21008</v>
      </c>
      <c r="B13681" t="s">
        <v>21009</v>
      </c>
      <c r="C13681">
        <v>1</v>
      </c>
      <c r="D13681">
        <v>0</v>
      </c>
    </row>
    <row r="13682" spans="1:4" x14ac:dyDescent="0.25">
      <c r="A13682" t="s">
        <v>21008</v>
      </c>
      <c r="B13682" t="s">
        <v>21010</v>
      </c>
      <c r="C13682">
        <v>2</v>
      </c>
      <c r="D13682">
        <v>0</v>
      </c>
    </row>
    <row r="13683" spans="1:4" x14ac:dyDescent="0.25">
      <c r="A13683" t="s">
        <v>21011</v>
      </c>
      <c r="B13683" t="s">
        <v>21012</v>
      </c>
      <c r="C13683">
        <v>1</v>
      </c>
      <c r="D13683">
        <v>0</v>
      </c>
    </row>
    <row r="13684" spans="1:4" x14ac:dyDescent="0.25">
      <c r="A13684" t="s">
        <v>21013</v>
      </c>
      <c r="B13684" t="s">
        <v>21014</v>
      </c>
      <c r="C13684">
        <v>1</v>
      </c>
      <c r="D13684">
        <v>0</v>
      </c>
    </row>
    <row r="13685" spans="1:4" x14ac:dyDescent="0.25">
      <c r="A13685" t="s">
        <v>21015</v>
      </c>
      <c r="B13685" t="s">
        <v>21016</v>
      </c>
      <c r="C13685">
        <v>2</v>
      </c>
      <c r="D13685">
        <v>0</v>
      </c>
    </row>
    <row r="13686" spans="1:4" x14ac:dyDescent="0.25">
      <c r="A13686" t="s">
        <v>21017</v>
      </c>
      <c r="B13686" t="s">
        <v>21018</v>
      </c>
      <c r="C13686">
        <v>2</v>
      </c>
      <c r="D13686">
        <v>0</v>
      </c>
    </row>
    <row r="13687" spans="1:4" x14ac:dyDescent="0.25">
      <c r="A13687" t="s">
        <v>21019</v>
      </c>
      <c r="B13687" t="s">
        <v>21020</v>
      </c>
      <c r="C13687">
        <v>1</v>
      </c>
      <c r="D13687">
        <v>0</v>
      </c>
    </row>
    <row r="13688" spans="1:4" x14ac:dyDescent="0.25">
      <c r="A13688" t="s">
        <v>21021</v>
      </c>
      <c r="B13688" t="s">
        <v>17257</v>
      </c>
      <c r="C13688">
        <v>1</v>
      </c>
      <c r="D13688">
        <v>0</v>
      </c>
    </row>
    <row r="13689" spans="1:4" x14ac:dyDescent="0.25">
      <c r="A13689" t="s">
        <v>21021</v>
      </c>
      <c r="B13689" t="s">
        <v>21022</v>
      </c>
      <c r="C13689">
        <v>2</v>
      </c>
      <c r="D13689">
        <v>0</v>
      </c>
    </row>
    <row r="13690" spans="1:4" x14ac:dyDescent="0.25">
      <c r="A13690" t="s">
        <v>21021</v>
      </c>
      <c r="B13690" t="s">
        <v>21023</v>
      </c>
      <c r="C13690">
        <v>2</v>
      </c>
      <c r="D13690">
        <v>0</v>
      </c>
    </row>
    <row r="13691" spans="1:4" x14ac:dyDescent="0.25">
      <c r="A13691" t="s">
        <v>21024</v>
      </c>
      <c r="B13691" t="s">
        <v>21025</v>
      </c>
      <c r="C13691">
        <v>1</v>
      </c>
      <c r="D13691">
        <v>0</v>
      </c>
    </row>
    <row r="13692" spans="1:4" x14ac:dyDescent="0.25">
      <c r="A13692" t="s">
        <v>21026</v>
      </c>
      <c r="B13692" t="s">
        <v>21027</v>
      </c>
      <c r="C13692">
        <v>0</v>
      </c>
      <c r="D13692">
        <v>0</v>
      </c>
    </row>
    <row r="13693" spans="1:4" x14ac:dyDescent="0.25">
      <c r="A13693" t="s">
        <v>21028</v>
      </c>
      <c r="B13693" t="s">
        <v>21029</v>
      </c>
      <c r="C13693">
        <v>0</v>
      </c>
      <c r="D13693">
        <v>0</v>
      </c>
    </row>
    <row r="13694" spans="1:4" x14ac:dyDescent="0.25">
      <c r="A13694" t="s">
        <v>21030</v>
      </c>
      <c r="B13694" t="s">
        <v>21031</v>
      </c>
      <c r="C13694">
        <v>1</v>
      </c>
      <c r="D13694">
        <v>0</v>
      </c>
    </row>
    <row r="13695" spans="1:4" x14ac:dyDescent="0.25">
      <c r="A13695" t="s">
        <v>21032</v>
      </c>
      <c r="B13695" t="s">
        <v>21033</v>
      </c>
      <c r="C13695">
        <v>1</v>
      </c>
      <c r="D13695">
        <v>0</v>
      </c>
    </row>
    <row r="13696" spans="1:4" x14ac:dyDescent="0.25">
      <c r="A13696" t="s">
        <v>21032</v>
      </c>
      <c r="B13696" t="s">
        <v>21034</v>
      </c>
      <c r="C13696">
        <v>1</v>
      </c>
      <c r="D13696">
        <v>0</v>
      </c>
    </row>
    <row r="13697" spans="1:4" x14ac:dyDescent="0.25">
      <c r="A13697" t="s">
        <v>21035</v>
      </c>
      <c r="B13697" t="s">
        <v>21036</v>
      </c>
      <c r="C13697">
        <v>1</v>
      </c>
      <c r="D13697">
        <v>0</v>
      </c>
    </row>
    <row r="13698" spans="1:4" x14ac:dyDescent="0.25">
      <c r="A13698" t="s">
        <v>21037</v>
      </c>
      <c r="B13698" t="s">
        <v>21038</v>
      </c>
      <c r="C13698">
        <v>2</v>
      </c>
      <c r="D13698">
        <v>0</v>
      </c>
    </row>
    <row r="13699" spans="1:4" x14ac:dyDescent="0.25">
      <c r="A13699" t="s">
        <v>21039</v>
      </c>
      <c r="B13699" t="s">
        <v>21040</v>
      </c>
      <c r="C13699">
        <v>1</v>
      </c>
      <c r="D13699">
        <v>0</v>
      </c>
    </row>
    <row r="13700" spans="1:4" x14ac:dyDescent="0.25">
      <c r="A13700" t="s">
        <v>21041</v>
      </c>
      <c r="B13700" t="s">
        <v>21042</v>
      </c>
      <c r="C13700">
        <v>1</v>
      </c>
      <c r="D13700">
        <v>0</v>
      </c>
    </row>
    <row r="13701" spans="1:4" x14ac:dyDescent="0.25">
      <c r="A13701" t="s">
        <v>21043</v>
      </c>
      <c r="B13701" t="s">
        <v>21044</v>
      </c>
      <c r="C13701">
        <v>1</v>
      </c>
      <c r="D13701">
        <v>0</v>
      </c>
    </row>
    <row r="13702" spans="1:4" x14ac:dyDescent="0.25">
      <c r="A13702" t="s">
        <v>21045</v>
      </c>
      <c r="B13702" t="s">
        <v>21046</v>
      </c>
      <c r="C13702">
        <v>2</v>
      </c>
      <c r="D13702">
        <v>0</v>
      </c>
    </row>
    <row r="13703" spans="1:4" x14ac:dyDescent="0.25">
      <c r="A13703" t="s">
        <v>21047</v>
      </c>
      <c r="B13703" t="s">
        <v>21048</v>
      </c>
      <c r="C13703">
        <v>0</v>
      </c>
      <c r="D13703">
        <v>0</v>
      </c>
    </row>
    <row r="13704" spans="1:4" x14ac:dyDescent="0.25">
      <c r="A13704" t="s">
        <v>21049</v>
      </c>
      <c r="B13704" t="s">
        <v>21050</v>
      </c>
      <c r="C13704">
        <v>2</v>
      </c>
      <c r="D13704">
        <v>0</v>
      </c>
    </row>
    <row r="13705" spans="1:4" x14ac:dyDescent="0.25">
      <c r="A13705" t="s">
        <v>21049</v>
      </c>
      <c r="B13705" t="s">
        <v>21051</v>
      </c>
      <c r="C13705">
        <v>2</v>
      </c>
      <c r="D13705">
        <v>0</v>
      </c>
    </row>
    <row r="13706" spans="1:4" x14ac:dyDescent="0.25">
      <c r="A13706" t="s">
        <v>21052</v>
      </c>
      <c r="B13706" t="s">
        <v>21053</v>
      </c>
      <c r="C13706">
        <v>0</v>
      </c>
      <c r="D13706">
        <v>0</v>
      </c>
    </row>
    <row r="13707" spans="1:4" x14ac:dyDescent="0.25">
      <c r="A13707" t="s">
        <v>21054</v>
      </c>
      <c r="B13707" t="s">
        <v>21055</v>
      </c>
      <c r="C13707">
        <v>1</v>
      </c>
      <c r="D13707">
        <v>0</v>
      </c>
    </row>
    <row r="13708" spans="1:4" x14ac:dyDescent="0.25">
      <c r="A13708" t="s">
        <v>21056</v>
      </c>
      <c r="B13708" t="s">
        <v>21057</v>
      </c>
      <c r="C13708">
        <v>1</v>
      </c>
      <c r="D13708">
        <v>0</v>
      </c>
    </row>
    <row r="13709" spans="1:4" x14ac:dyDescent="0.25">
      <c r="A13709" t="s">
        <v>21058</v>
      </c>
      <c r="B13709" t="s">
        <v>21059</v>
      </c>
      <c r="C13709">
        <v>1</v>
      </c>
      <c r="D13709">
        <v>0</v>
      </c>
    </row>
    <row r="13710" spans="1:4" x14ac:dyDescent="0.25">
      <c r="A13710" t="s">
        <v>21060</v>
      </c>
      <c r="B13710" t="s">
        <v>21061</v>
      </c>
      <c r="C13710">
        <v>1</v>
      </c>
      <c r="D13710">
        <v>0</v>
      </c>
    </row>
    <row r="13711" spans="1:4" x14ac:dyDescent="0.25">
      <c r="A13711" t="s">
        <v>21060</v>
      </c>
      <c r="B13711" t="s">
        <v>21062</v>
      </c>
      <c r="C13711">
        <v>0</v>
      </c>
      <c r="D13711">
        <v>0</v>
      </c>
    </row>
    <row r="13712" spans="1:4" x14ac:dyDescent="0.25">
      <c r="A13712" t="s">
        <v>21063</v>
      </c>
      <c r="B13712" t="s">
        <v>21064</v>
      </c>
      <c r="C13712">
        <v>2</v>
      </c>
      <c r="D13712">
        <v>0</v>
      </c>
    </row>
    <row r="13713" spans="1:4" x14ac:dyDescent="0.25">
      <c r="A13713" t="s">
        <v>21065</v>
      </c>
      <c r="B13713" t="s">
        <v>21066</v>
      </c>
      <c r="C13713">
        <v>1</v>
      </c>
      <c r="D13713">
        <v>0</v>
      </c>
    </row>
    <row r="13714" spans="1:4" x14ac:dyDescent="0.25">
      <c r="A13714" t="s">
        <v>21067</v>
      </c>
      <c r="B13714" t="s">
        <v>21068</v>
      </c>
      <c r="C13714">
        <v>1</v>
      </c>
      <c r="D13714">
        <v>0</v>
      </c>
    </row>
    <row r="13715" spans="1:4" x14ac:dyDescent="0.25">
      <c r="A13715" t="s">
        <v>21067</v>
      </c>
      <c r="B13715" t="s">
        <v>21069</v>
      </c>
      <c r="C13715">
        <v>0</v>
      </c>
      <c r="D13715">
        <v>0</v>
      </c>
    </row>
    <row r="13716" spans="1:4" x14ac:dyDescent="0.25">
      <c r="A13716" t="s">
        <v>21070</v>
      </c>
      <c r="B13716" t="s">
        <v>21071</v>
      </c>
      <c r="C13716">
        <v>1</v>
      </c>
      <c r="D13716">
        <v>0</v>
      </c>
    </row>
    <row r="13717" spans="1:4" x14ac:dyDescent="0.25">
      <c r="A13717" t="s">
        <v>21072</v>
      </c>
      <c r="B13717" t="s">
        <v>21073</v>
      </c>
      <c r="C13717">
        <v>1</v>
      </c>
      <c r="D13717">
        <v>0</v>
      </c>
    </row>
    <row r="13718" spans="1:4" x14ac:dyDescent="0.25">
      <c r="A13718" t="s">
        <v>21074</v>
      </c>
      <c r="B13718" t="s">
        <v>21075</v>
      </c>
      <c r="C13718">
        <v>1</v>
      </c>
      <c r="D13718">
        <v>0</v>
      </c>
    </row>
    <row r="13719" spans="1:4" x14ac:dyDescent="0.25">
      <c r="A13719" t="s">
        <v>21074</v>
      </c>
      <c r="B13719" t="s">
        <v>21076</v>
      </c>
      <c r="C13719">
        <v>0</v>
      </c>
      <c r="D13719">
        <v>0</v>
      </c>
    </row>
    <row r="13720" spans="1:4" x14ac:dyDescent="0.25">
      <c r="A13720" t="s">
        <v>21077</v>
      </c>
      <c r="B13720" t="s">
        <v>21078</v>
      </c>
      <c r="C13720">
        <v>1</v>
      </c>
      <c r="D13720">
        <v>0</v>
      </c>
    </row>
    <row r="13721" spans="1:4" x14ac:dyDescent="0.25">
      <c r="A13721" t="s">
        <v>21077</v>
      </c>
      <c r="B13721" t="s">
        <v>21079</v>
      </c>
      <c r="C13721">
        <v>2</v>
      </c>
      <c r="D13721">
        <v>0</v>
      </c>
    </row>
    <row r="13722" spans="1:4" x14ac:dyDescent="0.25">
      <c r="A13722" t="s">
        <v>21080</v>
      </c>
      <c r="B13722" t="s">
        <v>21081</v>
      </c>
      <c r="C13722">
        <v>1</v>
      </c>
      <c r="D13722">
        <v>0</v>
      </c>
    </row>
    <row r="13723" spans="1:4" x14ac:dyDescent="0.25">
      <c r="A13723" t="s">
        <v>21082</v>
      </c>
      <c r="B13723" t="s">
        <v>21083</v>
      </c>
      <c r="C13723">
        <v>2</v>
      </c>
      <c r="D13723">
        <v>0</v>
      </c>
    </row>
    <row r="13724" spans="1:4" x14ac:dyDescent="0.25">
      <c r="A13724" t="s">
        <v>21084</v>
      </c>
      <c r="B13724" t="s">
        <v>21085</v>
      </c>
      <c r="C13724">
        <v>1</v>
      </c>
      <c r="D13724">
        <v>0</v>
      </c>
    </row>
    <row r="13725" spans="1:4" x14ac:dyDescent="0.25">
      <c r="A13725" t="s">
        <v>21086</v>
      </c>
      <c r="B13725" t="s">
        <v>21087</v>
      </c>
      <c r="C13725">
        <v>1</v>
      </c>
      <c r="D13725">
        <v>0</v>
      </c>
    </row>
    <row r="13726" spans="1:4" x14ac:dyDescent="0.25">
      <c r="A13726" t="s">
        <v>21088</v>
      </c>
      <c r="B13726" t="s">
        <v>21089</v>
      </c>
      <c r="C13726">
        <v>1</v>
      </c>
      <c r="D13726">
        <v>0</v>
      </c>
    </row>
    <row r="13727" spans="1:4" x14ac:dyDescent="0.25">
      <c r="A13727" t="s">
        <v>21090</v>
      </c>
      <c r="B13727" t="s">
        <v>21091</v>
      </c>
      <c r="C13727">
        <v>1</v>
      </c>
      <c r="D13727">
        <v>0</v>
      </c>
    </row>
    <row r="13728" spans="1:4" x14ac:dyDescent="0.25">
      <c r="A13728" t="s">
        <v>21092</v>
      </c>
      <c r="B13728" t="s">
        <v>21093</v>
      </c>
      <c r="C13728">
        <v>0</v>
      </c>
      <c r="D13728">
        <v>0</v>
      </c>
    </row>
    <row r="13729" spans="1:4" x14ac:dyDescent="0.25">
      <c r="A13729" t="s">
        <v>21094</v>
      </c>
      <c r="B13729" t="s">
        <v>21095</v>
      </c>
      <c r="C13729">
        <v>1</v>
      </c>
      <c r="D13729">
        <v>0</v>
      </c>
    </row>
    <row r="13730" spans="1:4" x14ac:dyDescent="0.25">
      <c r="A13730" t="s">
        <v>21094</v>
      </c>
      <c r="B13730" t="s">
        <v>17257</v>
      </c>
      <c r="C13730">
        <v>0</v>
      </c>
      <c r="D13730">
        <v>0</v>
      </c>
    </row>
    <row r="13731" spans="1:4" x14ac:dyDescent="0.25">
      <c r="A13731" t="s">
        <v>21094</v>
      </c>
      <c r="B13731" t="s">
        <v>17257</v>
      </c>
      <c r="C13731">
        <v>2</v>
      </c>
      <c r="D13731">
        <v>0</v>
      </c>
    </row>
    <row r="13732" spans="1:4" x14ac:dyDescent="0.25">
      <c r="A13732" t="s">
        <v>21096</v>
      </c>
      <c r="B13732" t="s">
        <v>21097</v>
      </c>
      <c r="C13732">
        <v>0</v>
      </c>
      <c r="D13732">
        <v>0</v>
      </c>
    </row>
    <row r="13733" spans="1:4" x14ac:dyDescent="0.25">
      <c r="A13733" t="s">
        <v>21098</v>
      </c>
      <c r="B13733" t="s">
        <v>21099</v>
      </c>
      <c r="C13733">
        <v>0</v>
      </c>
      <c r="D13733">
        <v>0</v>
      </c>
    </row>
    <row r="13734" spans="1:4" x14ac:dyDescent="0.25">
      <c r="A13734" t="s">
        <v>21100</v>
      </c>
      <c r="B13734" t="s">
        <v>21101</v>
      </c>
      <c r="C13734">
        <v>1</v>
      </c>
      <c r="D13734">
        <v>0</v>
      </c>
    </row>
    <row r="13735" spans="1:4" x14ac:dyDescent="0.25">
      <c r="A13735" t="s">
        <v>21100</v>
      </c>
      <c r="B13735" t="s">
        <v>21102</v>
      </c>
      <c r="C13735">
        <v>2</v>
      </c>
      <c r="D13735">
        <v>0</v>
      </c>
    </row>
    <row r="13736" spans="1:4" x14ac:dyDescent="0.25">
      <c r="A13736" t="s">
        <v>21103</v>
      </c>
      <c r="B13736" t="s">
        <v>21104</v>
      </c>
      <c r="C13736">
        <v>2</v>
      </c>
      <c r="D13736">
        <v>0</v>
      </c>
    </row>
    <row r="13737" spans="1:4" x14ac:dyDescent="0.25">
      <c r="A13737" t="s">
        <v>21105</v>
      </c>
      <c r="B13737" t="s">
        <v>21106</v>
      </c>
      <c r="C13737">
        <v>1</v>
      </c>
      <c r="D13737">
        <v>0</v>
      </c>
    </row>
    <row r="13738" spans="1:4" x14ac:dyDescent="0.25">
      <c r="A13738" t="s">
        <v>21107</v>
      </c>
      <c r="B13738" t="s">
        <v>21108</v>
      </c>
      <c r="C13738">
        <v>0</v>
      </c>
      <c r="D13738">
        <v>0</v>
      </c>
    </row>
    <row r="13739" spans="1:4" x14ac:dyDescent="0.25">
      <c r="A13739" t="s">
        <v>21107</v>
      </c>
      <c r="B13739" t="s">
        <v>21109</v>
      </c>
      <c r="C13739">
        <v>0</v>
      </c>
      <c r="D13739">
        <v>0</v>
      </c>
    </row>
    <row r="13740" spans="1:4" x14ac:dyDescent="0.25">
      <c r="A13740" t="s">
        <v>21110</v>
      </c>
      <c r="B13740" t="s">
        <v>21111</v>
      </c>
      <c r="C13740">
        <v>0</v>
      </c>
      <c r="D13740">
        <v>0</v>
      </c>
    </row>
    <row r="13741" spans="1:4" x14ac:dyDescent="0.25">
      <c r="A13741" t="s">
        <v>21112</v>
      </c>
      <c r="B13741" t="s">
        <v>21113</v>
      </c>
      <c r="C13741">
        <v>1</v>
      </c>
      <c r="D13741">
        <v>0</v>
      </c>
    </row>
    <row r="13742" spans="1:4" x14ac:dyDescent="0.25">
      <c r="A13742" t="s">
        <v>21112</v>
      </c>
      <c r="B13742" t="s">
        <v>21114</v>
      </c>
      <c r="C13742">
        <v>1</v>
      </c>
      <c r="D13742">
        <v>0</v>
      </c>
    </row>
    <row r="13743" spans="1:4" x14ac:dyDescent="0.25">
      <c r="A13743" t="s">
        <v>21115</v>
      </c>
      <c r="B13743" t="s">
        <v>21116</v>
      </c>
      <c r="C13743">
        <v>0</v>
      </c>
      <c r="D13743">
        <v>0</v>
      </c>
    </row>
    <row r="13744" spans="1:4" x14ac:dyDescent="0.25">
      <c r="A13744" t="s">
        <v>21117</v>
      </c>
      <c r="B13744" t="s">
        <v>21118</v>
      </c>
      <c r="C13744">
        <v>1</v>
      </c>
      <c r="D13744">
        <v>0</v>
      </c>
    </row>
    <row r="13745" spans="1:4" x14ac:dyDescent="0.25">
      <c r="A13745" t="s">
        <v>21119</v>
      </c>
      <c r="B13745" t="s">
        <v>21120</v>
      </c>
      <c r="C13745">
        <v>2</v>
      </c>
      <c r="D13745">
        <v>0</v>
      </c>
    </row>
    <row r="13746" spans="1:4" x14ac:dyDescent="0.25">
      <c r="A13746" t="s">
        <v>21121</v>
      </c>
      <c r="B13746" t="s">
        <v>21122</v>
      </c>
      <c r="C13746">
        <v>1</v>
      </c>
      <c r="D13746">
        <v>0</v>
      </c>
    </row>
    <row r="13747" spans="1:4" x14ac:dyDescent="0.25">
      <c r="A13747" t="s">
        <v>21123</v>
      </c>
      <c r="B13747" t="s">
        <v>21124</v>
      </c>
      <c r="C13747">
        <v>0</v>
      </c>
      <c r="D13747">
        <v>0</v>
      </c>
    </row>
    <row r="13748" spans="1:4" x14ac:dyDescent="0.25">
      <c r="A13748" t="s">
        <v>21125</v>
      </c>
      <c r="B13748" t="s">
        <v>21126</v>
      </c>
      <c r="C13748">
        <v>1</v>
      </c>
      <c r="D13748">
        <v>0</v>
      </c>
    </row>
    <row r="13749" spans="1:4" x14ac:dyDescent="0.25">
      <c r="A13749" t="s">
        <v>21127</v>
      </c>
      <c r="B13749" t="s">
        <v>21128</v>
      </c>
      <c r="C13749">
        <v>0</v>
      </c>
      <c r="D13749">
        <v>0</v>
      </c>
    </row>
    <row r="13750" spans="1:4" x14ac:dyDescent="0.25">
      <c r="A13750" t="s">
        <v>21129</v>
      </c>
      <c r="B13750" t="s">
        <v>21130</v>
      </c>
      <c r="C13750">
        <v>1</v>
      </c>
      <c r="D13750">
        <v>0</v>
      </c>
    </row>
    <row r="13751" spans="1:4" x14ac:dyDescent="0.25">
      <c r="A13751" t="s">
        <v>21131</v>
      </c>
      <c r="B13751" t="s">
        <v>21132</v>
      </c>
      <c r="C13751">
        <v>1</v>
      </c>
      <c r="D13751">
        <v>0</v>
      </c>
    </row>
    <row r="13752" spans="1:4" x14ac:dyDescent="0.25">
      <c r="A13752" t="s">
        <v>21133</v>
      </c>
      <c r="B13752" t="s">
        <v>21134</v>
      </c>
      <c r="C13752">
        <v>1</v>
      </c>
      <c r="D13752">
        <v>0</v>
      </c>
    </row>
    <row r="13753" spans="1:4" x14ac:dyDescent="0.25">
      <c r="A13753" t="s">
        <v>21135</v>
      </c>
      <c r="B13753" t="s">
        <v>21136</v>
      </c>
      <c r="C13753">
        <v>1</v>
      </c>
      <c r="D13753">
        <v>0</v>
      </c>
    </row>
    <row r="13754" spans="1:4" x14ac:dyDescent="0.25">
      <c r="A13754" t="s">
        <v>21137</v>
      </c>
      <c r="B13754" t="s">
        <v>21138</v>
      </c>
      <c r="C13754">
        <v>1</v>
      </c>
      <c r="D13754">
        <v>0</v>
      </c>
    </row>
    <row r="13755" spans="1:4" x14ac:dyDescent="0.25">
      <c r="A13755" t="s">
        <v>21139</v>
      </c>
      <c r="B13755" t="s">
        <v>21140</v>
      </c>
      <c r="C13755">
        <v>1</v>
      </c>
      <c r="D13755">
        <v>0</v>
      </c>
    </row>
    <row r="13756" spans="1:4" x14ac:dyDescent="0.25">
      <c r="A13756" t="s">
        <v>21141</v>
      </c>
      <c r="B13756" t="s">
        <v>21142</v>
      </c>
      <c r="C13756">
        <v>1</v>
      </c>
      <c r="D13756">
        <v>0</v>
      </c>
    </row>
    <row r="13757" spans="1:4" x14ac:dyDescent="0.25">
      <c r="A13757" t="s">
        <v>21143</v>
      </c>
      <c r="B13757" t="s">
        <v>21144</v>
      </c>
      <c r="C13757">
        <v>1</v>
      </c>
      <c r="D13757">
        <v>0</v>
      </c>
    </row>
    <row r="13758" spans="1:4" x14ac:dyDescent="0.25">
      <c r="A13758" t="s">
        <v>21145</v>
      </c>
      <c r="B13758" t="s">
        <v>21146</v>
      </c>
      <c r="C13758">
        <v>0</v>
      </c>
      <c r="D13758">
        <v>0</v>
      </c>
    </row>
    <row r="13759" spans="1:4" x14ac:dyDescent="0.25">
      <c r="A13759" t="s">
        <v>21147</v>
      </c>
      <c r="B13759" t="s">
        <v>21148</v>
      </c>
      <c r="C13759">
        <v>1</v>
      </c>
      <c r="D13759">
        <v>0</v>
      </c>
    </row>
    <row r="13760" spans="1:4" x14ac:dyDescent="0.25">
      <c r="A13760" t="s">
        <v>21149</v>
      </c>
      <c r="B13760" t="s">
        <v>21150</v>
      </c>
      <c r="C13760">
        <v>2</v>
      </c>
      <c r="D13760">
        <v>0</v>
      </c>
    </row>
    <row r="13761" spans="1:4" x14ac:dyDescent="0.25">
      <c r="A13761" t="s">
        <v>21151</v>
      </c>
      <c r="B13761" t="s">
        <v>21152</v>
      </c>
      <c r="C13761">
        <v>1</v>
      </c>
      <c r="D13761">
        <v>0</v>
      </c>
    </row>
    <row r="13762" spans="1:4" x14ac:dyDescent="0.25">
      <c r="A13762" t="s">
        <v>21153</v>
      </c>
      <c r="B13762" t="s">
        <v>21154</v>
      </c>
      <c r="C13762">
        <v>1</v>
      </c>
      <c r="D13762">
        <v>0</v>
      </c>
    </row>
    <row r="13763" spans="1:4" x14ac:dyDescent="0.25">
      <c r="A13763" t="s">
        <v>21155</v>
      </c>
      <c r="B13763" t="s">
        <v>21156</v>
      </c>
      <c r="C13763">
        <v>0</v>
      </c>
      <c r="D13763">
        <v>0</v>
      </c>
    </row>
    <row r="13764" spans="1:4" x14ac:dyDescent="0.25">
      <c r="A13764" t="s">
        <v>21155</v>
      </c>
      <c r="B13764" t="s">
        <v>21157</v>
      </c>
      <c r="C13764">
        <v>0</v>
      </c>
      <c r="D13764">
        <v>0</v>
      </c>
    </row>
    <row r="13765" spans="1:4" x14ac:dyDescent="0.25">
      <c r="A13765" t="s">
        <v>21155</v>
      </c>
      <c r="B13765" t="s">
        <v>21158</v>
      </c>
      <c r="C13765">
        <v>2</v>
      </c>
      <c r="D13765">
        <v>0</v>
      </c>
    </row>
    <row r="13766" spans="1:4" x14ac:dyDescent="0.25">
      <c r="A13766" t="s">
        <v>21159</v>
      </c>
      <c r="B13766" t="s">
        <v>21160</v>
      </c>
      <c r="C13766">
        <v>1</v>
      </c>
      <c r="D13766">
        <v>0</v>
      </c>
    </row>
    <row r="13767" spans="1:4" x14ac:dyDescent="0.25">
      <c r="A13767" t="s">
        <v>21159</v>
      </c>
      <c r="B13767" t="s">
        <v>21161</v>
      </c>
      <c r="C13767">
        <v>0</v>
      </c>
      <c r="D13767">
        <v>0</v>
      </c>
    </row>
    <row r="13768" spans="1:4" x14ac:dyDescent="0.25">
      <c r="A13768" t="s">
        <v>21162</v>
      </c>
      <c r="B13768" t="s">
        <v>21163</v>
      </c>
      <c r="C13768">
        <v>0</v>
      </c>
      <c r="D13768">
        <v>0</v>
      </c>
    </row>
    <row r="13769" spans="1:4" x14ac:dyDescent="0.25">
      <c r="A13769" t="s">
        <v>21164</v>
      </c>
      <c r="B13769" t="s">
        <v>21165</v>
      </c>
      <c r="C13769">
        <v>1</v>
      </c>
      <c r="D13769">
        <v>0</v>
      </c>
    </row>
    <row r="13770" spans="1:4" x14ac:dyDescent="0.25">
      <c r="A13770" t="s">
        <v>21166</v>
      </c>
      <c r="B13770" t="s">
        <v>21167</v>
      </c>
      <c r="C13770">
        <v>0</v>
      </c>
      <c r="D13770">
        <v>0</v>
      </c>
    </row>
    <row r="13771" spans="1:4" x14ac:dyDescent="0.25">
      <c r="A13771" t="s">
        <v>21166</v>
      </c>
      <c r="B13771" t="s">
        <v>21168</v>
      </c>
      <c r="C13771">
        <v>2</v>
      </c>
      <c r="D13771">
        <v>0</v>
      </c>
    </row>
    <row r="13772" spans="1:4" x14ac:dyDescent="0.25">
      <c r="A13772" t="s">
        <v>21169</v>
      </c>
      <c r="B13772" t="s">
        <v>21170</v>
      </c>
      <c r="C13772">
        <v>1</v>
      </c>
      <c r="D13772">
        <v>0</v>
      </c>
    </row>
    <row r="13773" spans="1:4" x14ac:dyDescent="0.25">
      <c r="A13773" t="s">
        <v>21171</v>
      </c>
      <c r="B13773" t="s">
        <v>21172</v>
      </c>
      <c r="C13773">
        <v>1</v>
      </c>
      <c r="D13773">
        <v>0</v>
      </c>
    </row>
    <row r="13774" spans="1:4" x14ac:dyDescent="0.25">
      <c r="A13774" t="s">
        <v>21173</v>
      </c>
      <c r="B13774" t="s">
        <v>21174</v>
      </c>
      <c r="C13774">
        <v>1</v>
      </c>
      <c r="D13774">
        <v>0</v>
      </c>
    </row>
    <row r="13775" spans="1:4" x14ac:dyDescent="0.25">
      <c r="A13775" t="s">
        <v>21175</v>
      </c>
      <c r="B13775" t="s">
        <v>21176</v>
      </c>
      <c r="C13775">
        <v>0</v>
      </c>
      <c r="D13775">
        <v>0</v>
      </c>
    </row>
    <row r="13776" spans="1:4" x14ac:dyDescent="0.25">
      <c r="A13776" t="s">
        <v>21177</v>
      </c>
      <c r="B13776" t="s">
        <v>21178</v>
      </c>
      <c r="C13776">
        <v>1</v>
      </c>
      <c r="D13776">
        <v>0</v>
      </c>
    </row>
    <row r="13777" spans="1:4" x14ac:dyDescent="0.25">
      <c r="A13777" t="s">
        <v>21179</v>
      </c>
      <c r="B13777" t="s">
        <v>21180</v>
      </c>
      <c r="C13777">
        <v>0</v>
      </c>
      <c r="D13777">
        <v>0</v>
      </c>
    </row>
    <row r="13778" spans="1:4" x14ac:dyDescent="0.25">
      <c r="A13778" t="s">
        <v>21179</v>
      </c>
      <c r="B13778" t="s">
        <v>21181</v>
      </c>
      <c r="C13778">
        <v>2</v>
      </c>
      <c r="D13778">
        <v>0</v>
      </c>
    </row>
    <row r="13779" spans="1:4" x14ac:dyDescent="0.25">
      <c r="A13779" t="s">
        <v>21182</v>
      </c>
      <c r="B13779" t="s">
        <v>21183</v>
      </c>
      <c r="C13779">
        <v>0</v>
      </c>
      <c r="D13779">
        <v>0</v>
      </c>
    </row>
    <row r="13780" spans="1:4" x14ac:dyDescent="0.25">
      <c r="A13780" t="s">
        <v>21184</v>
      </c>
      <c r="B13780" t="s">
        <v>21185</v>
      </c>
      <c r="C13780">
        <v>0</v>
      </c>
      <c r="D13780">
        <v>0</v>
      </c>
    </row>
    <row r="13781" spans="1:4" x14ac:dyDescent="0.25">
      <c r="A13781" t="s">
        <v>21186</v>
      </c>
      <c r="B13781" t="s">
        <v>21187</v>
      </c>
      <c r="C13781">
        <v>1</v>
      </c>
      <c r="D13781">
        <v>0</v>
      </c>
    </row>
    <row r="13782" spans="1:4" x14ac:dyDescent="0.25">
      <c r="A13782" t="s">
        <v>21188</v>
      </c>
      <c r="B13782" t="s">
        <v>21189</v>
      </c>
      <c r="C13782">
        <v>1</v>
      </c>
      <c r="D13782">
        <v>0</v>
      </c>
    </row>
    <row r="13783" spans="1:4" x14ac:dyDescent="0.25">
      <c r="A13783" t="s">
        <v>21190</v>
      </c>
      <c r="B13783" t="s">
        <v>21191</v>
      </c>
      <c r="C13783">
        <v>1</v>
      </c>
      <c r="D13783">
        <v>0</v>
      </c>
    </row>
    <row r="13784" spans="1:4" x14ac:dyDescent="0.25">
      <c r="A13784" t="s">
        <v>21190</v>
      </c>
      <c r="B13784" t="s">
        <v>21192</v>
      </c>
      <c r="C13784">
        <v>1</v>
      </c>
      <c r="D13784">
        <v>0</v>
      </c>
    </row>
    <row r="13785" spans="1:4" x14ac:dyDescent="0.25">
      <c r="A13785" t="s">
        <v>21190</v>
      </c>
      <c r="B13785" t="s">
        <v>21193</v>
      </c>
      <c r="C13785">
        <v>0</v>
      </c>
      <c r="D13785">
        <v>0</v>
      </c>
    </row>
    <row r="13786" spans="1:4" x14ac:dyDescent="0.25">
      <c r="A13786" t="s">
        <v>21194</v>
      </c>
      <c r="B13786" t="s">
        <v>2651</v>
      </c>
      <c r="C13786">
        <v>0</v>
      </c>
      <c r="D13786">
        <v>0</v>
      </c>
    </row>
    <row r="13787" spans="1:4" x14ac:dyDescent="0.25">
      <c r="A13787" t="s">
        <v>21194</v>
      </c>
      <c r="B13787" t="s">
        <v>21195</v>
      </c>
      <c r="C13787">
        <v>2</v>
      </c>
      <c r="D13787">
        <v>0</v>
      </c>
    </row>
    <row r="13788" spans="1:4" x14ac:dyDescent="0.25">
      <c r="A13788" t="s">
        <v>21194</v>
      </c>
      <c r="B13788" t="s">
        <v>21196</v>
      </c>
      <c r="C13788">
        <v>2</v>
      </c>
      <c r="D13788">
        <v>0</v>
      </c>
    </row>
    <row r="13789" spans="1:4" x14ac:dyDescent="0.25">
      <c r="A13789" t="s">
        <v>21197</v>
      </c>
      <c r="B13789" t="s">
        <v>21198</v>
      </c>
      <c r="C13789">
        <v>2</v>
      </c>
      <c r="D13789">
        <v>0</v>
      </c>
    </row>
    <row r="13790" spans="1:4" x14ac:dyDescent="0.25">
      <c r="A13790" t="s">
        <v>21199</v>
      </c>
      <c r="B13790" t="s">
        <v>21200</v>
      </c>
      <c r="C13790">
        <v>1</v>
      </c>
      <c r="D13790">
        <v>0</v>
      </c>
    </row>
    <row r="13791" spans="1:4" x14ac:dyDescent="0.25">
      <c r="A13791" t="s">
        <v>21199</v>
      </c>
      <c r="B13791" t="s">
        <v>21201</v>
      </c>
      <c r="C13791">
        <v>1</v>
      </c>
      <c r="D13791">
        <v>0</v>
      </c>
    </row>
    <row r="13792" spans="1:4" x14ac:dyDescent="0.25">
      <c r="A13792" t="s">
        <v>21202</v>
      </c>
      <c r="B13792" t="s">
        <v>21203</v>
      </c>
      <c r="C13792">
        <v>1</v>
      </c>
      <c r="D13792">
        <v>0</v>
      </c>
    </row>
    <row r="13793" spans="1:4" x14ac:dyDescent="0.25">
      <c r="A13793" t="s">
        <v>21204</v>
      </c>
      <c r="B13793" t="s">
        <v>21205</v>
      </c>
      <c r="C13793">
        <v>1</v>
      </c>
      <c r="D13793">
        <v>0</v>
      </c>
    </row>
    <row r="13794" spans="1:4" x14ac:dyDescent="0.25">
      <c r="A13794" t="s">
        <v>21206</v>
      </c>
      <c r="B13794" t="s">
        <v>21207</v>
      </c>
      <c r="C13794">
        <v>1</v>
      </c>
      <c r="D13794">
        <v>0</v>
      </c>
    </row>
    <row r="13795" spans="1:4" x14ac:dyDescent="0.25">
      <c r="A13795" t="s">
        <v>21208</v>
      </c>
      <c r="B13795" t="s">
        <v>21209</v>
      </c>
      <c r="C13795">
        <v>1</v>
      </c>
      <c r="D13795">
        <v>0</v>
      </c>
    </row>
    <row r="13796" spans="1:4" x14ac:dyDescent="0.25">
      <c r="A13796" t="s">
        <v>21210</v>
      </c>
      <c r="B13796" t="s">
        <v>21211</v>
      </c>
      <c r="C13796">
        <v>0</v>
      </c>
      <c r="D13796">
        <v>0</v>
      </c>
    </row>
    <row r="13797" spans="1:4" x14ac:dyDescent="0.25">
      <c r="A13797" t="s">
        <v>21212</v>
      </c>
      <c r="B13797" t="s">
        <v>21213</v>
      </c>
      <c r="C13797">
        <v>1</v>
      </c>
      <c r="D13797">
        <v>0</v>
      </c>
    </row>
    <row r="13798" spans="1:4" x14ac:dyDescent="0.25">
      <c r="A13798" t="s">
        <v>21212</v>
      </c>
      <c r="B13798" t="s">
        <v>21214</v>
      </c>
      <c r="C13798">
        <v>2</v>
      </c>
      <c r="D13798">
        <v>0</v>
      </c>
    </row>
    <row r="13799" spans="1:4" x14ac:dyDescent="0.25">
      <c r="A13799" t="s">
        <v>21215</v>
      </c>
      <c r="B13799" t="s">
        <v>21216</v>
      </c>
      <c r="C13799">
        <v>1</v>
      </c>
      <c r="D13799">
        <v>0</v>
      </c>
    </row>
    <row r="13800" spans="1:4" x14ac:dyDescent="0.25">
      <c r="A13800" t="s">
        <v>21217</v>
      </c>
      <c r="B13800" t="s">
        <v>21218</v>
      </c>
      <c r="C13800">
        <v>1</v>
      </c>
      <c r="D13800">
        <v>0</v>
      </c>
    </row>
    <row r="13801" spans="1:4" x14ac:dyDescent="0.25">
      <c r="A13801" t="s">
        <v>21219</v>
      </c>
      <c r="B13801" t="s">
        <v>21220</v>
      </c>
      <c r="C13801">
        <v>1</v>
      </c>
      <c r="D13801">
        <v>0</v>
      </c>
    </row>
    <row r="13802" spans="1:4" x14ac:dyDescent="0.25">
      <c r="A13802" t="s">
        <v>21221</v>
      </c>
      <c r="B13802" t="s">
        <v>21222</v>
      </c>
      <c r="C13802">
        <v>0</v>
      </c>
      <c r="D13802">
        <v>0</v>
      </c>
    </row>
    <row r="13803" spans="1:4" x14ac:dyDescent="0.25">
      <c r="A13803" t="s">
        <v>21221</v>
      </c>
      <c r="B13803" t="s">
        <v>21223</v>
      </c>
      <c r="C13803">
        <v>0</v>
      </c>
      <c r="D13803">
        <v>0</v>
      </c>
    </row>
    <row r="13804" spans="1:4" x14ac:dyDescent="0.25">
      <c r="A13804" t="s">
        <v>21221</v>
      </c>
      <c r="B13804" t="s">
        <v>21224</v>
      </c>
      <c r="C13804">
        <v>2</v>
      </c>
      <c r="D13804">
        <v>0</v>
      </c>
    </row>
    <row r="13805" spans="1:4" x14ac:dyDescent="0.25">
      <c r="A13805" t="s">
        <v>21225</v>
      </c>
      <c r="B13805" t="s">
        <v>21226</v>
      </c>
      <c r="C13805">
        <v>1</v>
      </c>
      <c r="D13805">
        <v>0</v>
      </c>
    </row>
    <row r="13806" spans="1:4" x14ac:dyDescent="0.25">
      <c r="A13806" t="s">
        <v>21227</v>
      </c>
      <c r="B13806" t="s">
        <v>21228</v>
      </c>
      <c r="C13806">
        <v>1</v>
      </c>
      <c r="D13806">
        <v>0</v>
      </c>
    </row>
    <row r="13807" spans="1:4" x14ac:dyDescent="0.25">
      <c r="A13807" t="s">
        <v>21227</v>
      </c>
      <c r="B13807" t="s">
        <v>21229</v>
      </c>
      <c r="C13807">
        <v>2</v>
      </c>
      <c r="D13807">
        <v>0</v>
      </c>
    </row>
    <row r="13808" spans="1:4" x14ac:dyDescent="0.25">
      <c r="A13808" t="s">
        <v>21230</v>
      </c>
      <c r="B13808" t="s">
        <v>21231</v>
      </c>
      <c r="C13808">
        <v>1</v>
      </c>
      <c r="D13808">
        <v>0</v>
      </c>
    </row>
    <row r="13809" spans="1:4" x14ac:dyDescent="0.25">
      <c r="A13809" t="s">
        <v>21230</v>
      </c>
      <c r="B13809" t="s">
        <v>21232</v>
      </c>
      <c r="C13809">
        <v>0</v>
      </c>
      <c r="D13809">
        <v>0</v>
      </c>
    </row>
    <row r="13810" spans="1:4" x14ac:dyDescent="0.25">
      <c r="A13810" t="s">
        <v>21233</v>
      </c>
      <c r="B13810" t="s">
        <v>21234</v>
      </c>
      <c r="C13810">
        <v>1</v>
      </c>
      <c r="D13810">
        <v>0</v>
      </c>
    </row>
    <row r="13811" spans="1:4" x14ac:dyDescent="0.25">
      <c r="A13811" t="s">
        <v>21235</v>
      </c>
      <c r="B13811" t="s">
        <v>21236</v>
      </c>
      <c r="C13811">
        <v>1</v>
      </c>
      <c r="D13811">
        <v>0</v>
      </c>
    </row>
    <row r="13812" spans="1:4" x14ac:dyDescent="0.25">
      <c r="A13812" t="s">
        <v>21237</v>
      </c>
      <c r="B13812" t="s">
        <v>21238</v>
      </c>
      <c r="C13812">
        <v>1</v>
      </c>
      <c r="D13812">
        <v>0</v>
      </c>
    </row>
    <row r="13813" spans="1:4" x14ac:dyDescent="0.25">
      <c r="A13813" t="s">
        <v>21239</v>
      </c>
      <c r="B13813" t="s">
        <v>21240</v>
      </c>
      <c r="C13813">
        <v>1</v>
      </c>
      <c r="D13813">
        <v>0</v>
      </c>
    </row>
    <row r="13814" spans="1:4" x14ac:dyDescent="0.25">
      <c r="A13814" t="s">
        <v>21239</v>
      </c>
      <c r="B13814" t="s">
        <v>21241</v>
      </c>
      <c r="C13814">
        <v>2</v>
      </c>
      <c r="D13814">
        <v>0</v>
      </c>
    </row>
    <row r="13815" spans="1:4" x14ac:dyDescent="0.25">
      <c r="A13815" t="s">
        <v>21242</v>
      </c>
      <c r="B13815" t="s">
        <v>21243</v>
      </c>
      <c r="C13815">
        <v>0</v>
      </c>
      <c r="D13815">
        <v>0</v>
      </c>
    </row>
    <row r="13816" spans="1:4" x14ac:dyDescent="0.25">
      <c r="A13816" t="s">
        <v>21244</v>
      </c>
      <c r="B13816" t="s">
        <v>21245</v>
      </c>
      <c r="C13816">
        <v>1</v>
      </c>
      <c r="D13816">
        <v>0</v>
      </c>
    </row>
    <row r="13817" spans="1:4" x14ac:dyDescent="0.25">
      <c r="A13817" t="s">
        <v>21246</v>
      </c>
      <c r="B13817" t="s">
        <v>21247</v>
      </c>
      <c r="C13817">
        <v>1</v>
      </c>
      <c r="D13817">
        <v>0</v>
      </c>
    </row>
    <row r="13818" spans="1:4" x14ac:dyDescent="0.25">
      <c r="A13818" t="s">
        <v>21246</v>
      </c>
      <c r="B13818" t="s">
        <v>21248</v>
      </c>
      <c r="C13818">
        <v>0</v>
      </c>
      <c r="D13818">
        <v>0</v>
      </c>
    </row>
    <row r="13819" spans="1:4" x14ac:dyDescent="0.25">
      <c r="A13819" t="s">
        <v>21249</v>
      </c>
      <c r="B13819" t="s">
        <v>21250</v>
      </c>
      <c r="C13819">
        <v>1</v>
      </c>
      <c r="D13819">
        <v>0</v>
      </c>
    </row>
    <row r="13820" spans="1:4" x14ac:dyDescent="0.25">
      <c r="A13820" t="s">
        <v>21251</v>
      </c>
      <c r="B13820" t="s">
        <v>21252</v>
      </c>
      <c r="C13820">
        <v>1</v>
      </c>
      <c r="D13820">
        <v>0</v>
      </c>
    </row>
    <row r="13821" spans="1:4" x14ac:dyDescent="0.25">
      <c r="A13821" t="s">
        <v>21253</v>
      </c>
      <c r="B13821" t="s">
        <v>21254</v>
      </c>
      <c r="C13821">
        <v>1</v>
      </c>
      <c r="D13821">
        <v>0</v>
      </c>
    </row>
    <row r="13822" spans="1:4" x14ac:dyDescent="0.25">
      <c r="A13822" t="s">
        <v>21255</v>
      </c>
      <c r="B13822" t="s">
        <v>21256</v>
      </c>
      <c r="C13822">
        <v>0</v>
      </c>
      <c r="D13822">
        <v>0</v>
      </c>
    </row>
    <row r="13823" spans="1:4" x14ac:dyDescent="0.25">
      <c r="A13823" t="s">
        <v>21255</v>
      </c>
      <c r="B13823" t="s">
        <v>21257</v>
      </c>
      <c r="C13823">
        <v>2</v>
      </c>
      <c r="D13823">
        <v>0</v>
      </c>
    </row>
    <row r="13824" spans="1:4" x14ac:dyDescent="0.25">
      <c r="A13824" t="s">
        <v>21258</v>
      </c>
      <c r="B13824" t="s">
        <v>21259</v>
      </c>
      <c r="C13824">
        <v>1</v>
      </c>
      <c r="D13824">
        <v>0</v>
      </c>
    </row>
    <row r="13825" spans="1:4" x14ac:dyDescent="0.25">
      <c r="A13825" t="s">
        <v>21260</v>
      </c>
      <c r="B13825" t="s">
        <v>21261</v>
      </c>
      <c r="C13825">
        <v>2</v>
      </c>
      <c r="D13825">
        <v>0</v>
      </c>
    </row>
    <row r="13826" spans="1:4" x14ac:dyDescent="0.25">
      <c r="A13826" t="s">
        <v>21260</v>
      </c>
      <c r="B13826" t="s">
        <v>21262</v>
      </c>
      <c r="C13826">
        <v>2</v>
      </c>
      <c r="D13826">
        <v>0</v>
      </c>
    </row>
    <row r="13827" spans="1:4" x14ac:dyDescent="0.25">
      <c r="A13827" t="s">
        <v>21260</v>
      </c>
      <c r="B13827" t="s">
        <v>21263</v>
      </c>
      <c r="C13827">
        <v>2</v>
      </c>
      <c r="D13827">
        <v>0</v>
      </c>
    </row>
    <row r="13828" spans="1:4" x14ac:dyDescent="0.25">
      <c r="A13828" t="s">
        <v>21260</v>
      </c>
      <c r="B13828" t="s">
        <v>21264</v>
      </c>
      <c r="C13828">
        <v>2</v>
      </c>
      <c r="D13828">
        <v>0</v>
      </c>
    </row>
    <row r="13829" spans="1:4" x14ac:dyDescent="0.25">
      <c r="A13829" t="s">
        <v>21265</v>
      </c>
      <c r="B13829" t="s">
        <v>21266</v>
      </c>
      <c r="C13829">
        <v>1</v>
      </c>
      <c r="D13829">
        <v>0</v>
      </c>
    </row>
    <row r="13830" spans="1:4" x14ac:dyDescent="0.25">
      <c r="A13830" t="s">
        <v>21265</v>
      </c>
      <c r="B13830" t="s">
        <v>21267</v>
      </c>
      <c r="C13830">
        <v>0</v>
      </c>
      <c r="D13830">
        <v>0</v>
      </c>
    </row>
    <row r="13831" spans="1:4" x14ac:dyDescent="0.25">
      <c r="A13831" t="s">
        <v>21268</v>
      </c>
      <c r="B13831" t="s">
        <v>21269</v>
      </c>
      <c r="C13831">
        <v>1</v>
      </c>
      <c r="D13831">
        <v>0</v>
      </c>
    </row>
    <row r="13832" spans="1:4" x14ac:dyDescent="0.25">
      <c r="A13832" t="s">
        <v>21268</v>
      </c>
      <c r="B13832" t="s">
        <v>21270</v>
      </c>
      <c r="C13832">
        <v>0</v>
      </c>
      <c r="D13832">
        <v>0</v>
      </c>
    </row>
    <row r="13833" spans="1:4" x14ac:dyDescent="0.25">
      <c r="A13833" t="s">
        <v>21271</v>
      </c>
      <c r="B13833" t="s">
        <v>21272</v>
      </c>
      <c r="C13833">
        <v>2</v>
      </c>
      <c r="D13833">
        <v>0</v>
      </c>
    </row>
    <row r="13834" spans="1:4" x14ac:dyDescent="0.25">
      <c r="A13834" t="s">
        <v>21273</v>
      </c>
      <c r="B13834" t="s">
        <v>21274</v>
      </c>
      <c r="C13834">
        <v>0</v>
      </c>
      <c r="D13834">
        <v>0</v>
      </c>
    </row>
    <row r="13835" spans="1:4" x14ac:dyDescent="0.25">
      <c r="A13835" t="s">
        <v>21275</v>
      </c>
      <c r="B13835" t="s">
        <v>21276</v>
      </c>
      <c r="C13835">
        <v>0</v>
      </c>
      <c r="D13835">
        <v>0</v>
      </c>
    </row>
    <row r="13836" spans="1:4" x14ac:dyDescent="0.25">
      <c r="A13836" t="s">
        <v>21277</v>
      </c>
      <c r="B13836" t="s">
        <v>21278</v>
      </c>
      <c r="C13836">
        <v>1</v>
      </c>
      <c r="D13836">
        <v>0</v>
      </c>
    </row>
    <row r="13837" spans="1:4" x14ac:dyDescent="0.25">
      <c r="A13837" t="s">
        <v>21279</v>
      </c>
      <c r="B13837" t="s">
        <v>21280</v>
      </c>
      <c r="C13837">
        <v>1</v>
      </c>
      <c r="D13837">
        <v>0</v>
      </c>
    </row>
    <row r="13838" spans="1:4" x14ac:dyDescent="0.25">
      <c r="A13838" t="s">
        <v>21279</v>
      </c>
      <c r="B13838" t="s">
        <v>21281</v>
      </c>
      <c r="C13838">
        <v>2</v>
      </c>
      <c r="D13838">
        <v>0</v>
      </c>
    </row>
    <row r="13839" spans="1:4" x14ac:dyDescent="0.25">
      <c r="A13839" t="s">
        <v>21282</v>
      </c>
      <c r="B13839" t="s">
        <v>21283</v>
      </c>
      <c r="C13839">
        <v>1</v>
      </c>
      <c r="D13839">
        <v>0</v>
      </c>
    </row>
    <row r="13840" spans="1:4" x14ac:dyDescent="0.25">
      <c r="A13840" t="s">
        <v>21282</v>
      </c>
      <c r="B13840" t="s">
        <v>21284</v>
      </c>
      <c r="C13840">
        <v>1</v>
      </c>
      <c r="D13840">
        <v>0</v>
      </c>
    </row>
    <row r="13841" spans="1:4" x14ac:dyDescent="0.25">
      <c r="A13841" t="s">
        <v>21282</v>
      </c>
      <c r="B13841" t="s">
        <v>21285</v>
      </c>
      <c r="C13841">
        <v>1</v>
      </c>
      <c r="D13841">
        <v>0</v>
      </c>
    </row>
    <row r="13842" spans="1:4" x14ac:dyDescent="0.25">
      <c r="A13842" t="s">
        <v>21282</v>
      </c>
      <c r="B13842" t="s">
        <v>21286</v>
      </c>
      <c r="C13842">
        <v>1</v>
      </c>
      <c r="D13842">
        <v>0</v>
      </c>
    </row>
    <row r="13843" spans="1:4" x14ac:dyDescent="0.25">
      <c r="A13843" t="s">
        <v>21287</v>
      </c>
      <c r="B13843" t="s">
        <v>21288</v>
      </c>
      <c r="C13843">
        <v>1</v>
      </c>
      <c r="D13843">
        <v>0</v>
      </c>
    </row>
    <row r="13844" spans="1:4" x14ac:dyDescent="0.25">
      <c r="A13844" t="s">
        <v>21289</v>
      </c>
      <c r="B13844" t="s">
        <v>21290</v>
      </c>
      <c r="C13844">
        <v>1</v>
      </c>
      <c r="D13844">
        <v>0</v>
      </c>
    </row>
    <row r="13845" spans="1:4" x14ac:dyDescent="0.25">
      <c r="A13845" t="s">
        <v>21289</v>
      </c>
      <c r="B13845" t="s">
        <v>21291</v>
      </c>
      <c r="C13845">
        <v>1</v>
      </c>
      <c r="D13845">
        <v>0</v>
      </c>
    </row>
    <row r="13846" spans="1:4" x14ac:dyDescent="0.25">
      <c r="A13846" t="s">
        <v>21289</v>
      </c>
      <c r="B13846" t="s">
        <v>21292</v>
      </c>
      <c r="C13846">
        <v>2</v>
      </c>
      <c r="D13846">
        <v>0</v>
      </c>
    </row>
    <row r="13847" spans="1:4" x14ac:dyDescent="0.25">
      <c r="A13847" t="s">
        <v>21293</v>
      </c>
      <c r="B13847" t="s">
        <v>21294</v>
      </c>
      <c r="C13847">
        <v>1</v>
      </c>
      <c r="D13847">
        <v>0</v>
      </c>
    </row>
    <row r="13848" spans="1:4" x14ac:dyDescent="0.25">
      <c r="A13848" t="s">
        <v>21295</v>
      </c>
      <c r="B13848" t="s">
        <v>21296</v>
      </c>
      <c r="C13848">
        <v>1</v>
      </c>
      <c r="D13848">
        <v>0</v>
      </c>
    </row>
    <row r="13849" spans="1:4" x14ac:dyDescent="0.25">
      <c r="A13849" t="s">
        <v>21297</v>
      </c>
      <c r="B13849" t="s">
        <v>21298</v>
      </c>
      <c r="C13849">
        <v>1</v>
      </c>
      <c r="D13849">
        <v>0</v>
      </c>
    </row>
    <row r="13850" spans="1:4" x14ac:dyDescent="0.25">
      <c r="A13850" t="s">
        <v>21299</v>
      </c>
      <c r="B13850" t="s">
        <v>21300</v>
      </c>
      <c r="C13850">
        <v>1</v>
      </c>
      <c r="D13850">
        <v>0</v>
      </c>
    </row>
    <row r="13851" spans="1:4" x14ac:dyDescent="0.25">
      <c r="A13851" t="s">
        <v>21301</v>
      </c>
      <c r="B13851" t="s">
        <v>21302</v>
      </c>
      <c r="C13851">
        <v>1</v>
      </c>
      <c r="D13851">
        <v>0</v>
      </c>
    </row>
    <row r="13852" spans="1:4" x14ac:dyDescent="0.25">
      <c r="A13852" t="s">
        <v>21303</v>
      </c>
      <c r="B13852" t="s">
        <v>21304</v>
      </c>
      <c r="C13852">
        <v>1</v>
      </c>
      <c r="D13852">
        <v>0</v>
      </c>
    </row>
    <row r="13853" spans="1:4" x14ac:dyDescent="0.25">
      <c r="A13853" t="s">
        <v>21305</v>
      </c>
      <c r="B13853" t="s">
        <v>21306</v>
      </c>
      <c r="C13853">
        <v>0</v>
      </c>
      <c r="D13853">
        <v>0</v>
      </c>
    </row>
    <row r="13854" spans="1:4" x14ac:dyDescent="0.25">
      <c r="A13854" t="s">
        <v>21307</v>
      </c>
      <c r="B13854" t="s">
        <v>21308</v>
      </c>
      <c r="C13854">
        <v>2</v>
      </c>
      <c r="D13854">
        <v>0</v>
      </c>
    </row>
    <row r="13855" spans="1:4" x14ac:dyDescent="0.25">
      <c r="A13855" t="s">
        <v>21309</v>
      </c>
      <c r="B13855" t="s">
        <v>21310</v>
      </c>
      <c r="C13855">
        <v>1</v>
      </c>
      <c r="D13855">
        <v>0</v>
      </c>
    </row>
    <row r="13856" spans="1:4" x14ac:dyDescent="0.25">
      <c r="A13856" t="s">
        <v>21311</v>
      </c>
      <c r="B13856" t="s">
        <v>21312</v>
      </c>
      <c r="C13856">
        <v>1</v>
      </c>
      <c r="D13856">
        <v>0</v>
      </c>
    </row>
    <row r="13857" spans="1:4" x14ac:dyDescent="0.25">
      <c r="A13857" t="s">
        <v>21313</v>
      </c>
      <c r="B13857" t="s">
        <v>21314</v>
      </c>
      <c r="C13857">
        <v>1</v>
      </c>
      <c r="D13857">
        <v>0</v>
      </c>
    </row>
    <row r="13858" spans="1:4" x14ac:dyDescent="0.25">
      <c r="A13858" t="s">
        <v>21315</v>
      </c>
      <c r="B13858" t="s">
        <v>21316</v>
      </c>
      <c r="C13858">
        <v>1</v>
      </c>
      <c r="D13858">
        <v>0</v>
      </c>
    </row>
    <row r="13859" spans="1:4" x14ac:dyDescent="0.25">
      <c r="A13859" t="s">
        <v>21315</v>
      </c>
      <c r="B13859" t="s">
        <v>21317</v>
      </c>
      <c r="C13859">
        <v>2</v>
      </c>
      <c r="D13859">
        <v>0</v>
      </c>
    </row>
    <row r="13860" spans="1:4" x14ac:dyDescent="0.25">
      <c r="A13860" t="s">
        <v>21318</v>
      </c>
      <c r="B13860" t="s">
        <v>21319</v>
      </c>
      <c r="C13860">
        <v>1</v>
      </c>
      <c r="D13860">
        <v>0</v>
      </c>
    </row>
    <row r="13861" spans="1:4" x14ac:dyDescent="0.25">
      <c r="A13861" t="s">
        <v>21320</v>
      </c>
      <c r="B13861" t="s">
        <v>21321</v>
      </c>
      <c r="C13861">
        <v>1</v>
      </c>
      <c r="D13861">
        <v>0</v>
      </c>
    </row>
    <row r="13862" spans="1:4" x14ac:dyDescent="0.25">
      <c r="A13862" t="s">
        <v>21322</v>
      </c>
      <c r="B13862" t="s">
        <v>21323</v>
      </c>
      <c r="C13862">
        <v>1</v>
      </c>
      <c r="D13862">
        <v>0</v>
      </c>
    </row>
    <row r="13863" spans="1:4" x14ac:dyDescent="0.25">
      <c r="A13863" t="s">
        <v>21322</v>
      </c>
      <c r="B13863" t="s">
        <v>21324</v>
      </c>
      <c r="C13863">
        <v>1</v>
      </c>
      <c r="D13863">
        <v>0</v>
      </c>
    </row>
    <row r="13864" spans="1:4" x14ac:dyDescent="0.25">
      <c r="A13864" t="s">
        <v>21322</v>
      </c>
      <c r="B13864" t="s">
        <v>21325</v>
      </c>
      <c r="C13864">
        <v>0</v>
      </c>
      <c r="D13864">
        <v>0</v>
      </c>
    </row>
    <row r="13865" spans="1:4" x14ac:dyDescent="0.25">
      <c r="A13865" t="s">
        <v>21322</v>
      </c>
      <c r="B13865" t="s">
        <v>21326</v>
      </c>
      <c r="C13865">
        <v>2</v>
      </c>
      <c r="D13865">
        <v>0</v>
      </c>
    </row>
    <row r="13866" spans="1:4" x14ac:dyDescent="0.25">
      <c r="A13866" t="s">
        <v>21327</v>
      </c>
      <c r="B13866" t="s">
        <v>21328</v>
      </c>
      <c r="C13866">
        <v>1</v>
      </c>
      <c r="D13866">
        <v>0</v>
      </c>
    </row>
    <row r="13867" spans="1:4" x14ac:dyDescent="0.25">
      <c r="A13867" t="s">
        <v>21327</v>
      </c>
      <c r="B13867" t="s">
        <v>21329</v>
      </c>
      <c r="C13867">
        <v>0</v>
      </c>
      <c r="D13867">
        <v>0</v>
      </c>
    </row>
    <row r="13868" spans="1:4" x14ac:dyDescent="0.25">
      <c r="A13868" t="s">
        <v>21330</v>
      </c>
      <c r="B13868" t="s">
        <v>21331</v>
      </c>
      <c r="C13868">
        <v>1</v>
      </c>
      <c r="D13868">
        <v>0</v>
      </c>
    </row>
    <row r="13869" spans="1:4" x14ac:dyDescent="0.25">
      <c r="A13869" t="s">
        <v>21332</v>
      </c>
      <c r="B13869" t="s">
        <v>21333</v>
      </c>
      <c r="C13869">
        <v>0</v>
      </c>
      <c r="D13869">
        <v>0</v>
      </c>
    </row>
    <row r="13870" spans="1:4" x14ac:dyDescent="0.25">
      <c r="A13870" t="s">
        <v>21334</v>
      </c>
      <c r="B13870" t="s">
        <v>21335</v>
      </c>
      <c r="C13870">
        <v>1</v>
      </c>
      <c r="D13870">
        <v>0</v>
      </c>
    </row>
    <row r="13871" spans="1:4" x14ac:dyDescent="0.25">
      <c r="A13871" t="s">
        <v>21336</v>
      </c>
      <c r="B13871" t="s">
        <v>21337</v>
      </c>
      <c r="C13871">
        <v>1</v>
      </c>
      <c r="D13871">
        <v>0</v>
      </c>
    </row>
    <row r="13872" spans="1:4" x14ac:dyDescent="0.25">
      <c r="A13872" t="s">
        <v>21336</v>
      </c>
      <c r="B13872" t="s">
        <v>21338</v>
      </c>
      <c r="C13872">
        <v>0</v>
      </c>
      <c r="D13872">
        <v>0</v>
      </c>
    </row>
    <row r="13873" spans="1:4" x14ac:dyDescent="0.25">
      <c r="A13873" t="s">
        <v>21339</v>
      </c>
      <c r="B13873" t="s">
        <v>21340</v>
      </c>
      <c r="C13873">
        <v>2</v>
      </c>
      <c r="D13873">
        <v>0</v>
      </c>
    </row>
    <row r="13874" spans="1:4" x14ac:dyDescent="0.25">
      <c r="A13874" t="s">
        <v>21341</v>
      </c>
      <c r="B13874" t="s">
        <v>21342</v>
      </c>
      <c r="C13874">
        <v>0</v>
      </c>
      <c r="D13874">
        <v>0</v>
      </c>
    </row>
    <row r="13875" spans="1:4" x14ac:dyDescent="0.25">
      <c r="A13875" t="s">
        <v>21343</v>
      </c>
      <c r="B13875" t="s">
        <v>21344</v>
      </c>
      <c r="C13875">
        <v>2</v>
      </c>
      <c r="D13875">
        <v>0</v>
      </c>
    </row>
    <row r="13876" spans="1:4" x14ac:dyDescent="0.25">
      <c r="A13876" t="s">
        <v>21345</v>
      </c>
      <c r="B13876" t="s">
        <v>21346</v>
      </c>
      <c r="C13876">
        <v>1</v>
      </c>
      <c r="D13876">
        <v>0</v>
      </c>
    </row>
    <row r="13877" spans="1:4" x14ac:dyDescent="0.25">
      <c r="A13877" t="s">
        <v>21347</v>
      </c>
      <c r="B13877" t="s">
        <v>21348</v>
      </c>
      <c r="C13877">
        <v>1</v>
      </c>
      <c r="D13877">
        <v>0</v>
      </c>
    </row>
    <row r="13878" spans="1:4" x14ac:dyDescent="0.25">
      <c r="A13878" t="s">
        <v>21347</v>
      </c>
      <c r="B13878" t="s">
        <v>21349</v>
      </c>
      <c r="C13878">
        <v>0</v>
      </c>
      <c r="D13878">
        <v>0</v>
      </c>
    </row>
    <row r="13879" spans="1:4" x14ac:dyDescent="0.25">
      <c r="A13879" t="s">
        <v>21347</v>
      </c>
      <c r="B13879" t="s">
        <v>21350</v>
      </c>
      <c r="C13879">
        <v>2</v>
      </c>
      <c r="D13879">
        <v>0</v>
      </c>
    </row>
    <row r="13880" spans="1:4" x14ac:dyDescent="0.25">
      <c r="A13880" t="s">
        <v>21351</v>
      </c>
      <c r="B13880" t="s">
        <v>21352</v>
      </c>
      <c r="C13880">
        <v>0</v>
      </c>
      <c r="D13880">
        <v>0</v>
      </c>
    </row>
    <row r="13881" spans="1:4" x14ac:dyDescent="0.25">
      <c r="A13881" t="s">
        <v>21353</v>
      </c>
      <c r="B13881" t="s">
        <v>21354</v>
      </c>
      <c r="C13881">
        <v>1</v>
      </c>
      <c r="D13881">
        <v>0</v>
      </c>
    </row>
    <row r="13882" spans="1:4" x14ac:dyDescent="0.25">
      <c r="A13882" t="s">
        <v>21353</v>
      </c>
      <c r="B13882" t="s">
        <v>21355</v>
      </c>
      <c r="C13882">
        <v>0</v>
      </c>
      <c r="D13882">
        <v>0</v>
      </c>
    </row>
    <row r="13883" spans="1:4" x14ac:dyDescent="0.25">
      <c r="A13883" t="s">
        <v>21356</v>
      </c>
      <c r="B13883" t="s">
        <v>21357</v>
      </c>
      <c r="C13883">
        <v>1</v>
      </c>
      <c r="D13883">
        <v>0</v>
      </c>
    </row>
    <row r="13884" spans="1:4" x14ac:dyDescent="0.25">
      <c r="A13884" t="s">
        <v>21356</v>
      </c>
      <c r="B13884" t="s">
        <v>21358</v>
      </c>
      <c r="C13884">
        <v>1</v>
      </c>
      <c r="D13884">
        <v>0</v>
      </c>
    </row>
    <row r="13885" spans="1:4" x14ac:dyDescent="0.25">
      <c r="A13885" t="s">
        <v>21359</v>
      </c>
      <c r="B13885" t="s">
        <v>5720</v>
      </c>
      <c r="C13885">
        <v>1</v>
      </c>
      <c r="D13885">
        <v>0</v>
      </c>
    </row>
    <row r="13886" spans="1:4" x14ac:dyDescent="0.25">
      <c r="A13886" t="s">
        <v>21360</v>
      </c>
      <c r="B13886" t="s">
        <v>21361</v>
      </c>
      <c r="C13886">
        <v>1</v>
      </c>
      <c r="D13886">
        <v>0</v>
      </c>
    </row>
    <row r="13887" spans="1:4" x14ac:dyDescent="0.25">
      <c r="A13887" t="s">
        <v>21360</v>
      </c>
      <c r="B13887" t="s">
        <v>21362</v>
      </c>
      <c r="C13887">
        <v>0</v>
      </c>
      <c r="D13887">
        <v>0</v>
      </c>
    </row>
    <row r="13888" spans="1:4" x14ac:dyDescent="0.25">
      <c r="A13888" t="s">
        <v>21360</v>
      </c>
      <c r="B13888" t="s">
        <v>21363</v>
      </c>
      <c r="C13888">
        <v>2</v>
      </c>
      <c r="D13888">
        <v>0</v>
      </c>
    </row>
    <row r="13889" spans="1:4" x14ac:dyDescent="0.25">
      <c r="A13889" t="s">
        <v>21364</v>
      </c>
      <c r="B13889" t="s">
        <v>21365</v>
      </c>
      <c r="C13889">
        <v>0</v>
      </c>
      <c r="D13889">
        <v>0</v>
      </c>
    </row>
    <row r="13890" spans="1:4" x14ac:dyDescent="0.25">
      <c r="A13890" t="s">
        <v>21366</v>
      </c>
      <c r="B13890" t="s">
        <v>21367</v>
      </c>
      <c r="C13890">
        <v>2</v>
      </c>
      <c r="D13890">
        <v>0</v>
      </c>
    </row>
    <row r="13891" spans="1:4" x14ac:dyDescent="0.25">
      <c r="A13891" t="s">
        <v>21368</v>
      </c>
      <c r="B13891" t="s">
        <v>21369</v>
      </c>
      <c r="C13891">
        <v>2</v>
      </c>
      <c r="D13891">
        <v>0</v>
      </c>
    </row>
    <row r="13892" spans="1:4" x14ac:dyDescent="0.25">
      <c r="A13892" t="s">
        <v>21370</v>
      </c>
      <c r="B13892" t="s">
        <v>21371</v>
      </c>
      <c r="C13892">
        <v>1</v>
      </c>
      <c r="D13892">
        <v>0</v>
      </c>
    </row>
    <row r="13893" spans="1:4" x14ac:dyDescent="0.25">
      <c r="A13893" t="s">
        <v>21372</v>
      </c>
      <c r="B13893" t="s">
        <v>21373</v>
      </c>
      <c r="C13893">
        <v>1</v>
      </c>
      <c r="D13893">
        <v>0</v>
      </c>
    </row>
    <row r="13894" spans="1:4" x14ac:dyDescent="0.25">
      <c r="A13894" t="s">
        <v>21372</v>
      </c>
      <c r="B13894" t="s">
        <v>21374</v>
      </c>
      <c r="C13894">
        <v>0</v>
      </c>
      <c r="D13894">
        <v>0</v>
      </c>
    </row>
    <row r="13895" spans="1:4" x14ac:dyDescent="0.25">
      <c r="A13895" t="s">
        <v>21372</v>
      </c>
      <c r="B13895" t="s">
        <v>21375</v>
      </c>
      <c r="C13895">
        <v>2</v>
      </c>
      <c r="D13895">
        <v>0</v>
      </c>
    </row>
    <row r="13896" spans="1:4" x14ac:dyDescent="0.25">
      <c r="A13896" t="s">
        <v>21376</v>
      </c>
      <c r="B13896" t="s">
        <v>21377</v>
      </c>
      <c r="C13896">
        <v>0</v>
      </c>
      <c r="D13896">
        <v>0</v>
      </c>
    </row>
    <row r="13897" spans="1:4" x14ac:dyDescent="0.25">
      <c r="A13897" t="s">
        <v>21378</v>
      </c>
      <c r="B13897" t="s">
        <v>21379</v>
      </c>
      <c r="C13897">
        <v>0</v>
      </c>
      <c r="D13897">
        <v>0</v>
      </c>
    </row>
    <row r="13898" spans="1:4" x14ac:dyDescent="0.25">
      <c r="A13898" t="s">
        <v>21380</v>
      </c>
      <c r="B13898" t="s">
        <v>21381</v>
      </c>
      <c r="C13898">
        <v>1</v>
      </c>
      <c r="D13898">
        <v>0</v>
      </c>
    </row>
    <row r="13899" spans="1:4" x14ac:dyDescent="0.25">
      <c r="A13899" t="s">
        <v>21382</v>
      </c>
      <c r="B13899" t="s">
        <v>21383</v>
      </c>
      <c r="C13899">
        <v>1</v>
      </c>
      <c r="D13899">
        <v>0</v>
      </c>
    </row>
    <row r="13900" spans="1:4" x14ac:dyDescent="0.25">
      <c r="A13900" t="s">
        <v>21384</v>
      </c>
      <c r="B13900" t="s">
        <v>21385</v>
      </c>
      <c r="C13900">
        <v>2</v>
      </c>
      <c r="D13900">
        <v>0</v>
      </c>
    </row>
    <row r="13901" spans="1:4" x14ac:dyDescent="0.25">
      <c r="A13901" t="s">
        <v>21386</v>
      </c>
      <c r="B13901" t="s">
        <v>21387</v>
      </c>
      <c r="C13901">
        <v>1</v>
      </c>
      <c r="D13901">
        <v>0</v>
      </c>
    </row>
    <row r="13902" spans="1:4" x14ac:dyDescent="0.25">
      <c r="A13902" t="s">
        <v>21388</v>
      </c>
      <c r="B13902" t="s">
        <v>21389</v>
      </c>
      <c r="C13902">
        <v>0</v>
      </c>
      <c r="D13902">
        <v>0</v>
      </c>
    </row>
    <row r="13903" spans="1:4" x14ac:dyDescent="0.25">
      <c r="A13903" t="s">
        <v>21390</v>
      </c>
      <c r="B13903" t="s">
        <v>21391</v>
      </c>
      <c r="C13903">
        <v>2</v>
      </c>
      <c r="D13903">
        <v>0</v>
      </c>
    </row>
    <row r="13904" spans="1:4" x14ac:dyDescent="0.25">
      <c r="A13904" t="s">
        <v>21392</v>
      </c>
      <c r="B13904" t="s">
        <v>21393</v>
      </c>
      <c r="C13904">
        <v>1</v>
      </c>
      <c r="D13904">
        <v>0</v>
      </c>
    </row>
    <row r="13905" spans="1:4" x14ac:dyDescent="0.25">
      <c r="A13905" t="s">
        <v>21394</v>
      </c>
      <c r="B13905" t="s">
        <v>21395</v>
      </c>
      <c r="C13905">
        <v>1</v>
      </c>
      <c r="D13905">
        <v>0</v>
      </c>
    </row>
    <row r="13906" spans="1:4" x14ac:dyDescent="0.25">
      <c r="A13906" t="s">
        <v>21396</v>
      </c>
      <c r="B13906" t="s">
        <v>21397</v>
      </c>
      <c r="C13906">
        <v>0</v>
      </c>
      <c r="D13906">
        <v>0</v>
      </c>
    </row>
    <row r="13907" spans="1:4" x14ac:dyDescent="0.25">
      <c r="A13907" t="s">
        <v>21398</v>
      </c>
      <c r="B13907" t="s">
        <v>21399</v>
      </c>
      <c r="C13907">
        <v>1</v>
      </c>
      <c r="D13907">
        <v>0</v>
      </c>
    </row>
    <row r="13908" spans="1:4" x14ac:dyDescent="0.25">
      <c r="A13908" t="s">
        <v>21400</v>
      </c>
      <c r="B13908" t="s">
        <v>21401</v>
      </c>
      <c r="C13908">
        <v>0</v>
      </c>
      <c r="D13908">
        <v>0</v>
      </c>
    </row>
    <row r="13909" spans="1:4" x14ac:dyDescent="0.25">
      <c r="A13909" t="s">
        <v>21402</v>
      </c>
      <c r="B13909" t="s">
        <v>21403</v>
      </c>
      <c r="C13909">
        <v>1</v>
      </c>
      <c r="D13909">
        <v>0</v>
      </c>
    </row>
    <row r="13910" spans="1:4" x14ac:dyDescent="0.25">
      <c r="A13910" t="s">
        <v>21404</v>
      </c>
      <c r="B13910" t="s">
        <v>21405</v>
      </c>
      <c r="C13910">
        <v>0</v>
      </c>
      <c r="D13910">
        <v>0</v>
      </c>
    </row>
    <row r="13911" spans="1:4" x14ac:dyDescent="0.25">
      <c r="A13911" t="s">
        <v>21406</v>
      </c>
      <c r="B13911" t="s">
        <v>5434</v>
      </c>
      <c r="C13911">
        <v>1</v>
      </c>
      <c r="D13911">
        <v>0</v>
      </c>
    </row>
    <row r="13912" spans="1:4" x14ac:dyDescent="0.25">
      <c r="A13912" t="s">
        <v>21406</v>
      </c>
      <c r="B13912" t="s">
        <v>21407</v>
      </c>
      <c r="C13912">
        <v>0</v>
      </c>
      <c r="D13912">
        <v>0</v>
      </c>
    </row>
    <row r="13913" spans="1:4" x14ac:dyDescent="0.25">
      <c r="A13913" t="s">
        <v>21408</v>
      </c>
      <c r="B13913" t="s">
        <v>21409</v>
      </c>
      <c r="C13913">
        <v>0</v>
      </c>
      <c r="D13913">
        <v>0</v>
      </c>
    </row>
    <row r="13914" spans="1:4" x14ac:dyDescent="0.25">
      <c r="A13914" t="s">
        <v>21410</v>
      </c>
      <c r="B13914" t="s">
        <v>21411</v>
      </c>
      <c r="C13914">
        <v>1</v>
      </c>
      <c r="D13914">
        <v>0</v>
      </c>
    </row>
    <row r="13915" spans="1:4" x14ac:dyDescent="0.25">
      <c r="A13915" t="s">
        <v>21412</v>
      </c>
      <c r="B13915" t="s">
        <v>21413</v>
      </c>
      <c r="C13915">
        <v>1</v>
      </c>
      <c r="D13915">
        <v>0</v>
      </c>
    </row>
    <row r="13916" spans="1:4" x14ac:dyDescent="0.25">
      <c r="A13916" t="s">
        <v>21414</v>
      </c>
      <c r="B13916" t="s">
        <v>21415</v>
      </c>
      <c r="C13916">
        <v>1</v>
      </c>
      <c r="D13916">
        <v>0</v>
      </c>
    </row>
    <row r="13917" spans="1:4" x14ac:dyDescent="0.25">
      <c r="A13917" t="s">
        <v>21416</v>
      </c>
      <c r="B13917" t="s">
        <v>21417</v>
      </c>
      <c r="C13917">
        <v>1</v>
      </c>
      <c r="D13917">
        <v>0</v>
      </c>
    </row>
    <row r="13918" spans="1:4" x14ac:dyDescent="0.25">
      <c r="A13918" t="s">
        <v>21418</v>
      </c>
      <c r="B13918" t="s">
        <v>21419</v>
      </c>
      <c r="C13918">
        <v>1</v>
      </c>
      <c r="D13918">
        <v>0</v>
      </c>
    </row>
    <row r="13919" spans="1:4" x14ac:dyDescent="0.25">
      <c r="A13919" t="s">
        <v>21418</v>
      </c>
      <c r="B13919" t="s">
        <v>21420</v>
      </c>
      <c r="C13919">
        <v>1</v>
      </c>
      <c r="D13919">
        <v>0</v>
      </c>
    </row>
    <row r="13920" spans="1:4" x14ac:dyDescent="0.25">
      <c r="A13920" t="s">
        <v>21421</v>
      </c>
      <c r="B13920" t="s">
        <v>21422</v>
      </c>
      <c r="C13920">
        <v>1</v>
      </c>
      <c r="D13920">
        <v>0</v>
      </c>
    </row>
    <row r="13921" spans="1:4" x14ac:dyDescent="0.25">
      <c r="A13921" t="s">
        <v>21423</v>
      </c>
      <c r="B13921" t="s">
        <v>21424</v>
      </c>
      <c r="C13921">
        <v>1</v>
      </c>
      <c r="D13921">
        <v>0</v>
      </c>
    </row>
    <row r="13922" spans="1:4" x14ac:dyDescent="0.25">
      <c r="A13922" t="s">
        <v>21425</v>
      </c>
      <c r="B13922" t="s">
        <v>21426</v>
      </c>
      <c r="C13922">
        <v>1</v>
      </c>
      <c r="D13922">
        <v>0</v>
      </c>
    </row>
    <row r="13923" spans="1:4" x14ac:dyDescent="0.25">
      <c r="A13923" t="s">
        <v>21425</v>
      </c>
      <c r="B13923" t="s">
        <v>21427</v>
      </c>
      <c r="C13923">
        <v>2</v>
      </c>
      <c r="D13923">
        <v>0</v>
      </c>
    </row>
    <row r="13924" spans="1:4" x14ac:dyDescent="0.25">
      <c r="A13924" t="s">
        <v>21428</v>
      </c>
      <c r="B13924" t="s">
        <v>21429</v>
      </c>
      <c r="C13924">
        <v>2</v>
      </c>
      <c r="D13924">
        <v>0</v>
      </c>
    </row>
    <row r="13925" spans="1:4" x14ac:dyDescent="0.25">
      <c r="A13925" t="s">
        <v>21430</v>
      </c>
      <c r="B13925" t="s">
        <v>21431</v>
      </c>
      <c r="C13925">
        <v>1</v>
      </c>
      <c r="D13925">
        <v>0</v>
      </c>
    </row>
    <row r="13926" spans="1:4" x14ac:dyDescent="0.25">
      <c r="A13926" t="s">
        <v>21430</v>
      </c>
      <c r="B13926" t="s">
        <v>21432</v>
      </c>
      <c r="C13926">
        <v>0</v>
      </c>
      <c r="D13926">
        <v>0</v>
      </c>
    </row>
    <row r="13927" spans="1:4" x14ac:dyDescent="0.25">
      <c r="A13927" t="s">
        <v>21433</v>
      </c>
      <c r="B13927" t="s">
        <v>21434</v>
      </c>
      <c r="C13927">
        <v>1</v>
      </c>
      <c r="D13927">
        <v>0</v>
      </c>
    </row>
    <row r="13928" spans="1:4" x14ac:dyDescent="0.25">
      <c r="A13928" t="s">
        <v>21435</v>
      </c>
      <c r="B13928" t="s">
        <v>21436</v>
      </c>
      <c r="C13928">
        <v>0</v>
      </c>
      <c r="D13928">
        <v>0</v>
      </c>
    </row>
    <row r="13929" spans="1:4" x14ac:dyDescent="0.25">
      <c r="A13929" t="s">
        <v>21437</v>
      </c>
      <c r="B13929" t="s">
        <v>21438</v>
      </c>
      <c r="C13929">
        <v>1</v>
      </c>
      <c r="D13929">
        <v>0</v>
      </c>
    </row>
    <row r="13930" spans="1:4" x14ac:dyDescent="0.25">
      <c r="A13930" t="s">
        <v>21437</v>
      </c>
      <c r="B13930" t="s">
        <v>21439</v>
      </c>
      <c r="C13930">
        <v>0</v>
      </c>
      <c r="D13930">
        <v>0</v>
      </c>
    </row>
    <row r="13931" spans="1:4" x14ac:dyDescent="0.25">
      <c r="A13931" t="s">
        <v>21440</v>
      </c>
      <c r="B13931" t="s">
        <v>21441</v>
      </c>
      <c r="C13931">
        <v>0</v>
      </c>
      <c r="D13931">
        <v>0</v>
      </c>
    </row>
    <row r="13932" spans="1:4" x14ac:dyDescent="0.25">
      <c r="A13932" t="s">
        <v>21442</v>
      </c>
      <c r="B13932" t="s">
        <v>21443</v>
      </c>
      <c r="C13932">
        <v>2</v>
      </c>
      <c r="D13932">
        <v>0</v>
      </c>
    </row>
    <row r="13933" spans="1:4" x14ac:dyDescent="0.25">
      <c r="A13933" t="s">
        <v>21444</v>
      </c>
      <c r="B13933" t="s">
        <v>2651</v>
      </c>
      <c r="C13933">
        <v>1</v>
      </c>
      <c r="D13933">
        <v>0</v>
      </c>
    </row>
    <row r="13934" spans="1:4" x14ac:dyDescent="0.25">
      <c r="A13934" t="s">
        <v>21445</v>
      </c>
      <c r="B13934" t="s">
        <v>21446</v>
      </c>
      <c r="C13934">
        <v>0</v>
      </c>
      <c r="D13934">
        <v>0</v>
      </c>
    </row>
    <row r="13935" spans="1:4" x14ac:dyDescent="0.25">
      <c r="A13935" t="s">
        <v>21445</v>
      </c>
      <c r="B13935" t="s">
        <v>21447</v>
      </c>
      <c r="C13935">
        <v>2</v>
      </c>
      <c r="D13935">
        <v>0</v>
      </c>
    </row>
    <row r="13936" spans="1:4" x14ac:dyDescent="0.25">
      <c r="A13936" t="s">
        <v>21448</v>
      </c>
      <c r="B13936" t="s">
        <v>21449</v>
      </c>
      <c r="C13936">
        <v>2</v>
      </c>
      <c r="D13936">
        <v>0</v>
      </c>
    </row>
    <row r="13937" spans="1:4" x14ac:dyDescent="0.25">
      <c r="A13937" t="s">
        <v>21450</v>
      </c>
      <c r="B13937" t="s">
        <v>21451</v>
      </c>
      <c r="C13937">
        <v>2</v>
      </c>
      <c r="D13937">
        <v>0</v>
      </c>
    </row>
    <row r="13938" spans="1:4" x14ac:dyDescent="0.25">
      <c r="A13938" t="s">
        <v>21452</v>
      </c>
      <c r="B13938" t="s">
        <v>21453</v>
      </c>
      <c r="C13938">
        <v>2</v>
      </c>
      <c r="D13938">
        <v>0</v>
      </c>
    </row>
    <row r="13939" spans="1:4" x14ac:dyDescent="0.25">
      <c r="A13939" t="s">
        <v>21454</v>
      </c>
      <c r="B13939" t="s">
        <v>21455</v>
      </c>
      <c r="C13939">
        <v>0</v>
      </c>
      <c r="D13939">
        <v>0</v>
      </c>
    </row>
    <row r="13940" spans="1:4" x14ac:dyDescent="0.25">
      <c r="A13940" t="s">
        <v>21456</v>
      </c>
      <c r="B13940" t="s">
        <v>21457</v>
      </c>
      <c r="C13940">
        <v>2</v>
      </c>
      <c r="D13940">
        <v>0</v>
      </c>
    </row>
    <row r="13941" spans="1:4" x14ac:dyDescent="0.25">
      <c r="A13941" t="s">
        <v>21458</v>
      </c>
      <c r="B13941" t="s">
        <v>5864</v>
      </c>
      <c r="C13941">
        <v>1</v>
      </c>
      <c r="D13941">
        <v>0</v>
      </c>
    </row>
    <row r="13942" spans="1:4" x14ac:dyDescent="0.25">
      <c r="A13942" t="s">
        <v>21459</v>
      </c>
      <c r="B13942" t="s">
        <v>21460</v>
      </c>
      <c r="C13942">
        <v>0</v>
      </c>
      <c r="D13942">
        <v>0</v>
      </c>
    </row>
    <row r="13943" spans="1:4" x14ac:dyDescent="0.25">
      <c r="A13943" t="s">
        <v>21461</v>
      </c>
      <c r="B13943" t="s">
        <v>21462</v>
      </c>
      <c r="C13943">
        <v>1</v>
      </c>
      <c r="D13943">
        <v>0</v>
      </c>
    </row>
    <row r="13944" spans="1:4" x14ac:dyDescent="0.25">
      <c r="A13944" t="s">
        <v>21463</v>
      </c>
      <c r="B13944" t="s">
        <v>21464</v>
      </c>
      <c r="C13944">
        <v>1</v>
      </c>
      <c r="D13944">
        <v>0</v>
      </c>
    </row>
    <row r="13945" spans="1:4" x14ac:dyDescent="0.25">
      <c r="A13945" t="s">
        <v>21465</v>
      </c>
      <c r="B13945" t="s">
        <v>21466</v>
      </c>
      <c r="C13945">
        <v>1</v>
      </c>
      <c r="D13945">
        <v>0</v>
      </c>
    </row>
    <row r="13946" spans="1:4" x14ac:dyDescent="0.25">
      <c r="A13946" t="s">
        <v>21467</v>
      </c>
      <c r="B13946" t="s">
        <v>21468</v>
      </c>
      <c r="C13946">
        <v>1</v>
      </c>
      <c r="D13946">
        <v>0</v>
      </c>
    </row>
    <row r="13947" spans="1:4" x14ac:dyDescent="0.25">
      <c r="A13947" t="s">
        <v>21469</v>
      </c>
      <c r="B13947" t="s">
        <v>21470</v>
      </c>
      <c r="C13947">
        <v>0</v>
      </c>
      <c r="D13947">
        <v>0</v>
      </c>
    </row>
    <row r="13948" spans="1:4" x14ac:dyDescent="0.25">
      <c r="A13948" t="s">
        <v>21471</v>
      </c>
      <c r="B13948" t="s">
        <v>21472</v>
      </c>
      <c r="C13948">
        <v>1</v>
      </c>
      <c r="D13948">
        <v>0</v>
      </c>
    </row>
    <row r="13949" spans="1:4" x14ac:dyDescent="0.25">
      <c r="A13949" t="s">
        <v>21473</v>
      </c>
      <c r="B13949" t="s">
        <v>21474</v>
      </c>
      <c r="C13949">
        <v>0</v>
      </c>
      <c r="D13949">
        <v>0</v>
      </c>
    </row>
    <row r="13950" spans="1:4" x14ac:dyDescent="0.25">
      <c r="A13950" t="s">
        <v>21475</v>
      </c>
      <c r="B13950" t="s">
        <v>21476</v>
      </c>
      <c r="C13950">
        <v>1</v>
      </c>
      <c r="D13950">
        <v>0</v>
      </c>
    </row>
    <row r="13951" spans="1:4" x14ac:dyDescent="0.25">
      <c r="A13951" t="s">
        <v>21475</v>
      </c>
      <c r="B13951" t="s">
        <v>21477</v>
      </c>
      <c r="C13951">
        <v>1</v>
      </c>
      <c r="D13951">
        <v>0</v>
      </c>
    </row>
    <row r="13952" spans="1:4" x14ac:dyDescent="0.25">
      <c r="A13952" t="s">
        <v>21478</v>
      </c>
      <c r="B13952" t="s">
        <v>21479</v>
      </c>
      <c r="C13952">
        <v>1</v>
      </c>
      <c r="D13952">
        <v>0</v>
      </c>
    </row>
    <row r="13953" spans="1:4" x14ac:dyDescent="0.25">
      <c r="A13953" t="s">
        <v>21478</v>
      </c>
      <c r="B13953" t="s">
        <v>21480</v>
      </c>
      <c r="C13953">
        <v>1</v>
      </c>
      <c r="D13953">
        <v>0</v>
      </c>
    </row>
    <row r="13954" spans="1:4" x14ac:dyDescent="0.25">
      <c r="A13954" t="s">
        <v>21478</v>
      </c>
      <c r="B13954" t="s">
        <v>21481</v>
      </c>
      <c r="C13954">
        <v>1</v>
      </c>
      <c r="D13954">
        <v>0</v>
      </c>
    </row>
    <row r="13955" spans="1:4" x14ac:dyDescent="0.25">
      <c r="A13955" t="s">
        <v>21478</v>
      </c>
      <c r="B13955" t="s">
        <v>21482</v>
      </c>
      <c r="C13955">
        <v>1</v>
      </c>
      <c r="D13955">
        <v>0</v>
      </c>
    </row>
    <row r="13956" spans="1:4" x14ac:dyDescent="0.25">
      <c r="A13956" t="s">
        <v>21483</v>
      </c>
      <c r="B13956" t="s">
        <v>21484</v>
      </c>
      <c r="C13956">
        <v>1</v>
      </c>
      <c r="D13956">
        <v>0</v>
      </c>
    </row>
    <row r="13957" spans="1:4" x14ac:dyDescent="0.25">
      <c r="A13957" t="s">
        <v>21485</v>
      </c>
      <c r="B13957" t="s">
        <v>21486</v>
      </c>
      <c r="C13957">
        <v>1</v>
      </c>
      <c r="D13957">
        <v>0</v>
      </c>
    </row>
    <row r="13958" spans="1:4" x14ac:dyDescent="0.25">
      <c r="A13958" t="s">
        <v>21487</v>
      </c>
      <c r="B13958" t="s">
        <v>21488</v>
      </c>
      <c r="C13958">
        <v>1</v>
      </c>
      <c r="D13958">
        <v>0</v>
      </c>
    </row>
    <row r="13959" spans="1:4" x14ac:dyDescent="0.25">
      <c r="A13959" t="s">
        <v>21487</v>
      </c>
      <c r="B13959" t="s">
        <v>21489</v>
      </c>
      <c r="C13959">
        <v>0</v>
      </c>
      <c r="D13959">
        <v>0</v>
      </c>
    </row>
    <row r="13960" spans="1:4" x14ac:dyDescent="0.25">
      <c r="A13960" t="s">
        <v>21487</v>
      </c>
      <c r="B13960" t="s">
        <v>21490</v>
      </c>
      <c r="C13960">
        <v>2</v>
      </c>
      <c r="D13960">
        <v>0</v>
      </c>
    </row>
    <row r="13961" spans="1:4" x14ac:dyDescent="0.25">
      <c r="A13961" t="s">
        <v>21491</v>
      </c>
      <c r="B13961" t="s">
        <v>21492</v>
      </c>
      <c r="C13961">
        <v>1</v>
      </c>
      <c r="D13961">
        <v>0</v>
      </c>
    </row>
    <row r="13962" spans="1:4" x14ac:dyDescent="0.25">
      <c r="A13962" t="s">
        <v>21491</v>
      </c>
      <c r="B13962" t="s">
        <v>21493</v>
      </c>
      <c r="C13962">
        <v>2</v>
      </c>
      <c r="D13962">
        <v>0</v>
      </c>
    </row>
    <row r="13963" spans="1:4" x14ac:dyDescent="0.25">
      <c r="A13963" t="s">
        <v>21494</v>
      </c>
      <c r="B13963" t="s">
        <v>21495</v>
      </c>
      <c r="C13963">
        <v>1</v>
      </c>
      <c r="D13963">
        <v>0</v>
      </c>
    </row>
    <row r="13964" spans="1:4" x14ac:dyDescent="0.25">
      <c r="A13964" t="s">
        <v>21496</v>
      </c>
      <c r="B13964" t="s">
        <v>21497</v>
      </c>
      <c r="C13964">
        <v>1</v>
      </c>
      <c r="D13964">
        <v>0</v>
      </c>
    </row>
    <row r="13965" spans="1:4" x14ac:dyDescent="0.25">
      <c r="A13965" t="s">
        <v>21498</v>
      </c>
      <c r="B13965" t="s">
        <v>21499</v>
      </c>
      <c r="C13965">
        <v>1</v>
      </c>
      <c r="D13965">
        <v>0</v>
      </c>
    </row>
    <row r="13966" spans="1:4" x14ac:dyDescent="0.25">
      <c r="A13966" t="s">
        <v>21498</v>
      </c>
      <c r="B13966" t="s">
        <v>21500</v>
      </c>
      <c r="C13966">
        <v>0</v>
      </c>
      <c r="D13966">
        <v>0</v>
      </c>
    </row>
    <row r="13967" spans="1:4" x14ac:dyDescent="0.25">
      <c r="A13967" t="s">
        <v>21501</v>
      </c>
      <c r="B13967" t="s">
        <v>21502</v>
      </c>
      <c r="C13967">
        <v>0</v>
      </c>
      <c r="D13967">
        <v>0</v>
      </c>
    </row>
    <row r="13968" spans="1:4" x14ac:dyDescent="0.25">
      <c r="A13968" t="s">
        <v>21503</v>
      </c>
      <c r="B13968" t="s">
        <v>21504</v>
      </c>
      <c r="C13968">
        <v>1</v>
      </c>
      <c r="D13968">
        <v>0</v>
      </c>
    </row>
    <row r="13969" spans="1:4" x14ac:dyDescent="0.25">
      <c r="A13969" t="s">
        <v>21505</v>
      </c>
      <c r="B13969" t="s">
        <v>21506</v>
      </c>
      <c r="C13969">
        <v>1</v>
      </c>
      <c r="D13969">
        <v>0</v>
      </c>
    </row>
    <row r="13970" spans="1:4" x14ac:dyDescent="0.25">
      <c r="A13970" t="s">
        <v>21507</v>
      </c>
      <c r="B13970" t="s">
        <v>21508</v>
      </c>
      <c r="C13970">
        <v>1</v>
      </c>
      <c r="D13970">
        <v>0</v>
      </c>
    </row>
    <row r="13971" spans="1:4" x14ac:dyDescent="0.25">
      <c r="A13971" t="s">
        <v>21509</v>
      </c>
      <c r="B13971" t="s">
        <v>21510</v>
      </c>
      <c r="C13971">
        <v>2</v>
      </c>
      <c r="D13971">
        <v>0</v>
      </c>
    </row>
    <row r="13972" spans="1:4" x14ac:dyDescent="0.25">
      <c r="A13972" t="s">
        <v>21511</v>
      </c>
      <c r="B13972" t="s">
        <v>21512</v>
      </c>
      <c r="C13972">
        <v>1</v>
      </c>
      <c r="D13972">
        <v>0</v>
      </c>
    </row>
    <row r="13973" spans="1:4" x14ac:dyDescent="0.25">
      <c r="A13973" t="s">
        <v>21513</v>
      </c>
      <c r="B13973" t="s">
        <v>21514</v>
      </c>
      <c r="C13973">
        <v>1</v>
      </c>
      <c r="D13973">
        <v>0</v>
      </c>
    </row>
    <row r="13974" spans="1:4" x14ac:dyDescent="0.25">
      <c r="A13974" t="s">
        <v>21515</v>
      </c>
      <c r="B13974" t="s">
        <v>21516</v>
      </c>
      <c r="C13974">
        <v>0</v>
      </c>
      <c r="D13974">
        <v>0</v>
      </c>
    </row>
    <row r="13975" spans="1:4" x14ac:dyDescent="0.25">
      <c r="A13975" t="s">
        <v>21517</v>
      </c>
      <c r="B13975" t="s">
        <v>21518</v>
      </c>
      <c r="C13975">
        <v>1</v>
      </c>
      <c r="D13975">
        <v>0</v>
      </c>
    </row>
    <row r="13976" spans="1:4" x14ac:dyDescent="0.25">
      <c r="A13976" t="s">
        <v>21519</v>
      </c>
      <c r="B13976" t="s">
        <v>21520</v>
      </c>
      <c r="C13976">
        <v>2</v>
      </c>
      <c r="D13976">
        <v>0</v>
      </c>
    </row>
    <row r="13977" spans="1:4" x14ac:dyDescent="0.25">
      <c r="A13977" t="s">
        <v>21521</v>
      </c>
      <c r="B13977" t="s">
        <v>21522</v>
      </c>
      <c r="C13977">
        <v>1</v>
      </c>
      <c r="D13977">
        <v>0</v>
      </c>
    </row>
    <row r="13978" spans="1:4" x14ac:dyDescent="0.25">
      <c r="A13978" t="s">
        <v>21523</v>
      </c>
      <c r="B13978" t="s">
        <v>21524</v>
      </c>
      <c r="C13978">
        <v>1</v>
      </c>
      <c r="D13978">
        <v>0</v>
      </c>
    </row>
    <row r="13979" spans="1:4" x14ac:dyDescent="0.25">
      <c r="A13979" t="s">
        <v>21525</v>
      </c>
      <c r="B13979" t="s">
        <v>21526</v>
      </c>
      <c r="C13979">
        <v>1</v>
      </c>
      <c r="D13979">
        <v>0</v>
      </c>
    </row>
    <row r="13980" spans="1:4" x14ac:dyDescent="0.25">
      <c r="A13980" t="s">
        <v>21527</v>
      </c>
      <c r="B13980" t="s">
        <v>21528</v>
      </c>
      <c r="C13980">
        <v>0</v>
      </c>
      <c r="D13980">
        <v>0</v>
      </c>
    </row>
    <row r="13981" spans="1:4" x14ac:dyDescent="0.25">
      <c r="A13981" t="s">
        <v>21529</v>
      </c>
      <c r="B13981" t="s">
        <v>21530</v>
      </c>
      <c r="C13981">
        <v>1</v>
      </c>
      <c r="D13981">
        <v>0</v>
      </c>
    </row>
    <row r="13982" spans="1:4" x14ac:dyDescent="0.25">
      <c r="A13982" t="s">
        <v>21529</v>
      </c>
      <c r="B13982" t="s">
        <v>21531</v>
      </c>
      <c r="C13982">
        <v>0</v>
      </c>
      <c r="D13982">
        <v>0</v>
      </c>
    </row>
    <row r="13983" spans="1:4" x14ac:dyDescent="0.25">
      <c r="A13983" t="s">
        <v>21532</v>
      </c>
      <c r="B13983" t="s">
        <v>21533</v>
      </c>
      <c r="C13983">
        <v>1</v>
      </c>
      <c r="D13983">
        <v>0</v>
      </c>
    </row>
    <row r="13984" spans="1:4" x14ac:dyDescent="0.25">
      <c r="A13984" t="s">
        <v>21534</v>
      </c>
      <c r="B13984" t="s">
        <v>21535</v>
      </c>
      <c r="C13984">
        <v>2</v>
      </c>
      <c r="D13984">
        <v>0</v>
      </c>
    </row>
    <row r="13985" spans="1:4" x14ac:dyDescent="0.25">
      <c r="A13985" t="s">
        <v>21536</v>
      </c>
      <c r="B13985" t="s">
        <v>21537</v>
      </c>
      <c r="C13985">
        <v>1</v>
      </c>
      <c r="D13985">
        <v>0</v>
      </c>
    </row>
    <row r="13986" spans="1:4" x14ac:dyDescent="0.25">
      <c r="A13986" t="s">
        <v>21538</v>
      </c>
      <c r="B13986" t="s">
        <v>21539</v>
      </c>
      <c r="C13986">
        <v>2</v>
      </c>
      <c r="D13986">
        <v>0</v>
      </c>
    </row>
    <row r="13987" spans="1:4" x14ac:dyDescent="0.25">
      <c r="A13987" t="s">
        <v>21540</v>
      </c>
      <c r="B13987" t="s">
        <v>21541</v>
      </c>
      <c r="C13987">
        <v>1</v>
      </c>
      <c r="D13987">
        <v>0</v>
      </c>
    </row>
    <row r="13988" spans="1:4" x14ac:dyDescent="0.25">
      <c r="A13988" t="s">
        <v>21542</v>
      </c>
      <c r="B13988" t="s">
        <v>21543</v>
      </c>
      <c r="C13988">
        <v>1</v>
      </c>
      <c r="D13988">
        <v>0</v>
      </c>
    </row>
    <row r="13989" spans="1:4" x14ac:dyDescent="0.25">
      <c r="A13989" t="s">
        <v>21542</v>
      </c>
      <c r="B13989" t="s">
        <v>21544</v>
      </c>
      <c r="C13989">
        <v>0</v>
      </c>
      <c r="D13989">
        <v>0</v>
      </c>
    </row>
    <row r="13990" spans="1:4" x14ac:dyDescent="0.25">
      <c r="A13990" t="s">
        <v>21545</v>
      </c>
      <c r="B13990" t="s">
        <v>21546</v>
      </c>
      <c r="C13990">
        <v>2</v>
      </c>
      <c r="D13990">
        <v>0</v>
      </c>
    </row>
    <row r="13991" spans="1:4" x14ac:dyDescent="0.25">
      <c r="A13991" t="s">
        <v>21545</v>
      </c>
      <c r="B13991" t="s">
        <v>21547</v>
      </c>
      <c r="C13991">
        <v>2</v>
      </c>
      <c r="D13991">
        <v>0</v>
      </c>
    </row>
    <row r="13992" spans="1:4" x14ac:dyDescent="0.25">
      <c r="A13992" t="s">
        <v>21548</v>
      </c>
      <c r="B13992" t="s">
        <v>21549</v>
      </c>
      <c r="C13992">
        <v>1</v>
      </c>
      <c r="D13992">
        <v>0</v>
      </c>
    </row>
    <row r="13993" spans="1:4" x14ac:dyDescent="0.25">
      <c r="A13993" t="s">
        <v>21550</v>
      </c>
      <c r="B13993" t="s">
        <v>21551</v>
      </c>
      <c r="C13993">
        <v>2</v>
      </c>
      <c r="D13993">
        <v>0</v>
      </c>
    </row>
    <row r="13994" spans="1:4" x14ac:dyDescent="0.25">
      <c r="A13994" t="s">
        <v>21552</v>
      </c>
      <c r="B13994" t="s">
        <v>21553</v>
      </c>
      <c r="C13994">
        <v>2</v>
      </c>
      <c r="D13994">
        <v>0</v>
      </c>
    </row>
    <row r="13995" spans="1:4" x14ac:dyDescent="0.25">
      <c r="A13995" t="s">
        <v>21554</v>
      </c>
      <c r="B13995" t="s">
        <v>21555</v>
      </c>
      <c r="C13995">
        <v>2</v>
      </c>
      <c r="D13995">
        <v>0</v>
      </c>
    </row>
    <row r="13996" spans="1:4" x14ac:dyDescent="0.25">
      <c r="A13996" t="s">
        <v>21556</v>
      </c>
      <c r="B13996" t="s">
        <v>21557</v>
      </c>
      <c r="C13996">
        <v>1</v>
      </c>
      <c r="D13996">
        <v>0</v>
      </c>
    </row>
    <row r="13997" spans="1:4" x14ac:dyDescent="0.25">
      <c r="A13997" t="s">
        <v>21558</v>
      </c>
      <c r="B13997" t="s">
        <v>21559</v>
      </c>
      <c r="C13997">
        <v>2</v>
      </c>
      <c r="D13997">
        <v>0</v>
      </c>
    </row>
    <row r="13998" spans="1:4" x14ac:dyDescent="0.25">
      <c r="A13998" t="s">
        <v>21560</v>
      </c>
      <c r="B13998" t="s">
        <v>21561</v>
      </c>
      <c r="C13998">
        <v>0</v>
      </c>
      <c r="D13998">
        <v>0</v>
      </c>
    </row>
    <row r="13999" spans="1:4" x14ac:dyDescent="0.25">
      <c r="A13999" t="s">
        <v>21562</v>
      </c>
      <c r="B13999" t="s">
        <v>21563</v>
      </c>
      <c r="C13999">
        <v>1</v>
      </c>
      <c r="D13999">
        <v>0</v>
      </c>
    </row>
    <row r="14000" spans="1:4" x14ac:dyDescent="0.25">
      <c r="A14000" t="s">
        <v>21562</v>
      </c>
      <c r="B14000" t="s">
        <v>21564</v>
      </c>
      <c r="C14000">
        <v>1</v>
      </c>
      <c r="D14000">
        <v>0</v>
      </c>
    </row>
    <row r="14001" spans="1:4" x14ac:dyDescent="0.25">
      <c r="A14001" t="s">
        <v>21565</v>
      </c>
      <c r="B14001" t="s">
        <v>21566</v>
      </c>
      <c r="C14001">
        <v>1</v>
      </c>
      <c r="D14001">
        <v>0</v>
      </c>
    </row>
    <row r="14002" spans="1:4" x14ac:dyDescent="0.25">
      <c r="A14002" t="s">
        <v>21567</v>
      </c>
      <c r="B14002" t="s">
        <v>21568</v>
      </c>
      <c r="C14002">
        <v>0</v>
      </c>
      <c r="D14002">
        <v>0</v>
      </c>
    </row>
    <row r="14003" spans="1:4" x14ac:dyDescent="0.25">
      <c r="A14003" t="s">
        <v>21569</v>
      </c>
      <c r="B14003" t="s">
        <v>21570</v>
      </c>
      <c r="C14003">
        <v>1</v>
      </c>
      <c r="D14003">
        <v>0</v>
      </c>
    </row>
    <row r="14004" spans="1:4" x14ac:dyDescent="0.25">
      <c r="A14004" t="s">
        <v>21571</v>
      </c>
      <c r="B14004" t="s">
        <v>21572</v>
      </c>
      <c r="C14004">
        <v>1</v>
      </c>
      <c r="D14004">
        <v>0</v>
      </c>
    </row>
    <row r="14005" spans="1:4" x14ac:dyDescent="0.25">
      <c r="A14005" t="s">
        <v>21573</v>
      </c>
      <c r="B14005" t="s">
        <v>21574</v>
      </c>
      <c r="C14005">
        <v>2</v>
      </c>
      <c r="D14005">
        <v>0</v>
      </c>
    </row>
    <row r="14006" spans="1:4" x14ac:dyDescent="0.25">
      <c r="A14006" t="s">
        <v>21575</v>
      </c>
      <c r="B14006" t="s">
        <v>21576</v>
      </c>
      <c r="C14006">
        <v>1</v>
      </c>
      <c r="D14006">
        <v>0</v>
      </c>
    </row>
    <row r="14007" spans="1:4" x14ac:dyDescent="0.25">
      <c r="A14007" t="s">
        <v>21575</v>
      </c>
      <c r="B14007" t="s">
        <v>21577</v>
      </c>
      <c r="C14007">
        <v>2</v>
      </c>
      <c r="D14007">
        <v>0</v>
      </c>
    </row>
    <row r="14008" spans="1:4" x14ac:dyDescent="0.25">
      <c r="A14008" t="s">
        <v>21578</v>
      </c>
      <c r="B14008" t="s">
        <v>21579</v>
      </c>
      <c r="C14008">
        <v>1</v>
      </c>
      <c r="D14008">
        <v>0</v>
      </c>
    </row>
    <row r="14009" spans="1:4" x14ac:dyDescent="0.25">
      <c r="A14009" t="s">
        <v>21578</v>
      </c>
      <c r="B14009" t="s">
        <v>21580</v>
      </c>
      <c r="C14009">
        <v>0</v>
      </c>
      <c r="D14009">
        <v>0</v>
      </c>
    </row>
    <row r="14010" spans="1:4" x14ac:dyDescent="0.25">
      <c r="A14010" t="s">
        <v>21581</v>
      </c>
      <c r="B14010" t="s">
        <v>21582</v>
      </c>
      <c r="C14010">
        <v>1</v>
      </c>
      <c r="D14010">
        <v>0</v>
      </c>
    </row>
    <row r="14011" spans="1:4" x14ac:dyDescent="0.25">
      <c r="A14011" t="s">
        <v>21583</v>
      </c>
      <c r="B14011" t="s">
        <v>21584</v>
      </c>
      <c r="C14011">
        <v>1</v>
      </c>
      <c r="D14011">
        <v>0</v>
      </c>
    </row>
    <row r="14012" spans="1:4" x14ac:dyDescent="0.25">
      <c r="A14012" t="s">
        <v>21585</v>
      </c>
      <c r="B14012" t="s">
        <v>21586</v>
      </c>
      <c r="C14012">
        <v>1</v>
      </c>
      <c r="D14012">
        <v>0</v>
      </c>
    </row>
    <row r="14013" spans="1:4" x14ac:dyDescent="0.25">
      <c r="A14013" t="s">
        <v>21587</v>
      </c>
      <c r="B14013" t="s">
        <v>21588</v>
      </c>
      <c r="C14013">
        <v>1</v>
      </c>
      <c r="D14013">
        <v>0</v>
      </c>
    </row>
    <row r="14014" spans="1:4" x14ac:dyDescent="0.25">
      <c r="A14014" t="s">
        <v>21589</v>
      </c>
      <c r="B14014" t="s">
        <v>21590</v>
      </c>
      <c r="C14014">
        <v>1</v>
      </c>
      <c r="D14014">
        <v>0</v>
      </c>
    </row>
    <row r="14015" spans="1:4" x14ac:dyDescent="0.25">
      <c r="A14015" t="s">
        <v>21589</v>
      </c>
      <c r="B14015" t="s">
        <v>21591</v>
      </c>
      <c r="C14015">
        <v>0</v>
      </c>
      <c r="D14015">
        <v>0</v>
      </c>
    </row>
    <row r="14016" spans="1:4" x14ac:dyDescent="0.25">
      <c r="A14016" t="s">
        <v>21589</v>
      </c>
      <c r="B14016" t="s">
        <v>21592</v>
      </c>
      <c r="C14016">
        <v>2</v>
      </c>
      <c r="D14016">
        <v>0</v>
      </c>
    </row>
    <row r="14017" spans="1:4" x14ac:dyDescent="0.25">
      <c r="A14017" t="s">
        <v>21593</v>
      </c>
      <c r="B14017" t="s">
        <v>21594</v>
      </c>
      <c r="C14017">
        <v>1</v>
      </c>
      <c r="D14017">
        <v>0</v>
      </c>
    </row>
    <row r="14018" spans="1:4" x14ac:dyDescent="0.25">
      <c r="A14018" t="s">
        <v>21595</v>
      </c>
      <c r="B14018" t="s">
        <v>21596</v>
      </c>
      <c r="C14018">
        <v>1</v>
      </c>
      <c r="D14018">
        <v>0</v>
      </c>
    </row>
    <row r="14019" spans="1:4" x14ac:dyDescent="0.25">
      <c r="A14019" t="s">
        <v>21595</v>
      </c>
      <c r="B14019" t="s">
        <v>21597</v>
      </c>
      <c r="C14019">
        <v>1</v>
      </c>
      <c r="D14019">
        <v>0</v>
      </c>
    </row>
    <row r="14020" spans="1:4" x14ac:dyDescent="0.25">
      <c r="A14020" t="s">
        <v>21595</v>
      </c>
      <c r="B14020" t="s">
        <v>21598</v>
      </c>
      <c r="C14020">
        <v>0</v>
      </c>
      <c r="D14020">
        <v>0</v>
      </c>
    </row>
    <row r="14021" spans="1:4" x14ac:dyDescent="0.25">
      <c r="A14021" t="s">
        <v>21599</v>
      </c>
      <c r="B14021" t="s">
        <v>21600</v>
      </c>
      <c r="C14021">
        <v>1</v>
      </c>
      <c r="D14021">
        <v>0</v>
      </c>
    </row>
    <row r="14022" spans="1:4" x14ac:dyDescent="0.25">
      <c r="A14022" t="s">
        <v>21601</v>
      </c>
      <c r="B14022" t="s">
        <v>21602</v>
      </c>
      <c r="C14022">
        <v>1</v>
      </c>
      <c r="D14022">
        <v>0</v>
      </c>
    </row>
    <row r="14023" spans="1:4" x14ac:dyDescent="0.25">
      <c r="A14023" t="s">
        <v>21603</v>
      </c>
      <c r="B14023" t="s">
        <v>21604</v>
      </c>
      <c r="C14023">
        <v>0</v>
      </c>
      <c r="D14023">
        <v>0</v>
      </c>
    </row>
    <row r="14024" spans="1:4" x14ac:dyDescent="0.25">
      <c r="A14024" t="s">
        <v>21605</v>
      </c>
      <c r="B14024" t="s">
        <v>21606</v>
      </c>
      <c r="C14024">
        <v>1</v>
      </c>
      <c r="D14024">
        <v>0</v>
      </c>
    </row>
    <row r="14025" spans="1:4" x14ac:dyDescent="0.25">
      <c r="A14025" t="s">
        <v>21607</v>
      </c>
      <c r="B14025" t="s">
        <v>21608</v>
      </c>
      <c r="C14025">
        <v>1</v>
      </c>
      <c r="D14025">
        <v>0</v>
      </c>
    </row>
    <row r="14026" spans="1:4" x14ac:dyDescent="0.25">
      <c r="A14026" t="s">
        <v>21609</v>
      </c>
      <c r="B14026" t="s">
        <v>21610</v>
      </c>
      <c r="C14026">
        <v>1</v>
      </c>
      <c r="D14026">
        <v>0</v>
      </c>
    </row>
    <row r="14027" spans="1:4" x14ac:dyDescent="0.25">
      <c r="A14027" t="s">
        <v>21611</v>
      </c>
      <c r="B14027" t="s">
        <v>21612</v>
      </c>
      <c r="C14027">
        <v>1</v>
      </c>
      <c r="D14027">
        <v>0</v>
      </c>
    </row>
    <row r="14028" spans="1:4" x14ac:dyDescent="0.25">
      <c r="A14028" t="s">
        <v>21611</v>
      </c>
      <c r="B14028" t="s">
        <v>21613</v>
      </c>
      <c r="C14028">
        <v>0</v>
      </c>
      <c r="D14028">
        <v>0</v>
      </c>
    </row>
    <row r="14029" spans="1:4" x14ac:dyDescent="0.25">
      <c r="A14029" t="s">
        <v>21611</v>
      </c>
      <c r="B14029" t="s">
        <v>21614</v>
      </c>
      <c r="C14029">
        <v>2</v>
      </c>
      <c r="D14029">
        <v>0</v>
      </c>
    </row>
    <row r="14030" spans="1:4" x14ac:dyDescent="0.25">
      <c r="A14030" t="s">
        <v>21615</v>
      </c>
      <c r="B14030" t="s">
        <v>21616</v>
      </c>
      <c r="C14030">
        <v>2</v>
      </c>
      <c r="D14030">
        <v>0</v>
      </c>
    </row>
    <row r="14031" spans="1:4" x14ac:dyDescent="0.25">
      <c r="A14031" t="s">
        <v>21617</v>
      </c>
      <c r="B14031" t="s">
        <v>21618</v>
      </c>
      <c r="C14031">
        <v>1</v>
      </c>
      <c r="D14031">
        <v>0</v>
      </c>
    </row>
    <row r="14032" spans="1:4" x14ac:dyDescent="0.25">
      <c r="A14032" t="s">
        <v>21619</v>
      </c>
      <c r="B14032" t="s">
        <v>21620</v>
      </c>
      <c r="C14032">
        <v>2</v>
      </c>
      <c r="D14032">
        <v>0</v>
      </c>
    </row>
    <row r="14033" spans="1:4" x14ac:dyDescent="0.25">
      <c r="A14033" t="s">
        <v>21621</v>
      </c>
      <c r="B14033" t="s">
        <v>21622</v>
      </c>
      <c r="C14033">
        <v>0</v>
      </c>
      <c r="D14033">
        <v>0</v>
      </c>
    </row>
    <row r="14034" spans="1:4" x14ac:dyDescent="0.25">
      <c r="A14034" t="s">
        <v>21623</v>
      </c>
      <c r="B14034" t="s">
        <v>21624</v>
      </c>
      <c r="C14034">
        <v>1</v>
      </c>
      <c r="D14034">
        <v>0</v>
      </c>
    </row>
    <row r="14035" spans="1:4" x14ac:dyDescent="0.25">
      <c r="A14035" t="s">
        <v>21625</v>
      </c>
      <c r="B14035" t="s">
        <v>21626</v>
      </c>
      <c r="C14035">
        <v>1</v>
      </c>
      <c r="D14035">
        <v>0</v>
      </c>
    </row>
    <row r="14036" spans="1:4" x14ac:dyDescent="0.25">
      <c r="A14036" t="s">
        <v>21627</v>
      </c>
      <c r="B14036" t="s">
        <v>21628</v>
      </c>
      <c r="C14036">
        <v>1</v>
      </c>
      <c r="D14036">
        <v>0</v>
      </c>
    </row>
    <row r="14037" spans="1:4" x14ac:dyDescent="0.25">
      <c r="A14037" t="s">
        <v>21629</v>
      </c>
      <c r="B14037" t="s">
        <v>21630</v>
      </c>
      <c r="C14037">
        <v>1</v>
      </c>
      <c r="D14037">
        <v>0</v>
      </c>
    </row>
    <row r="14038" spans="1:4" x14ac:dyDescent="0.25">
      <c r="A14038" t="s">
        <v>21631</v>
      </c>
      <c r="B14038" t="s">
        <v>21632</v>
      </c>
      <c r="C14038">
        <v>2</v>
      </c>
      <c r="D14038">
        <v>0</v>
      </c>
    </row>
    <row r="14039" spans="1:4" x14ac:dyDescent="0.25">
      <c r="A14039" t="s">
        <v>21633</v>
      </c>
      <c r="B14039" t="s">
        <v>21634</v>
      </c>
      <c r="C14039">
        <v>0</v>
      </c>
      <c r="D14039">
        <v>0</v>
      </c>
    </row>
    <row r="14040" spans="1:4" x14ac:dyDescent="0.25">
      <c r="A14040" t="s">
        <v>21635</v>
      </c>
      <c r="B14040" t="s">
        <v>21636</v>
      </c>
      <c r="C14040">
        <v>2</v>
      </c>
      <c r="D14040">
        <v>0</v>
      </c>
    </row>
    <row r="14041" spans="1:4" x14ac:dyDescent="0.25">
      <c r="A14041" t="s">
        <v>21637</v>
      </c>
      <c r="B14041" t="s">
        <v>21638</v>
      </c>
      <c r="C14041">
        <v>1</v>
      </c>
      <c r="D14041">
        <v>0</v>
      </c>
    </row>
    <row r="14042" spans="1:4" x14ac:dyDescent="0.25">
      <c r="A14042" t="s">
        <v>21639</v>
      </c>
      <c r="B14042" t="s">
        <v>21640</v>
      </c>
      <c r="C14042">
        <v>0</v>
      </c>
      <c r="D14042">
        <v>0</v>
      </c>
    </row>
    <row r="14043" spans="1:4" x14ac:dyDescent="0.25">
      <c r="A14043" t="s">
        <v>21639</v>
      </c>
      <c r="B14043" t="s">
        <v>21641</v>
      </c>
      <c r="C14043">
        <v>2</v>
      </c>
      <c r="D14043">
        <v>0</v>
      </c>
    </row>
    <row r="14044" spans="1:4" x14ac:dyDescent="0.25">
      <c r="A14044" t="s">
        <v>21642</v>
      </c>
      <c r="B14044" t="s">
        <v>21643</v>
      </c>
      <c r="C14044">
        <v>0</v>
      </c>
      <c r="D14044">
        <v>0</v>
      </c>
    </row>
    <row r="14045" spans="1:4" x14ac:dyDescent="0.25">
      <c r="A14045" t="s">
        <v>21644</v>
      </c>
      <c r="B14045" t="s">
        <v>21645</v>
      </c>
      <c r="C14045">
        <v>0</v>
      </c>
      <c r="D14045">
        <v>0</v>
      </c>
    </row>
    <row r="14046" spans="1:4" x14ac:dyDescent="0.25">
      <c r="A14046" t="s">
        <v>21646</v>
      </c>
      <c r="B14046" t="s">
        <v>21647</v>
      </c>
      <c r="C14046">
        <v>1</v>
      </c>
      <c r="D14046">
        <v>0</v>
      </c>
    </row>
    <row r="14047" spans="1:4" x14ac:dyDescent="0.25">
      <c r="A14047" t="s">
        <v>21648</v>
      </c>
      <c r="B14047" t="s">
        <v>21649</v>
      </c>
      <c r="C14047">
        <v>2</v>
      </c>
      <c r="D14047">
        <v>0</v>
      </c>
    </row>
    <row r="14048" spans="1:4" x14ac:dyDescent="0.25">
      <c r="A14048" t="s">
        <v>21650</v>
      </c>
      <c r="B14048" t="s">
        <v>21651</v>
      </c>
      <c r="C14048">
        <v>2</v>
      </c>
      <c r="D14048">
        <v>0</v>
      </c>
    </row>
    <row r="14049" spans="1:4" x14ac:dyDescent="0.25">
      <c r="A14049" t="s">
        <v>21652</v>
      </c>
      <c r="B14049" t="s">
        <v>21653</v>
      </c>
      <c r="C14049">
        <v>0</v>
      </c>
      <c r="D14049">
        <v>0</v>
      </c>
    </row>
    <row r="14050" spans="1:4" x14ac:dyDescent="0.25">
      <c r="A14050" t="s">
        <v>21654</v>
      </c>
      <c r="B14050" t="s">
        <v>21655</v>
      </c>
      <c r="C14050">
        <v>2</v>
      </c>
      <c r="D14050">
        <v>0</v>
      </c>
    </row>
    <row r="14051" spans="1:4" x14ac:dyDescent="0.25">
      <c r="A14051" t="s">
        <v>21656</v>
      </c>
      <c r="B14051" t="s">
        <v>21657</v>
      </c>
      <c r="C14051">
        <v>1</v>
      </c>
      <c r="D14051">
        <v>0</v>
      </c>
    </row>
    <row r="14052" spans="1:4" x14ac:dyDescent="0.25">
      <c r="A14052" t="s">
        <v>21656</v>
      </c>
      <c r="B14052" t="s">
        <v>21658</v>
      </c>
      <c r="C14052">
        <v>0</v>
      </c>
      <c r="D14052">
        <v>0</v>
      </c>
    </row>
    <row r="14053" spans="1:4" x14ac:dyDescent="0.25">
      <c r="A14053" t="s">
        <v>21656</v>
      </c>
      <c r="B14053" t="s">
        <v>21659</v>
      </c>
      <c r="C14053">
        <v>2</v>
      </c>
      <c r="D14053">
        <v>0</v>
      </c>
    </row>
    <row r="14054" spans="1:4" x14ac:dyDescent="0.25">
      <c r="A14054" t="s">
        <v>21660</v>
      </c>
      <c r="B14054" t="s">
        <v>21661</v>
      </c>
      <c r="C14054">
        <v>0</v>
      </c>
      <c r="D14054">
        <v>0</v>
      </c>
    </row>
    <row r="14055" spans="1:4" x14ac:dyDescent="0.25">
      <c r="A14055" t="s">
        <v>21662</v>
      </c>
      <c r="B14055" t="s">
        <v>21663</v>
      </c>
      <c r="C14055">
        <v>1</v>
      </c>
      <c r="D14055">
        <v>0</v>
      </c>
    </row>
    <row r="14056" spans="1:4" x14ac:dyDescent="0.25">
      <c r="A14056" t="s">
        <v>21662</v>
      </c>
      <c r="B14056" t="s">
        <v>21664</v>
      </c>
      <c r="C14056">
        <v>0</v>
      </c>
      <c r="D14056">
        <v>0</v>
      </c>
    </row>
    <row r="14057" spans="1:4" x14ac:dyDescent="0.25">
      <c r="A14057" t="s">
        <v>21662</v>
      </c>
      <c r="B14057" t="s">
        <v>21665</v>
      </c>
      <c r="C14057">
        <v>2</v>
      </c>
      <c r="D14057">
        <v>0</v>
      </c>
    </row>
    <row r="14058" spans="1:4" x14ac:dyDescent="0.25">
      <c r="A14058" t="s">
        <v>21666</v>
      </c>
      <c r="B14058" t="s">
        <v>21667</v>
      </c>
      <c r="C14058">
        <v>1</v>
      </c>
      <c r="D14058">
        <v>0</v>
      </c>
    </row>
    <row r="14059" spans="1:4" x14ac:dyDescent="0.25">
      <c r="A14059" t="s">
        <v>21668</v>
      </c>
      <c r="B14059" t="s">
        <v>21669</v>
      </c>
      <c r="C14059">
        <v>1</v>
      </c>
      <c r="D14059">
        <v>0</v>
      </c>
    </row>
    <row r="14060" spans="1:4" x14ac:dyDescent="0.25">
      <c r="A14060" t="s">
        <v>21670</v>
      </c>
      <c r="B14060" t="s">
        <v>21671</v>
      </c>
      <c r="C14060">
        <v>1</v>
      </c>
      <c r="D14060">
        <v>0</v>
      </c>
    </row>
    <row r="14061" spans="1:4" x14ac:dyDescent="0.25">
      <c r="A14061" t="s">
        <v>21672</v>
      </c>
      <c r="B14061" t="s">
        <v>21673</v>
      </c>
      <c r="C14061">
        <v>1</v>
      </c>
      <c r="D14061">
        <v>0</v>
      </c>
    </row>
    <row r="14062" spans="1:4" x14ac:dyDescent="0.25">
      <c r="A14062" t="s">
        <v>21674</v>
      </c>
      <c r="B14062" t="s">
        <v>21675</v>
      </c>
      <c r="C14062">
        <v>1</v>
      </c>
      <c r="D14062">
        <v>0</v>
      </c>
    </row>
    <row r="14063" spans="1:4" x14ac:dyDescent="0.25">
      <c r="A14063" t="s">
        <v>21676</v>
      </c>
      <c r="B14063" t="s">
        <v>21677</v>
      </c>
      <c r="C14063">
        <v>1</v>
      </c>
      <c r="D14063">
        <v>0</v>
      </c>
    </row>
    <row r="14064" spans="1:4" x14ac:dyDescent="0.25">
      <c r="A14064" t="s">
        <v>21678</v>
      </c>
      <c r="B14064" t="s">
        <v>21679</v>
      </c>
      <c r="C14064">
        <v>1</v>
      </c>
      <c r="D14064">
        <v>0</v>
      </c>
    </row>
    <row r="14065" spans="1:4" x14ac:dyDescent="0.25">
      <c r="A14065" t="s">
        <v>21680</v>
      </c>
      <c r="B14065" t="s">
        <v>21681</v>
      </c>
      <c r="C14065">
        <v>1</v>
      </c>
      <c r="D14065">
        <v>0</v>
      </c>
    </row>
    <row r="14066" spans="1:4" x14ac:dyDescent="0.25">
      <c r="A14066" t="s">
        <v>21680</v>
      </c>
      <c r="B14066" t="s">
        <v>21682</v>
      </c>
      <c r="C14066">
        <v>2</v>
      </c>
      <c r="D14066">
        <v>0</v>
      </c>
    </row>
    <row r="14067" spans="1:4" x14ac:dyDescent="0.25">
      <c r="A14067" t="s">
        <v>21683</v>
      </c>
      <c r="B14067" t="s">
        <v>21684</v>
      </c>
      <c r="C14067">
        <v>0</v>
      </c>
      <c r="D14067">
        <v>0</v>
      </c>
    </row>
    <row r="14068" spans="1:4" x14ac:dyDescent="0.25">
      <c r="A14068" t="s">
        <v>21685</v>
      </c>
      <c r="B14068" t="s">
        <v>21686</v>
      </c>
      <c r="C14068">
        <v>1</v>
      </c>
      <c r="D14068">
        <v>0</v>
      </c>
    </row>
    <row r="14069" spans="1:4" x14ac:dyDescent="0.25">
      <c r="A14069" t="s">
        <v>21687</v>
      </c>
      <c r="B14069" t="s">
        <v>21688</v>
      </c>
      <c r="C14069">
        <v>2</v>
      </c>
      <c r="D14069">
        <v>0</v>
      </c>
    </row>
    <row r="14070" spans="1:4" x14ac:dyDescent="0.25">
      <c r="A14070" t="s">
        <v>21689</v>
      </c>
      <c r="B14070" t="s">
        <v>21690</v>
      </c>
      <c r="C14070">
        <v>1</v>
      </c>
      <c r="D14070">
        <v>0</v>
      </c>
    </row>
    <row r="14071" spans="1:4" x14ac:dyDescent="0.25">
      <c r="A14071" t="s">
        <v>21691</v>
      </c>
      <c r="B14071" t="s">
        <v>21692</v>
      </c>
      <c r="C14071">
        <v>1</v>
      </c>
      <c r="D14071">
        <v>0</v>
      </c>
    </row>
    <row r="14072" spans="1:4" x14ac:dyDescent="0.25">
      <c r="A14072" t="s">
        <v>21693</v>
      </c>
      <c r="B14072" t="s">
        <v>21694</v>
      </c>
      <c r="C14072">
        <v>1</v>
      </c>
      <c r="D14072">
        <v>0</v>
      </c>
    </row>
    <row r="14073" spans="1:4" x14ac:dyDescent="0.25">
      <c r="A14073" t="s">
        <v>21695</v>
      </c>
      <c r="B14073" t="s">
        <v>21696</v>
      </c>
      <c r="C14073">
        <v>1</v>
      </c>
      <c r="D14073">
        <v>0</v>
      </c>
    </row>
    <row r="14074" spans="1:4" x14ac:dyDescent="0.25">
      <c r="A14074" t="s">
        <v>21695</v>
      </c>
      <c r="B14074" t="s">
        <v>21697</v>
      </c>
      <c r="C14074">
        <v>0</v>
      </c>
      <c r="D14074">
        <v>0</v>
      </c>
    </row>
    <row r="14075" spans="1:4" x14ac:dyDescent="0.25">
      <c r="A14075" t="s">
        <v>21698</v>
      </c>
      <c r="B14075" t="s">
        <v>21699</v>
      </c>
      <c r="C14075">
        <v>2</v>
      </c>
      <c r="D14075">
        <v>0</v>
      </c>
    </row>
    <row r="14076" spans="1:4" x14ac:dyDescent="0.25">
      <c r="A14076" t="s">
        <v>21700</v>
      </c>
      <c r="B14076" t="s">
        <v>21701</v>
      </c>
      <c r="C14076">
        <v>1</v>
      </c>
      <c r="D14076">
        <v>0</v>
      </c>
    </row>
    <row r="14077" spans="1:4" x14ac:dyDescent="0.25">
      <c r="A14077" t="s">
        <v>21702</v>
      </c>
      <c r="B14077" t="s">
        <v>21703</v>
      </c>
      <c r="C14077">
        <v>1</v>
      </c>
      <c r="D14077">
        <v>0</v>
      </c>
    </row>
    <row r="14078" spans="1:4" x14ac:dyDescent="0.25">
      <c r="A14078" t="s">
        <v>21704</v>
      </c>
      <c r="B14078" t="s">
        <v>5434</v>
      </c>
      <c r="C14078">
        <v>1</v>
      </c>
      <c r="D14078">
        <v>0</v>
      </c>
    </row>
    <row r="14079" spans="1:4" x14ac:dyDescent="0.25">
      <c r="A14079" t="s">
        <v>21705</v>
      </c>
      <c r="B14079" t="s">
        <v>21706</v>
      </c>
      <c r="C14079">
        <v>1</v>
      </c>
      <c r="D14079">
        <v>0</v>
      </c>
    </row>
    <row r="14080" spans="1:4" x14ac:dyDescent="0.25">
      <c r="A14080" t="s">
        <v>21707</v>
      </c>
      <c r="B14080" t="s">
        <v>21708</v>
      </c>
      <c r="C14080">
        <v>1</v>
      </c>
      <c r="D14080">
        <v>0</v>
      </c>
    </row>
    <row r="14081" spans="1:4" x14ac:dyDescent="0.25">
      <c r="A14081" t="s">
        <v>21709</v>
      </c>
      <c r="B14081" t="s">
        <v>2651</v>
      </c>
      <c r="C14081">
        <v>1</v>
      </c>
      <c r="D14081">
        <v>0</v>
      </c>
    </row>
    <row r="14082" spans="1:4" x14ac:dyDescent="0.25">
      <c r="A14082" t="s">
        <v>21710</v>
      </c>
      <c r="B14082" t="s">
        <v>21711</v>
      </c>
      <c r="C14082">
        <v>1</v>
      </c>
      <c r="D14082">
        <v>0</v>
      </c>
    </row>
    <row r="14083" spans="1:4" x14ac:dyDescent="0.25">
      <c r="A14083" t="s">
        <v>21712</v>
      </c>
      <c r="B14083" t="s">
        <v>21713</v>
      </c>
      <c r="C14083">
        <v>1</v>
      </c>
      <c r="D14083">
        <v>0</v>
      </c>
    </row>
    <row r="14084" spans="1:4" x14ac:dyDescent="0.25">
      <c r="A14084" t="s">
        <v>21714</v>
      </c>
      <c r="B14084" t="s">
        <v>21715</v>
      </c>
      <c r="C14084">
        <v>2</v>
      </c>
      <c r="D14084">
        <v>0</v>
      </c>
    </row>
    <row r="14085" spans="1:4" x14ac:dyDescent="0.25">
      <c r="A14085" t="s">
        <v>21716</v>
      </c>
      <c r="B14085" t="s">
        <v>21717</v>
      </c>
      <c r="C14085">
        <v>0</v>
      </c>
      <c r="D14085">
        <v>0</v>
      </c>
    </row>
    <row r="14086" spans="1:4" x14ac:dyDescent="0.25">
      <c r="A14086" t="s">
        <v>21718</v>
      </c>
      <c r="B14086" t="s">
        <v>21719</v>
      </c>
      <c r="C14086">
        <v>2</v>
      </c>
      <c r="D14086">
        <v>0</v>
      </c>
    </row>
    <row r="14087" spans="1:4" x14ac:dyDescent="0.25">
      <c r="A14087" t="s">
        <v>21720</v>
      </c>
      <c r="B14087" t="s">
        <v>21721</v>
      </c>
      <c r="C14087">
        <v>1</v>
      </c>
      <c r="D14087">
        <v>0</v>
      </c>
    </row>
    <row r="14088" spans="1:4" x14ac:dyDescent="0.25">
      <c r="A14088" t="s">
        <v>21722</v>
      </c>
      <c r="B14088" t="s">
        <v>21723</v>
      </c>
      <c r="C14088">
        <v>2</v>
      </c>
      <c r="D14088">
        <v>0</v>
      </c>
    </row>
    <row r="14089" spans="1:4" x14ac:dyDescent="0.25">
      <c r="A14089" t="s">
        <v>21724</v>
      </c>
      <c r="B14089" t="s">
        <v>21725</v>
      </c>
      <c r="C14089">
        <v>1</v>
      </c>
      <c r="D14089">
        <v>0</v>
      </c>
    </row>
    <row r="14090" spans="1:4" x14ac:dyDescent="0.25">
      <c r="A14090" t="s">
        <v>21726</v>
      </c>
      <c r="B14090" t="s">
        <v>21727</v>
      </c>
      <c r="C14090">
        <v>1</v>
      </c>
      <c r="D14090">
        <v>0</v>
      </c>
    </row>
    <row r="14091" spans="1:4" x14ac:dyDescent="0.25">
      <c r="A14091" t="s">
        <v>21728</v>
      </c>
      <c r="B14091" t="s">
        <v>21729</v>
      </c>
      <c r="C14091">
        <v>0</v>
      </c>
      <c r="D14091">
        <v>0</v>
      </c>
    </row>
    <row r="14092" spans="1:4" x14ac:dyDescent="0.25">
      <c r="A14092" t="s">
        <v>21730</v>
      </c>
      <c r="B14092" t="s">
        <v>21731</v>
      </c>
      <c r="C14092">
        <v>1</v>
      </c>
      <c r="D14092">
        <v>0</v>
      </c>
    </row>
    <row r="14093" spans="1:4" x14ac:dyDescent="0.25">
      <c r="A14093" t="s">
        <v>21732</v>
      </c>
      <c r="B14093" t="s">
        <v>21733</v>
      </c>
      <c r="C14093">
        <v>2</v>
      </c>
      <c r="D14093">
        <v>0</v>
      </c>
    </row>
    <row r="14094" spans="1:4" x14ac:dyDescent="0.25">
      <c r="A14094" t="s">
        <v>21734</v>
      </c>
      <c r="B14094" t="s">
        <v>21735</v>
      </c>
      <c r="C14094">
        <v>0</v>
      </c>
      <c r="D14094">
        <v>0</v>
      </c>
    </row>
    <row r="14095" spans="1:4" x14ac:dyDescent="0.25">
      <c r="A14095" t="s">
        <v>21736</v>
      </c>
      <c r="B14095" t="s">
        <v>21737</v>
      </c>
      <c r="C14095">
        <v>1</v>
      </c>
      <c r="D14095">
        <v>0</v>
      </c>
    </row>
    <row r="14096" spans="1:4" x14ac:dyDescent="0.25">
      <c r="A14096" t="s">
        <v>21738</v>
      </c>
      <c r="B14096" t="s">
        <v>21739</v>
      </c>
      <c r="C14096">
        <v>1</v>
      </c>
      <c r="D14096">
        <v>0</v>
      </c>
    </row>
    <row r="14097" spans="1:4" x14ac:dyDescent="0.25">
      <c r="A14097" t="s">
        <v>21738</v>
      </c>
      <c r="B14097" t="s">
        <v>21740</v>
      </c>
      <c r="C14097">
        <v>2</v>
      </c>
      <c r="D14097">
        <v>0</v>
      </c>
    </row>
    <row r="14098" spans="1:4" x14ac:dyDescent="0.25">
      <c r="A14098" t="s">
        <v>21741</v>
      </c>
      <c r="B14098" t="s">
        <v>21742</v>
      </c>
      <c r="C14098">
        <v>1</v>
      </c>
      <c r="D14098">
        <v>0</v>
      </c>
    </row>
    <row r="14099" spans="1:4" x14ac:dyDescent="0.25">
      <c r="A14099" t="s">
        <v>21741</v>
      </c>
      <c r="B14099" t="s">
        <v>21743</v>
      </c>
      <c r="C14099">
        <v>1</v>
      </c>
      <c r="D14099">
        <v>0</v>
      </c>
    </row>
    <row r="14100" spans="1:4" x14ac:dyDescent="0.25">
      <c r="A14100" t="s">
        <v>21744</v>
      </c>
      <c r="B14100" t="s">
        <v>21745</v>
      </c>
      <c r="C14100">
        <v>1</v>
      </c>
      <c r="D14100">
        <v>0</v>
      </c>
    </row>
    <row r="14101" spans="1:4" x14ac:dyDescent="0.25">
      <c r="A14101" t="s">
        <v>21746</v>
      </c>
      <c r="B14101" t="s">
        <v>21747</v>
      </c>
      <c r="C14101">
        <v>1</v>
      </c>
      <c r="D14101">
        <v>0</v>
      </c>
    </row>
    <row r="14102" spans="1:4" x14ac:dyDescent="0.25">
      <c r="A14102" t="s">
        <v>21748</v>
      </c>
      <c r="B14102" t="s">
        <v>21749</v>
      </c>
      <c r="C14102">
        <v>1</v>
      </c>
      <c r="D14102">
        <v>0</v>
      </c>
    </row>
    <row r="14103" spans="1:4" x14ac:dyDescent="0.25">
      <c r="A14103" t="s">
        <v>21750</v>
      </c>
      <c r="B14103" t="s">
        <v>21751</v>
      </c>
      <c r="C14103">
        <v>0</v>
      </c>
      <c r="D14103">
        <v>0</v>
      </c>
    </row>
    <row r="14104" spans="1:4" x14ac:dyDescent="0.25">
      <c r="A14104" t="s">
        <v>21752</v>
      </c>
      <c r="B14104" t="s">
        <v>21753</v>
      </c>
      <c r="C14104">
        <v>1</v>
      </c>
      <c r="D14104">
        <v>0</v>
      </c>
    </row>
    <row r="14105" spans="1:4" x14ac:dyDescent="0.25">
      <c r="A14105" t="s">
        <v>21754</v>
      </c>
      <c r="B14105" t="s">
        <v>21755</v>
      </c>
      <c r="C14105">
        <v>1</v>
      </c>
      <c r="D14105">
        <v>0</v>
      </c>
    </row>
    <row r="14106" spans="1:4" x14ac:dyDescent="0.25">
      <c r="A14106" t="s">
        <v>21756</v>
      </c>
      <c r="B14106" t="s">
        <v>21757</v>
      </c>
      <c r="C14106">
        <v>1</v>
      </c>
      <c r="D14106">
        <v>0</v>
      </c>
    </row>
    <row r="14107" spans="1:4" x14ac:dyDescent="0.25">
      <c r="A14107" t="s">
        <v>21758</v>
      </c>
      <c r="B14107" t="s">
        <v>21759</v>
      </c>
      <c r="C14107">
        <v>1</v>
      </c>
      <c r="D14107">
        <v>0</v>
      </c>
    </row>
    <row r="14108" spans="1:4" x14ac:dyDescent="0.25">
      <c r="A14108" t="s">
        <v>21760</v>
      </c>
      <c r="B14108" t="s">
        <v>21761</v>
      </c>
      <c r="C14108">
        <v>1</v>
      </c>
      <c r="D14108">
        <v>0</v>
      </c>
    </row>
    <row r="14109" spans="1:4" x14ac:dyDescent="0.25">
      <c r="A14109" t="s">
        <v>21762</v>
      </c>
      <c r="B14109" t="s">
        <v>21763</v>
      </c>
      <c r="C14109">
        <v>1</v>
      </c>
      <c r="D14109">
        <v>0</v>
      </c>
    </row>
    <row r="14110" spans="1:4" x14ac:dyDescent="0.25">
      <c r="A14110" t="s">
        <v>21762</v>
      </c>
      <c r="B14110" t="s">
        <v>21764</v>
      </c>
      <c r="C14110">
        <v>0</v>
      </c>
      <c r="D14110">
        <v>0</v>
      </c>
    </row>
    <row r="14111" spans="1:4" x14ac:dyDescent="0.25">
      <c r="A14111" t="s">
        <v>21765</v>
      </c>
      <c r="B14111" t="s">
        <v>21766</v>
      </c>
      <c r="C14111">
        <v>1</v>
      </c>
      <c r="D14111">
        <v>0</v>
      </c>
    </row>
    <row r="14112" spans="1:4" x14ac:dyDescent="0.25">
      <c r="A14112" t="s">
        <v>21767</v>
      </c>
      <c r="B14112" t="s">
        <v>21768</v>
      </c>
      <c r="C14112">
        <v>1</v>
      </c>
      <c r="D14112">
        <v>0</v>
      </c>
    </row>
    <row r="14113" spans="1:4" x14ac:dyDescent="0.25">
      <c r="A14113" t="s">
        <v>21769</v>
      </c>
      <c r="B14113" t="s">
        <v>21770</v>
      </c>
      <c r="C14113">
        <v>2</v>
      </c>
      <c r="D14113">
        <v>0</v>
      </c>
    </row>
    <row r="14114" spans="1:4" x14ac:dyDescent="0.25">
      <c r="A14114" t="s">
        <v>21771</v>
      </c>
      <c r="B14114" t="s">
        <v>21772</v>
      </c>
      <c r="C14114">
        <v>1</v>
      </c>
      <c r="D14114">
        <v>0</v>
      </c>
    </row>
    <row r="14115" spans="1:4" x14ac:dyDescent="0.25">
      <c r="A14115" t="s">
        <v>21773</v>
      </c>
      <c r="B14115" t="s">
        <v>21774</v>
      </c>
      <c r="C14115">
        <v>1</v>
      </c>
      <c r="D14115">
        <v>0</v>
      </c>
    </row>
    <row r="14116" spans="1:4" x14ac:dyDescent="0.25">
      <c r="A14116" t="s">
        <v>21775</v>
      </c>
      <c r="B14116" t="s">
        <v>21776</v>
      </c>
      <c r="C14116">
        <v>1</v>
      </c>
      <c r="D14116">
        <v>0</v>
      </c>
    </row>
    <row r="14117" spans="1:4" x14ac:dyDescent="0.25">
      <c r="A14117" t="s">
        <v>21777</v>
      </c>
      <c r="B14117" t="s">
        <v>21778</v>
      </c>
      <c r="C14117">
        <v>1</v>
      </c>
      <c r="D14117">
        <v>0</v>
      </c>
    </row>
    <row r="14118" spans="1:4" x14ac:dyDescent="0.25">
      <c r="A14118" t="s">
        <v>21779</v>
      </c>
      <c r="B14118" t="s">
        <v>21780</v>
      </c>
      <c r="C14118">
        <v>1</v>
      </c>
      <c r="D14118">
        <v>0</v>
      </c>
    </row>
    <row r="14119" spans="1:4" x14ac:dyDescent="0.25">
      <c r="A14119" t="s">
        <v>21781</v>
      </c>
      <c r="B14119" t="s">
        <v>21782</v>
      </c>
      <c r="C14119">
        <v>1</v>
      </c>
      <c r="D14119">
        <v>0</v>
      </c>
    </row>
    <row r="14120" spans="1:4" x14ac:dyDescent="0.25">
      <c r="A14120" t="s">
        <v>21783</v>
      </c>
      <c r="B14120" t="s">
        <v>21784</v>
      </c>
      <c r="C14120">
        <v>1</v>
      </c>
      <c r="D14120">
        <v>0</v>
      </c>
    </row>
    <row r="14121" spans="1:4" x14ac:dyDescent="0.25">
      <c r="A14121" t="s">
        <v>21783</v>
      </c>
      <c r="B14121" t="s">
        <v>21785</v>
      </c>
      <c r="C14121">
        <v>0</v>
      </c>
      <c r="D14121">
        <v>0</v>
      </c>
    </row>
    <row r="14122" spans="1:4" x14ac:dyDescent="0.25">
      <c r="A14122" t="s">
        <v>21786</v>
      </c>
      <c r="B14122" t="s">
        <v>21787</v>
      </c>
      <c r="C14122">
        <v>1</v>
      </c>
      <c r="D14122">
        <v>0</v>
      </c>
    </row>
    <row r="14123" spans="1:4" x14ac:dyDescent="0.25">
      <c r="A14123" t="s">
        <v>21788</v>
      </c>
      <c r="B14123" t="s">
        <v>21789</v>
      </c>
      <c r="C14123">
        <v>2</v>
      </c>
      <c r="D14123">
        <v>0</v>
      </c>
    </row>
    <row r="14124" spans="1:4" x14ac:dyDescent="0.25">
      <c r="A14124" t="s">
        <v>21790</v>
      </c>
      <c r="B14124" t="s">
        <v>21791</v>
      </c>
      <c r="C14124">
        <v>2</v>
      </c>
      <c r="D14124">
        <v>0</v>
      </c>
    </row>
    <row r="14125" spans="1:4" x14ac:dyDescent="0.25">
      <c r="A14125" t="s">
        <v>21792</v>
      </c>
      <c r="B14125" t="s">
        <v>21793</v>
      </c>
      <c r="C14125">
        <v>2</v>
      </c>
      <c r="D14125">
        <v>0</v>
      </c>
    </row>
    <row r="14126" spans="1:4" x14ac:dyDescent="0.25">
      <c r="A14126" t="s">
        <v>21794</v>
      </c>
      <c r="B14126" t="s">
        <v>21795</v>
      </c>
      <c r="C14126">
        <v>1</v>
      </c>
      <c r="D14126">
        <v>0</v>
      </c>
    </row>
    <row r="14127" spans="1:4" x14ac:dyDescent="0.25">
      <c r="A14127" t="s">
        <v>21796</v>
      </c>
      <c r="B14127" t="s">
        <v>21797</v>
      </c>
      <c r="C14127">
        <v>1</v>
      </c>
      <c r="D14127">
        <v>0</v>
      </c>
    </row>
    <row r="14128" spans="1:4" x14ac:dyDescent="0.25">
      <c r="A14128" t="s">
        <v>21798</v>
      </c>
      <c r="B14128" t="s">
        <v>21799</v>
      </c>
      <c r="C14128">
        <v>1</v>
      </c>
      <c r="D14128">
        <v>0</v>
      </c>
    </row>
    <row r="14129" spans="1:4" x14ac:dyDescent="0.25">
      <c r="A14129" t="s">
        <v>21800</v>
      </c>
      <c r="B14129" t="s">
        <v>21801</v>
      </c>
      <c r="C14129">
        <v>1</v>
      </c>
      <c r="D14129">
        <v>0</v>
      </c>
    </row>
    <row r="14130" spans="1:4" x14ac:dyDescent="0.25">
      <c r="A14130" t="s">
        <v>21802</v>
      </c>
      <c r="B14130" t="s">
        <v>21803</v>
      </c>
      <c r="C14130">
        <v>0</v>
      </c>
      <c r="D14130">
        <v>0</v>
      </c>
    </row>
    <row r="14131" spans="1:4" x14ac:dyDescent="0.25">
      <c r="A14131" t="s">
        <v>21804</v>
      </c>
      <c r="B14131" t="s">
        <v>21805</v>
      </c>
      <c r="C14131">
        <v>1</v>
      </c>
      <c r="D14131">
        <v>0</v>
      </c>
    </row>
    <row r="14132" spans="1:4" x14ac:dyDescent="0.25">
      <c r="A14132" t="s">
        <v>21806</v>
      </c>
      <c r="B14132" t="s">
        <v>21807</v>
      </c>
      <c r="C14132">
        <v>0</v>
      </c>
      <c r="D14132">
        <v>0</v>
      </c>
    </row>
    <row r="14133" spans="1:4" x14ac:dyDescent="0.25">
      <c r="A14133" t="s">
        <v>21808</v>
      </c>
      <c r="B14133" t="s">
        <v>21809</v>
      </c>
      <c r="C14133">
        <v>1</v>
      </c>
      <c r="D14133">
        <v>0</v>
      </c>
    </row>
    <row r="14134" spans="1:4" x14ac:dyDescent="0.25">
      <c r="A14134" t="s">
        <v>21810</v>
      </c>
      <c r="B14134" t="s">
        <v>21811</v>
      </c>
      <c r="C14134">
        <v>0</v>
      </c>
      <c r="D14134">
        <v>0</v>
      </c>
    </row>
    <row r="14135" spans="1:4" x14ac:dyDescent="0.25">
      <c r="A14135" t="s">
        <v>21812</v>
      </c>
      <c r="B14135" t="s">
        <v>21813</v>
      </c>
      <c r="C14135">
        <v>2</v>
      </c>
      <c r="D14135">
        <v>0</v>
      </c>
    </row>
    <row r="14136" spans="1:4" x14ac:dyDescent="0.25">
      <c r="A14136" t="s">
        <v>21814</v>
      </c>
      <c r="B14136" t="s">
        <v>21815</v>
      </c>
      <c r="C14136">
        <v>0</v>
      </c>
      <c r="D14136">
        <v>0</v>
      </c>
    </row>
    <row r="14137" spans="1:4" x14ac:dyDescent="0.25">
      <c r="A14137" t="s">
        <v>21816</v>
      </c>
      <c r="B14137" t="s">
        <v>21817</v>
      </c>
      <c r="C14137">
        <v>0</v>
      </c>
      <c r="D14137">
        <v>0</v>
      </c>
    </row>
    <row r="14138" spans="1:4" x14ac:dyDescent="0.25">
      <c r="A14138" t="s">
        <v>21818</v>
      </c>
      <c r="B14138" t="s">
        <v>21819</v>
      </c>
      <c r="C14138">
        <v>0</v>
      </c>
      <c r="D14138">
        <v>0</v>
      </c>
    </row>
    <row r="14139" spans="1:4" x14ac:dyDescent="0.25">
      <c r="A14139" t="s">
        <v>21820</v>
      </c>
      <c r="B14139" t="s">
        <v>21821</v>
      </c>
      <c r="C14139">
        <v>0</v>
      </c>
      <c r="D14139">
        <v>0</v>
      </c>
    </row>
    <row r="14140" spans="1:4" x14ac:dyDescent="0.25">
      <c r="A14140" t="s">
        <v>21822</v>
      </c>
      <c r="B14140" t="s">
        <v>21823</v>
      </c>
      <c r="C14140">
        <v>1</v>
      </c>
      <c r="D14140">
        <v>0</v>
      </c>
    </row>
    <row r="14141" spans="1:4" x14ac:dyDescent="0.25">
      <c r="A14141" t="s">
        <v>21824</v>
      </c>
      <c r="B14141" t="s">
        <v>21825</v>
      </c>
      <c r="C14141">
        <v>0</v>
      </c>
      <c r="D14141">
        <v>0</v>
      </c>
    </row>
    <row r="14142" spans="1:4" x14ac:dyDescent="0.25">
      <c r="A14142" t="s">
        <v>21826</v>
      </c>
      <c r="B14142" t="s">
        <v>21827</v>
      </c>
      <c r="C14142">
        <v>1</v>
      </c>
      <c r="D14142">
        <v>0</v>
      </c>
    </row>
    <row r="14143" spans="1:4" x14ac:dyDescent="0.25">
      <c r="A14143" t="s">
        <v>21828</v>
      </c>
      <c r="B14143" t="s">
        <v>21829</v>
      </c>
      <c r="C14143">
        <v>1</v>
      </c>
      <c r="D14143">
        <v>0</v>
      </c>
    </row>
    <row r="14144" spans="1:4" x14ac:dyDescent="0.25">
      <c r="A14144" t="s">
        <v>21830</v>
      </c>
      <c r="B14144" t="s">
        <v>21831</v>
      </c>
      <c r="C14144">
        <v>1</v>
      </c>
      <c r="D14144">
        <v>0</v>
      </c>
    </row>
    <row r="14145" spans="1:4" x14ac:dyDescent="0.25">
      <c r="A14145" t="s">
        <v>21832</v>
      </c>
      <c r="B14145" t="s">
        <v>21833</v>
      </c>
      <c r="C14145">
        <v>1</v>
      </c>
      <c r="D14145">
        <v>0</v>
      </c>
    </row>
    <row r="14146" spans="1:4" x14ac:dyDescent="0.25">
      <c r="A14146" t="s">
        <v>21834</v>
      </c>
      <c r="B14146" t="s">
        <v>21835</v>
      </c>
      <c r="C14146">
        <v>1</v>
      </c>
      <c r="D14146">
        <v>0</v>
      </c>
    </row>
    <row r="14147" spans="1:4" x14ac:dyDescent="0.25">
      <c r="A14147" t="s">
        <v>21836</v>
      </c>
      <c r="B14147" t="s">
        <v>21837</v>
      </c>
      <c r="C14147">
        <v>1</v>
      </c>
      <c r="D14147">
        <v>0</v>
      </c>
    </row>
    <row r="14148" spans="1:4" x14ac:dyDescent="0.25">
      <c r="A14148" t="s">
        <v>21838</v>
      </c>
      <c r="B14148" t="s">
        <v>21839</v>
      </c>
      <c r="C14148">
        <v>1</v>
      </c>
      <c r="D14148">
        <v>0</v>
      </c>
    </row>
    <row r="14149" spans="1:4" x14ac:dyDescent="0.25">
      <c r="A14149" t="s">
        <v>21840</v>
      </c>
      <c r="B14149" t="s">
        <v>21841</v>
      </c>
      <c r="C14149">
        <v>0</v>
      </c>
      <c r="D14149">
        <v>0</v>
      </c>
    </row>
    <row r="14150" spans="1:4" x14ac:dyDescent="0.25">
      <c r="A14150" t="s">
        <v>21842</v>
      </c>
      <c r="B14150" t="s">
        <v>21843</v>
      </c>
      <c r="C14150">
        <v>1</v>
      </c>
      <c r="D14150">
        <v>0</v>
      </c>
    </row>
    <row r="14151" spans="1:4" x14ac:dyDescent="0.25">
      <c r="A14151" t="s">
        <v>21844</v>
      </c>
      <c r="B14151" t="s">
        <v>21845</v>
      </c>
      <c r="C14151">
        <v>1</v>
      </c>
      <c r="D14151">
        <v>0</v>
      </c>
    </row>
    <row r="14152" spans="1:4" x14ac:dyDescent="0.25">
      <c r="A14152" t="s">
        <v>21846</v>
      </c>
      <c r="B14152" t="s">
        <v>21847</v>
      </c>
      <c r="C14152">
        <v>0</v>
      </c>
      <c r="D14152">
        <v>0</v>
      </c>
    </row>
    <row r="14153" spans="1:4" x14ac:dyDescent="0.25">
      <c r="A14153" t="s">
        <v>21848</v>
      </c>
      <c r="B14153" t="s">
        <v>21849</v>
      </c>
      <c r="C14153">
        <v>2</v>
      </c>
      <c r="D14153">
        <v>0</v>
      </c>
    </row>
    <row r="14154" spans="1:4" x14ac:dyDescent="0.25">
      <c r="A14154" t="s">
        <v>21850</v>
      </c>
      <c r="B14154" t="s">
        <v>21851</v>
      </c>
      <c r="C14154">
        <v>2</v>
      </c>
      <c r="D14154">
        <v>0</v>
      </c>
    </row>
    <row r="14155" spans="1:4" x14ac:dyDescent="0.25">
      <c r="A14155" t="s">
        <v>21852</v>
      </c>
      <c r="B14155" t="s">
        <v>21853</v>
      </c>
      <c r="C14155">
        <v>2</v>
      </c>
      <c r="D14155">
        <v>0</v>
      </c>
    </row>
    <row r="14156" spans="1:4" x14ac:dyDescent="0.25">
      <c r="A14156" t="s">
        <v>21854</v>
      </c>
      <c r="B14156" t="s">
        <v>21855</v>
      </c>
      <c r="C14156">
        <v>1</v>
      </c>
      <c r="D14156">
        <v>0</v>
      </c>
    </row>
    <row r="14157" spans="1:4" x14ac:dyDescent="0.25">
      <c r="A14157" t="s">
        <v>21856</v>
      </c>
      <c r="B14157" t="s">
        <v>21857</v>
      </c>
      <c r="C14157">
        <v>1</v>
      </c>
      <c r="D14157">
        <v>0</v>
      </c>
    </row>
    <row r="14158" spans="1:4" x14ac:dyDescent="0.25">
      <c r="A14158" t="s">
        <v>21856</v>
      </c>
      <c r="B14158" t="s">
        <v>21858</v>
      </c>
      <c r="C14158">
        <v>0</v>
      </c>
      <c r="D14158">
        <v>0</v>
      </c>
    </row>
    <row r="14159" spans="1:4" x14ac:dyDescent="0.25">
      <c r="A14159" t="s">
        <v>21859</v>
      </c>
      <c r="B14159" t="s">
        <v>21860</v>
      </c>
      <c r="C14159">
        <v>0</v>
      </c>
      <c r="D14159">
        <v>0</v>
      </c>
    </row>
    <row r="14160" spans="1:4" x14ac:dyDescent="0.25">
      <c r="A14160" t="s">
        <v>21861</v>
      </c>
      <c r="B14160" t="s">
        <v>21862</v>
      </c>
      <c r="C14160">
        <v>2</v>
      </c>
      <c r="D14160">
        <v>0</v>
      </c>
    </row>
    <row r="14161" spans="1:4" x14ac:dyDescent="0.25">
      <c r="A14161" t="s">
        <v>21863</v>
      </c>
      <c r="B14161" t="s">
        <v>21864</v>
      </c>
      <c r="C14161">
        <v>1</v>
      </c>
      <c r="D14161">
        <v>0</v>
      </c>
    </row>
    <row r="14162" spans="1:4" x14ac:dyDescent="0.25">
      <c r="A14162" t="s">
        <v>21863</v>
      </c>
      <c r="B14162" t="s">
        <v>21865</v>
      </c>
      <c r="C14162">
        <v>0</v>
      </c>
      <c r="D14162">
        <v>0</v>
      </c>
    </row>
    <row r="14163" spans="1:4" x14ac:dyDescent="0.25">
      <c r="A14163" t="s">
        <v>21863</v>
      </c>
      <c r="B14163" t="s">
        <v>21866</v>
      </c>
      <c r="C14163">
        <v>2</v>
      </c>
      <c r="D14163">
        <v>0</v>
      </c>
    </row>
    <row r="14164" spans="1:4" x14ac:dyDescent="0.25">
      <c r="A14164" t="s">
        <v>21867</v>
      </c>
      <c r="B14164" t="s">
        <v>21868</v>
      </c>
      <c r="C14164">
        <v>0</v>
      </c>
      <c r="D14164">
        <v>0</v>
      </c>
    </row>
    <row r="14165" spans="1:4" x14ac:dyDescent="0.25">
      <c r="A14165" t="s">
        <v>21869</v>
      </c>
      <c r="B14165" t="s">
        <v>21870</v>
      </c>
      <c r="C14165">
        <v>1</v>
      </c>
      <c r="D14165">
        <v>0</v>
      </c>
    </row>
    <row r="14166" spans="1:4" x14ac:dyDescent="0.25">
      <c r="A14166" t="s">
        <v>21871</v>
      </c>
      <c r="B14166" t="s">
        <v>21872</v>
      </c>
      <c r="C14166">
        <v>1</v>
      </c>
      <c r="D14166">
        <v>0</v>
      </c>
    </row>
    <row r="14167" spans="1:4" x14ac:dyDescent="0.25">
      <c r="A14167" t="s">
        <v>21873</v>
      </c>
      <c r="B14167" t="s">
        <v>21874</v>
      </c>
      <c r="C14167">
        <v>1</v>
      </c>
      <c r="D14167">
        <v>0</v>
      </c>
    </row>
    <row r="14168" spans="1:4" x14ac:dyDescent="0.25">
      <c r="A14168" t="s">
        <v>21875</v>
      </c>
      <c r="B14168" t="s">
        <v>21876</v>
      </c>
      <c r="C14168">
        <v>0</v>
      </c>
      <c r="D14168">
        <v>0</v>
      </c>
    </row>
    <row r="14169" spans="1:4" x14ac:dyDescent="0.25">
      <c r="A14169" t="s">
        <v>21877</v>
      </c>
      <c r="B14169" t="s">
        <v>21878</v>
      </c>
      <c r="C14169">
        <v>0</v>
      </c>
      <c r="D14169">
        <v>0</v>
      </c>
    </row>
    <row r="14170" spans="1:4" x14ac:dyDescent="0.25">
      <c r="A14170" t="s">
        <v>21879</v>
      </c>
      <c r="B14170" t="s">
        <v>21880</v>
      </c>
      <c r="C14170">
        <v>0</v>
      </c>
      <c r="D14170">
        <v>0</v>
      </c>
    </row>
    <row r="14171" spans="1:4" x14ac:dyDescent="0.25">
      <c r="A14171" t="s">
        <v>21881</v>
      </c>
      <c r="B14171" t="s">
        <v>21882</v>
      </c>
      <c r="C14171">
        <v>1</v>
      </c>
      <c r="D14171">
        <v>0</v>
      </c>
    </row>
    <row r="14172" spans="1:4" x14ac:dyDescent="0.25">
      <c r="A14172" t="s">
        <v>21883</v>
      </c>
      <c r="B14172" t="s">
        <v>21884</v>
      </c>
      <c r="C14172">
        <v>1</v>
      </c>
      <c r="D14172">
        <v>0</v>
      </c>
    </row>
    <row r="14173" spans="1:4" x14ac:dyDescent="0.25">
      <c r="A14173" t="s">
        <v>21885</v>
      </c>
      <c r="B14173" t="s">
        <v>21886</v>
      </c>
      <c r="C14173">
        <v>1</v>
      </c>
      <c r="D14173">
        <v>0</v>
      </c>
    </row>
    <row r="14174" spans="1:4" x14ac:dyDescent="0.25">
      <c r="A14174" t="s">
        <v>21887</v>
      </c>
      <c r="B14174" t="s">
        <v>21888</v>
      </c>
      <c r="C14174">
        <v>1</v>
      </c>
      <c r="D14174">
        <v>0</v>
      </c>
    </row>
    <row r="14175" spans="1:4" x14ac:dyDescent="0.25">
      <c r="A14175" t="s">
        <v>21889</v>
      </c>
      <c r="B14175" t="s">
        <v>21890</v>
      </c>
      <c r="C14175">
        <v>1</v>
      </c>
      <c r="D14175">
        <v>0</v>
      </c>
    </row>
    <row r="14176" spans="1:4" x14ac:dyDescent="0.25">
      <c r="A14176" t="s">
        <v>21891</v>
      </c>
      <c r="B14176" t="s">
        <v>21892</v>
      </c>
      <c r="C14176">
        <v>0</v>
      </c>
      <c r="D14176">
        <v>0</v>
      </c>
    </row>
    <row r="14177" spans="1:4" x14ac:dyDescent="0.25">
      <c r="A14177" t="s">
        <v>21893</v>
      </c>
      <c r="B14177" t="s">
        <v>21894</v>
      </c>
      <c r="C14177">
        <v>1</v>
      </c>
      <c r="D14177">
        <v>0</v>
      </c>
    </row>
    <row r="14178" spans="1:4" x14ac:dyDescent="0.25">
      <c r="A14178" t="s">
        <v>21895</v>
      </c>
      <c r="B14178" t="s">
        <v>21896</v>
      </c>
      <c r="C14178">
        <v>1</v>
      </c>
      <c r="D14178">
        <v>0</v>
      </c>
    </row>
    <row r="14179" spans="1:4" x14ac:dyDescent="0.25">
      <c r="A14179" t="s">
        <v>21897</v>
      </c>
      <c r="B14179" t="s">
        <v>21898</v>
      </c>
      <c r="C14179">
        <v>0</v>
      </c>
      <c r="D14179">
        <v>0</v>
      </c>
    </row>
    <row r="14180" spans="1:4" x14ac:dyDescent="0.25">
      <c r="A14180" t="s">
        <v>21899</v>
      </c>
      <c r="B14180" t="s">
        <v>21900</v>
      </c>
      <c r="C14180">
        <v>2</v>
      </c>
      <c r="D14180">
        <v>0</v>
      </c>
    </row>
    <row r="14181" spans="1:4" x14ac:dyDescent="0.25">
      <c r="A14181" t="s">
        <v>21901</v>
      </c>
      <c r="B14181" t="s">
        <v>21902</v>
      </c>
      <c r="C14181">
        <v>1</v>
      </c>
      <c r="D14181">
        <v>0</v>
      </c>
    </row>
    <row r="14182" spans="1:4" x14ac:dyDescent="0.25">
      <c r="A14182" t="s">
        <v>21903</v>
      </c>
      <c r="B14182" t="s">
        <v>21904</v>
      </c>
      <c r="C14182">
        <v>0</v>
      </c>
      <c r="D14182">
        <v>0</v>
      </c>
    </row>
    <row r="14183" spans="1:4" x14ac:dyDescent="0.25">
      <c r="A14183" t="s">
        <v>21905</v>
      </c>
      <c r="B14183" t="s">
        <v>21906</v>
      </c>
      <c r="C14183">
        <v>1</v>
      </c>
      <c r="D14183">
        <v>0</v>
      </c>
    </row>
    <row r="14184" spans="1:4" x14ac:dyDescent="0.25">
      <c r="A14184" t="s">
        <v>21907</v>
      </c>
      <c r="B14184" t="s">
        <v>21908</v>
      </c>
      <c r="C14184">
        <v>1</v>
      </c>
      <c r="D14184">
        <v>0</v>
      </c>
    </row>
    <row r="14185" spans="1:4" x14ac:dyDescent="0.25">
      <c r="A14185" t="s">
        <v>21909</v>
      </c>
      <c r="B14185" t="s">
        <v>21910</v>
      </c>
      <c r="C14185">
        <v>1</v>
      </c>
      <c r="D14185">
        <v>0</v>
      </c>
    </row>
    <row r="14186" spans="1:4" x14ac:dyDescent="0.25">
      <c r="A14186" t="s">
        <v>21911</v>
      </c>
      <c r="B14186" t="s">
        <v>21912</v>
      </c>
      <c r="C14186">
        <v>0</v>
      </c>
      <c r="D14186">
        <v>0</v>
      </c>
    </row>
    <row r="14187" spans="1:4" x14ac:dyDescent="0.25">
      <c r="A14187" t="s">
        <v>21913</v>
      </c>
      <c r="B14187" t="s">
        <v>21914</v>
      </c>
      <c r="C14187">
        <v>1</v>
      </c>
      <c r="D14187">
        <v>0</v>
      </c>
    </row>
    <row r="14188" spans="1:4" x14ac:dyDescent="0.25">
      <c r="A14188" t="s">
        <v>21915</v>
      </c>
      <c r="B14188" t="s">
        <v>21916</v>
      </c>
      <c r="C14188">
        <v>0</v>
      </c>
      <c r="D14188">
        <v>0</v>
      </c>
    </row>
    <row r="14189" spans="1:4" x14ac:dyDescent="0.25">
      <c r="A14189" t="s">
        <v>21917</v>
      </c>
      <c r="B14189" t="s">
        <v>21918</v>
      </c>
      <c r="C14189">
        <v>2</v>
      </c>
      <c r="D14189">
        <v>0</v>
      </c>
    </row>
    <row r="14190" spans="1:4" x14ac:dyDescent="0.25">
      <c r="A14190" t="s">
        <v>21919</v>
      </c>
      <c r="B14190" t="s">
        <v>21920</v>
      </c>
      <c r="C14190">
        <v>1</v>
      </c>
      <c r="D14190">
        <v>0</v>
      </c>
    </row>
    <row r="14191" spans="1:4" x14ac:dyDescent="0.25">
      <c r="A14191" t="s">
        <v>21921</v>
      </c>
      <c r="B14191" t="s">
        <v>21922</v>
      </c>
      <c r="C14191">
        <v>2</v>
      </c>
      <c r="D14191">
        <v>0</v>
      </c>
    </row>
    <row r="14192" spans="1:4" x14ac:dyDescent="0.25">
      <c r="A14192" t="s">
        <v>21923</v>
      </c>
      <c r="B14192" t="s">
        <v>21924</v>
      </c>
      <c r="C14192">
        <v>0</v>
      </c>
      <c r="D14192">
        <v>0</v>
      </c>
    </row>
    <row r="14193" spans="1:4" x14ac:dyDescent="0.25">
      <c r="A14193" t="s">
        <v>21925</v>
      </c>
      <c r="B14193" t="s">
        <v>21926</v>
      </c>
      <c r="C14193">
        <v>1</v>
      </c>
      <c r="D14193">
        <v>0</v>
      </c>
    </row>
    <row r="14194" spans="1:4" x14ac:dyDescent="0.25">
      <c r="A14194" t="s">
        <v>21927</v>
      </c>
      <c r="B14194" t="s">
        <v>21928</v>
      </c>
      <c r="C14194">
        <v>1</v>
      </c>
      <c r="D14194">
        <v>0</v>
      </c>
    </row>
    <row r="14195" spans="1:4" x14ac:dyDescent="0.25">
      <c r="A14195" t="s">
        <v>21929</v>
      </c>
      <c r="B14195" t="s">
        <v>21930</v>
      </c>
      <c r="C14195">
        <v>1</v>
      </c>
      <c r="D14195">
        <v>0</v>
      </c>
    </row>
    <row r="14196" spans="1:4" x14ac:dyDescent="0.25">
      <c r="A14196" t="s">
        <v>21931</v>
      </c>
      <c r="B14196" t="s">
        <v>21932</v>
      </c>
      <c r="C14196">
        <v>1</v>
      </c>
      <c r="D14196">
        <v>0</v>
      </c>
    </row>
    <row r="14197" spans="1:4" x14ac:dyDescent="0.25">
      <c r="A14197" t="s">
        <v>21933</v>
      </c>
      <c r="B14197" t="s">
        <v>21934</v>
      </c>
      <c r="C14197">
        <v>1</v>
      </c>
      <c r="D14197">
        <v>0</v>
      </c>
    </row>
    <row r="14198" spans="1:4" x14ac:dyDescent="0.25">
      <c r="A14198" t="s">
        <v>21935</v>
      </c>
      <c r="B14198" t="s">
        <v>21936</v>
      </c>
      <c r="C14198">
        <v>1</v>
      </c>
      <c r="D14198">
        <v>0</v>
      </c>
    </row>
    <row r="14199" spans="1:4" x14ac:dyDescent="0.25">
      <c r="A14199" t="s">
        <v>21937</v>
      </c>
      <c r="B14199" t="s">
        <v>21938</v>
      </c>
      <c r="C14199">
        <v>1</v>
      </c>
      <c r="D14199">
        <v>0</v>
      </c>
    </row>
    <row r="14200" spans="1:4" x14ac:dyDescent="0.25">
      <c r="A14200" t="s">
        <v>21939</v>
      </c>
      <c r="B14200" t="s">
        <v>21940</v>
      </c>
      <c r="C14200">
        <v>1</v>
      </c>
      <c r="D14200">
        <v>0</v>
      </c>
    </row>
    <row r="14201" spans="1:4" x14ac:dyDescent="0.25">
      <c r="A14201" t="s">
        <v>21941</v>
      </c>
      <c r="B14201" t="s">
        <v>21942</v>
      </c>
      <c r="C14201">
        <v>1</v>
      </c>
      <c r="D14201">
        <v>0</v>
      </c>
    </row>
    <row r="14202" spans="1:4" x14ac:dyDescent="0.25">
      <c r="A14202" t="s">
        <v>21943</v>
      </c>
      <c r="B14202" t="s">
        <v>21944</v>
      </c>
      <c r="C14202">
        <v>1</v>
      </c>
      <c r="D14202">
        <v>0</v>
      </c>
    </row>
    <row r="14203" spans="1:4" x14ac:dyDescent="0.25">
      <c r="A14203" t="s">
        <v>21943</v>
      </c>
      <c r="B14203" t="s">
        <v>21945</v>
      </c>
      <c r="C14203">
        <v>2</v>
      </c>
      <c r="D14203">
        <v>0</v>
      </c>
    </row>
    <row r="14204" spans="1:4" x14ac:dyDescent="0.25">
      <c r="A14204" t="s">
        <v>21946</v>
      </c>
      <c r="B14204" t="s">
        <v>21947</v>
      </c>
      <c r="C14204">
        <v>2</v>
      </c>
      <c r="D14204">
        <v>0</v>
      </c>
    </row>
    <row r="14205" spans="1:4" x14ac:dyDescent="0.25">
      <c r="A14205" t="s">
        <v>21948</v>
      </c>
      <c r="B14205" t="s">
        <v>21949</v>
      </c>
      <c r="C14205">
        <v>2</v>
      </c>
      <c r="D14205">
        <v>0</v>
      </c>
    </row>
    <row r="14206" spans="1:4" x14ac:dyDescent="0.25">
      <c r="A14206" t="s">
        <v>21950</v>
      </c>
      <c r="B14206" t="s">
        <v>21951</v>
      </c>
      <c r="C14206">
        <v>1</v>
      </c>
      <c r="D14206">
        <v>0</v>
      </c>
    </row>
    <row r="14207" spans="1:4" x14ac:dyDescent="0.25">
      <c r="A14207" t="s">
        <v>21952</v>
      </c>
      <c r="B14207" t="s">
        <v>21953</v>
      </c>
      <c r="C14207">
        <v>0</v>
      </c>
      <c r="D14207">
        <v>0</v>
      </c>
    </row>
    <row r="14208" spans="1:4" x14ac:dyDescent="0.25">
      <c r="A14208" t="s">
        <v>21954</v>
      </c>
      <c r="B14208" t="s">
        <v>21955</v>
      </c>
      <c r="C14208">
        <v>1</v>
      </c>
      <c r="D14208">
        <v>0</v>
      </c>
    </row>
    <row r="14209" spans="1:4" x14ac:dyDescent="0.25">
      <c r="A14209" t="s">
        <v>21956</v>
      </c>
      <c r="B14209" t="s">
        <v>21957</v>
      </c>
      <c r="C14209">
        <v>1</v>
      </c>
      <c r="D14209">
        <v>0</v>
      </c>
    </row>
    <row r="14210" spans="1:4" x14ac:dyDescent="0.25">
      <c r="A14210" t="s">
        <v>21958</v>
      </c>
      <c r="B14210" t="s">
        <v>21959</v>
      </c>
      <c r="C14210">
        <v>1</v>
      </c>
      <c r="D14210">
        <v>0</v>
      </c>
    </row>
    <row r="14211" spans="1:4" x14ac:dyDescent="0.25">
      <c r="A14211" t="s">
        <v>21960</v>
      </c>
      <c r="B14211" t="s">
        <v>21961</v>
      </c>
      <c r="C14211">
        <v>1</v>
      </c>
      <c r="D14211">
        <v>0</v>
      </c>
    </row>
    <row r="14212" spans="1:4" x14ac:dyDescent="0.25">
      <c r="A14212" t="s">
        <v>21962</v>
      </c>
      <c r="B14212" t="s">
        <v>21963</v>
      </c>
      <c r="C14212">
        <v>1</v>
      </c>
      <c r="D14212">
        <v>0</v>
      </c>
    </row>
    <row r="14213" spans="1:4" x14ac:dyDescent="0.25">
      <c r="A14213" t="s">
        <v>21964</v>
      </c>
      <c r="B14213" t="s">
        <v>21965</v>
      </c>
      <c r="C14213">
        <v>1</v>
      </c>
      <c r="D14213">
        <v>0</v>
      </c>
    </row>
    <row r="14214" spans="1:4" x14ac:dyDescent="0.25">
      <c r="A14214" t="s">
        <v>21966</v>
      </c>
      <c r="B14214" t="s">
        <v>21967</v>
      </c>
      <c r="C14214">
        <v>0</v>
      </c>
      <c r="D14214">
        <v>0</v>
      </c>
    </row>
    <row r="14215" spans="1:4" x14ac:dyDescent="0.25">
      <c r="A14215" t="s">
        <v>21968</v>
      </c>
      <c r="B14215" t="s">
        <v>21969</v>
      </c>
      <c r="C14215">
        <v>1</v>
      </c>
      <c r="D14215">
        <v>0</v>
      </c>
    </row>
    <row r="14216" spans="1:4" x14ac:dyDescent="0.25">
      <c r="A14216" t="s">
        <v>21970</v>
      </c>
      <c r="B14216" t="s">
        <v>21971</v>
      </c>
      <c r="C14216">
        <v>1</v>
      </c>
      <c r="D14216">
        <v>0</v>
      </c>
    </row>
    <row r="14217" spans="1:4" x14ac:dyDescent="0.25">
      <c r="A14217" t="s">
        <v>21972</v>
      </c>
      <c r="B14217" t="s">
        <v>21973</v>
      </c>
      <c r="C14217">
        <v>0</v>
      </c>
      <c r="D14217">
        <v>0</v>
      </c>
    </row>
    <row r="14218" spans="1:4" x14ac:dyDescent="0.25">
      <c r="A14218" t="s">
        <v>21974</v>
      </c>
      <c r="B14218" t="s">
        <v>21975</v>
      </c>
      <c r="C14218">
        <v>1</v>
      </c>
      <c r="D14218">
        <v>0</v>
      </c>
    </row>
    <row r="14219" spans="1:4" x14ac:dyDescent="0.25">
      <c r="A14219" t="s">
        <v>21974</v>
      </c>
      <c r="B14219" t="s">
        <v>21976</v>
      </c>
      <c r="C14219">
        <v>2</v>
      </c>
      <c r="D14219">
        <v>0</v>
      </c>
    </row>
    <row r="14220" spans="1:4" x14ac:dyDescent="0.25">
      <c r="A14220" t="s">
        <v>21977</v>
      </c>
      <c r="B14220" t="s">
        <v>21978</v>
      </c>
      <c r="C14220">
        <v>1</v>
      </c>
      <c r="D14220">
        <v>0</v>
      </c>
    </row>
    <row r="14221" spans="1:4" x14ac:dyDescent="0.25">
      <c r="A14221" t="s">
        <v>21979</v>
      </c>
      <c r="B14221" t="s">
        <v>21980</v>
      </c>
      <c r="C14221">
        <v>0</v>
      </c>
      <c r="D14221">
        <v>0</v>
      </c>
    </row>
    <row r="14222" spans="1:4" x14ac:dyDescent="0.25">
      <c r="A14222" t="s">
        <v>21981</v>
      </c>
      <c r="B14222" t="s">
        <v>21982</v>
      </c>
      <c r="C14222">
        <v>0</v>
      </c>
      <c r="D14222">
        <v>0</v>
      </c>
    </row>
    <row r="14223" spans="1:4" x14ac:dyDescent="0.25">
      <c r="A14223" t="s">
        <v>21983</v>
      </c>
      <c r="B14223" t="s">
        <v>21984</v>
      </c>
      <c r="C14223">
        <v>0</v>
      </c>
      <c r="D14223">
        <v>0</v>
      </c>
    </row>
    <row r="14224" spans="1:4" x14ac:dyDescent="0.25">
      <c r="A14224" t="s">
        <v>21985</v>
      </c>
      <c r="B14224" t="s">
        <v>21986</v>
      </c>
      <c r="C14224">
        <v>1</v>
      </c>
      <c r="D14224">
        <v>0</v>
      </c>
    </row>
    <row r="14225" spans="1:4" x14ac:dyDescent="0.25">
      <c r="A14225" t="s">
        <v>21987</v>
      </c>
      <c r="B14225" t="s">
        <v>21988</v>
      </c>
      <c r="C14225">
        <v>1</v>
      </c>
      <c r="D14225">
        <v>0</v>
      </c>
    </row>
    <row r="14226" spans="1:4" x14ac:dyDescent="0.25">
      <c r="A14226" t="s">
        <v>21989</v>
      </c>
      <c r="B14226" t="s">
        <v>21990</v>
      </c>
      <c r="C14226">
        <v>1</v>
      </c>
      <c r="D14226">
        <v>0</v>
      </c>
    </row>
    <row r="14227" spans="1:4" x14ac:dyDescent="0.25">
      <c r="A14227" t="s">
        <v>21991</v>
      </c>
      <c r="B14227" t="s">
        <v>21992</v>
      </c>
      <c r="C14227">
        <v>2</v>
      </c>
      <c r="D14227">
        <v>0</v>
      </c>
    </row>
    <row r="14228" spans="1:4" x14ac:dyDescent="0.25">
      <c r="A14228" t="s">
        <v>21993</v>
      </c>
      <c r="B14228" t="s">
        <v>21994</v>
      </c>
      <c r="C14228">
        <v>0</v>
      </c>
      <c r="D14228">
        <v>0</v>
      </c>
    </row>
    <row r="14229" spans="1:4" x14ac:dyDescent="0.25">
      <c r="A14229" t="s">
        <v>21995</v>
      </c>
      <c r="B14229" t="s">
        <v>21996</v>
      </c>
      <c r="C14229">
        <v>1</v>
      </c>
      <c r="D14229">
        <v>0</v>
      </c>
    </row>
    <row r="14230" spans="1:4" x14ac:dyDescent="0.25">
      <c r="A14230" t="s">
        <v>21997</v>
      </c>
      <c r="B14230" t="s">
        <v>21998</v>
      </c>
      <c r="C14230">
        <v>2</v>
      </c>
      <c r="D14230">
        <v>0</v>
      </c>
    </row>
    <row r="14231" spans="1:4" x14ac:dyDescent="0.25">
      <c r="A14231" t="s">
        <v>21999</v>
      </c>
      <c r="B14231" t="s">
        <v>22000</v>
      </c>
      <c r="C14231">
        <v>1</v>
      </c>
      <c r="D14231">
        <v>0</v>
      </c>
    </row>
    <row r="14232" spans="1:4" x14ac:dyDescent="0.25">
      <c r="A14232" t="s">
        <v>22001</v>
      </c>
      <c r="B14232" t="s">
        <v>22002</v>
      </c>
      <c r="C14232">
        <v>2</v>
      </c>
      <c r="D14232">
        <v>0</v>
      </c>
    </row>
    <row r="14233" spans="1:4" x14ac:dyDescent="0.25">
      <c r="A14233" t="s">
        <v>22003</v>
      </c>
      <c r="B14233" t="s">
        <v>22004</v>
      </c>
      <c r="C14233">
        <v>1</v>
      </c>
      <c r="D14233">
        <v>0</v>
      </c>
    </row>
    <row r="14234" spans="1:4" x14ac:dyDescent="0.25">
      <c r="A14234" t="s">
        <v>22005</v>
      </c>
      <c r="B14234" t="s">
        <v>22006</v>
      </c>
      <c r="C14234">
        <v>2</v>
      </c>
      <c r="D14234">
        <v>0</v>
      </c>
    </row>
    <row r="14235" spans="1:4" x14ac:dyDescent="0.25">
      <c r="A14235" t="s">
        <v>22007</v>
      </c>
      <c r="B14235" t="s">
        <v>22008</v>
      </c>
      <c r="C14235">
        <v>0</v>
      </c>
      <c r="D14235">
        <v>0</v>
      </c>
    </row>
    <row r="14236" spans="1:4" x14ac:dyDescent="0.25">
      <c r="A14236" t="s">
        <v>22009</v>
      </c>
      <c r="B14236" t="s">
        <v>22010</v>
      </c>
      <c r="C14236">
        <v>1</v>
      </c>
      <c r="D14236">
        <v>0</v>
      </c>
    </row>
    <row r="14237" spans="1:4" x14ac:dyDescent="0.25">
      <c r="A14237" t="s">
        <v>22011</v>
      </c>
      <c r="B14237" t="s">
        <v>22012</v>
      </c>
      <c r="C14237">
        <v>0</v>
      </c>
      <c r="D14237">
        <v>0</v>
      </c>
    </row>
    <row r="14238" spans="1:4" x14ac:dyDescent="0.25">
      <c r="A14238" t="s">
        <v>22013</v>
      </c>
      <c r="B14238" t="s">
        <v>22014</v>
      </c>
      <c r="C14238">
        <v>1</v>
      </c>
      <c r="D14238">
        <v>0</v>
      </c>
    </row>
    <row r="14239" spans="1:4" x14ac:dyDescent="0.25">
      <c r="A14239" t="s">
        <v>22013</v>
      </c>
      <c r="B14239" t="s">
        <v>22015</v>
      </c>
      <c r="C14239">
        <v>0</v>
      </c>
      <c r="D14239">
        <v>0</v>
      </c>
    </row>
    <row r="14240" spans="1:4" x14ac:dyDescent="0.25">
      <c r="A14240" t="s">
        <v>22016</v>
      </c>
      <c r="B14240" t="s">
        <v>22017</v>
      </c>
      <c r="C14240">
        <v>1</v>
      </c>
      <c r="D14240">
        <v>0</v>
      </c>
    </row>
    <row r="14241" spans="1:4" x14ac:dyDescent="0.25">
      <c r="A14241" t="s">
        <v>22018</v>
      </c>
      <c r="B14241" t="s">
        <v>22019</v>
      </c>
      <c r="C14241">
        <v>1</v>
      </c>
      <c r="D14241">
        <v>0</v>
      </c>
    </row>
    <row r="14242" spans="1:4" x14ac:dyDescent="0.25">
      <c r="A14242" t="s">
        <v>22020</v>
      </c>
      <c r="B14242" t="s">
        <v>22021</v>
      </c>
      <c r="C14242">
        <v>0</v>
      </c>
      <c r="D14242">
        <v>0</v>
      </c>
    </row>
    <row r="14243" spans="1:4" x14ac:dyDescent="0.25">
      <c r="A14243" t="s">
        <v>22022</v>
      </c>
      <c r="B14243" t="s">
        <v>22023</v>
      </c>
      <c r="C14243">
        <v>1</v>
      </c>
      <c r="D14243">
        <v>0</v>
      </c>
    </row>
    <row r="14244" spans="1:4" x14ac:dyDescent="0.25">
      <c r="A14244" t="s">
        <v>22024</v>
      </c>
      <c r="B14244" t="s">
        <v>22025</v>
      </c>
      <c r="C14244">
        <v>0</v>
      </c>
      <c r="D14244">
        <v>0</v>
      </c>
    </row>
    <row r="14245" spans="1:4" x14ac:dyDescent="0.25">
      <c r="A14245" t="s">
        <v>22026</v>
      </c>
      <c r="B14245" t="s">
        <v>22027</v>
      </c>
      <c r="C14245">
        <v>2</v>
      </c>
      <c r="D14245">
        <v>0</v>
      </c>
    </row>
    <row r="14246" spans="1:4" x14ac:dyDescent="0.25">
      <c r="A14246" t="s">
        <v>22028</v>
      </c>
      <c r="B14246" t="s">
        <v>22029</v>
      </c>
      <c r="C14246">
        <v>2</v>
      </c>
      <c r="D14246">
        <v>0</v>
      </c>
    </row>
    <row r="14247" spans="1:4" x14ac:dyDescent="0.25">
      <c r="A14247" t="s">
        <v>22030</v>
      </c>
      <c r="B14247" t="s">
        <v>22031</v>
      </c>
      <c r="C14247">
        <v>1</v>
      </c>
      <c r="D14247">
        <v>0</v>
      </c>
    </row>
    <row r="14248" spans="1:4" x14ac:dyDescent="0.25">
      <c r="A14248" t="s">
        <v>22032</v>
      </c>
      <c r="B14248" t="s">
        <v>22033</v>
      </c>
      <c r="C14248">
        <v>1</v>
      </c>
      <c r="D14248">
        <v>0</v>
      </c>
    </row>
    <row r="14249" spans="1:4" x14ac:dyDescent="0.25">
      <c r="A14249" t="s">
        <v>22034</v>
      </c>
      <c r="B14249" t="s">
        <v>22035</v>
      </c>
      <c r="C14249">
        <v>0</v>
      </c>
      <c r="D14249">
        <v>0</v>
      </c>
    </row>
    <row r="14250" spans="1:4" x14ac:dyDescent="0.25">
      <c r="A14250" t="s">
        <v>22034</v>
      </c>
      <c r="B14250" t="s">
        <v>22036</v>
      </c>
      <c r="C14250">
        <v>0</v>
      </c>
      <c r="D14250">
        <v>0</v>
      </c>
    </row>
    <row r="14251" spans="1:4" x14ac:dyDescent="0.25">
      <c r="A14251" t="s">
        <v>22037</v>
      </c>
      <c r="B14251" t="s">
        <v>22038</v>
      </c>
      <c r="C14251">
        <v>0</v>
      </c>
      <c r="D14251">
        <v>0</v>
      </c>
    </row>
    <row r="14252" spans="1:4" x14ac:dyDescent="0.25">
      <c r="A14252" t="s">
        <v>22039</v>
      </c>
      <c r="B14252" t="s">
        <v>22040</v>
      </c>
      <c r="C14252">
        <v>1</v>
      </c>
      <c r="D14252">
        <v>0</v>
      </c>
    </row>
    <row r="14253" spans="1:4" x14ac:dyDescent="0.25">
      <c r="A14253" t="s">
        <v>22041</v>
      </c>
      <c r="B14253" t="s">
        <v>22042</v>
      </c>
      <c r="C14253">
        <v>0</v>
      </c>
      <c r="D14253">
        <v>0</v>
      </c>
    </row>
    <row r="14254" spans="1:4" x14ac:dyDescent="0.25">
      <c r="A14254" t="s">
        <v>22043</v>
      </c>
      <c r="B14254" t="s">
        <v>22044</v>
      </c>
      <c r="C14254">
        <v>1</v>
      </c>
      <c r="D14254">
        <v>0</v>
      </c>
    </row>
    <row r="14255" spans="1:4" x14ac:dyDescent="0.25">
      <c r="A14255" t="s">
        <v>22045</v>
      </c>
      <c r="B14255" t="s">
        <v>22046</v>
      </c>
      <c r="C14255">
        <v>1</v>
      </c>
      <c r="D14255">
        <v>0</v>
      </c>
    </row>
    <row r="14256" spans="1:4" x14ac:dyDescent="0.25">
      <c r="A14256" t="s">
        <v>22047</v>
      </c>
      <c r="B14256" t="s">
        <v>22048</v>
      </c>
      <c r="C14256">
        <v>0</v>
      </c>
      <c r="D14256">
        <v>0</v>
      </c>
    </row>
    <row r="14257" spans="1:4" x14ac:dyDescent="0.25">
      <c r="A14257" t="s">
        <v>22049</v>
      </c>
      <c r="B14257" t="s">
        <v>22050</v>
      </c>
      <c r="C14257">
        <v>1</v>
      </c>
      <c r="D14257">
        <v>0</v>
      </c>
    </row>
    <row r="14258" spans="1:4" x14ac:dyDescent="0.25">
      <c r="A14258" t="s">
        <v>22051</v>
      </c>
      <c r="B14258" t="s">
        <v>22052</v>
      </c>
      <c r="C14258">
        <v>2</v>
      </c>
      <c r="D14258">
        <v>0</v>
      </c>
    </row>
    <row r="14259" spans="1:4" x14ac:dyDescent="0.25">
      <c r="A14259" t="s">
        <v>22053</v>
      </c>
      <c r="B14259" t="s">
        <v>22054</v>
      </c>
      <c r="C14259">
        <v>1</v>
      </c>
      <c r="D14259">
        <v>0</v>
      </c>
    </row>
    <row r="14260" spans="1:4" x14ac:dyDescent="0.25">
      <c r="A14260" t="s">
        <v>22055</v>
      </c>
      <c r="B14260" t="s">
        <v>22056</v>
      </c>
      <c r="C14260">
        <v>1</v>
      </c>
      <c r="D14260">
        <v>0</v>
      </c>
    </row>
    <row r="14261" spans="1:4" x14ac:dyDescent="0.25">
      <c r="A14261" t="s">
        <v>22057</v>
      </c>
      <c r="B14261" t="s">
        <v>22058</v>
      </c>
      <c r="C14261">
        <v>1</v>
      </c>
      <c r="D14261">
        <v>0</v>
      </c>
    </row>
    <row r="14262" spans="1:4" x14ac:dyDescent="0.25">
      <c r="A14262" t="s">
        <v>22057</v>
      </c>
      <c r="B14262" t="s">
        <v>22059</v>
      </c>
      <c r="C14262">
        <v>0</v>
      </c>
      <c r="D14262">
        <v>0</v>
      </c>
    </row>
    <row r="14263" spans="1:4" x14ac:dyDescent="0.25">
      <c r="A14263" t="s">
        <v>22060</v>
      </c>
      <c r="B14263" t="s">
        <v>22061</v>
      </c>
      <c r="C14263">
        <v>2</v>
      </c>
      <c r="D14263">
        <v>0</v>
      </c>
    </row>
    <row r="14264" spans="1:4" x14ac:dyDescent="0.25">
      <c r="A14264" t="s">
        <v>22062</v>
      </c>
      <c r="B14264" t="s">
        <v>22063</v>
      </c>
      <c r="C14264">
        <v>1</v>
      </c>
      <c r="D14264">
        <v>0</v>
      </c>
    </row>
    <row r="14265" spans="1:4" x14ac:dyDescent="0.25">
      <c r="A14265" t="s">
        <v>22062</v>
      </c>
      <c r="B14265" t="s">
        <v>22064</v>
      </c>
      <c r="C14265">
        <v>2</v>
      </c>
      <c r="D14265">
        <v>0</v>
      </c>
    </row>
    <row r="14266" spans="1:4" x14ac:dyDescent="0.25">
      <c r="A14266" t="s">
        <v>22065</v>
      </c>
      <c r="B14266" t="s">
        <v>22066</v>
      </c>
      <c r="C14266">
        <v>0</v>
      </c>
      <c r="D14266">
        <v>0</v>
      </c>
    </row>
    <row r="14267" spans="1:4" x14ac:dyDescent="0.25">
      <c r="A14267" t="s">
        <v>22067</v>
      </c>
      <c r="B14267" t="s">
        <v>22068</v>
      </c>
      <c r="C14267">
        <v>2</v>
      </c>
      <c r="D14267">
        <v>0</v>
      </c>
    </row>
    <row r="14268" spans="1:4" x14ac:dyDescent="0.25">
      <c r="A14268" t="s">
        <v>22069</v>
      </c>
      <c r="B14268" t="s">
        <v>22070</v>
      </c>
      <c r="C14268">
        <v>1</v>
      </c>
      <c r="D14268">
        <v>0</v>
      </c>
    </row>
    <row r="14269" spans="1:4" x14ac:dyDescent="0.25">
      <c r="A14269" t="s">
        <v>22071</v>
      </c>
      <c r="B14269" t="s">
        <v>22072</v>
      </c>
      <c r="C14269">
        <v>2</v>
      </c>
      <c r="D14269">
        <v>0</v>
      </c>
    </row>
    <row r="14270" spans="1:4" x14ac:dyDescent="0.25">
      <c r="A14270" t="s">
        <v>22073</v>
      </c>
      <c r="B14270" t="s">
        <v>22074</v>
      </c>
      <c r="C14270">
        <v>1</v>
      </c>
      <c r="D14270">
        <v>0</v>
      </c>
    </row>
    <row r="14271" spans="1:4" x14ac:dyDescent="0.25">
      <c r="A14271" t="s">
        <v>22075</v>
      </c>
      <c r="B14271" t="s">
        <v>22076</v>
      </c>
      <c r="C14271">
        <v>1</v>
      </c>
      <c r="D14271">
        <v>0</v>
      </c>
    </row>
    <row r="14272" spans="1:4" x14ac:dyDescent="0.25">
      <c r="A14272" t="s">
        <v>22077</v>
      </c>
      <c r="B14272" t="s">
        <v>22078</v>
      </c>
      <c r="C14272">
        <v>1</v>
      </c>
      <c r="D14272">
        <v>0</v>
      </c>
    </row>
    <row r="14273" spans="1:4" x14ac:dyDescent="0.25">
      <c r="A14273" t="s">
        <v>22079</v>
      </c>
      <c r="B14273" t="s">
        <v>22080</v>
      </c>
      <c r="C14273">
        <v>0</v>
      </c>
      <c r="D14273">
        <v>0</v>
      </c>
    </row>
    <row r="14274" spans="1:4" x14ac:dyDescent="0.25">
      <c r="A14274" t="s">
        <v>22081</v>
      </c>
      <c r="B14274" t="s">
        <v>22082</v>
      </c>
      <c r="C14274">
        <v>1</v>
      </c>
      <c r="D14274">
        <v>0</v>
      </c>
    </row>
    <row r="14275" spans="1:4" x14ac:dyDescent="0.25">
      <c r="A14275" t="s">
        <v>22083</v>
      </c>
      <c r="B14275" t="s">
        <v>22084</v>
      </c>
      <c r="C14275">
        <v>1</v>
      </c>
      <c r="D14275">
        <v>0</v>
      </c>
    </row>
    <row r="14276" spans="1:4" x14ac:dyDescent="0.25">
      <c r="A14276" t="s">
        <v>22085</v>
      </c>
      <c r="B14276" t="s">
        <v>22086</v>
      </c>
      <c r="C14276">
        <v>1</v>
      </c>
      <c r="D14276">
        <v>0</v>
      </c>
    </row>
    <row r="14277" spans="1:4" x14ac:dyDescent="0.25">
      <c r="A14277" t="s">
        <v>22085</v>
      </c>
      <c r="B14277" t="s">
        <v>22087</v>
      </c>
      <c r="C14277">
        <v>0</v>
      </c>
      <c r="D14277">
        <v>0</v>
      </c>
    </row>
    <row r="14278" spans="1:4" x14ac:dyDescent="0.25">
      <c r="A14278" t="s">
        <v>22088</v>
      </c>
      <c r="B14278" t="s">
        <v>22089</v>
      </c>
      <c r="C14278">
        <v>2</v>
      </c>
      <c r="D14278">
        <v>0</v>
      </c>
    </row>
    <row r="14279" spans="1:4" x14ac:dyDescent="0.25">
      <c r="A14279" t="s">
        <v>22088</v>
      </c>
      <c r="B14279" t="s">
        <v>22090</v>
      </c>
      <c r="C14279">
        <v>2</v>
      </c>
      <c r="D14279">
        <v>0</v>
      </c>
    </row>
    <row r="14280" spans="1:4" x14ac:dyDescent="0.25">
      <c r="A14280" t="s">
        <v>22091</v>
      </c>
      <c r="B14280" t="s">
        <v>22092</v>
      </c>
      <c r="C14280">
        <v>1</v>
      </c>
      <c r="D14280">
        <v>0</v>
      </c>
    </row>
    <row r="14281" spans="1:4" x14ac:dyDescent="0.25">
      <c r="A14281" t="s">
        <v>22093</v>
      </c>
      <c r="B14281" t="s">
        <v>22094</v>
      </c>
      <c r="C14281">
        <v>0</v>
      </c>
      <c r="D14281">
        <v>0</v>
      </c>
    </row>
    <row r="14282" spans="1:4" x14ac:dyDescent="0.25">
      <c r="A14282" t="s">
        <v>22095</v>
      </c>
      <c r="B14282" t="s">
        <v>22096</v>
      </c>
      <c r="C14282">
        <v>1</v>
      </c>
      <c r="D14282">
        <v>0</v>
      </c>
    </row>
    <row r="14283" spans="1:4" x14ac:dyDescent="0.25">
      <c r="A14283" t="s">
        <v>22097</v>
      </c>
      <c r="B14283" t="s">
        <v>22098</v>
      </c>
      <c r="C14283">
        <v>1</v>
      </c>
      <c r="D14283">
        <v>0</v>
      </c>
    </row>
    <row r="14284" spans="1:4" x14ac:dyDescent="0.25">
      <c r="A14284" t="s">
        <v>22099</v>
      </c>
      <c r="B14284" t="s">
        <v>22100</v>
      </c>
      <c r="C14284">
        <v>1</v>
      </c>
      <c r="D14284">
        <v>0</v>
      </c>
    </row>
    <row r="14285" spans="1:4" x14ac:dyDescent="0.25">
      <c r="A14285" t="s">
        <v>22099</v>
      </c>
      <c r="B14285" t="s">
        <v>22101</v>
      </c>
      <c r="C14285">
        <v>0</v>
      </c>
      <c r="D14285">
        <v>0</v>
      </c>
    </row>
    <row r="14286" spans="1:4" x14ac:dyDescent="0.25">
      <c r="A14286" t="s">
        <v>22102</v>
      </c>
      <c r="B14286" t="s">
        <v>22103</v>
      </c>
      <c r="C14286">
        <v>0</v>
      </c>
      <c r="D14286">
        <v>0</v>
      </c>
    </row>
    <row r="14287" spans="1:4" x14ac:dyDescent="0.25">
      <c r="A14287" t="s">
        <v>22104</v>
      </c>
      <c r="B14287" t="s">
        <v>22105</v>
      </c>
      <c r="C14287">
        <v>1</v>
      </c>
      <c r="D14287">
        <v>0</v>
      </c>
    </row>
    <row r="14288" spans="1:4" x14ac:dyDescent="0.25">
      <c r="A14288" t="s">
        <v>22106</v>
      </c>
      <c r="B14288" t="s">
        <v>22107</v>
      </c>
      <c r="C14288">
        <v>1</v>
      </c>
      <c r="D14288">
        <v>0</v>
      </c>
    </row>
    <row r="14289" spans="1:4" x14ac:dyDescent="0.25">
      <c r="A14289" t="s">
        <v>22108</v>
      </c>
      <c r="B14289" t="s">
        <v>22109</v>
      </c>
      <c r="C14289">
        <v>1</v>
      </c>
      <c r="D14289">
        <v>0</v>
      </c>
    </row>
    <row r="14290" spans="1:4" x14ac:dyDescent="0.25">
      <c r="A14290" t="s">
        <v>22110</v>
      </c>
      <c r="B14290" t="s">
        <v>22111</v>
      </c>
      <c r="C14290">
        <v>1</v>
      </c>
      <c r="D14290">
        <v>0</v>
      </c>
    </row>
    <row r="14291" spans="1:4" x14ac:dyDescent="0.25">
      <c r="A14291" t="s">
        <v>22112</v>
      </c>
      <c r="B14291" t="s">
        <v>22113</v>
      </c>
      <c r="C14291">
        <v>1</v>
      </c>
      <c r="D14291">
        <v>0</v>
      </c>
    </row>
    <row r="14292" spans="1:4" x14ac:dyDescent="0.25">
      <c r="A14292" t="s">
        <v>22114</v>
      </c>
      <c r="B14292" t="s">
        <v>22115</v>
      </c>
      <c r="C14292">
        <v>1</v>
      </c>
      <c r="D14292">
        <v>0</v>
      </c>
    </row>
    <row r="14293" spans="1:4" x14ac:dyDescent="0.25">
      <c r="A14293" t="s">
        <v>22116</v>
      </c>
      <c r="B14293" t="s">
        <v>22117</v>
      </c>
      <c r="C14293">
        <v>1</v>
      </c>
      <c r="D14293">
        <v>0</v>
      </c>
    </row>
    <row r="14294" spans="1:4" x14ac:dyDescent="0.25">
      <c r="A14294" t="s">
        <v>22116</v>
      </c>
      <c r="B14294" t="s">
        <v>22118</v>
      </c>
      <c r="C14294">
        <v>0</v>
      </c>
      <c r="D14294">
        <v>0</v>
      </c>
    </row>
    <row r="14295" spans="1:4" x14ac:dyDescent="0.25">
      <c r="A14295" t="s">
        <v>22119</v>
      </c>
      <c r="B14295" t="s">
        <v>22120</v>
      </c>
      <c r="C14295">
        <v>1</v>
      </c>
      <c r="D14295">
        <v>0</v>
      </c>
    </row>
    <row r="14296" spans="1:4" x14ac:dyDescent="0.25">
      <c r="A14296" t="s">
        <v>22121</v>
      </c>
      <c r="B14296" t="s">
        <v>22122</v>
      </c>
      <c r="C14296">
        <v>1</v>
      </c>
      <c r="D14296">
        <v>0</v>
      </c>
    </row>
    <row r="14297" spans="1:4" x14ac:dyDescent="0.25">
      <c r="A14297" t="s">
        <v>22121</v>
      </c>
      <c r="B14297" t="s">
        <v>22123</v>
      </c>
      <c r="C14297">
        <v>1</v>
      </c>
      <c r="D14297">
        <v>0</v>
      </c>
    </row>
    <row r="14298" spans="1:4" x14ac:dyDescent="0.25">
      <c r="A14298" t="s">
        <v>22124</v>
      </c>
      <c r="B14298" t="s">
        <v>22125</v>
      </c>
      <c r="C14298">
        <v>1</v>
      </c>
      <c r="D14298">
        <v>0</v>
      </c>
    </row>
    <row r="14299" spans="1:4" x14ac:dyDescent="0.25">
      <c r="A14299" t="s">
        <v>22124</v>
      </c>
      <c r="B14299" t="s">
        <v>17257</v>
      </c>
      <c r="C14299">
        <v>2</v>
      </c>
      <c r="D14299">
        <v>0</v>
      </c>
    </row>
    <row r="14300" spans="1:4" x14ac:dyDescent="0.25">
      <c r="A14300" t="s">
        <v>22126</v>
      </c>
      <c r="B14300" t="s">
        <v>22127</v>
      </c>
      <c r="C14300">
        <v>1</v>
      </c>
      <c r="D14300">
        <v>0</v>
      </c>
    </row>
    <row r="14301" spans="1:4" x14ac:dyDescent="0.25">
      <c r="A14301" t="s">
        <v>22128</v>
      </c>
      <c r="B14301" t="s">
        <v>22129</v>
      </c>
      <c r="C14301">
        <v>0</v>
      </c>
      <c r="D14301">
        <v>0</v>
      </c>
    </row>
    <row r="14302" spans="1:4" x14ac:dyDescent="0.25">
      <c r="A14302" t="s">
        <v>22130</v>
      </c>
      <c r="B14302" t="s">
        <v>22131</v>
      </c>
      <c r="C14302">
        <v>1</v>
      </c>
      <c r="D14302">
        <v>0</v>
      </c>
    </row>
    <row r="14303" spans="1:4" x14ac:dyDescent="0.25">
      <c r="A14303" t="s">
        <v>22130</v>
      </c>
      <c r="B14303" t="s">
        <v>22132</v>
      </c>
      <c r="C14303">
        <v>0</v>
      </c>
      <c r="D14303">
        <v>0</v>
      </c>
    </row>
    <row r="14304" spans="1:4" x14ac:dyDescent="0.25">
      <c r="A14304" t="s">
        <v>22133</v>
      </c>
      <c r="B14304" t="s">
        <v>22134</v>
      </c>
      <c r="C14304">
        <v>0</v>
      </c>
      <c r="D14304">
        <v>0</v>
      </c>
    </row>
    <row r="14305" spans="1:4" x14ac:dyDescent="0.25">
      <c r="A14305" t="s">
        <v>22135</v>
      </c>
      <c r="B14305" t="s">
        <v>22136</v>
      </c>
      <c r="C14305">
        <v>2</v>
      </c>
      <c r="D14305">
        <v>0</v>
      </c>
    </row>
    <row r="14306" spans="1:4" x14ac:dyDescent="0.25">
      <c r="A14306" t="s">
        <v>22137</v>
      </c>
      <c r="B14306" t="s">
        <v>22138</v>
      </c>
      <c r="C14306">
        <v>1</v>
      </c>
      <c r="D14306">
        <v>0</v>
      </c>
    </row>
    <row r="14307" spans="1:4" x14ac:dyDescent="0.25">
      <c r="A14307" t="s">
        <v>22139</v>
      </c>
      <c r="B14307" t="s">
        <v>22140</v>
      </c>
      <c r="C14307">
        <v>1</v>
      </c>
      <c r="D14307">
        <v>0</v>
      </c>
    </row>
    <row r="14308" spans="1:4" x14ac:dyDescent="0.25">
      <c r="A14308" t="s">
        <v>22141</v>
      </c>
      <c r="B14308" t="s">
        <v>22142</v>
      </c>
      <c r="C14308">
        <v>1</v>
      </c>
      <c r="D14308">
        <v>0</v>
      </c>
    </row>
    <row r="14309" spans="1:4" x14ac:dyDescent="0.25">
      <c r="A14309" t="s">
        <v>22143</v>
      </c>
      <c r="B14309" t="s">
        <v>22144</v>
      </c>
      <c r="C14309">
        <v>1</v>
      </c>
      <c r="D14309">
        <v>0</v>
      </c>
    </row>
    <row r="14310" spans="1:4" x14ac:dyDescent="0.25">
      <c r="A14310" t="s">
        <v>22145</v>
      </c>
      <c r="B14310" t="s">
        <v>22146</v>
      </c>
      <c r="C14310">
        <v>0</v>
      </c>
      <c r="D14310">
        <v>0</v>
      </c>
    </row>
    <row r="14311" spans="1:4" x14ac:dyDescent="0.25">
      <c r="A14311" t="s">
        <v>22147</v>
      </c>
      <c r="B14311" t="s">
        <v>22148</v>
      </c>
      <c r="C14311">
        <v>1</v>
      </c>
      <c r="D14311">
        <v>0</v>
      </c>
    </row>
    <row r="14312" spans="1:4" x14ac:dyDescent="0.25">
      <c r="A14312" t="s">
        <v>22149</v>
      </c>
      <c r="B14312" t="s">
        <v>22150</v>
      </c>
      <c r="C14312">
        <v>1</v>
      </c>
      <c r="D14312">
        <v>0</v>
      </c>
    </row>
    <row r="14313" spans="1:4" x14ac:dyDescent="0.25">
      <c r="A14313" t="s">
        <v>22151</v>
      </c>
      <c r="B14313" t="s">
        <v>22152</v>
      </c>
      <c r="C14313">
        <v>1</v>
      </c>
      <c r="D14313">
        <v>0</v>
      </c>
    </row>
    <row r="14314" spans="1:4" x14ac:dyDescent="0.25">
      <c r="A14314" t="s">
        <v>22153</v>
      </c>
      <c r="B14314" t="s">
        <v>22154</v>
      </c>
      <c r="C14314">
        <v>1</v>
      </c>
      <c r="D14314">
        <v>0</v>
      </c>
    </row>
    <row r="14315" spans="1:4" x14ac:dyDescent="0.25">
      <c r="A14315" t="s">
        <v>22155</v>
      </c>
      <c r="B14315" t="s">
        <v>22156</v>
      </c>
      <c r="C14315">
        <v>0</v>
      </c>
      <c r="D14315">
        <v>0</v>
      </c>
    </row>
    <row r="14316" spans="1:4" x14ac:dyDescent="0.25">
      <c r="A14316" t="s">
        <v>22155</v>
      </c>
      <c r="B14316" t="s">
        <v>22157</v>
      </c>
      <c r="C14316">
        <v>0</v>
      </c>
      <c r="D14316">
        <v>0</v>
      </c>
    </row>
    <row r="14317" spans="1:4" x14ac:dyDescent="0.25">
      <c r="A14317" t="s">
        <v>22158</v>
      </c>
      <c r="B14317" t="s">
        <v>22159</v>
      </c>
      <c r="C14317">
        <v>1</v>
      </c>
      <c r="D14317">
        <v>0</v>
      </c>
    </row>
    <row r="14318" spans="1:4" x14ac:dyDescent="0.25">
      <c r="A14318" t="s">
        <v>22160</v>
      </c>
      <c r="B14318" t="s">
        <v>22161</v>
      </c>
      <c r="C14318">
        <v>1</v>
      </c>
      <c r="D14318">
        <v>0</v>
      </c>
    </row>
    <row r="14319" spans="1:4" x14ac:dyDescent="0.25">
      <c r="A14319" t="s">
        <v>22162</v>
      </c>
      <c r="B14319" t="s">
        <v>22163</v>
      </c>
      <c r="C14319">
        <v>1</v>
      </c>
      <c r="D14319">
        <v>0</v>
      </c>
    </row>
    <row r="14320" spans="1:4" x14ac:dyDescent="0.25">
      <c r="A14320" t="s">
        <v>22162</v>
      </c>
      <c r="B14320" t="s">
        <v>22164</v>
      </c>
      <c r="C14320">
        <v>0</v>
      </c>
      <c r="D14320">
        <v>0</v>
      </c>
    </row>
    <row r="14321" spans="1:4" x14ac:dyDescent="0.25">
      <c r="A14321" t="s">
        <v>22165</v>
      </c>
      <c r="B14321" t="s">
        <v>22166</v>
      </c>
      <c r="C14321">
        <v>1</v>
      </c>
      <c r="D14321">
        <v>0</v>
      </c>
    </row>
    <row r="14322" spans="1:4" x14ac:dyDescent="0.25">
      <c r="A14322" t="s">
        <v>22167</v>
      </c>
      <c r="B14322" t="s">
        <v>22168</v>
      </c>
      <c r="C14322">
        <v>1</v>
      </c>
      <c r="D14322">
        <v>0</v>
      </c>
    </row>
    <row r="14323" spans="1:4" x14ac:dyDescent="0.25">
      <c r="A14323" t="s">
        <v>22169</v>
      </c>
      <c r="B14323" t="s">
        <v>22170</v>
      </c>
      <c r="C14323">
        <v>1</v>
      </c>
      <c r="D14323">
        <v>0</v>
      </c>
    </row>
    <row r="14324" spans="1:4" x14ac:dyDescent="0.25">
      <c r="A14324" t="s">
        <v>22171</v>
      </c>
      <c r="B14324" t="s">
        <v>22172</v>
      </c>
      <c r="C14324">
        <v>0</v>
      </c>
      <c r="D14324">
        <v>0</v>
      </c>
    </row>
    <row r="14325" spans="1:4" x14ac:dyDescent="0.25">
      <c r="A14325" t="s">
        <v>22173</v>
      </c>
      <c r="B14325" t="s">
        <v>22174</v>
      </c>
      <c r="C14325">
        <v>1</v>
      </c>
      <c r="D14325">
        <v>0</v>
      </c>
    </row>
    <row r="14326" spans="1:4" x14ac:dyDescent="0.25">
      <c r="A14326" t="s">
        <v>22175</v>
      </c>
      <c r="B14326" t="s">
        <v>22176</v>
      </c>
      <c r="C14326">
        <v>1</v>
      </c>
      <c r="D14326">
        <v>0</v>
      </c>
    </row>
    <row r="14327" spans="1:4" x14ac:dyDescent="0.25">
      <c r="A14327" t="s">
        <v>22175</v>
      </c>
      <c r="B14327" t="s">
        <v>22177</v>
      </c>
      <c r="C14327">
        <v>0</v>
      </c>
      <c r="D14327">
        <v>0</v>
      </c>
    </row>
    <row r="14328" spans="1:4" x14ac:dyDescent="0.25">
      <c r="A14328" t="s">
        <v>22175</v>
      </c>
      <c r="B14328" t="s">
        <v>22178</v>
      </c>
      <c r="C14328">
        <v>2</v>
      </c>
      <c r="D14328">
        <v>0</v>
      </c>
    </row>
    <row r="14329" spans="1:4" x14ac:dyDescent="0.25">
      <c r="A14329" t="s">
        <v>22179</v>
      </c>
      <c r="B14329" t="s">
        <v>22180</v>
      </c>
      <c r="C14329">
        <v>1</v>
      </c>
      <c r="D14329">
        <v>0</v>
      </c>
    </row>
    <row r="14330" spans="1:4" x14ac:dyDescent="0.25">
      <c r="A14330" t="s">
        <v>22181</v>
      </c>
      <c r="B14330" t="s">
        <v>22182</v>
      </c>
      <c r="C14330">
        <v>1</v>
      </c>
      <c r="D14330">
        <v>0</v>
      </c>
    </row>
    <row r="14331" spans="1:4" x14ac:dyDescent="0.25">
      <c r="A14331" t="s">
        <v>22183</v>
      </c>
      <c r="B14331" t="s">
        <v>22184</v>
      </c>
      <c r="C14331">
        <v>2</v>
      </c>
      <c r="D14331">
        <v>0</v>
      </c>
    </row>
    <row r="14332" spans="1:4" x14ac:dyDescent="0.25">
      <c r="A14332" t="s">
        <v>22185</v>
      </c>
      <c r="B14332" t="s">
        <v>22186</v>
      </c>
      <c r="C14332">
        <v>1</v>
      </c>
      <c r="D14332">
        <v>0</v>
      </c>
    </row>
    <row r="14333" spans="1:4" x14ac:dyDescent="0.25">
      <c r="A14333" t="s">
        <v>22185</v>
      </c>
      <c r="B14333" t="s">
        <v>17479</v>
      </c>
      <c r="C14333">
        <v>0</v>
      </c>
      <c r="D14333">
        <v>0</v>
      </c>
    </row>
    <row r="14334" spans="1:4" x14ac:dyDescent="0.25">
      <c r="A14334" t="s">
        <v>22187</v>
      </c>
      <c r="B14334" t="s">
        <v>22188</v>
      </c>
      <c r="C14334">
        <v>1</v>
      </c>
      <c r="D14334">
        <v>0</v>
      </c>
    </row>
    <row r="14335" spans="1:4" x14ac:dyDescent="0.25">
      <c r="A14335" t="s">
        <v>22189</v>
      </c>
      <c r="B14335" t="s">
        <v>22190</v>
      </c>
      <c r="C14335">
        <v>2</v>
      </c>
      <c r="D14335">
        <v>0</v>
      </c>
    </row>
    <row r="14336" spans="1:4" x14ac:dyDescent="0.25">
      <c r="A14336" t="s">
        <v>22191</v>
      </c>
      <c r="B14336" t="s">
        <v>22192</v>
      </c>
      <c r="C14336">
        <v>0</v>
      </c>
      <c r="D14336">
        <v>0</v>
      </c>
    </row>
    <row r="14337" spans="1:4" x14ac:dyDescent="0.25">
      <c r="A14337" t="s">
        <v>22193</v>
      </c>
      <c r="B14337" t="s">
        <v>22194</v>
      </c>
      <c r="C14337">
        <v>2</v>
      </c>
      <c r="D14337">
        <v>0</v>
      </c>
    </row>
    <row r="14338" spans="1:4" x14ac:dyDescent="0.25">
      <c r="A14338" t="s">
        <v>22195</v>
      </c>
      <c r="B14338" t="s">
        <v>22196</v>
      </c>
      <c r="C14338">
        <v>0</v>
      </c>
      <c r="D14338">
        <v>0</v>
      </c>
    </row>
    <row r="14339" spans="1:4" x14ac:dyDescent="0.25">
      <c r="A14339" t="s">
        <v>22197</v>
      </c>
      <c r="B14339" t="s">
        <v>22198</v>
      </c>
      <c r="C14339">
        <v>1</v>
      </c>
      <c r="D14339">
        <v>0</v>
      </c>
    </row>
    <row r="14340" spans="1:4" x14ac:dyDescent="0.25">
      <c r="A14340" t="s">
        <v>22199</v>
      </c>
      <c r="B14340" t="s">
        <v>22200</v>
      </c>
      <c r="C14340">
        <v>1</v>
      </c>
      <c r="D14340">
        <v>0</v>
      </c>
    </row>
    <row r="14341" spans="1:4" x14ac:dyDescent="0.25">
      <c r="A14341" t="s">
        <v>22201</v>
      </c>
      <c r="B14341" t="s">
        <v>22202</v>
      </c>
      <c r="C14341">
        <v>1</v>
      </c>
      <c r="D14341">
        <v>0</v>
      </c>
    </row>
    <row r="14342" spans="1:4" x14ac:dyDescent="0.25">
      <c r="A14342" t="s">
        <v>22203</v>
      </c>
      <c r="B14342" t="s">
        <v>22204</v>
      </c>
      <c r="C14342">
        <v>1</v>
      </c>
      <c r="D14342">
        <v>0</v>
      </c>
    </row>
    <row r="14343" spans="1:4" x14ac:dyDescent="0.25">
      <c r="A14343" t="s">
        <v>22205</v>
      </c>
      <c r="B14343" t="s">
        <v>22206</v>
      </c>
      <c r="C14343">
        <v>0</v>
      </c>
      <c r="D14343">
        <v>0</v>
      </c>
    </row>
    <row r="14344" spans="1:4" x14ac:dyDescent="0.25">
      <c r="A14344" t="s">
        <v>22207</v>
      </c>
      <c r="B14344" t="s">
        <v>22208</v>
      </c>
      <c r="C14344">
        <v>2</v>
      </c>
      <c r="D14344">
        <v>0</v>
      </c>
    </row>
    <row r="14345" spans="1:4" x14ac:dyDescent="0.25">
      <c r="A14345" t="s">
        <v>22209</v>
      </c>
      <c r="B14345" t="s">
        <v>22210</v>
      </c>
      <c r="C14345">
        <v>2</v>
      </c>
      <c r="D14345">
        <v>0</v>
      </c>
    </row>
    <row r="14346" spans="1:4" x14ac:dyDescent="0.25">
      <c r="A14346" t="s">
        <v>22209</v>
      </c>
      <c r="B14346" t="s">
        <v>22211</v>
      </c>
      <c r="C14346">
        <v>2</v>
      </c>
      <c r="D14346">
        <v>0</v>
      </c>
    </row>
    <row r="14347" spans="1:4" x14ac:dyDescent="0.25">
      <c r="A14347" t="s">
        <v>22212</v>
      </c>
      <c r="B14347" t="s">
        <v>22213</v>
      </c>
      <c r="C14347">
        <v>1</v>
      </c>
      <c r="D14347">
        <v>0</v>
      </c>
    </row>
    <row r="14348" spans="1:4" x14ac:dyDescent="0.25">
      <c r="A14348" t="s">
        <v>22212</v>
      </c>
      <c r="B14348" t="s">
        <v>22214</v>
      </c>
      <c r="C14348">
        <v>0</v>
      </c>
      <c r="D14348">
        <v>0</v>
      </c>
    </row>
    <row r="14349" spans="1:4" x14ac:dyDescent="0.25">
      <c r="A14349" t="s">
        <v>22215</v>
      </c>
      <c r="B14349" t="s">
        <v>22216</v>
      </c>
      <c r="C14349">
        <v>1</v>
      </c>
      <c r="D14349">
        <v>0</v>
      </c>
    </row>
    <row r="14350" spans="1:4" x14ac:dyDescent="0.25">
      <c r="A14350" t="s">
        <v>22215</v>
      </c>
      <c r="B14350" t="s">
        <v>22217</v>
      </c>
      <c r="C14350">
        <v>0</v>
      </c>
      <c r="D14350">
        <v>0</v>
      </c>
    </row>
    <row r="14351" spans="1:4" x14ac:dyDescent="0.25">
      <c r="A14351" t="s">
        <v>22218</v>
      </c>
      <c r="B14351" t="s">
        <v>22219</v>
      </c>
      <c r="C14351">
        <v>1</v>
      </c>
      <c r="D14351">
        <v>0</v>
      </c>
    </row>
    <row r="14352" spans="1:4" x14ac:dyDescent="0.25">
      <c r="A14352" t="s">
        <v>22220</v>
      </c>
      <c r="B14352" t="s">
        <v>22221</v>
      </c>
      <c r="C14352">
        <v>1</v>
      </c>
      <c r="D14352">
        <v>0</v>
      </c>
    </row>
    <row r="14353" spans="1:4" x14ac:dyDescent="0.25">
      <c r="A14353" t="s">
        <v>22222</v>
      </c>
      <c r="B14353" t="s">
        <v>22223</v>
      </c>
      <c r="C14353">
        <v>1</v>
      </c>
      <c r="D14353">
        <v>0</v>
      </c>
    </row>
    <row r="14354" spans="1:4" x14ac:dyDescent="0.25">
      <c r="A14354" t="s">
        <v>22222</v>
      </c>
      <c r="B14354" t="s">
        <v>22224</v>
      </c>
      <c r="C14354">
        <v>1</v>
      </c>
      <c r="D14354">
        <v>0</v>
      </c>
    </row>
    <row r="14355" spans="1:4" x14ac:dyDescent="0.25">
      <c r="A14355" t="s">
        <v>22225</v>
      </c>
      <c r="B14355" t="s">
        <v>22226</v>
      </c>
      <c r="C14355">
        <v>1</v>
      </c>
      <c r="D14355">
        <v>0</v>
      </c>
    </row>
    <row r="14356" spans="1:4" x14ac:dyDescent="0.25">
      <c r="A14356" t="s">
        <v>22225</v>
      </c>
      <c r="B14356" t="s">
        <v>22227</v>
      </c>
      <c r="C14356">
        <v>2</v>
      </c>
      <c r="D14356">
        <v>0</v>
      </c>
    </row>
    <row r="14357" spans="1:4" x14ac:dyDescent="0.25">
      <c r="A14357" t="s">
        <v>22228</v>
      </c>
      <c r="B14357" t="s">
        <v>22229</v>
      </c>
      <c r="C14357">
        <v>1</v>
      </c>
      <c r="D14357">
        <v>0</v>
      </c>
    </row>
    <row r="14358" spans="1:4" x14ac:dyDescent="0.25">
      <c r="A14358" t="s">
        <v>22230</v>
      </c>
      <c r="B14358" t="s">
        <v>22231</v>
      </c>
      <c r="C14358">
        <v>1</v>
      </c>
      <c r="D14358">
        <v>0</v>
      </c>
    </row>
    <row r="14359" spans="1:4" x14ac:dyDescent="0.25">
      <c r="A14359" t="s">
        <v>22230</v>
      </c>
      <c r="B14359" t="s">
        <v>22232</v>
      </c>
      <c r="C14359">
        <v>0</v>
      </c>
      <c r="D14359">
        <v>0</v>
      </c>
    </row>
    <row r="14360" spans="1:4" x14ac:dyDescent="0.25">
      <c r="A14360" t="s">
        <v>22233</v>
      </c>
      <c r="B14360" t="s">
        <v>22234</v>
      </c>
      <c r="C14360">
        <v>1</v>
      </c>
      <c r="D14360">
        <v>0</v>
      </c>
    </row>
    <row r="14361" spans="1:4" x14ac:dyDescent="0.25">
      <c r="A14361" t="s">
        <v>22235</v>
      </c>
      <c r="B14361" t="s">
        <v>22236</v>
      </c>
      <c r="C14361">
        <v>1</v>
      </c>
      <c r="D14361">
        <v>0</v>
      </c>
    </row>
    <row r="14362" spans="1:4" x14ac:dyDescent="0.25">
      <c r="A14362" t="s">
        <v>22235</v>
      </c>
      <c r="B14362" t="s">
        <v>22237</v>
      </c>
      <c r="C14362">
        <v>1</v>
      </c>
      <c r="D14362">
        <v>0</v>
      </c>
    </row>
    <row r="14363" spans="1:4" x14ac:dyDescent="0.25">
      <c r="A14363" t="s">
        <v>22238</v>
      </c>
      <c r="B14363" t="s">
        <v>22239</v>
      </c>
      <c r="C14363">
        <v>1</v>
      </c>
      <c r="D14363">
        <v>0</v>
      </c>
    </row>
    <row r="14364" spans="1:4" x14ac:dyDescent="0.25">
      <c r="A14364" t="s">
        <v>22240</v>
      </c>
      <c r="B14364" t="s">
        <v>22241</v>
      </c>
      <c r="C14364">
        <v>0</v>
      </c>
      <c r="D14364">
        <v>0</v>
      </c>
    </row>
    <row r="14365" spans="1:4" x14ac:dyDescent="0.25">
      <c r="A14365" t="s">
        <v>22242</v>
      </c>
      <c r="B14365" t="s">
        <v>22243</v>
      </c>
      <c r="C14365">
        <v>1</v>
      </c>
      <c r="D14365">
        <v>0</v>
      </c>
    </row>
    <row r="14366" spans="1:4" x14ac:dyDescent="0.25">
      <c r="A14366" t="s">
        <v>22244</v>
      </c>
      <c r="B14366" t="s">
        <v>5713</v>
      </c>
      <c r="C14366">
        <v>1</v>
      </c>
      <c r="D14366">
        <v>0</v>
      </c>
    </row>
    <row r="14367" spans="1:4" x14ac:dyDescent="0.25">
      <c r="A14367" t="s">
        <v>22244</v>
      </c>
      <c r="B14367" t="s">
        <v>22245</v>
      </c>
      <c r="C14367">
        <v>0</v>
      </c>
      <c r="D14367">
        <v>0</v>
      </c>
    </row>
    <row r="14368" spans="1:4" x14ac:dyDescent="0.25">
      <c r="A14368" t="s">
        <v>22246</v>
      </c>
      <c r="B14368" t="s">
        <v>22247</v>
      </c>
      <c r="C14368">
        <v>2</v>
      </c>
      <c r="D14368">
        <v>0</v>
      </c>
    </row>
    <row r="14369" spans="1:4" x14ac:dyDescent="0.25">
      <c r="A14369" t="s">
        <v>22248</v>
      </c>
      <c r="B14369" t="s">
        <v>22249</v>
      </c>
      <c r="C14369">
        <v>1</v>
      </c>
      <c r="D14369">
        <v>0</v>
      </c>
    </row>
    <row r="14370" spans="1:4" x14ac:dyDescent="0.25">
      <c r="A14370" t="s">
        <v>22250</v>
      </c>
      <c r="B14370" t="s">
        <v>22251</v>
      </c>
      <c r="C14370">
        <v>1</v>
      </c>
      <c r="D14370">
        <v>0</v>
      </c>
    </row>
    <row r="14371" spans="1:4" x14ac:dyDescent="0.25">
      <c r="A14371" t="s">
        <v>22252</v>
      </c>
      <c r="B14371" t="s">
        <v>22253</v>
      </c>
      <c r="C14371">
        <v>1</v>
      </c>
      <c r="D14371">
        <v>0</v>
      </c>
    </row>
    <row r="14372" spans="1:4" x14ac:dyDescent="0.25">
      <c r="A14372" t="s">
        <v>22254</v>
      </c>
      <c r="B14372" t="s">
        <v>22255</v>
      </c>
      <c r="C14372">
        <v>1</v>
      </c>
      <c r="D14372">
        <v>0</v>
      </c>
    </row>
    <row r="14373" spans="1:4" x14ac:dyDescent="0.25">
      <c r="A14373" t="s">
        <v>22256</v>
      </c>
      <c r="B14373" t="s">
        <v>22257</v>
      </c>
      <c r="C14373">
        <v>1</v>
      </c>
      <c r="D14373">
        <v>0</v>
      </c>
    </row>
    <row r="14374" spans="1:4" x14ac:dyDescent="0.25">
      <c r="A14374" t="s">
        <v>22258</v>
      </c>
      <c r="B14374" t="s">
        <v>22259</v>
      </c>
      <c r="C14374">
        <v>1</v>
      </c>
      <c r="D14374">
        <v>0</v>
      </c>
    </row>
    <row r="14375" spans="1:4" x14ac:dyDescent="0.25">
      <c r="A14375" t="s">
        <v>22260</v>
      </c>
      <c r="B14375" t="s">
        <v>22261</v>
      </c>
      <c r="C14375">
        <v>1</v>
      </c>
      <c r="D14375">
        <v>0</v>
      </c>
    </row>
    <row r="14376" spans="1:4" x14ac:dyDescent="0.25">
      <c r="A14376" t="s">
        <v>22262</v>
      </c>
      <c r="B14376" t="s">
        <v>22263</v>
      </c>
      <c r="C14376">
        <v>1</v>
      </c>
      <c r="D14376">
        <v>0</v>
      </c>
    </row>
    <row r="14377" spans="1:4" x14ac:dyDescent="0.25">
      <c r="A14377" t="s">
        <v>22264</v>
      </c>
      <c r="B14377" t="s">
        <v>22265</v>
      </c>
      <c r="C14377">
        <v>1</v>
      </c>
      <c r="D14377">
        <v>0</v>
      </c>
    </row>
    <row r="14378" spans="1:4" x14ac:dyDescent="0.25">
      <c r="A14378" t="s">
        <v>22264</v>
      </c>
      <c r="B14378" t="s">
        <v>22266</v>
      </c>
      <c r="C14378">
        <v>1</v>
      </c>
      <c r="D14378">
        <v>0</v>
      </c>
    </row>
    <row r="14379" spans="1:4" x14ac:dyDescent="0.25">
      <c r="A14379" t="s">
        <v>22264</v>
      </c>
      <c r="B14379" t="s">
        <v>22267</v>
      </c>
      <c r="C14379">
        <v>1</v>
      </c>
      <c r="D14379">
        <v>0</v>
      </c>
    </row>
    <row r="14380" spans="1:4" x14ac:dyDescent="0.25">
      <c r="A14380" t="s">
        <v>22268</v>
      </c>
      <c r="B14380" t="s">
        <v>22269</v>
      </c>
      <c r="C14380">
        <v>1</v>
      </c>
      <c r="D14380">
        <v>0</v>
      </c>
    </row>
    <row r="14381" spans="1:4" x14ac:dyDescent="0.25">
      <c r="A14381" t="s">
        <v>22268</v>
      </c>
      <c r="B14381" t="s">
        <v>22270</v>
      </c>
      <c r="C14381">
        <v>2</v>
      </c>
      <c r="D14381">
        <v>0</v>
      </c>
    </row>
    <row r="14382" spans="1:4" x14ac:dyDescent="0.25">
      <c r="A14382" t="s">
        <v>22271</v>
      </c>
      <c r="B14382" t="s">
        <v>22272</v>
      </c>
      <c r="C14382">
        <v>1</v>
      </c>
      <c r="D14382">
        <v>0</v>
      </c>
    </row>
    <row r="14383" spans="1:4" x14ac:dyDescent="0.25">
      <c r="A14383" t="s">
        <v>22273</v>
      </c>
      <c r="B14383" t="s">
        <v>22274</v>
      </c>
      <c r="C14383">
        <v>1</v>
      </c>
      <c r="D14383">
        <v>0</v>
      </c>
    </row>
    <row r="14384" spans="1:4" x14ac:dyDescent="0.25">
      <c r="A14384" t="s">
        <v>22275</v>
      </c>
      <c r="B14384" t="s">
        <v>22276</v>
      </c>
      <c r="C14384">
        <v>0</v>
      </c>
      <c r="D14384">
        <v>0</v>
      </c>
    </row>
    <row r="14385" spans="1:4" x14ac:dyDescent="0.25">
      <c r="A14385" t="s">
        <v>22277</v>
      </c>
      <c r="B14385" t="s">
        <v>22278</v>
      </c>
      <c r="C14385">
        <v>1</v>
      </c>
      <c r="D14385">
        <v>0</v>
      </c>
    </row>
    <row r="14386" spans="1:4" x14ac:dyDescent="0.25">
      <c r="A14386" t="s">
        <v>22277</v>
      </c>
      <c r="B14386" t="s">
        <v>22279</v>
      </c>
      <c r="C14386">
        <v>1</v>
      </c>
      <c r="D14386">
        <v>0</v>
      </c>
    </row>
    <row r="14387" spans="1:4" x14ac:dyDescent="0.25">
      <c r="A14387" t="s">
        <v>22277</v>
      </c>
      <c r="B14387" t="s">
        <v>22280</v>
      </c>
      <c r="C14387">
        <v>0</v>
      </c>
      <c r="D14387">
        <v>0</v>
      </c>
    </row>
    <row r="14388" spans="1:4" x14ac:dyDescent="0.25">
      <c r="A14388" t="s">
        <v>22281</v>
      </c>
      <c r="B14388" t="s">
        <v>22282</v>
      </c>
      <c r="C14388">
        <v>1</v>
      </c>
      <c r="D14388">
        <v>0</v>
      </c>
    </row>
    <row r="14389" spans="1:4" x14ac:dyDescent="0.25">
      <c r="A14389" t="s">
        <v>22281</v>
      </c>
      <c r="B14389" t="s">
        <v>2651</v>
      </c>
      <c r="C14389">
        <v>0</v>
      </c>
      <c r="D14389">
        <v>0</v>
      </c>
    </row>
    <row r="14390" spans="1:4" x14ac:dyDescent="0.25">
      <c r="A14390" t="s">
        <v>22283</v>
      </c>
      <c r="B14390" t="s">
        <v>22284</v>
      </c>
      <c r="C14390">
        <v>1</v>
      </c>
      <c r="D14390">
        <v>0</v>
      </c>
    </row>
    <row r="14391" spans="1:4" x14ac:dyDescent="0.25">
      <c r="A14391" t="s">
        <v>22285</v>
      </c>
      <c r="B14391" t="s">
        <v>22286</v>
      </c>
      <c r="C14391">
        <v>0</v>
      </c>
      <c r="D14391">
        <v>0</v>
      </c>
    </row>
    <row r="14392" spans="1:4" x14ac:dyDescent="0.25">
      <c r="A14392" t="s">
        <v>22287</v>
      </c>
      <c r="B14392" t="s">
        <v>22288</v>
      </c>
      <c r="C14392">
        <v>1</v>
      </c>
      <c r="D14392">
        <v>0</v>
      </c>
    </row>
    <row r="14393" spans="1:4" x14ac:dyDescent="0.25">
      <c r="A14393" t="s">
        <v>22287</v>
      </c>
      <c r="B14393" t="s">
        <v>22289</v>
      </c>
      <c r="C14393">
        <v>1</v>
      </c>
      <c r="D14393">
        <v>0</v>
      </c>
    </row>
    <row r="14394" spans="1:4" x14ac:dyDescent="0.25">
      <c r="A14394" t="s">
        <v>22287</v>
      </c>
      <c r="B14394" t="s">
        <v>22290</v>
      </c>
      <c r="C14394">
        <v>1</v>
      </c>
      <c r="D14394">
        <v>0</v>
      </c>
    </row>
    <row r="14395" spans="1:4" x14ac:dyDescent="0.25">
      <c r="A14395" t="s">
        <v>22287</v>
      </c>
      <c r="B14395" t="s">
        <v>22291</v>
      </c>
      <c r="C14395">
        <v>0</v>
      </c>
      <c r="D14395">
        <v>0</v>
      </c>
    </row>
    <row r="14396" spans="1:4" x14ac:dyDescent="0.25">
      <c r="A14396" t="s">
        <v>22287</v>
      </c>
      <c r="B14396" t="s">
        <v>22292</v>
      </c>
      <c r="C14396">
        <v>0</v>
      </c>
      <c r="D14396">
        <v>0</v>
      </c>
    </row>
    <row r="14397" spans="1:4" x14ac:dyDescent="0.25">
      <c r="A14397" t="s">
        <v>22293</v>
      </c>
      <c r="B14397" t="s">
        <v>22294</v>
      </c>
      <c r="C14397">
        <v>1</v>
      </c>
      <c r="D14397">
        <v>0</v>
      </c>
    </row>
    <row r="14398" spans="1:4" x14ac:dyDescent="0.25">
      <c r="A14398" t="s">
        <v>22295</v>
      </c>
      <c r="B14398" t="s">
        <v>22296</v>
      </c>
      <c r="C14398">
        <v>1</v>
      </c>
      <c r="D14398">
        <v>0</v>
      </c>
    </row>
    <row r="14399" spans="1:4" x14ac:dyDescent="0.25">
      <c r="A14399" t="s">
        <v>22297</v>
      </c>
      <c r="B14399" t="s">
        <v>22298</v>
      </c>
      <c r="C14399">
        <v>1</v>
      </c>
      <c r="D14399">
        <v>0</v>
      </c>
    </row>
    <row r="14400" spans="1:4" x14ac:dyDescent="0.25">
      <c r="A14400" t="s">
        <v>22299</v>
      </c>
      <c r="B14400" t="s">
        <v>17458</v>
      </c>
      <c r="C14400">
        <v>1</v>
      </c>
      <c r="D14400">
        <v>0</v>
      </c>
    </row>
    <row r="14401" spans="1:4" x14ac:dyDescent="0.25">
      <c r="A14401" t="s">
        <v>22300</v>
      </c>
      <c r="B14401" t="s">
        <v>22301</v>
      </c>
      <c r="C14401">
        <v>1</v>
      </c>
      <c r="D14401">
        <v>0</v>
      </c>
    </row>
    <row r="14402" spans="1:4" x14ac:dyDescent="0.25">
      <c r="A14402" t="s">
        <v>22302</v>
      </c>
      <c r="B14402" t="s">
        <v>22303</v>
      </c>
      <c r="C14402">
        <v>1</v>
      </c>
      <c r="D14402">
        <v>0</v>
      </c>
    </row>
    <row r="14403" spans="1:4" x14ac:dyDescent="0.25">
      <c r="A14403" t="s">
        <v>22304</v>
      </c>
      <c r="B14403" t="s">
        <v>22305</v>
      </c>
      <c r="C14403">
        <v>0</v>
      </c>
      <c r="D14403">
        <v>0</v>
      </c>
    </row>
    <row r="14404" spans="1:4" x14ac:dyDescent="0.25">
      <c r="A14404" t="s">
        <v>22304</v>
      </c>
      <c r="B14404" t="s">
        <v>22306</v>
      </c>
      <c r="C14404">
        <v>2</v>
      </c>
      <c r="D14404">
        <v>0</v>
      </c>
    </row>
    <row r="14405" spans="1:4" x14ac:dyDescent="0.25">
      <c r="A14405" t="s">
        <v>22307</v>
      </c>
      <c r="B14405" t="s">
        <v>22308</v>
      </c>
      <c r="C14405">
        <v>0</v>
      </c>
      <c r="D14405">
        <v>0</v>
      </c>
    </row>
    <row r="14406" spans="1:4" x14ac:dyDescent="0.25">
      <c r="A14406" t="s">
        <v>22309</v>
      </c>
      <c r="B14406" t="s">
        <v>22310</v>
      </c>
      <c r="C14406">
        <v>1</v>
      </c>
      <c r="D14406">
        <v>0</v>
      </c>
    </row>
    <row r="14407" spans="1:4" x14ac:dyDescent="0.25">
      <c r="A14407" t="s">
        <v>22311</v>
      </c>
      <c r="B14407" t="s">
        <v>22312</v>
      </c>
      <c r="C14407">
        <v>1</v>
      </c>
      <c r="D14407">
        <v>0</v>
      </c>
    </row>
    <row r="14408" spans="1:4" x14ac:dyDescent="0.25">
      <c r="A14408" t="s">
        <v>22313</v>
      </c>
      <c r="B14408" t="s">
        <v>22314</v>
      </c>
      <c r="C14408">
        <v>1</v>
      </c>
      <c r="D14408">
        <v>0</v>
      </c>
    </row>
    <row r="14409" spans="1:4" x14ac:dyDescent="0.25">
      <c r="A14409" t="s">
        <v>22313</v>
      </c>
      <c r="B14409" t="s">
        <v>22315</v>
      </c>
      <c r="C14409">
        <v>1</v>
      </c>
      <c r="D14409">
        <v>0</v>
      </c>
    </row>
    <row r="14410" spans="1:4" x14ac:dyDescent="0.25">
      <c r="A14410" t="s">
        <v>22313</v>
      </c>
      <c r="B14410" t="s">
        <v>22316</v>
      </c>
      <c r="C14410">
        <v>0</v>
      </c>
      <c r="D14410">
        <v>0</v>
      </c>
    </row>
    <row r="14411" spans="1:4" x14ac:dyDescent="0.25">
      <c r="A14411" t="s">
        <v>22317</v>
      </c>
      <c r="B14411" t="s">
        <v>22318</v>
      </c>
      <c r="C14411">
        <v>0</v>
      </c>
      <c r="D14411">
        <v>0</v>
      </c>
    </row>
    <row r="14412" spans="1:4" x14ac:dyDescent="0.25">
      <c r="A14412" t="s">
        <v>22319</v>
      </c>
      <c r="B14412" t="s">
        <v>22320</v>
      </c>
      <c r="C14412">
        <v>1</v>
      </c>
      <c r="D14412">
        <v>0</v>
      </c>
    </row>
    <row r="14413" spans="1:4" x14ac:dyDescent="0.25">
      <c r="A14413" t="s">
        <v>22321</v>
      </c>
      <c r="B14413" t="s">
        <v>22322</v>
      </c>
      <c r="C14413">
        <v>2</v>
      </c>
      <c r="D14413">
        <v>0</v>
      </c>
    </row>
    <row r="14414" spans="1:4" x14ac:dyDescent="0.25">
      <c r="A14414" t="s">
        <v>22323</v>
      </c>
      <c r="B14414" t="s">
        <v>22324</v>
      </c>
      <c r="C14414">
        <v>1</v>
      </c>
      <c r="D14414">
        <v>0</v>
      </c>
    </row>
    <row r="14415" spans="1:4" x14ac:dyDescent="0.25">
      <c r="A14415" t="s">
        <v>22325</v>
      </c>
      <c r="B14415" t="s">
        <v>22326</v>
      </c>
      <c r="C14415">
        <v>1</v>
      </c>
      <c r="D14415">
        <v>0</v>
      </c>
    </row>
    <row r="14416" spans="1:4" x14ac:dyDescent="0.25">
      <c r="A14416" t="s">
        <v>22327</v>
      </c>
      <c r="B14416" t="s">
        <v>22328</v>
      </c>
      <c r="C14416">
        <v>1</v>
      </c>
      <c r="D14416">
        <v>0</v>
      </c>
    </row>
    <row r="14417" spans="1:4" x14ac:dyDescent="0.25">
      <c r="A14417" t="s">
        <v>22329</v>
      </c>
      <c r="B14417" t="s">
        <v>22330</v>
      </c>
      <c r="C14417">
        <v>1</v>
      </c>
      <c r="D14417">
        <v>0</v>
      </c>
    </row>
    <row r="14418" spans="1:4" x14ac:dyDescent="0.25">
      <c r="A14418" t="s">
        <v>22329</v>
      </c>
      <c r="B14418" t="s">
        <v>22331</v>
      </c>
      <c r="C14418">
        <v>0</v>
      </c>
      <c r="D14418">
        <v>0</v>
      </c>
    </row>
    <row r="14419" spans="1:4" x14ac:dyDescent="0.25">
      <c r="A14419" t="s">
        <v>22332</v>
      </c>
      <c r="B14419" t="s">
        <v>22333</v>
      </c>
      <c r="C14419">
        <v>2</v>
      </c>
      <c r="D14419">
        <v>0</v>
      </c>
    </row>
    <row r="14420" spans="1:4" x14ac:dyDescent="0.25">
      <c r="A14420" t="s">
        <v>22334</v>
      </c>
      <c r="B14420" t="s">
        <v>22335</v>
      </c>
      <c r="C14420">
        <v>1</v>
      </c>
      <c r="D14420">
        <v>0</v>
      </c>
    </row>
    <row r="14421" spans="1:4" x14ac:dyDescent="0.25">
      <c r="A14421" t="s">
        <v>22336</v>
      </c>
      <c r="B14421" t="s">
        <v>22337</v>
      </c>
      <c r="C14421">
        <v>2</v>
      </c>
      <c r="D14421">
        <v>0</v>
      </c>
    </row>
    <row r="14422" spans="1:4" x14ac:dyDescent="0.25">
      <c r="A14422" t="s">
        <v>22338</v>
      </c>
      <c r="B14422" t="s">
        <v>1246</v>
      </c>
      <c r="C14422">
        <v>0</v>
      </c>
      <c r="D14422">
        <v>0</v>
      </c>
    </row>
    <row r="14423" spans="1:4" x14ac:dyDescent="0.25">
      <c r="A14423" t="s">
        <v>22339</v>
      </c>
      <c r="B14423" t="s">
        <v>22340</v>
      </c>
      <c r="C14423">
        <v>0</v>
      </c>
      <c r="D14423">
        <v>0</v>
      </c>
    </row>
    <row r="14424" spans="1:4" x14ac:dyDescent="0.25">
      <c r="A14424" t="s">
        <v>22341</v>
      </c>
      <c r="B14424" t="s">
        <v>22342</v>
      </c>
      <c r="C14424">
        <v>1</v>
      </c>
      <c r="D14424">
        <v>0</v>
      </c>
    </row>
    <row r="14425" spans="1:4" x14ac:dyDescent="0.25">
      <c r="A14425" t="s">
        <v>22343</v>
      </c>
      <c r="B14425" t="s">
        <v>22344</v>
      </c>
      <c r="C14425">
        <v>1</v>
      </c>
      <c r="D14425">
        <v>0</v>
      </c>
    </row>
    <row r="14426" spans="1:4" x14ac:dyDescent="0.25">
      <c r="A14426" t="s">
        <v>22345</v>
      </c>
      <c r="B14426" t="s">
        <v>22346</v>
      </c>
      <c r="C14426">
        <v>2</v>
      </c>
      <c r="D14426">
        <v>0</v>
      </c>
    </row>
    <row r="14427" spans="1:4" x14ac:dyDescent="0.25">
      <c r="A14427" t="s">
        <v>22347</v>
      </c>
      <c r="B14427" t="s">
        <v>22348</v>
      </c>
      <c r="C14427">
        <v>1</v>
      </c>
      <c r="D14427">
        <v>0</v>
      </c>
    </row>
    <row r="14428" spans="1:4" x14ac:dyDescent="0.25">
      <c r="A14428" t="s">
        <v>22349</v>
      </c>
      <c r="B14428" t="s">
        <v>22350</v>
      </c>
      <c r="C14428">
        <v>1</v>
      </c>
      <c r="D14428">
        <v>0</v>
      </c>
    </row>
    <row r="14429" spans="1:4" x14ac:dyDescent="0.25">
      <c r="A14429" t="s">
        <v>22351</v>
      </c>
      <c r="B14429" t="s">
        <v>22352</v>
      </c>
      <c r="C14429">
        <v>2</v>
      </c>
      <c r="D14429">
        <v>0</v>
      </c>
    </row>
    <row r="14430" spans="1:4" x14ac:dyDescent="0.25">
      <c r="A14430" t="s">
        <v>22351</v>
      </c>
      <c r="B14430" t="s">
        <v>22353</v>
      </c>
      <c r="C14430">
        <v>2</v>
      </c>
      <c r="D14430">
        <v>0</v>
      </c>
    </row>
    <row r="14431" spans="1:4" x14ac:dyDescent="0.25">
      <c r="A14431" t="s">
        <v>22354</v>
      </c>
      <c r="B14431" t="s">
        <v>22355</v>
      </c>
      <c r="C14431">
        <v>1</v>
      </c>
      <c r="D14431">
        <v>0</v>
      </c>
    </row>
    <row r="14432" spans="1:4" x14ac:dyDescent="0.25">
      <c r="A14432" t="s">
        <v>22356</v>
      </c>
      <c r="B14432" t="s">
        <v>22357</v>
      </c>
      <c r="C14432">
        <v>1</v>
      </c>
      <c r="D14432">
        <v>0</v>
      </c>
    </row>
    <row r="14433" spans="1:4" x14ac:dyDescent="0.25">
      <c r="A14433" t="s">
        <v>22358</v>
      </c>
      <c r="B14433" t="s">
        <v>22359</v>
      </c>
      <c r="C14433">
        <v>2</v>
      </c>
      <c r="D14433">
        <v>0</v>
      </c>
    </row>
    <row r="14434" spans="1:4" x14ac:dyDescent="0.25">
      <c r="A14434" t="s">
        <v>22358</v>
      </c>
      <c r="B14434" t="s">
        <v>22360</v>
      </c>
      <c r="C14434">
        <v>2</v>
      </c>
      <c r="D14434">
        <v>0</v>
      </c>
    </row>
    <row r="14435" spans="1:4" x14ac:dyDescent="0.25">
      <c r="A14435" t="s">
        <v>22358</v>
      </c>
      <c r="B14435" t="s">
        <v>22361</v>
      </c>
      <c r="C14435">
        <v>2</v>
      </c>
      <c r="D14435">
        <v>0</v>
      </c>
    </row>
    <row r="14436" spans="1:4" x14ac:dyDescent="0.25">
      <c r="A14436" t="s">
        <v>22362</v>
      </c>
      <c r="B14436" t="s">
        <v>22363</v>
      </c>
      <c r="C14436">
        <v>1</v>
      </c>
      <c r="D14436">
        <v>0</v>
      </c>
    </row>
    <row r="14437" spans="1:4" x14ac:dyDescent="0.25">
      <c r="A14437" t="s">
        <v>22364</v>
      </c>
      <c r="B14437" t="s">
        <v>22365</v>
      </c>
      <c r="C14437">
        <v>0</v>
      </c>
      <c r="D14437">
        <v>0</v>
      </c>
    </row>
    <row r="14438" spans="1:4" x14ac:dyDescent="0.25">
      <c r="A14438" t="s">
        <v>22366</v>
      </c>
      <c r="B14438" t="s">
        <v>22367</v>
      </c>
      <c r="C14438">
        <v>1</v>
      </c>
      <c r="D14438">
        <v>0</v>
      </c>
    </row>
    <row r="14439" spans="1:4" x14ac:dyDescent="0.25">
      <c r="A14439" t="s">
        <v>22368</v>
      </c>
      <c r="B14439" t="s">
        <v>22369</v>
      </c>
      <c r="C14439">
        <v>1</v>
      </c>
      <c r="D14439">
        <v>0</v>
      </c>
    </row>
    <row r="14440" spans="1:4" x14ac:dyDescent="0.25">
      <c r="A14440" t="s">
        <v>22370</v>
      </c>
      <c r="B14440" t="s">
        <v>22371</v>
      </c>
      <c r="C14440">
        <v>2</v>
      </c>
      <c r="D14440">
        <v>0</v>
      </c>
    </row>
    <row r="14441" spans="1:4" x14ac:dyDescent="0.25">
      <c r="A14441" t="s">
        <v>22372</v>
      </c>
      <c r="B14441" t="s">
        <v>22373</v>
      </c>
      <c r="C14441">
        <v>1</v>
      </c>
      <c r="D14441">
        <v>0</v>
      </c>
    </row>
    <row r="14442" spans="1:4" x14ac:dyDescent="0.25">
      <c r="A14442" t="s">
        <v>22374</v>
      </c>
      <c r="B14442" t="s">
        <v>22375</v>
      </c>
      <c r="C14442">
        <v>2</v>
      </c>
      <c r="D14442">
        <v>0</v>
      </c>
    </row>
    <row r="14443" spans="1:4" x14ac:dyDescent="0.25">
      <c r="A14443" t="s">
        <v>22376</v>
      </c>
      <c r="B14443" t="s">
        <v>22377</v>
      </c>
      <c r="C14443">
        <v>1</v>
      </c>
      <c r="D14443">
        <v>0</v>
      </c>
    </row>
    <row r="14444" spans="1:4" x14ac:dyDescent="0.25">
      <c r="A14444" t="s">
        <v>22376</v>
      </c>
      <c r="B14444" t="s">
        <v>22378</v>
      </c>
      <c r="C14444">
        <v>0</v>
      </c>
      <c r="D14444">
        <v>0</v>
      </c>
    </row>
    <row r="14445" spans="1:4" x14ac:dyDescent="0.25">
      <c r="A14445" t="s">
        <v>22376</v>
      </c>
      <c r="B14445" t="s">
        <v>22379</v>
      </c>
      <c r="C14445">
        <v>2</v>
      </c>
      <c r="D14445">
        <v>0</v>
      </c>
    </row>
    <row r="14446" spans="1:4" x14ac:dyDescent="0.25">
      <c r="A14446" t="s">
        <v>22380</v>
      </c>
      <c r="B14446" t="s">
        <v>22381</v>
      </c>
      <c r="C14446">
        <v>2</v>
      </c>
      <c r="D14446">
        <v>0</v>
      </c>
    </row>
    <row r="14447" spans="1:4" x14ac:dyDescent="0.25">
      <c r="A14447" t="s">
        <v>22382</v>
      </c>
      <c r="B14447" t="s">
        <v>22383</v>
      </c>
      <c r="C14447">
        <v>1</v>
      </c>
      <c r="D14447">
        <v>0</v>
      </c>
    </row>
    <row r="14448" spans="1:4" x14ac:dyDescent="0.25">
      <c r="A14448" t="s">
        <v>22384</v>
      </c>
      <c r="B14448" t="s">
        <v>22385</v>
      </c>
      <c r="C14448">
        <v>1</v>
      </c>
      <c r="D14448">
        <v>0</v>
      </c>
    </row>
    <row r="14449" spans="1:4" x14ac:dyDescent="0.25">
      <c r="A14449" t="s">
        <v>22386</v>
      </c>
      <c r="B14449" t="s">
        <v>22387</v>
      </c>
      <c r="C14449">
        <v>1</v>
      </c>
      <c r="D14449">
        <v>0</v>
      </c>
    </row>
    <row r="14450" spans="1:4" x14ac:dyDescent="0.25">
      <c r="A14450" t="s">
        <v>22388</v>
      </c>
      <c r="B14450" t="s">
        <v>22389</v>
      </c>
      <c r="C14450">
        <v>1</v>
      </c>
      <c r="D14450">
        <v>0</v>
      </c>
    </row>
    <row r="14451" spans="1:4" x14ac:dyDescent="0.25">
      <c r="A14451" t="s">
        <v>22388</v>
      </c>
      <c r="B14451" t="s">
        <v>22390</v>
      </c>
      <c r="C14451">
        <v>0</v>
      </c>
      <c r="D14451">
        <v>0</v>
      </c>
    </row>
    <row r="14452" spans="1:4" x14ac:dyDescent="0.25">
      <c r="A14452" t="s">
        <v>22391</v>
      </c>
      <c r="B14452" t="s">
        <v>22392</v>
      </c>
      <c r="C14452">
        <v>1</v>
      </c>
      <c r="D14452">
        <v>0</v>
      </c>
    </row>
    <row r="14453" spans="1:4" x14ac:dyDescent="0.25">
      <c r="A14453" t="s">
        <v>22393</v>
      </c>
      <c r="B14453" t="s">
        <v>22394</v>
      </c>
      <c r="C14453">
        <v>0</v>
      </c>
      <c r="D14453">
        <v>0</v>
      </c>
    </row>
    <row r="14454" spans="1:4" x14ac:dyDescent="0.25">
      <c r="A14454" t="s">
        <v>22395</v>
      </c>
      <c r="B14454" t="s">
        <v>22396</v>
      </c>
      <c r="C14454">
        <v>1</v>
      </c>
      <c r="D14454">
        <v>0</v>
      </c>
    </row>
    <row r="14455" spans="1:4" x14ac:dyDescent="0.25">
      <c r="A14455" t="s">
        <v>22397</v>
      </c>
      <c r="B14455" t="s">
        <v>22398</v>
      </c>
      <c r="C14455">
        <v>0</v>
      </c>
      <c r="D14455">
        <v>0</v>
      </c>
    </row>
    <row r="14456" spans="1:4" x14ac:dyDescent="0.25">
      <c r="A14456" t="s">
        <v>22399</v>
      </c>
      <c r="B14456" t="s">
        <v>22400</v>
      </c>
      <c r="C14456">
        <v>1</v>
      </c>
      <c r="D14456">
        <v>0</v>
      </c>
    </row>
    <row r="14457" spans="1:4" x14ac:dyDescent="0.25">
      <c r="A14457" t="s">
        <v>22401</v>
      </c>
      <c r="B14457" t="s">
        <v>22402</v>
      </c>
      <c r="C14457">
        <v>2</v>
      </c>
      <c r="D14457">
        <v>0</v>
      </c>
    </row>
    <row r="14458" spans="1:4" x14ac:dyDescent="0.25">
      <c r="A14458" t="s">
        <v>22403</v>
      </c>
      <c r="B14458" t="s">
        <v>22404</v>
      </c>
      <c r="C14458">
        <v>2</v>
      </c>
      <c r="D14458">
        <v>0</v>
      </c>
    </row>
    <row r="14459" spans="1:4" x14ac:dyDescent="0.25">
      <c r="A14459" t="s">
        <v>22405</v>
      </c>
      <c r="B14459" t="s">
        <v>22406</v>
      </c>
      <c r="C14459">
        <v>1</v>
      </c>
      <c r="D14459">
        <v>0</v>
      </c>
    </row>
    <row r="14460" spans="1:4" x14ac:dyDescent="0.25">
      <c r="A14460" t="s">
        <v>22407</v>
      </c>
      <c r="B14460" t="s">
        <v>22408</v>
      </c>
      <c r="C14460">
        <v>1</v>
      </c>
      <c r="D14460">
        <v>0</v>
      </c>
    </row>
    <row r="14461" spans="1:4" x14ac:dyDescent="0.25">
      <c r="A14461" t="s">
        <v>22409</v>
      </c>
      <c r="B14461" t="s">
        <v>22410</v>
      </c>
      <c r="C14461">
        <v>2</v>
      </c>
      <c r="D14461">
        <v>0</v>
      </c>
    </row>
    <row r="14462" spans="1:4" x14ac:dyDescent="0.25">
      <c r="A14462" t="s">
        <v>22411</v>
      </c>
      <c r="B14462" t="s">
        <v>22412</v>
      </c>
      <c r="C14462">
        <v>1</v>
      </c>
      <c r="D14462">
        <v>0</v>
      </c>
    </row>
    <row r="14463" spans="1:4" x14ac:dyDescent="0.25">
      <c r="A14463" t="s">
        <v>22413</v>
      </c>
      <c r="B14463" t="s">
        <v>22414</v>
      </c>
      <c r="C14463">
        <v>1</v>
      </c>
      <c r="D14463">
        <v>0</v>
      </c>
    </row>
    <row r="14464" spans="1:4" x14ac:dyDescent="0.25">
      <c r="A14464" t="s">
        <v>22415</v>
      </c>
      <c r="B14464" t="s">
        <v>22416</v>
      </c>
      <c r="C14464">
        <v>1</v>
      </c>
      <c r="D14464">
        <v>0</v>
      </c>
    </row>
    <row r="14465" spans="1:4" x14ac:dyDescent="0.25">
      <c r="A14465" t="s">
        <v>22417</v>
      </c>
      <c r="B14465" t="s">
        <v>22418</v>
      </c>
      <c r="C14465">
        <v>1</v>
      </c>
      <c r="D14465">
        <v>0</v>
      </c>
    </row>
    <row r="14466" spans="1:4" x14ac:dyDescent="0.25">
      <c r="A14466" t="s">
        <v>22417</v>
      </c>
      <c r="B14466" t="s">
        <v>22419</v>
      </c>
      <c r="C14466">
        <v>0</v>
      </c>
      <c r="D14466">
        <v>0</v>
      </c>
    </row>
    <row r="14467" spans="1:4" x14ac:dyDescent="0.25">
      <c r="A14467" t="s">
        <v>22417</v>
      </c>
      <c r="B14467" t="s">
        <v>22420</v>
      </c>
      <c r="C14467">
        <v>2</v>
      </c>
      <c r="D14467">
        <v>0</v>
      </c>
    </row>
    <row r="14468" spans="1:4" x14ac:dyDescent="0.25">
      <c r="A14468" t="s">
        <v>22421</v>
      </c>
      <c r="B14468" t="s">
        <v>22422</v>
      </c>
      <c r="C14468">
        <v>2</v>
      </c>
      <c r="D14468">
        <v>0</v>
      </c>
    </row>
    <row r="14469" spans="1:4" x14ac:dyDescent="0.25">
      <c r="A14469" t="s">
        <v>22423</v>
      </c>
      <c r="B14469" t="s">
        <v>22424</v>
      </c>
      <c r="C14469">
        <v>0</v>
      </c>
      <c r="D14469">
        <v>0</v>
      </c>
    </row>
    <row r="14470" spans="1:4" x14ac:dyDescent="0.25">
      <c r="A14470" t="s">
        <v>22423</v>
      </c>
      <c r="B14470" t="s">
        <v>22425</v>
      </c>
      <c r="C14470">
        <v>2</v>
      </c>
      <c r="D14470">
        <v>0</v>
      </c>
    </row>
    <row r="14471" spans="1:4" x14ac:dyDescent="0.25">
      <c r="A14471" t="s">
        <v>22426</v>
      </c>
      <c r="B14471" t="s">
        <v>22427</v>
      </c>
      <c r="C14471">
        <v>0</v>
      </c>
      <c r="D14471">
        <v>0</v>
      </c>
    </row>
    <row r="14472" spans="1:4" x14ac:dyDescent="0.25">
      <c r="A14472" t="s">
        <v>22428</v>
      </c>
      <c r="B14472" t="s">
        <v>22429</v>
      </c>
      <c r="C14472">
        <v>1</v>
      </c>
      <c r="D14472">
        <v>0</v>
      </c>
    </row>
    <row r="14473" spans="1:4" x14ac:dyDescent="0.25">
      <c r="A14473" t="s">
        <v>22430</v>
      </c>
      <c r="B14473" t="s">
        <v>22431</v>
      </c>
      <c r="C14473">
        <v>1</v>
      </c>
      <c r="D14473">
        <v>0</v>
      </c>
    </row>
    <row r="14474" spans="1:4" x14ac:dyDescent="0.25">
      <c r="A14474" t="s">
        <v>22430</v>
      </c>
      <c r="B14474" t="s">
        <v>22432</v>
      </c>
      <c r="C14474">
        <v>0</v>
      </c>
      <c r="D14474">
        <v>0</v>
      </c>
    </row>
    <row r="14475" spans="1:4" x14ac:dyDescent="0.25">
      <c r="A14475" t="s">
        <v>22433</v>
      </c>
      <c r="B14475" t="s">
        <v>22434</v>
      </c>
      <c r="C14475">
        <v>1</v>
      </c>
      <c r="D14475">
        <v>0</v>
      </c>
    </row>
    <row r="14476" spans="1:4" x14ac:dyDescent="0.25">
      <c r="A14476" t="s">
        <v>22433</v>
      </c>
      <c r="B14476" t="s">
        <v>22435</v>
      </c>
      <c r="C14476">
        <v>0</v>
      </c>
      <c r="D14476">
        <v>0</v>
      </c>
    </row>
    <row r="14477" spans="1:4" x14ac:dyDescent="0.25">
      <c r="A14477" t="s">
        <v>22436</v>
      </c>
      <c r="B14477" t="s">
        <v>22437</v>
      </c>
      <c r="C14477">
        <v>1</v>
      </c>
      <c r="D14477">
        <v>0</v>
      </c>
    </row>
    <row r="14478" spans="1:4" x14ac:dyDescent="0.25">
      <c r="A14478" t="s">
        <v>22438</v>
      </c>
      <c r="B14478" t="s">
        <v>22439</v>
      </c>
      <c r="C14478">
        <v>1</v>
      </c>
      <c r="D14478">
        <v>0</v>
      </c>
    </row>
    <row r="14479" spans="1:4" x14ac:dyDescent="0.25">
      <c r="A14479" t="s">
        <v>22440</v>
      </c>
      <c r="B14479" t="s">
        <v>22441</v>
      </c>
      <c r="C14479">
        <v>1</v>
      </c>
      <c r="D14479">
        <v>0</v>
      </c>
    </row>
    <row r="14480" spans="1:4" x14ac:dyDescent="0.25">
      <c r="A14480" t="s">
        <v>22442</v>
      </c>
      <c r="B14480" t="s">
        <v>22443</v>
      </c>
      <c r="C14480">
        <v>1</v>
      </c>
      <c r="D14480">
        <v>0</v>
      </c>
    </row>
    <row r="14481" spans="1:4" x14ac:dyDescent="0.25">
      <c r="A14481" t="s">
        <v>22444</v>
      </c>
      <c r="B14481" t="s">
        <v>22445</v>
      </c>
      <c r="C14481">
        <v>1</v>
      </c>
      <c r="D14481">
        <v>0</v>
      </c>
    </row>
    <row r="14482" spans="1:4" x14ac:dyDescent="0.25">
      <c r="A14482" t="s">
        <v>22444</v>
      </c>
      <c r="B14482" t="s">
        <v>22446</v>
      </c>
      <c r="C14482">
        <v>0</v>
      </c>
      <c r="D14482">
        <v>0</v>
      </c>
    </row>
    <row r="14483" spans="1:4" x14ac:dyDescent="0.25">
      <c r="A14483" t="s">
        <v>22447</v>
      </c>
      <c r="B14483" t="s">
        <v>22448</v>
      </c>
      <c r="C14483">
        <v>0</v>
      </c>
      <c r="D14483">
        <v>0</v>
      </c>
    </row>
    <row r="14484" spans="1:4" x14ac:dyDescent="0.25">
      <c r="A14484" t="s">
        <v>22449</v>
      </c>
      <c r="B14484" t="s">
        <v>22450</v>
      </c>
      <c r="C14484">
        <v>2</v>
      </c>
      <c r="D14484">
        <v>0</v>
      </c>
    </row>
    <row r="14485" spans="1:4" x14ac:dyDescent="0.25">
      <c r="A14485" t="s">
        <v>22451</v>
      </c>
      <c r="B14485" t="s">
        <v>22452</v>
      </c>
      <c r="C14485">
        <v>1</v>
      </c>
      <c r="D14485">
        <v>0</v>
      </c>
    </row>
    <row r="14486" spans="1:4" x14ac:dyDescent="0.25">
      <c r="A14486" t="s">
        <v>22453</v>
      </c>
      <c r="B14486" t="s">
        <v>22454</v>
      </c>
      <c r="C14486">
        <v>1</v>
      </c>
      <c r="D14486">
        <v>0</v>
      </c>
    </row>
    <row r="14487" spans="1:4" x14ac:dyDescent="0.25">
      <c r="A14487" t="s">
        <v>22453</v>
      </c>
      <c r="B14487" t="s">
        <v>22455</v>
      </c>
      <c r="C14487">
        <v>0</v>
      </c>
      <c r="D14487">
        <v>0</v>
      </c>
    </row>
    <row r="14488" spans="1:4" x14ac:dyDescent="0.25">
      <c r="A14488" t="s">
        <v>22456</v>
      </c>
      <c r="B14488" t="s">
        <v>22457</v>
      </c>
      <c r="C14488">
        <v>2</v>
      </c>
      <c r="D14488">
        <v>0</v>
      </c>
    </row>
    <row r="14489" spans="1:4" x14ac:dyDescent="0.25">
      <c r="A14489" t="s">
        <v>22458</v>
      </c>
      <c r="B14489" t="s">
        <v>22459</v>
      </c>
      <c r="C14489">
        <v>0</v>
      </c>
      <c r="D14489">
        <v>0</v>
      </c>
    </row>
    <row r="14490" spans="1:4" x14ac:dyDescent="0.25">
      <c r="A14490" t="s">
        <v>22460</v>
      </c>
      <c r="B14490" t="s">
        <v>22461</v>
      </c>
      <c r="C14490">
        <v>0</v>
      </c>
      <c r="D14490">
        <v>0</v>
      </c>
    </row>
    <row r="14491" spans="1:4" x14ac:dyDescent="0.25">
      <c r="A14491" t="s">
        <v>22462</v>
      </c>
      <c r="B14491" t="s">
        <v>22463</v>
      </c>
      <c r="C14491">
        <v>1</v>
      </c>
      <c r="D14491">
        <v>0</v>
      </c>
    </row>
    <row r="14492" spans="1:4" x14ac:dyDescent="0.25">
      <c r="A14492" t="s">
        <v>22464</v>
      </c>
      <c r="B14492" t="s">
        <v>22465</v>
      </c>
      <c r="C14492">
        <v>1</v>
      </c>
      <c r="D14492">
        <v>0</v>
      </c>
    </row>
    <row r="14493" spans="1:4" x14ac:dyDescent="0.25">
      <c r="A14493" t="s">
        <v>22466</v>
      </c>
      <c r="B14493" t="s">
        <v>22467</v>
      </c>
      <c r="C14493">
        <v>1</v>
      </c>
      <c r="D14493">
        <v>0</v>
      </c>
    </row>
    <row r="14494" spans="1:4" x14ac:dyDescent="0.25">
      <c r="A14494" t="s">
        <v>22468</v>
      </c>
      <c r="B14494" t="s">
        <v>22469</v>
      </c>
      <c r="C14494">
        <v>0</v>
      </c>
      <c r="D14494">
        <v>0</v>
      </c>
    </row>
    <row r="14495" spans="1:4" x14ac:dyDescent="0.25">
      <c r="A14495" t="s">
        <v>22470</v>
      </c>
      <c r="B14495" t="s">
        <v>22471</v>
      </c>
      <c r="C14495">
        <v>2</v>
      </c>
      <c r="D14495">
        <v>0</v>
      </c>
    </row>
    <row r="14496" spans="1:4" x14ac:dyDescent="0.25">
      <c r="A14496" t="s">
        <v>22472</v>
      </c>
      <c r="B14496" t="s">
        <v>22473</v>
      </c>
      <c r="C14496">
        <v>2</v>
      </c>
      <c r="D14496">
        <v>0</v>
      </c>
    </row>
    <row r="14497" spans="1:4" x14ac:dyDescent="0.25">
      <c r="A14497" t="s">
        <v>22474</v>
      </c>
      <c r="B14497" t="s">
        <v>22475</v>
      </c>
      <c r="C14497">
        <v>1</v>
      </c>
      <c r="D14497">
        <v>0</v>
      </c>
    </row>
    <row r="14498" spans="1:4" x14ac:dyDescent="0.25">
      <c r="A14498" t="s">
        <v>22476</v>
      </c>
      <c r="B14498" t="s">
        <v>22477</v>
      </c>
      <c r="C14498">
        <v>2</v>
      </c>
      <c r="D14498">
        <v>0</v>
      </c>
    </row>
    <row r="14499" spans="1:4" x14ac:dyDescent="0.25">
      <c r="A14499" t="s">
        <v>22478</v>
      </c>
      <c r="B14499" t="s">
        <v>22479</v>
      </c>
      <c r="C14499">
        <v>1</v>
      </c>
      <c r="D14499">
        <v>0</v>
      </c>
    </row>
    <row r="14500" spans="1:4" x14ac:dyDescent="0.25">
      <c r="A14500" t="s">
        <v>22480</v>
      </c>
      <c r="B14500" t="s">
        <v>22481</v>
      </c>
      <c r="C14500">
        <v>2</v>
      </c>
      <c r="D14500">
        <v>0</v>
      </c>
    </row>
    <row r="14501" spans="1:4" x14ac:dyDescent="0.25">
      <c r="A14501" t="s">
        <v>22482</v>
      </c>
      <c r="B14501" t="s">
        <v>22483</v>
      </c>
      <c r="C14501">
        <v>1</v>
      </c>
      <c r="D14501">
        <v>0</v>
      </c>
    </row>
    <row r="14502" spans="1:4" x14ac:dyDescent="0.25">
      <c r="A14502" t="s">
        <v>22482</v>
      </c>
      <c r="B14502" t="s">
        <v>22484</v>
      </c>
      <c r="C14502">
        <v>0</v>
      </c>
      <c r="D14502">
        <v>0</v>
      </c>
    </row>
    <row r="14503" spans="1:4" x14ac:dyDescent="0.25">
      <c r="A14503" t="s">
        <v>22482</v>
      </c>
      <c r="B14503" t="s">
        <v>22485</v>
      </c>
      <c r="C14503">
        <v>2</v>
      </c>
      <c r="D14503">
        <v>0</v>
      </c>
    </row>
    <row r="14504" spans="1:4" x14ac:dyDescent="0.25">
      <c r="A14504" t="s">
        <v>22486</v>
      </c>
      <c r="B14504" t="s">
        <v>22487</v>
      </c>
      <c r="C14504">
        <v>1</v>
      </c>
      <c r="D14504">
        <v>0</v>
      </c>
    </row>
    <row r="14505" spans="1:4" x14ac:dyDescent="0.25">
      <c r="A14505" t="s">
        <v>22488</v>
      </c>
      <c r="B14505" t="s">
        <v>22489</v>
      </c>
      <c r="C14505">
        <v>1</v>
      </c>
      <c r="D14505">
        <v>0</v>
      </c>
    </row>
    <row r="14506" spans="1:4" x14ac:dyDescent="0.25">
      <c r="A14506" t="s">
        <v>22488</v>
      </c>
      <c r="B14506" t="s">
        <v>22490</v>
      </c>
      <c r="C14506">
        <v>0</v>
      </c>
      <c r="D14506">
        <v>0</v>
      </c>
    </row>
    <row r="14507" spans="1:4" x14ac:dyDescent="0.25">
      <c r="A14507" t="s">
        <v>22491</v>
      </c>
      <c r="B14507" t="s">
        <v>22492</v>
      </c>
      <c r="C14507">
        <v>1</v>
      </c>
      <c r="D14507">
        <v>0</v>
      </c>
    </row>
    <row r="14508" spans="1:4" x14ac:dyDescent="0.25">
      <c r="A14508" t="s">
        <v>22493</v>
      </c>
      <c r="B14508" t="s">
        <v>22494</v>
      </c>
      <c r="C14508">
        <v>0</v>
      </c>
      <c r="D14508">
        <v>0</v>
      </c>
    </row>
    <row r="14509" spans="1:4" x14ac:dyDescent="0.25">
      <c r="A14509" t="s">
        <v>22493</v>
      </c>
      <c r="B14509" t="s">
        <v>22495</v>
      </c>
      <c r="C14509">
        <v>2</v>
      </c>
      <c r="D14509">
        <v>0</v>
      </c>
    </row>
    <row r="14510" spans="1:4" x14ac:dyDescent="0.25">
      <c r="A14510" t="s">
        <v>22496</v>
      </c>
      <c r="B14510" t="s">
        <v>22497</v>
      </c>
      <c r="C14510">
        <v>1</v>
      </c>
      <c r="D14510">
        <v>0</v>
      </c>
    </row>
    <row r="14511" spans="1:4" x14ac:dyDescent="0.25">
      <c r="A14511" t="s">
        <v>22498</v>
      </c>
      <c r="B14511" t="s">
        <v>22499</v>
      </c>
      <c r="C14511">
        <v>2</v>
      </c>
      <c r="D14511">
        <v>0</v>
      </c>
    </row>
    <row r="14512" spans="1:4" x14ac:dyDescent="0.25">
      <c r="A14512" t="s">
        <v>22500</v>
      </c>
      <c r="B14512" t="s">
        <v>22501</v>
      </c>
      <c r="C14512">
        <v>1</v>
      </c>
      <c r="D14512">
        <v>0</v>
      </c>
    </row>
    <row r="14513" spans="1:4" x14ac:dyDescent="0.25">
      <c r="A14513" t="s">
        <v>22500</v>
      </c>
      <c r="B14513" t="s">
        <v>22502</v>
      </c>
      <c r="C14513">
        <v>0</v>
      </c>
      <c r="D14513">
        <v>0</v>
      </c>
    </row>
    <row r="14514" spans="1:4" x14ac:dyDescent="0.25">
      <c r="A14514" t="s">
        <v>22500</v>
      </c>
      <c r="B14514" t="s">
        <v>22503</v>
      </c>
      <c r="C14514">
        <v>2</v>
      </c>
      <c r="D14514">
        <v>0</v>
      </c>
    </row>
    <row r="14515" spans="1:4" x14ac:dyDescent="0.25">
      <c r="A14515" t="s">
        <v>22504</v>
      </c>
      <c r="B14515" t="s">
        <v>22505</v>
      </c>
      <c r="C14515">
        <v>2</v>
      </c>
      <c r="D14515">
        <v>0</v>
      </c>
    </row>
    <row r="14516" spans="1:4" x14ac:dyDescent="0.25">
      <c r="A14516" t="s">
        <v>22506</v>
      </c>
      <c r="B14516" t="s">
        <v>22507</v>
      </c>
      <c r="C14516">
        <v>1</v>
      </c>
      <c r="D14516">
        <v>0</v>
      </c>
    </row>
    <row r="14517" spans="1:4" x14ac:dyDescent="0.25">
      <c r="A14517" t="s">
        <v>22508</v>
      </c>
      <c r="B14517" t="s">
        <v>22509</v>
      </c>
      <c r="C14517">
        <v>1</v>
      </c>
      <c r="D14517">
        <v>0</v>
      </c>
    </row>
    <row r="14518" spans="1:4" x14ac:dyDescent="0.25">
      <c r="A14518" t="s">
        <v>22510</v>
      </c>
      <c r="B14518" t="s">
        <v>22511</v>
      </c>
      <c r="C14518">
        <v>1</v>
      </c>
      <c r="D14518">
        <v>0</v>
      </c>
    </row>
    <row r="14519" spans="1:4" x14ac:dyDescent="0.25">
      <c r="A14519" t="s">
        <v>22512</v>
      </c>
      <c r="B14519" t="s">
        <v>22513</v>
      </c>
      <c r="C14519">
        <v>1</v>
      </c>
      <c r="D14519">
        <v>0</v>
      </c>
    </row>
    <row r="14520" spans="1:4" x14ac:dyDescent="0.25">
      <c r="A14520" t="s">
        <v>22512</v>
      </c>
      <c r="B14520" t="s">
        <v>22514</v>
      </c>
      <c r="C14520">
        <v>0</v>
      </c>
      <c r="D14520">
        <v>0</v>
      </c>
    </row>
    <row r="14521" spans="1:4" x14ac:dyDescent="0.25">
      <c r="A14521" t="s">
        <v>22512</v>
      </c>
      <c r="B14521" t="s">
        <v>22515</v>
      </c>
      <c r="C14521">
        <v>0</v>
      </c>
      <c r="D14521">
        <v>0</v>
      </c>
    </row>
    <row r="14522" spans="1:4" x14ac:dyDescent="0.25">
      <c r="A14522" t="s">
        <v>22516</v>
      </c>
      <c r="B14522" t="s">
        <v>22517</v>
      </c>
      <c r="C14522">
        <v>0</v>
      </c>
      <c r="D14522">
        <v>0</v>
      </c>
    </row>
    <row r="14523" spans="1:4" x14ac:dyDescent="0.25">
      <c r="A14523" t="s">
        <v>22518</v>
      </c>
      <c r="B14523" t="s">
        <v>22519</v>
      </c>
      <c r="C14523">
        <v>1</v>
      </c>
      <c r="D14523">
        <v>0</v>
      </c>
    </row>
    <row r="14524" spans="1:4" x14ac:dyDescent="0.25">
      <c r="A14524" t="s">
        <v>22520</v>
      </c>
      <c r="B14524" t="s">
        <v>22521</v>
      </c>
      <c r="C14524">
        <v>2</v>
      </c>
      <c r="D14524">
        <v>0</v>
      </c>
    </row>
    <row r="14525" spans="1:4" x14ac:dyDescent="0.25">
      <c r="A14525" t="s">
        <v>22522</v>
      </c>
      <c r="B14525" t="s">
        <v>22523</v>
      </c>
      <c r="C14525">
        <v>2</v>
      </c>
      <c r="D14525">
        <v>0</v>
      </c>
    </row>
    <row r="14526" spans="1:4" x14ac:dyDescent="0.25">
      <c r="A14526" t="s">
        <v>22524</v>
      </c>
      <c r="B14526" t="s">
        <v>22525</v>
      </c>
      <c r="C14526">
        <v>1</v>
      </c>
      <c r="D14526">
        <v>0</v>
      </c>
    </row>
    <row r="14527" spans="1:4" x14ac:dyDescent="0.25">
      <c r="A14527" t="s">
        <v>22526</v>
      </c>
      <c r="B14527" t="s">
        <v>22527</v>
      </c>
      <c r="C14527">
        <v>2</v>
      </c>
      <c r="D14527">
        <v>0</v>
      </c>
    </row>
    <row r="14528" spans="1:4" x14ac:dyDescent="0.25">
      <c r="A14528" t="s">
        <v>22528</v>
      </c>
      <c r="B14528" t="s">
        <v>22529</v>
      </c>
      <c r="C14528">
        <v>1</v>
      </c>
      <c r="D14528">
        <v>0</v>
      </c>
    </row>
    <row r="14529" spans="1:4" x14ac:dyDescent="0.25">
      <c r="A14529" t="s">
        <v>22530</v>
      </c>
      <c r="B14529" t="s">
        <v>22531</v>
      </c>
      <c r="C14529">
        <v>2</v>
      </c>
      <c r="D14529">
        <v>0</v>
      </c>
    </row>
    <row r="14530" spans="1:4" x14ac:dyDescent="0.25">
      <c r="A14530" t="s">
        <v>22532</v>
      </c>
      <c r="B14530" t="s">
        <v>22533</v>
      </c>
      <c r="C14530">
        <v>1</v>
      </c>
      <c r="D14530">
        <v>0</v>
      </c>
    </row>
    <row r="14531" spans="1:4" x14ac:dyDescent="0.25">
      <c r="A14531" t="s">
        <v>22532</v>
      </c>
      <c r="B14531" t="s">
        <v>22534</v>
      </c>
      <c r="C14531">
        <v>0</v>
      </c>
      <c r="D14531">
        <v>0</v>
      </c>
    </row>
    <row r="14532" spans="1:4" x14ac:dyDescent="0.25">
      <c r="A14532" t="s">
        <v>22535</v>
      </c>
      <c r="B14532" t="s">
        <v>22536</v>
      </c>
      <c r="C14532">
        <v>1</v>
      </c>
      <c r="D14532">
        <v>0</v>
      </c>
    </row>
    <row r="14533" spans="1:4" x14ac:dyDescent="0.25">
      <c r="A14533" t="s">
        <v>22537</v>
      </c>
      <c r="B14533" t="s">
        <v>22538</v>
      </c>
      <c r="C14533">
        <v>1</v>
      </c>
      <c r="D14533">
        <v>0</v>
      </c>
    </row>
    <row r="14534" spans="1:4" x14ac:dyDescent="0.25">
      <c r="A14534" t="s">
        <v>22539</v>
      </c>
      <c r="B14534" t="s">
        <v>22540</v>
      </c>
      <c r="C14534">
        <v>1</v>
      </c>
      <c r="D14534">
        <v>0</v>
      </c>
    </row>
    <row r="14535" spans="1:4" x14ac:dyDescent="0.25">
      <c r="A14535" t="s">
        <v>22541</v>
      </c>
      <c r="B14535" t="s">
        <v>22542</v>
      </c>
      <c r="C14535">
        <v>1</v>
      </c>
      <c r="D14535">
        <v>0</v>
      </c>
    </row>
    <row r="14536" spans="1:4" x14ac:dyDescent="0.25">
      <c r="A14536" t="s">
        <v>22543</v>
      </c>
      <c r="B14536" t="s">
        <v>22544</v>
      </c>
      <c r="C14536">
        <v>2</v>
      </c>
      <c r="D14536">
        <v>0</v>
      </c>
    </row>
    <row r="14537" spans="1:4" x14ac:dyDescent="0.25">
      <c r="A14537" t="s">
        <v>22545</v>
      </c>
      <c r="B14537" t="s">
        <v>22546</v>
      </c>
      <c r="C14537">
        <v>1</v>
      </c>
      <c r="D14537">
        <v>0</v>
      </c>
    </row>
    <row r="14538" spans="1:4" x14ac:dyDescent="0.25">
      <c r="A14538" t="s">
        <v>22547</v>
      </c>
      <c r="B14538" t="s">
        <v>22548</v>
      </c>
      <c r="C14538">
        <v>1</v>
      </c>
      <c r="D14538">
        <v>0</v>
      </c>
    </row>
    <row r="14539" spans="1:4" x14ac:dyDescent="0.25">
      <c r="A14539" t="s">
        <v>22547</v>
      </c>
      <c r="B14539" t="s">
        <v>22549</v>
      </c>
      <c r="C14539">
        <v>0</v>
      </c>
      <c r="D14539">
        <v>0</v>
      </c>
    </row>
    <row r="14540" spans="1:4" x14ac:dyDescent="0.25">
      <c r="A14540" t="s">
        <v>22547</v>
      </c>
      <c r="B14540" t="s">
        <v>22550</v>
      </c>
      <c r="C14540">
        <v>0</v>
      </c>
      <c r="D14540">
        <v>0</v>
      </c>
    </row>
    <row r="14541" spans="1:4" x14ac:dyDescent="0.25">
      <c r="A14541" t="s">
        <v>22547</v>
      </c>
      <c r="B14541" t="s">
        <v>22551</v>
      </c>
      <c r="C14541">
        <v>2</v>
      </c>
      <c r="D14541">
        <v>0</v>
      </c>
    </row>
    <row r="14542" spans="1:4" x14ac:dyDescent="0.25">
      <c r="A14542" t="s">
        <v>22552</v>
      </c>
      <c r="B14542" t="s">
        <v>22553</v>
      </c>
      <c r="C14542">
        <v>1</v>
      </c>
      <c r="D14542">
        <v>0</v>
      </c>
    </row>
    <row r="14543" spans="1:4" x14ac:dyDescent="0.25">
      <c r="A14543" t="s">
        <v>22554</v>
      </c>
      <c r="B14543" t="s">
        <v>22555</v>
      </c>
      <c r="C14543">
        <v>1</v>
      </c>
      <c r="D14543">
        <v>0</v>
      </c>
    </row>
    <row r="14544" spans="1:4" x14ac:dyDescent="0.25">
      <c r="A14544" t="s">
        <v>22556</v>
      </c>
      <c r="B14544" t="s">
        <v>22557</v>
      </c>
      <c r="C14544">
        <v>1</v>
      </c>
      <c r="D14544">
        <v>0</v>
      </c>
    </row>
    <row r="14545" spans="1:4" x14ac:dyDescent="0.25">
      <c r="A14545" t="s">
        <v>22556</v>
      </c>
      <c r="B14545" t="s">
        <v>22558</v>
      </c>
      <c r="C14545">
        <v>0</v>
      </c>
      <c r="D14545">
        <v>0</v>
      </c>
    </row>
    <row r="14546" spans="1:4" x14ac:dyDescent="0.25">
      <c r="A14546" t="s">
        <v>22559</v>
      </c>
      <c r="B14546" t="s">
        <v>22560</v>
      </c>
      <c r="C14546">
        <v>1</v>
      </c>
      <c r="D14546">
        <v>0</v>
      </c>
    </row>
    <row r="14547" spans="1:4" x14ac:dyDescent="0.25">
      <c r="A14547" t="s">
        <v>22561</v>
      </c>
      <c r="B14547" t="s">
        <v>22562</v>
      </c>
      <c r="C14547">
        <v>2</v>
      </c>
      <c r="D14547">
        <v>0</v>
      </c>
    </row>
    <row r="14548" spans="1:4" x14ac:dyDescent="0.25">
      <c r="A14548" t="s">
        <v>22563</v>
      </c>
      <c r="B14548" t="s">
        <v>22564</v>
      </c>
      <c r="C14548">
        <v>0</v>
      </c>
      <c r="D14548">
        <v>0</v>
      </c>
    </row>
    <row r="14549" spans="1:4" x14ac:dyDescent="0.25">
      <c r="A14549" t="s">
        <v>22563</v>
      </c>
      <c r="B14549" t="s">
        <v>22565</v>
      </c>
      <c r="C14549">
        <v>2</v>
      </c>
      <c r="D14549">
        <v>0</v>
      </c>
    </row>
    <row r="14550" spans="1:4" x14ac:dyDescent="0.25">
      <c r="A14550" t="s">
        <v>22566</v>
      </c>
      <c r="B14550" t="s">
        <v>22567</v>
      </c>
      <c r="C14550">
        <v>1</v>
      </c>
      <c r="D14550">
        <v>0</v>
      </c>
    </row>
    <row r="14551" spans="1:4" x14ac:dyDescent="0.25">
      <c r="A14551" t="s">
        <v>22568</v>
      </c>
      <c r="B14551" t="s">
        <v>22569</v>
      </c>
      <c r="C14551">
        <v>0</v>
      </c>
      <c r="D14551">
        <v>0</v>
      </c>
    </row>
    <row r="14552" spans="1:4" x14ac:dyDescent="0.25">
      <c r="A14552" t="s">
        <v>22568</v>
      </c>
      <c r="B14552" t="s">
        <v>22570</v>
      </c>
      <c r="C14552">
        <v>2</v>
      </c>
      <c r="D14552">
        <v>0</v>
      </c>
    </row>
    <row r="14553" spans="1:4" x14ac:dyDescent="0.25">
      <c r="A14553" t="s">
        <v>22571</v>
      </c>
      <c r="B14553" t="s">
        <v>22572</v>
      </c>
      <c r="C14553">
        <v>0</v>
      </c>
      <c r="D14553">
        <v>0</v>
      </c>
    </row>
    <row r="14554" spans="1:4" x14ac:dyDescent="0.25">
      <c r="A14554" t="s">
        <v>22573</v>
      </c>
      <c r="B14554" t="s">
        <v>22574</v>
      </c>
      <c r="C14554">
        <v>1</v>
      </c>
      <c r="D14554">
        <v>0</v>
      </c>
    </row>
    <row r="14555" spans="1:4" x14ac:dyDescent="0.25">
      <c r="A14555" t="s">
        <v>22575</v>
      </c>
      <c r="B14555" t="s">
        <v>22576</v>
      </c>
      <c r="C14555">
        <v>1</v>
      </c>
      <c r="D14555">
        <v>0</v>
      </c>
    </row>
    <row r="14556" spans="1:4" x14ac:dyDescent="0.25">
      <c r="A14556" t="s">
        <v>22577</v>
      </c>
      <c r="B14556" t="s">
        <v>22578</v>
      </c>
      <c r="C14556">
        <v>1</v>
      </c>
      <c r="D14556">
        <v>0</v>
      </c>
    </row>
    <row r="14557" spans="1:4" x14ac:dyDescent="0.25">
      <c r="A14557" t="s">
        <v>22579</v>
      </c>
      <c r="B14557" t="s">
        <v>22580</v>
      </c>
      <c r="C14557">
        <v>2</v>
      </c>
      <c r="D14557">
        <v>0</v>
      </c>
    </row>
    <row r="14558" spans="1:4" x14ac:dyDescent="0.25">
      <c r="A14558" t="s">
        <v>22581</v>
      </c>
      <c r="B14558" t="s">
        <v>22582</v>
      </c>
      <c r="C14558">
        <v>0</v>
      </c>
      <c r="D14558">
        <v>0</v>
      </c>
    </row>
    <row r="14559" spans="1:4" x14ac:dyDescent="0.25">
      <c r="A14559" t="s">
        <v>22583</v>
      </c>
      <c r="B14559" t="s">
        <v>22584</v>
      </c>
      <c r="C14559">
        <v>1</v>
      </c>
      <c r="D14559">
        <v>0</v>
      </c>
    </row>
    <row r="14560" spans="1:4" x14ac:dyDescent="0.25">
      <c r="A14560" t="s">
        <v>22585</v>
      </c>
      <c r="B14560" t="s">
        <v>22586</v>
      </c>
      <c r="C14560">
        <v>0</v>
      </c>
      <c r="D14560">
        <v>0</v>
      </c>
    </row>
    <row r="14561" spans="1:4" x14ac:dyDescent="0.25">
      <c r="A14561" t="s">
        <v>22587</v>
      </c>
      <c r="B14561" t="s">
        <v>22588</v>
      </c>
      <c r="C14561">
        <v>1</v>
      </c>
      <c r="D14561">
        <v>0</v>
      </c>
    </row>
    <row r="14562" spans="1:4" x14ac:dyDescent="0.25">
      <c r="A14562" t="s">
        <v>22589</v>
      </c>
      <c r="B14562" t="s">
        <v>22590</v>
      </c>
      <c r="C14562">
        <v>1</v>
      </c>
      <c r="D14562">
        <v>0</v>
      </c>
    </row>
    <row r="14563" spans="1:4" x14ac:dyDescent="0.25">
      <c r="A14563" t="s">
        <v>22591</v>
      </c>
      <c r="B14563" t="s">
        <v>22592</v>
      </c>
      <c r="C14563">
        <v>2</v>
      </c>
      <c r="D14563">
        <v>0</v>
      </c>
    </row>
    <row r="14564" spans="1:4" x14ac:dyDescent="0.25">
      <c r="A14564" t="s">
        <v>22593</v>
      </c>
      <c r="B14564" t="s">
        <v>22594</v>
      </c>
      <c r="C14564">
        <v>1</v>
      </c>
      <c r="D14564">
        <v>0</v>
      </c>
    </row>
    <row r="14565" spans="1:4" x14ac:dyDescent="0.25">
      <c r="A14565" t="s">
        <v>22593</v>
      </c>
      <c r="B14565" t="s">
        <v>22595</v>
      </c>
      <c r="C14565">
        <v>0</v>
      </c>
      <c r="D14565">
        <v>0</v>
      </c>
    </row>
    <row r="14566" spans="1:4" x14ac:dyDescent="0.25">
      <c r="A14566" t="s">
        <v>22596</v>
      </c>
      <c r="B14566" t="s">
        <v>22597</v>
      </c>
      <c r="C14566">
        <v>1</v>
      </c>
      <c r="D14566">
        <v>0</v>
      </c>
    </row>
    <row r="14567" spans="1:4" x14ac:dyDescent="0.25">
      <c r="A14567" t="s">
        <v>22598</v>
      </c>
      <c r="B14567" t="s">
        <v>22599</v>
      </c>
      <c r="C14567">
        <v>1</v>
      </c>
      <c r="D14567">
        <v>0</v>
      </c>
    </row>
    <row r="14568" spans="1:4" x14ac:dyDescent="0.25">
      <c r="A14568" t="s">
        <v>22600</v>
      </c>
      <c r="B14568" t="s">
        <v>22601</v>
      </c>
      <c r="C14568">
        <v>1</v>
      </c>
      <c r="D14568">
        <v>0</v>
      </c>
    </row>
    <row r="14569" spans="1:4" x14ac:dyDescent="0.25">
      <c r="A14569" t="s">
        <v>22602</v>
      </c>
      <c r="B14569" t="s">
        <v>22603</v>
      </c>
      <c r="C14569">
        <v>1</v>
      </c>
      <c r="D14569">
        <v>0</v>
      </c>
    </row>
    <row r="14570" spans="1:4" x14ac:dyDescent="0.25">
      <c r="A14570" t="s">
        <v>22602</v>
      </c>
      <c r="B14570" t="s">
        <v>22604</v>
      </c>
      <c r="C14570">
        <v>0</v>
      </c>
      <c r="D14570">
        <v>0</v>
      </c>
    </row>
    <row r="14571" spans="1:4" x14ac:dyDescent="0.25">
      <c r="A14571" t="s">
        <v>22605</v>
      </c>
      <c r="B14571" t="s">
        <v>22606</v>
      </c>
      <c r="C14571">
        <v>2</v>
      </c>
      <c r="D14571">
        <v>0</v>
      </c>
    </row>
    <row r="14572" spans="1:4" x14ac:dyDescent="0.25">
      <c r="A14572" t="s">
        <v>22607</v>
      </c>
      <c r="B14572" t="s">
        <v>22608</v>
      </c>
      <c r="C14572">
        <v>1</v>
      </c>
      <c r="D14572">
        <v>0</v>
      </c>
    </row>
    <row r="14573" spans="1:4" x14ac:dyDescent="0.25">
      <c r="A14573" t="s">
        <v>22609</v>
      </c>
      <c r="B14573" t="s">
        <v>22610</v>
      </c>
      <c r="C14573">
        <v>2</v>
      </c>
      <c r="D14573">
        <v>0</v>
      </c>
    </row>
    <row r="14574" spans="1:4" x14ac:dyDescent="0.25">
      <c r="A14574" t="s">
        <v>22611</v>
      </c>
      <c r="B14574" t="s">
        <v>22612</v>
      </c>
      <c r="C14574">
        <v>1</v>
      </c>
      <c r="D14574">
        <v>0</v>
      </c>
    </row>
    <row r="14575" spans="1:4" x14ac:dyDescent="0.25">
      <c r="A14575" t="s">
        <v>22613</v>
      </c>
      <c r="B14575" t="s">
        <v>22614</v>
      </c>
      <c r="C14575">
        <v>1</v>
      </c>
      <c r="D14575">
        <v>0</v>
      </c>
    </row>
    <row r="14576" spans="1:4" x14ac:dyDescent="0.25">
      <c r="A14576" t="s">
        <v>22615</v>
      </c>
      <c r="B14576" t="s">
        <v>22616</v>
      </c>
      <c r="C14576">
        <v>1</v>
      </c>
      <c r="D14576">
        <v>0</v>
      </c>
    </row>
    <row r="14577" spans="1:4" x14ac:dyDescent="0.25">
      <c r="A14577" t="s">
        <v>22617</v>
      </c>
      <c r="B14577" t="s">
        <v>22618</v>
      </c>
      <c r="C14577">
        <v>0</v>
      </c>
      <c r="D14577">
        <v>0</v>
      </c>
    </row>
    <row r="14578" spans="1:4" x14ac:dyDescent="0.25">
      <c r="A14578" t="s">
        <v>22619</v>
      </c>
      <c r="B14578" t="s">
        <v>22620</v>
      </c>
      <c r="C14578">
        <v>2</v>
      </c>
      <c r="D14578">
        <v>0</v>
      </c>
    </row>
    <row r="14579" spans="1:4" x14ac:dyDescent="0.25">
      <c r="A14579" t="s">
        <v>22621</v>
      </c>
      <c r="B14579" t="s">
        <v>22622</v>
      </c>
      <c r="C14579">
        <v>2</v>
      </c>
      <c r="D14579">
        <v>0</v>
      </c>
    </row>
    <row r="14580" spans="1:4" x14ac:dyDescent="0.25">
      <c r="A14580" t="s">
        <v>22623</v>
      </c>
      <c r="B14580" t="s">
        <v>22624</v>
      </c>
      <c r="C14580">
        <v>1</v>
      </c>
      <c r="D14580">
        <v>0</v>
      </c>
    </row>
    <row r="14581" spans="1:4" x14ac:dyDescent="0.25">
      <c r="A14581" t="s">
        <v>22625</v>
      </c>
      <c r="B14581" t="s">
        <v>22626</v>
      </c>
      <c r="C14581">
        <v>1</v>
      </c>
      <c r="D14581">
        <v>0</v>
      </c>
    </row>
    <row r="14582" spans="1:4" x14ac:dyDescent="0.25">
      <c r="A14582" t="s">
        <v>22627</v>
      </c>
      <c r="B14582" t="s">
        <v>22628</v>
      </c>
      <c r="C14582">
        <v>1</v>
      </c>
      <c r="D14582">
        <v>0</v>
      </c>
    </row>
    <row r="14583" spans="1:4" x14ac:dyDescent="0.25">
      <c r="A14583" t="s">
        <v>22629</v>
      </c>
      <c r="B14583" t="s">
        <v>22630</v>
      </c>
      <c r="C14583">
        <v>1</v>
      </c>
      <c r="D14583">
        <v>0</v>
      </c>
    </row>
    <row r="14584" spans="1:4" x14ac:dyDescent="0.25">
      <c r="A14584" t="s">
        <v>22631</v>
      </c>
      <c r="B14584" t="s">
        <v>1294</v>
      </c>
      <c r="C14584">
        <v>1</v>
      </c>
      <c r="D14584">
        <v>0</v>
      </c>
    </row>
    <row r="14585" spans="1:4" x14ac:dyDescent="0.25">
      <c r="A14585" t="s">
        <v>22632</v>
      </c>
      <c r="B14585" t="s">
        <v>22633</v>
      </c>
      <c r="C14585">
        <v>0</v>
      </c>
      <c r="D14585">
        <v>0</v>
      </c>
    </row>
    <row r="14586" spans="1:4" x14ac:dyDescent="0.25">
      <c r="A14586" t="s">
        <v>22634</v>
      </c>
      <c r="B14586" t="s">
        <v>22635</v>
      </c>
      <c r="C14586">
        <v>1</v>
      </c>
      <c r="D14586">
        <v>0</v>
      </c>
    </row>
    <row r="14587" spans="1:4" x14ac:dyDescent="0.25">
      <c r="A14587" t="s">
        <v>22636</v>
      </c>
      <c r="B14587" t="s">
        <v>22637</v>
      </c>
      <c r="C14587">
        <v>1</v>
      </c>
      <c r="D14587">
        <v>0</v>
      </c>
    </row>
    <row r="14588" spans="1:4" x14ac:dyDescent="0.25">
      <c r="A14588" t="s">
        <v>22638</v>
      </c>
      <c r="B14588" t="s">
        <v>22639</v>
      </c>
      <c r="C14588">
        <v>2</v>
      </c>
      <c r="D14588">
        <v>0</v>
      </c>
    </row>
    <row r="14589" spans="1:4" x14ac:dyDescent="0.25">
      <c r="A14589" t="s">
        <v>22640</v>
      </c>
      <c r="B14589" t="s">
        <v>22641</v>
      </c>
      <c r="C14589">
        <v>1</v>
      </c>
      <c r="D14589">
        <v>0</v>
      </c>
    </row>
    <row r="14590" spans="1:4" x14ac:dyDescent="0.25">
      <c r="A14590" t="s">
        <v>22642</v>
      </c>
      <c r="B14590" t="s">
        <v>22643</v>
      </c>
      <c r="C14590">
        <v>1</v>
      </c>
      <c r="D14590">
        <v>0</v>
      </c>
    </row>
    <row r="14591" spans="1:4" x14ac:dyDescent="0.25">
      <c r="A14591" t="s">
        <v>22644</v>
      </c>
      <c r="B14591" t="s">
        <v>22645</v>
      </c>
      <c r="C14591">
        <v>2</v>
      </c>
      <c r="D14591">
        <v>0</v>
      </c>
    </row>
    <row r="14592" spans="1:4" x14ac:dyDescent="0.25">
      <c r="A14592" t="s">
        <v>22646</v>
      </c>
      <c r="B14592" t="s">
        <v>22647</v>
      </c>
      <c r="C14592">
        <v>0</v>
      </c>
      <c r="D14592">
        <v>0</v>
      </c>
    </row>
    <row r="14593" spans="1:4" x14ac:dyDescent="0.25">
      <c r="A14593" t="s">
        <v>22648</v>
      </c>
      <c r="B14593" t="s">
        <v>22649</v>
      </c>
      <c r="C14593">
        <v>0</v>
      </c>
      <c r="D14593">
        <v>0</v>
      </c>
    </row>
    <row r="14594" spans="1:4" x14ac:dyDescent="0.25">
      <c r="A14594" t="s">
        <v>22648</v>
      </c>
      <c r="B14594" t="s">
        <v>22650</v>
      </c>
      <c r="C14594">
        <v>0</v>
      </c>
      <c r="D14594">
        <v>0</v>
      </c>
    </row>
    <row r="14595" spans="1:4" x14ac:dyDescent="0.25">
      <c r="A14595" t="s">
        <v>22651</v>
      </c>
      <c r="B14595" t="s">
        <v>22652</v>
      </c>
      <c r="C14595">
        <v>0</v>
      </c>
      <c r="D14595">
        <v>0</v>
      </c>
    </row>
    <row r="14596" spans="1:4" x14ac:dyDescent="0.25">
      <c r="A14596" t="s">
        <v>22653</v>
      </c>
      <c r="B14596" t="s">
        <v>22654</v>
      </c>
      <c r="C14596">
        <v>1</v>
      </c>
      <c r="D14596">
        <v>0</v>
      </c>
    </row>
    <row r="14597" spans="1:4" x14ac:dyDescent="0.25">
      <c r="A14597" t="s">
        <v>22655</v>
      </c>
      <c r="B14597" t="s">
        <v>22656</v>
      </c>
      <c r="C14597">
        <v>1</v>
      </c>
      <c r="D14597">
        <v>0</v>
      </c>
    </row>
    <row r="14598" spans="1:4" x14ac:dyDescent="0.25">
      <c r="A14598" t="s">
        <v>22657</v>
      </c>
      <c r="B14598" t="s">
        <v>22658</v>
      </c>
      <c r="C14598">
        <v>1</v>
      </c>
      <c r="D14598">
        <v>0</v>
      </c>
    </row>
    <row r="14599" spans="1:4" x14ac:dyDescent="0.25">
      <c r="A14599" t="s">
        <v>22659</v>
      </c>
      <c r="B14599" t="s">
        <v>22660</v>
      </c>
      <c r="C14599">
        <v>1</v>
      </c>
      <c r="D14599">
        <v>0</v>
      </c>
    </row>
    <row r="14600" spans="1:4" x14ac:dyDescent="0.25">
      <c r="A14600" t="s">
        <v>22661</v>
      </c>
      <c r="B14600" t="s">
        <v>22662</v>
      </c>
      <c r="C14600">
        <v>1</v>
      </c>
      <c r="D14600">
        <v>0</v>
      </c>
    </row>
    <row r="14601" spans="1:4" x14ac:dyDescent="0.25">
      <c r="A14601" t="s">
        <v>22663</v>
      </c>
      <c r="B14601" t="s">
        <v>22664</v>
      </c>
      <c r="C14601">
        <v>0</v>
      </c>
      <c r="D14601">
        <v>0</v>
      </c>
    </row>
    <row r="14602" spans="1:4" x14ac:dyDescent="0.25">
      <c r="A14602" t="s">
        <v>22663</v>
      </c>
      <c r="B14602" t="s">
        <v>22665</v>
      </c>
      <c r="C14602">
        <v>2</v>
      </c>
      <c r="D14602">
        <v>0</v>
      </c>
    </row>
    <row r="14603" spans="1:4" x14ac:dyDescent="0.25">
      <c r="A14603" t="s">
        <v>22666</v>
      </c>
      <c r="B14603" t="s">
        <v>22667</v>
      </c>
      <c r="C14603">
        <v>0</v>
      </c>
      <c r="D14603">
        <v>0</v>
      </c>
    </row>
    <row r="14604" spans="1:4" x14ac:dyDescent="0.25">
      <c r="A14604" t="s">
        <v>22668</v>
      </c>
      <c r="B14604" t="s">
        <v>22669</v>
      </c>
      <c r="C14604">
        <v>0</v>
      </c>
      <c r="D14604">
        <v>0</v>
      </c>
    </row>
    <row r="14605" spans="1:4" x14ac:dyDescent="0.25">
      <c r="A14605" t="s">
        <v>22668</v>
      </c>
      <c r="B14605" t="s">
        <v>22670</v>
      </c>
      <c r="C14605">
        <v>2</v>
      </c>
      <c r="D14605">
        <v>0</v>
      </c>
    </row>
    <row r="14606" spans="1:4" x14ac:dyDescent="0.25">
      <c r="A14606" t="s">
        <v>22671</v>
      </c>
      <c r="B14606" t="s">
        <v>22672</v>
      </c>
      <c r="C14606">
        <v>1</v>
      </c>
      <c r="D14606">
        <v>0</v>
      </c>
    </row>
    <row r="14607" spans="1:4" x14ac:dyDescent="0.25">
      <c r="A14607" t="s">
        <v>22673</v>
      </c>
      <c r="B14607" t="s">
        <v>22674</v>
      </c>
      <c r="C14607">
        <v>1</v>
      </c>
      <c r="D14607">
        <v>0</v>
      </c>
    </row>
    <row r="14608" spans="1:4" x14ac:dyDescent="0.25">
      <c r="A14608" t="s">
        <v>22675</v>
      </c>
      <c r="B14608" t="s">
        <v>22676</v>
      </c>
      <c r="C14608">
        <v>1</v>
      </c>
      <c r="D14608">
        <v>0</v>
      </c>
    </row>
    <row r="14609" spans="1:4" x14ac:dyDescent="0.25">
      <c r="A14609" t="s">
        <v>22677</v>
      </c>
      <c r="B14609" t="s">
        <v>22678</v>
      </c>
      <c r="C14609">
        <v>2</v>
      </c>
      <c r="D14609">
        <v>0</v>
      </c>
    </row>
    <row r="14610" spans="1:4" x14ac:dyDescent="0.25">
      <c r="A14610" t="s">
        <v>22679</v>
      </c>
      <c r="B14610" t="s">
        <v>22680</v>
      </c>
      <c r="C14610">
        <v>2</v>
      </c>
      <c r="D14610">
        <v>0</v>
      </c>
    </row>
    <row r="14611" spans="1:4" x14ac:dyDescent="0.25">
      <c r="A14611" t="s">
        <v>22681</v>
      </c>
      <c r="B14611" t="s">
        <v>22682</v>
      </c>
      <c r="C14611">
        <v>2</v>
      </c>
      <c r="D14611">
        <v>0</v>
      </c>
    </row>
    <row r="14612" spans="1:4" x14ac:dyDescent="0.25">
      <c r="A14612" t="s">
        <v>22683</v>
      </c>
      <c r="B14612" t="s">
        <v>22684</v>
      </c>
      <c r="C14612">
        <v>2</v>
      </c>
      <c r="D14612">
        <v>0</v>
      </c>
    </row>
    <row r="14613" spans="1:4" x14ac:dyDescent="0.25">
      <c r="A14613" t="s">
        <v>22685</v>
      </c>
      <c r="B14613" t="s">
        <v>22686</v>
      </c>
      <c r="C14613">
        <v>1</v>
      </c>
      <c r="D14613">
        <v>0</v>
      </c>
    </row>
    <row r="14614" spans="1:4" x14ac:dyDescent="0.25">
      <c r="A14614" t="s">
        <v>22685</v>
      </c>
      <c r="B14614" t="s">
        <v>22687</v>
      </c>
      <c r="C14614">
        <v>2</v>
      </c>
      <c r="D14614">
        <v>0</v>
      </c>
    </row>
    <row r="14615" spans="1:4" x14ac:dyDescent="0.25">
      <c r="A14615" t="s">
        <v>22688</v>
      </c>
      <c r="B14615" t="s">
        <v>22689</v>
      </c>
      <c r="C14615">
        <v>1</v>
      </c>
      <c r="D14615">
        <v>0</v>
      </c>
    </row>
    <row r="14616" spans="1:4" x14ac:dyDescent="0.25">
      <c r="A14616" t="s">
        <v>22690</v>
      </c>
      <c r="B14616" t="s">
        <v>2061</v>
      </c>
      <c r="C14616">
        <v>0</v>
      </c>
      <c r="D14616">
        <v>0</v>
      </c>
    </row>
    <row r="14617" spans="1:4" x14ac:dyDescent="0.25">
      <c r="A14617" t="s">
        <v>22690</v>
      </c>
      <c r="B14617" t="s">
        <v>22691</v>
      </c>
      <c r="C14617">
        <v>2</v>
      </c>
      <c r="D14617">
        <v>0</v>
      </c>
    </row>
    <row r="14618" spans="1:4" x14ac:dyDescent="0.25">
      <c r="A14618" t="s">
        <v>22690</v>
      </c>
      <c r="B14618" t="s">
        <v>22692</v>
      </c>
      <c r="C14618">
        <v>2</v>
      </c>
      <c r="D14618">
        <v>0</v>
      </c>
    </row>
    <row r="14619" spans="1:4" x14ac:dyDescent="0.25">
      <c r="A14619" t="s">
        <v>22693</v>
      </c>
      <c r="B14619" t="s">
        <v>22694</v>
      </c>
      <c r="C14619">
        <v>0</v>
      </c>
      <c r="D14619">
        <v>0</v>
      </c>
    </row>
    <row r="14620" spans="1:4" x14ac:dyDescent="0.25">
      <c r="A14620" t="s">
        <v>22695</v>
      </c>
      <c r="B14620" t="s">
        <v>22696</v>
      </c>
      <c r="C14620">
        <v>1</v>
      </c>
      <c r="D14620">
        <v>0</v>
      </c>
    </row>
    <row r="14621" spans="1:4" x14ac:dyDescent="0.25">
      <c r="A14621" t="s">
        <v>22695</v>
      </c>
      <c r="B14621" t="s">
        <v>22697</v>
      </c>
      <c r="C14621">
        <v>1</v>
      </c>
      <c r="D14621">
        <v>0</v>
      </c>
    </row>
    <row r="14622" spans="1:4" x14ac:dyDescent="0.25">
      <c r="A14622" t="s">
        <v>22698</v>
      </c>
      <c r="B14622" t="s">
        <v>22699</v>
      </c>
      <c r="C14622">
        <v>1</v>
      </c>
      <c r="D14622">
        <v>0</v>
      </c>
    </row>
    <row r="14623" spans="1:4" x14ac:dyDescent="0.25">
      <c r="A14623" t="s">
        <v>22700</v>
      </c>
      <c r="B14623" t="s">
        <v>22701</v>
      </c>
      <c r="C14623">
        <v>0</v>
      </c>
      <c r="D14623">
        <v>0</v>
      </c>
    </row>
    <row r="14624" spans="1:4" x14ac:dyDescent="0.25">
      <c r="A14624" t="s">
        <v>22702</v>
      </c>
      <c r="B14624" t="s">
        <v>22703</v>
      </c>
      <c r="C14624">
        <v>1</v>
      </c>
      <c r="D14624">
        <v>0</v>
      </c>
    </row>
    <row r="14625" spans="1:4" x14ac:dyDescent="0.25">
      <c r="A14625" t="s">
        <v>22704</v>
      </c>
      <c r="B14625" t="s">
        <v>22705</v>
      </c>
      <c r="C14625">
        <v>1</v>
      </c>
      <c r="D14625">
        <v>0</v>
      </c>
    </row>
    <row r="14626" spans="1:4" x14ac:dyDescent="0.25">
      <c r="A14626" t="s">
        <v>22706</v>
      </c>
      <c r="B14626" t="s">
        <v>22707</v>
      </c>
      <c r="C14626">
        <v>1</v>
      </c>
      <c r="D14626">
        <v>0</v>
      </c>
    </row>
    <row r="14627" spans="1:4" x14ac:dyDescent="0.25">
      <c r="A14627" t="s">
        <v>22708</v>
      </c>
      <c r="B14627" t="s">
        <v>22709</v>
      </c>
      <c r="C14627">
        <v>1</v>
      </c>
      <c r="D14627">
        <v>0</v>
      </c>
    </row>
    <row r="14628" spans="1:4" x14ac:dyDescent="0.25">
      <c r="A14628" t="s">
        <v>22710</v>
      </c>
      <c r="B14628" t="s">
        <v>22711</v>
      </c>
      <c r="C14628">
        <v>1</v>
      </c>
      <c r="D14628">
        <v>0</v>
      </c>
    </row>
    <row r="14629" spans="1:4" x14ac:dyDescent="0.25">
      <c r="A14629" t="s">
        <v>22712</v>
      </c>
      <c r="B14629" t="s">
        <v>22713</v>
      </c>
      <c r="C14629">
        <v>1</v>
      </c>
      <c r="D14629">
        <v>0</v>
      </c>
    </row>
    <row r="14630" spans="1:4" x14ac:dyDescent="0.25">
      <c r="A14630" t="s">
        <v>22714</v>
      </c>
      <c r="B14630" t="s">
        <v>22715</v>
      </c>
      <c r="C14630">
        <v>2</v>
      </c>
      <c r="D14630">
        <v>0</v>
      </c>
    </row>
    <row r="14631" spans="1:4" x14ac:dyDescent="0.25">
      <c r="A14631" t="s">
        <v>22716</v>
      </c>
      <c r="B14631" t="s">
        <v>22717</v>
      </c>
      <c r="C14631">
        <v>1</v>
      </c>
      <c r="D14631">
        <v>0</v>
      </c>
    </row>
    <row r="14632" spans="1:4" x14ac:dyDescent="0.25">
      <c r="A14632" t="s">
        <v>22718</v>
      </c>
      <c r="B14632" t="s">
        <v>22719</v>
      </c>
      <c r="C14632">
        <v>0</v>
      </c>
      <c r="D14632">
        <v>0</v>
      </c>
    </row>
    <row r="14633" spans="1:4" x14ac:dyDescent="0.25">
      <c r="A14633" t="s">
        <v>22720</v>
      </c>
      <c r="B14633" t="s">
        <v>22721</v>
      </c>
      <c r="C14633">
        <v>1</v>
      </c>
      <c r="D14633">
        <v>0</v>
      </c>
    </row>
    <row r="14634" spans="1:4" x14ac:dyDescent="0.25">
      <c r="A14634" t="s">
        <v>22722</v>
      </c>
      <c r="B14634" t="s">
        <v>503</v>
      </c>
      <c r="C14634">
        <v>0</v>
      </c>
      <c r="D14634">
        <v>0</v>
      </c>
    </row>
    <row r="14635" spans="1:4" x14ac:dyDescent="0.25">
      <c r="A14635" t="s">
        <v>22723</v>
      </c>
      <c r="B14635" t="s">
        <v>22724</v>
      </c>
      <c r="C14635">
        <v>1</v>
      </c>
      <c r="D14635">
        <v>0</v>
      </c>
    </row>
    <row r="14636" spans="1:4" x14ac:dyDescent="0.25">
      <c r="A14636" t="s">
        <v>22725</v>
      </c>
      <c r="B14636" t="s">
        <v>22726</v>
      </c>
      <c r="C14636">
        <v>1</v>
      </c>
      <c r="D14636">
        <v>0</v>
      </c>
    </row>
    <row r="14637" spans="1:4" x14ac:dyDescent="0.25">
      <c r="A14637" t="s">
        <v>22727</v>
      </c>
      <c r="B14637" t="s">
        <v>22728</v>
      </c>
      <c r="C14637">
        <v>1</v>
      </c>
      <c r="D14637">
        <v>0</v>
      </c>
    </row>
    <row r="14638" spans="1:4" x14ac:dyDescent="0.25">
      <c r="A14638" t="s">
        <v>22729</v>
      </c>
      <c r="B14638" t="s">
        <v>22730</v>
      </c>
      <c r="C14638">
        <v>0</v>
      </c>
      <c r="D14638">
        <v>0</v>
      </c>
    </row>
    <row r="14639" spans="1:4" x14ac:dyDescent="0.25">
      <c r="A14639" t="s">
        <v>22731</v>
      </c>
      <c r="B14639" t="s">
        <v>22732</v>
      </c>
      <c r="C14639">
        <v>1</v>
      </c>
      <c r="D14639">
        <v>0</v>
      </c>
    </row>
    <row r="14640" spans="1:4" x14ac:dyDescent="0.25">
      <c r="A14640" t="s">
        <v>22733</v>
      </c>
      <c r="B14640" t="s">
        <v>22734</v>
      </c>
      <c r="C14640">
        <v>1</v>
      </c>
      <c r="D14640">
        <v>0</v>
      </c>
    </row>
    <row r="14641" spans="1:4" x14ac:dyDescent="0.25">
      <c r="A14641" t="s">
        <v>22735</v>
      </c>
      <c r="B14641" t="s">
        <v>22736</v>
      </c>
      <c r="C14641">
        <v>1</v>
      </c>
      <c r="D14641">
        <v>0</v>
      </c>
    </row>
    <row r="14642" spans="1:4" x14ac:dyDescent="0.25">
      <c r="A14642" t="s">
        <v>22735</v>
      </c>
      <c r="B14642" t="s">
        <v>22737</v>
      </c>
      <c r="C14642">
        <v>2</v>
      </c>
      <c r="D14642">
        <v>0</v>
      </c>
    </row>
    <row r="14643" spans="1:4" x14ac:dyDescent="0.25">
      <c r="A14643" t="s">
        <v>22738</v>
      </c>
      <c r="B14643" t="s">
        <v>22739</v>
      </c>
      <c r="C14643">
        <v>1</v>
      </c>
      <c r="D14643">
        <v>0</v>
      </c>
    </row>
    <row r="14644" spans="1:4" x14ac:dyDescent="0.25">
      <c r="A14644" t="s">
        <v>22740</v>
      </c>
      <c r="B14644" t="s">
        <v>22741</v>
      </c>
      <c r="C14644">
        <v>1</v>
      </c>
      <c r="D14644">
        <v>0</v>
      </c>
    </row>
    <row r="14645" spans="1:4" x14ac:dyDescent="0.25">
      <c r="A14645" t="s">
        <v>22742</v>
      </c>
      <c r="B14645" t="s">
        <v>22743</v>
      </c>
      <c r="C14645">
        <v>0</v>
      </c>
      <c r="D14645">
        <v>0</v>
      </c>
    </row>
    <row r="14646" spans="1:4" x14ac:dyDescent="0.25">
      <c r="A14646" t="s">
        <v>22744</v>
      </c>
      <c r="B14646" t="s">
        <v>22745</v>
      </c>
      <c r="C14646">
        <v>1</v>
      </c>
      <c r="D14646">
        <v>0</v>
      </c>
    </row>
    <row r="14647" spans="1:4" x14ac:dyDescent="0.25">
      <c r="A14647" t="s">
        <v>22746</v>
      </c>
      <c r="B14647" t="s">
        <v>22747</v>
      </c>
      <c r="C14647">
        <v>1</v>
      </c>
      <c r="D14647">
        <v>0</v>
      </c>
    </row>
    <row r="14648" spans="1:4" x14ac:dyDescent="0.25">
      <c r="A14648" t="s">
        <v>22748</v>
      </c>
      <c r="B14648" t="s">
        <v>22749</v>
      </c>
      <c r="C14648">
        <v>1</v>
      </c>
      <c r="D14648">
        <v>0</v>
      </c>
    </row>
    <row r="14649" spans="1:4" x14ac:dyDescent="0.25">
      <c r="A14649" t="s">
        <v>22750</v>
      </c>
      <c r="B14649" t="s">
        <v>22751</v>
      </c>
      <c r="C14649">
        <v>0</v>
      </c>
      <c r="D14649">
        <v>0</v>
      </c>
    </row>
    <row r="14650" spans="1:4" x14ac:dyDescent="0.25">
      <c r="A14650" t="s">
        <v>22752</v>
      </c>
      <c r="B14650" t="s">
        <v>22753</v>
      </c>
      <c r="C14650">
        <v>1</v>
      </c>
      <c r="D14650">
        <v>0</v>
      </c>
    </row>
    <row r="14651" spans="1:4" x14ac:dyDescent="0.25">
      <c r="A14651" t="s">
        <v>22754</v>
      </c>
      <c r="B14651" t="s">
        <v>22755</v>
      </c>
      <c r="C14651">
        <v>1</v>
      </c>
      <c r="D14651">
        <v>0</v>
      </c>
    </row>
    <row r="14652" spans="1:4" x14ac:dyDescent="0.25">
      <c r="A14652" t="s">
        <v>22756</v>
      </c>
      <c r="B14652" t="s">
        <v>22757</v>
      </c>
      <c r="C14652">
        <v>1</v>
      </c>
      <c r="D14652">
        <v>0</v>
      </c>
    </row>
    <row r="14653" spans="1:4" x14ac:dyDescent="0.25">
      <c r="A14653" t="s">
        <v>22758</v>
      </c>
      <c r="B14653" t="s">
        <v>22759</v>
      </c>
      <c r="C14653">
        <v>2</v>
      </c>
      <c r="D14653">
        <v>0</v>
      </c>
    </row>
    <row r="14654" spans="1:4" x14ac:dyDescent="0.25">
      <c r="A14654" t="s">
        <v>22760</v>
      </c>
      <c r="B14654" t="s">
        <v>22761</v>
      </c>
      <c r="C14654">
        <v>1</v>
      </c>
      <c r="D14654">
        <v>0</v>
      </c>
    </row>
    <row r="14655" spans="1:4" x14ac:dyDescent="0.25">
      <c r="A14655" t="s">
        <v>22760</v>
      </c>
      <c r="B14655" t="s">
        <v>22762</v>
      </c>
      <c r="C14655">
        <v>2</v>
      </c>
      <c r="D14655">
        <v>0</v>
      </c>
    </row>
    <row r="14656" spans="1:4" x14ac:dyDescent="0.25">
      <c r="A14656" t="s">
        <v>22763</v>
      </c>
      <c r="B14656" t="s">
        <v>22764</v>
      </c>
      <c r="C14656">
        <v>1</v>
      </c>
      <c r="D14656">
        <v>0</v>
      </c>
    </row>
    <row r="14657" spans="1:4" x14ac:dyDescent="0.25">
      <c r="A14657" t="s">
        <v>22765</v>
      </c>
      <c r="B14657" t="s">
        <v>22766</v>
      </c>
      <c r="C14657">
        <v>0</v>
      </c>
      <c r="D14657">
        <v>0</v>
      </c>
    </row>
    <row r="14658" spans="1:4" x14ac:dyDescent="0.25">
      <c r="A14658" t="s">
        <v>22765</v>
      </c>
      <c r="B14658" t="s">
        <v>22767</v>
      </c>
      <c r="C14658">
        <v>0</v>
      </c>
      <c r="D14658">
        <v>0</v>
      </c>
    </row>
    <row r="14659" spans="1:4" x14ac:dyDescent="0.25">
      <c r="A14659" t="s">
        <v>22768</v>
      </c>
      <c r="B14659" t="s">
        <v>22769</v>
      </c>
      <c r="C14659">
        <v>2</v>
      </c>
      <c r="D14659">
        <v>0</v>
      </c>
    </row>
    <row r="14660" spans="1:4" x14ac:dyDescent="0.25">
      <c r="A14660" t="s">
        <v>22768</v>
      </c>
      <c r="B14660" t="s">
        <v>22770</v>
      </c>
      <c r="C14660">
        <v>2</v>
      </c>
      <c r="D14660">
        <v>0</v>
      </c>
    </row>
    <row r="14661" spans="1:4" x14ac:dyDescent="0.25">
      <c r="A14661" t="s">
        <v>22771</v>
      </c>
      <c r="B14661" t="s">
        <v>22772</v>
      </c>
      <c r="C14661">
        <v>1</v>
      </c>
      <c r="D14661">
        <v>0</v>
      </c>
    </row>
    <row r="14662" spans="1:4" x14ac:dyDescent="0.25">
      <c r="A14662" t="s">
        <v>22773</v>
      </c>
      <c r="B14662" t="s">
        <v>22774</v>
      </c>
      <c r="C14662">
        <v>1</v>
      </c>
      <c r="D14662">
        <v>0</v>
      </c>
    </row>
    <row r="14663" spans="1:4" x14ac:dyDescent="0.25">
      <c r="A14663" t="s">
        <v>22775</v>
      </c>
      <c r="B14663" t="s">
        <v>22776</v>
      </c>
      <c r="C14663">
        <v>1</v>
      </c>
      <c r="D14663">
        <v>0</v>
      </c>
    </row>
    <row r="14664" spans="1:4" x14ac:dyDescent="0.25">
      <c r="A14664" t="s">
        <v>22777</v>
      </c>
      <c r="B14664" t="s">
        <v>22778</v>
      </c>
      <c r="C14664">
        <v>2</v>
      </c>
      <c r="D14664">
        <v>0</v>
      </c>
    </row>
    <row r="14665" spans="1:4" x14ac:dyDescent="0.25">
      <c r="A14665" t="s">
        <v>22779</v>
      </c>
      <c r="B14665" t="s">
        <v>22780</v>
      </c>
      <c r="C14665">
        <v>2</v>
      </c>
      <c r="D14665">
        <v>0</v>
      </c>
    </row>
    <row r="14666" spans="1:4" x14ac:dyDescent="0.25">
      <c r="A14666" t="s">
        <v>22781</v>
      </c>
      <c r="B14666" t="s">
        <v>22782</v>
      </c>
      <c r="C14666">
        <v>1</v>
      </c>
      <c r="D14666">
        <v>0</v>
      </c>
    </row>
    <row r="14667" spans="1:4" x14ac:dyDescent="0.25">
      <c r="A14667" t="s">
        <v>22783</v>
      </c>
      <c r="B14667" t="s">
        <v>22784</v>
      </c>
      <c r="C14667">
        <v>2</v>
      </c>
      <c r="D14667">
        <v>0</v>
      </c>
    </row>
    <row r="14668" spans="1:4" x14ac:dyDescent="0.25">
      <c r="A14668" t="s">
        <v>22785</v>
      </c>
      <c r="B14668" t="s">
        <v>22786</v>
      </c>
      <c r="C14668">
        <v>1</v>
      </c>
      <c r="D14668">
        <v>0</v>
      </c>
    </row>
    <row r="14669" spans="1:4" x14ac:dyDescent="0.25">
      <c r="A14669" t="s">
        <v>22787</v>
      </c>
      <c r="B14669" t="s">
        <v>22788</v>
      </c>
      <c r="C14669">
        <v>1</v>
      </c>
      <c r="D14669">
        <v>0</v>
      </c>
    </row>
    <row r="14670" spans="1:4" x14ac:dyDescent="0.25">
      <c r="A14670" t="s">
        <v>22787</v>
      </c>
      <c r="B14670" t="s">
        <v>22789</v>
      </c>
      <c r="C14670">
        <v>0</v>
      </c>
      <c r="D14670">
        <v>0</v>
      </c>
    </row>
    <row r="14671" spans="1:4" x14ac:dyDescent="0.25">
      <c r="A14671" t="s">
        <v>22790</v>
      </c>
      <c r="B14671" t="s">
        <v>22791</v>
      </c>
      <c r="C14671">
        <v>1</v>
      </c>
      <c r="D14671">
        <v>0</v>
      </c>
    </row>
    <row r="14672" spans="1:4" x14ac:dyDescent="0.25">
      <c r="A14672" t="s">
        <v>22792</v>
      </c>
      <c r="B14672" t="s">
        <v>22793</v>
      </c>
      <c r="C14672">
        <v>1</v>
      </c>
      <c r="D14672">
        <v>0</v>
      </c>
    </row>
    <row r="14673" spans="1:4" x14ac:dyDescent="0.25">
      <c r="A14673" t="s">
        <v>22794</v>
      </c>
      <c r="B14673" t="s">
        <v>22795</v>
      </c>
      <c r="C14673">
        <v>1</v>
      </c>
      <c r="D14673">
        <v>0</v>
      </c>
    </row>
    <row r="14674" spans="1:4" x14ac:dyDescent="0.25">
      <c r="A14674" t="s">
        <v>22796</v>
      </c>
      <c r="B14674" t="s">
        <v>22797</v>
      </c>
      <c r="C14674">
        <v>0</v>
      </c>
      <c r="D14674">
        <v>0</v>
      </c>
    </row>
    <row r="14675" spans="1:4" x14ac:dyDescent="0.25">
      <c r="A14675" t="s">
        <v>22796</v>
      </c>
      <c r="B14675" t="s">
        <v>22798</v>
      </c>
      <c r="C14675">
        <v>2</v>
      </c>
      <c r="D14675">
        <v>0</v>
      </c>
    </row>
    <row r="14676" spans="1:4" x14ac:dyDescent="0.25">
      <c r="A14676" t="s">
        <v>22799</v>
      </c>
      <c r="B14676" t="s">
        <v>22800</v>
      </c>
      <c r="C14676">
        <v>1</v>
      </c>
      <c r="D14676">
        <v>0</v>
      </c>
    </row>
    <row r="14677" spans="1:4" x14ac:dyDescent="0.25">
      <c r="A14677" t="s">
        <v>22801</v>
      </c>
      <c r="B14677" t="s">
        <v>22802</v>
      </c>
      <c r="C14677">
        <v>1</v>
      </c>
      <c r="D14677">
        <v>0</v>
      </c>
    </row>
    <row r="14678" spans="1:4" x14ac:dyDescent="0.25">
      <c r="A14678" t="s">
        <v>22803</v>
      </c>
      <c r="B14678" t="s">
        <v>22804</v>
      </c>
      <c r="C14678">
        <v>1</v>
      </c>
      <c r="D14678">
        <v>0</v>
      </c>
    </row>
    <row r="14679" spans="1:4" x14ac:dyDescent="0.25">
      <c r="A14679" t="s">
        <v>22805</v>
      </c>
      <c r="B14679" t="s">
        <v>22806</v>
      </c>
      <c r="C14679">
        <v>1</v>
      </c>
      <c r="D14679">
        <v>0</v>
      </c>
    </row>
    <row r="14680" spans="1:4" x14ac:dyDescent="0.25">
      <c r="A14680" t="s">
        <v>22807</v>
      </c>
      <c r="B14680" t="s">
        <v>17479</v>
      </c>
      <c r="C14680">
        <v>2</v>
      </c>
      <c r="D14680">
        <v>0</v>
      </c>
    </row>
    <row r="14681" spans="1:4" x14ac:dyDescent="0.25">
      <c r="A14681" t="s">
        <v>22808</v>
      </c>
      <c r="B14681" t="s">
        <v>22809</v>
      </c>
      <c r="C14681">
        <v>1</v>
      </c>
      <c r="D14681">
        <v>0</v>
      </c>
    </row>
    <row r="14682" spans="1:4" x14ac:dyDescent="0.25">
      <c r="A14682" t="s">
        <v>22808</v>
      </c>
      <c r="B14682" t="s">
        <v>22810</v>
      </c>
      <c r="C14682">
        <v>0</v>
      </c>
      <c r="D14682">
        <v>0</v>
      </c>
    </row>
    <row r="14683" spans="1:4" x14ac:dyDescent="0.25">
      <c r="A14683" t="s">
        <v>22808</v>
      </c>
      <c r="B14683" t="s">
        <v>22811</v>
      </c>
      <c r="C14683">
        <v>2</v>
      </c>
      <c r="D14683">
        <v>0</v>
      </c>
    </row>
    <row r="14684" spans="1:4" x14ac:dyDescent="0.25">
      <c r="A14684" t="s">
        <v>22812</v>
      </c>
      <c r="B14684" t="s">
        <v>22813</v>
      </c>
      <c r="C14684">
        <v>0</v>
      </c>
      <c r="D14684">
        <v>0</v>
      </c>
    </row>
    <row r="14685" spans="1:4" x14ac:dyDescent="0.25">
      <c r="A14685" t="s">
        <v>22814</v>
      </c>
      <c r="B14685" t="s">
        <v>22815</v>
      </c>
      <c r="C14685">
        <v>0</v>
      </c>
      <c r="D14685">
        <v>0</v>
      </c>
    </row>
    <row r="14686" spans="1:4" x14ac:dyDescent="0.25">
      <c r="A14686" t="s">
        <v>22814</v>
      </c>
      <c r="B14686" t="s">
        <v>22816</v>
      </c>
      <c r="C14686">
        <v>2</v>
      </c>
      <c r="D14686">
        <v>0</v>
      </c>
    </row>
    <row r="14687" spans="1:4" x14ac:dyDescent="0.25">
      <c r="A14687" t="s">
        <v>22817</v>
      </c>
      <c r="B14687" t="s">
        <v>22818</v>
      </c>
      <c r="C14687">
        <v>0</v>
      </c>
      <c r="D14687">
        <v>0</v>
      </c>
    </row>
    <row r="14688" spans="1:4" x14ac:dyDescent="0.25">
      <c r="A14688" t="s">
        <v>22819</v>
      </c>
      <c r="B14688" t="s">
        <v>22820</v>
      </c>
      <c r="C14688">
        <v>1</v>
      </c>
      <c r="D14688">
        <v>0</v>
      </c>
    </row>
    <row r="14689" spans="1:4" x14ac:dyDescent="0.25">
      <c r="A14689" t="s">
        <v>22821</v>
      </c>
      <c r="B14689" t="s">
        <v>22822</v>
      </c>
      <c r="C14689">
        <v>0</v>
      </c>
      <c r="D14689">
        <v>0</v>
      </c>
    </row>
    <row r="14690" spans="1:4" x14ac:dyDescent="0.25">
      <c r="A14690" t="s">
        <v>22823</v>
      </c>
      <c r="B14690" t="s">
        <v>22824</v>
      </c>
      <c r="C14690">
        <v>1</v>
      </c>
      <c r="D14690">
        <v>0</v>
      </c>
    </row>
    <row r="14691" spans="1:4" x14ac:dyDescent="0.25">
      <c r="A14691" t="s">
        <v>22825</v>
      </c>
      <c r="B14691" t="s">
        <v>22826</v>
      </c>
      <c r="C14691">
        <v>1</v>
      </c>
      <c r="D14691">
        <v>0</v>
      </c>
    </row>
    <row r="14692" spans="1:4" x14ac:dyDescent="0.25">
      <c r="A14692" t="s">
        <v>22827</v>
      </c>
      <c r="B14692" t="s">
        <v>22828</v>
      </c>
      <c r="C14692">
        <v>1</v>
      </c>
      <c r="D14692">
        <v>0</v>
      </c>
    </row>
    <row r="14693" spans="1:4" x14ac:dyDescent="0.25">
      <c r="A14693" t="s">
        <v>22829</v>
      </c>
      <c r="B14693" t="s">
        <v>22830</v>
      </c>
      <c r="C14693">
        <v>1</v>
      </c>
      <c r="D14693">
        <v>0</v>
      </c>
    </row>
    <row r="14694" spans="1:4" x14ac:dyDescent="0.25">
      <c r="A14694" t="s">
        <v>22831</v>
      </c>
      <c r="B14694" t="s">
        <v>22832</v>
      </c>
      <c r="C14694">
        <v>1</v>
      </c>
      <c r="D14694">
        <v>0</v>
      </c>
    </row>
    <row r="14695" spans="1:4" x14ac:dyDescent="0.25">
      <c r="A14695" t="s">
        <v>22833</v>
      </c>
      <c r="B14695" t="s">
        <v>22834</v>
      </c>
      <c r="C14695">
        <v>1</v>
      </c>
      <c r="D14695">
        <v>0</v>
      </c>
    </row>
    <row r="14696" spans="1:4" x14ac:dyDescent="0.25">
      <c r="A14696" t="s">
        <v>22835</v>
      </c>
      <c r="B14696" t="s">
        <v>22836</v>
      </c>
      <c r="C14696">
        <v>2</v>
      </c>
      <c r="D14696">
        <v>0</v>
      </c>
    </row>
    <row r="14697" spans="1:4" x14ac:dyDescent="0.25">
      <c r="A14697" t="s">
        <v>22837</v>
      </c>
      <c r="B14697" t="s">
        <v>22838</v>
      </c>
      <c r="C14697">
        <v>1</v>
      </c>
      <c r="D14697">
        <v>0</v>
      </c>
    </row>
    <row r="14698" spans="1:4" x14ac:dyDescent="0.25">
      <c r="A14698" t="s">
        <v>22837</v>
      </c>
      <c r="B14698" t="s">
        <v>22839</v>
      </c>
      <c r="C14698">
        <v>0</v>
      </c>
      <c r="D14698">
        <v>0</v>
      </c>
    </row>
    <row r="14699" spans="1:4" x14ac:dyDescent="0.25">
      <c r="A14699" t="s">
        <v>22840</v>
      </c>
      <c r="B14699" t="s">
        <v>22841</v>
      </c>
      <c r="C14699">
        <v>1</v>
      </c>
      <c r="D14699">
        <v>0</v>
      </c>
    </row>
    <row r="14700" spans="1:4" x14ac:dyDescent="0.25">
      <c r="A14700" t="s">
        <v>22842</v>
      </c>
      <c r="B14700" t="s">
        <v>22843</v>
      </c>
      <c r="C14700">
        <v>1</v>
      </c>
      <c r="D14700">
        <v>0</v>
      </c>
    </row>
    <row r="14701" spans="1:4" x14ac:dyDescent="0.25">
      <c r="A14701" t="s">
        <v>22842</v>
      </c>
      <c r="B14701" t="s">
        <v>22844</v>
      </c>
      <c r="C14701">
        <v>0</v>
      </c>
      <c r="D14701">
        <v>0</v>
      </c>
    </row>
    <row r="14702" spans="1:4" x14ac:dyDescent="0.25">
      <c r="A14702" t="s">
        <v>22845</v>
      </c>
      <c r="B14702" t="s">
        <v>22846</v>
      </c>
      <c r="C14702">
        <v>1</v>
      </c>
      <c r="D14702">
        <v>0</v>
      </c>
    </row>
    <row r="14703" spans="1:4" x14ac:dyDescent="0.25">
      <c r="A14703" t="s">
        <v>22847</v>
      </c>
      <c r="B14703" t="s">
        <v>22848</v>
      </c>
      <c r="C14703">
        <v>1</v>
      </c>
      <c r="D14703">
        <v>0</v>
      </c>
    </row>
    <row r="14704" spans="1:4" x14ac:dyDescent="0.25">
      <c r="A14704" t="s">
        <v>22847</v>
      </c>
      <c r="B14704" t="s">
        <v>22849</v>
      </c>
      <c r="C14704">
        <v>2</v>
      </c>
      <c r="D14704">
        <v>0</v>
      </c>
    </row>
    <row r="14705" spans="1:4" x14ac:dyDescent="0.25">
      <c r="A14705" t="s">
        <v>22850</v>
      </c>
      <c r="B14705" t="s">
        <v>22851</v>
      </c>
      <c r="C14705">
        <v>1</v>
      </c>
      <c r="D14705">
        <v>0</v>
      </c>
    </row>
    <row r="14706" spans="1:4" x14ac:dyDescent="0.25">
      <c r="A14706" t="s">
        <v>22852</v>
      </c>
      <c r="B14706" t="s">
        <v>22853</v>
      </c>
      <c r="C14706">
        <v>1</v>
      </c>
      <c r="D14706">
        <v>0</v>
      </c>
    </row>
    <row r="14707" spans="1:4" x14ac:dyDescent="0.25">
      <c r="A14707" t="s">
        <v>22852</v>
      </c>
      <c r="B14707" t="s">
        <v>22853</v>
      </c>
      <c r="C14707">
        <v>1</v>
      </c>
      <c r="D14707">
        <v>0</v>
      </c>
    </row>
    <row r="14708" spans="1:4" x14ac:dyDescent="0.25">
      <c r="A14708" t="s">
        <v>22852</v>
      </c>
      <c r="B14708" t="s">
        <v>22854</v>
      </c>
      <c r="C14708">
        <v>1</v>
      </c>
      <c r="D14708">
        <v>0</v>
      </c>
    </row>
    <row r="14709" spans="1:4" x14ac:dyDescent="0.25">
      <c r="A14709" t="s">
        <v>22852</v>
      </c>
      <c r="B14709" t="s">
        <v>22855</v>
      </c>
      <c r="C14709">
        <v>0</v>
      </c>
      <c r="D14709">
        <v>0</v>
      </c>
    </row>
    <row r="14710" spans="1:4" x14ac:dyDescent="0.25">
      <c r="A14710" t="s">
        <v>22852</v>
      </c>
      <c r="B14710" t="s">
        <v>22856</v>
      </c>
      <c r="C14710">
        <v>0</v>
      </c>
      <c r="D14710">
        <v>0</v>
      </c>
    </row>
    <row r="14711" spans="1:4" x14ac:dyDescent="0.25">
      <c r="A14711" t="s">
        <v>22857</v>
      </c>
      <c r="B14711" t="s">
        <v>22858</v>
      </c>
      <c r="C14711">
        <v>0</v>
      </c>
      <c r="D14711">
        <v>0</v>
      </c>
    </row>
    <row r="14712" spans="1:4" x14ac:dyDescent="0.25">
      <c r="A14712" t="s">
        <v>22859</v>
      </c>
      <c r="B14712" t="s">
        <v>22860</v>
      </c>
      <c r="C14712">
        <v>1</v>
      </c>
      <c r="D14712">
        <v>0</v>
      </c>
    </row>
    <row r="14713" spans="1:4" x14ac:dyDescent="0.25">
      <c r="A14713" t="s">
        <v>22859</v>
      </c>
      <c r="B14713" t="s">
        <v>22861</v>
      </c>
      <c r="C14713">
        <v>0</v>
      </c>
      <c r="D14713">
        <v>0</v>
      </c>
    </row>
    <row r="14714" spans="1:4" x14ac:dyDescent="0.25">
      <c r="A14714" t="s">
        <v>22862</v>
      </c>
      <c r="B14714" t="s">
        <v>2651</v>
      </c>
      <c r="C14714">
        <v>0</v>
      </c>
      <c r="D14714">
        <v>0</v>
      </c>
    </row>
    <row r="14715" spans="1:4" x14ac:dyDescent="0.25">
      <c r="A14715" t="s">
        <v>22863</v>
      </c>
      <c r="B14715" t="s">
        <v>22864</v>
      </c>
      <c r="C14715">
        <v>0</v>
      </c>
      <c r="D14715">
        <v>0</v>
      </c>
    </row>
    <row r="14716" spans="1:4" x14ac:dyDescent="0.25">
      <c r="A14716" t="s">
        <v>22865</v>
      </c>
      <c r="B14716" t="s">
        <v>22866</v>
      </c>
      <c r="C14716">
        <v>1</v>
      </c>
      <c r="D14716">
        <v>0</v>
      </c>
    </row>
    <row r="14717" spans="1:4" x14ac:dyDescent="0.25">
      <c r="A14717" t="s">
        <v>22867</v>
      </c>
      <c r="B14717" t="s">
        <v>22868</v>
      </c>
      <c r="C14717">
        <v>0</v>
      </c>
      <c r="D14717">
        <v>0</v>
      </c>
    </row>
    <row r="14718" spans="1:4" x14ac:dyDescent="0.25">
      <c r="A14718" t="s">
        <v>22869</v>
      </c>
      <c r="B14718" t="s">
        <v>22870</v>
      </c>
      <c r="C14718">
        <v>1</v>
      </c>
      <c r="D14718">
        <v>0</v>
      </c>
    </row>
    <row r="14719" spans="1:4" x14ac:dyDescent="0.25">
      <c r="A14719" t="s">
        <v>22871</v>
      </c>
      <c r="B14719" t="s">
        <v>22872</v>
      </c>
      <c r="C14719">
        <v>0</v>
      </c>
      <c r="D14719">
        <v>0</v>
      </c>
    </row>
    <row r="14720" spans="1:4" x14ac:dyDescent="0.25">
      <c r="A14720" t="s">
        <v>22873</v>
      </c>
      <c r="B14720" t="s">
        <v>22874</v>
      </c>
      <c r="C14720">
        <v>1</v>
      </c>
      <c r="D14720">
        <v>0</v>
      </c>
    </row>
    <row r="14721" spans="1:4" x14ac:dyDescent="0.25">
      <c r="A14721" t="s">
        <v>22873</v>
      </c>
      <c r="B14721" t="s">
        <v>22875</v>
      </c>
      <c r="C14721">
        <v>0</v>
      </c>
      <c r="D14721">
        <v>0</v>
      </c>
    </row>
    <row r="14722" spans="1:4" x14ac:dyDescent="0.25">
      <c r="A14722" t="s">
        <v>22873</v>
      </c>
      <c r="B14722" t="s">
        <v>22876</v>
      </c>
      <c r="C14722">
        <v>2</v>
      </c>
      <c r="D14722">
        <v>0</v>
      </c>
    </row>
    <row r="14723" spans="1:4" x14ac:dyDescent="0.25">
      <c r="A14723" t="s">
        <v>22877</v>
      </c>
      <c r="B14723" t="s">
        <v>22878</v>
      </c>
      <c r="C14723">
        <v>1</v>
      </c>
      <c r="D14723">
        <v>0</v>
      </c>
    </row>
    <row r="14724" spans="1:4" x14ac:dyDescent="0.25">
      <c r="A14724" t="s">
        <v>22879</v>
      </c>
      <c r="B14724" t="s">
        <v>22880</v>
      </c>
      <c r="C14724">
        <v>2</v>
      </c>
      <c r="D14724">
        <v>0</v>
      </c>
    </row>
    <row r="14725" spans="1:4" x14ac:dyDescent="0.25">
      <c r="A14725" t="s">
        <v>22881</v>
      </c>
      <c r="B14725" t="s">
        <v>22882</v>
      </c>
      <c r="C14725">
        <v>1</v>
      </c>
      <c r="D14725">
        <v>0</v>
      </c>
    </row>
    <row r="14726" spans="1:4" x14ac:dyDescent="0.25">
      <c r="A14726" t="s">
        <v>22883</v>
      </c>
      <c r="B14726" t="s">
        <v>22884</v>
      </c>
      <c r="C14726">
        <v>1</v>
      </c>
      <c r="D14726">
        <v>0</v>
      </c>
    </row>
    <row r="14727" spans="1:4" x14ac:dyDescent="0.25">
      <c r="A14727" t="s">
        <v>22885</v>
      </c>
      <c r="B14727" t="s">
        <v>22886</v>
      </c>
      <c r="C14727">
        <v>1</v>
      </c>
      <c r="D14727">
        <v>0</v>
      </c>
    </row>
    <row r="14728" spans="1:4" x14ac:dyDescent="0.25">
      <c r="A14728" t="s">
        <v>22887</v>
      </c>
      <c r="B14728" t="s">
        <v>22888</v>
      </c>
      <c r="C14728">
        <v>1</v>
      </c>
      <c r="D14728">
        <v>0</v>
      </c>
    </row>
    <row r="14729" spans="1:4" x14ac:dyDescent="0.25">
      <c r="A14729" t="s">
        <v>22889</v>
      </c>
      <c r="B14729" t="s">
        <v>22890</v>
      </c>
      <c r="C14729">
        <v>2</v>
      </c>
      <c r="D14729">
        <v>0</v>
      </c>
    </row>
    <row r="14730" spans="1:4" x14ac:dyDescent="0.25">
      <c r="A14730" t="s">
        <v>22891</v>
      </c>
      <c r="B14730" t="s">
        <v>22892</v>
      </c>
      <c r="C14730">
        <v>1</v>
      </c>
      <c r="D14730">
        <v>0</v>
      </c>
    </row>
    <row r="14731" spans="1:4" x14ac:dyDescent="0.25">
      <c r="A14731" t="s">
        <v>22893</v>
      </c>
      <c r="B14731" t="s">
        <v>22894</v>
      </c>
      <c r="C14731">
        <v>2</v>
      </c>
      <c r="D14731">
        <v>0</v>
      </c>
    </row>
    <row r="14732" spans="1:4" x14ac:dyDescent="0.25">
      <c r="A14732" t="s">
        <v>22895</v>
      </c>
      <c r="B14732" t="s">
        <v>22896</v>
      </c>
      <c r="C14732">
        <v>0</v>
      </c>
      <c r="D14732">
        <v>0</v>
      </c>
    </row>
    <row r="14733" spans="1:4" x14ac:dyDescent="0.25">
      <c r="A14733" t="s">
        <v>22897</v>
      </c>
      <c r="B14733" t="s">
        <v>22898</v>
      </c>
      <c r="C14733">
        <v>1</v>
      </c>
      <c r="D14733">
        <v>0</v>
      </c>
    </row>
    <row r="14734" spans="1:4" x14ac:dyDescent="0.25">
      <c r="A14734" t="s">
        <v>22897</v>
      </c>
      <c r="B14734" t="s">
        <v>22899</v>
      </c>
      <c r="C14734">
        <v>2</v>
      </c>
      <c r="D14734">
        <v>0</v>
      </c>
    </row>
    <row r="14735" spans="1:4" x14ac:dyDescent="0.25">
      <c r="A14735" t="s">
        <v>22900</v>
      </c>
      <c r="B14735" t="s">
        <v>22901</v>
      </c>
      <c r="C14735">
        <v>1</v>
      </c>
      <c r="D14735">
        <v>0</v>
      </c>
    </row>
    <row r="14736" spans="1:4" x14ac:dyDescent="0.25">
      <c r="A14736" t="s">
        <v>22902</v>
      </c>
      <c r="B14736" t="s">
        <v>22903</v>
      </c>
      <c r="C14736">
        <v>1</v>
      </c>
      <c r="D14736">
        <v>0</v>
      </c>
    </row>
    <row r="14737" spans="1:4" x14ac:dyDescent="0.25">
      <c r="A14737" t="s">
        <v>22904</v>
      </c>
      <c r="B14737" t="s">
        <v>22905</v>
      </c>
      <c r="C14737">
        <v>1</v>
      </c>
      <c r="D14737">
        <v>0</v>
      </c>
    </row>
    <row r="14738" spans="1:4" x14ac:dyDescent="0.25">
      <c r="A14738" t="s">
        <v>22906</v>
      </c>
      <c r="B14738" t="s">
        <v>22907</v>
      </c>
      <c r="C14738">
        <v>0</v>
      </c>
      <c r="D14738">
        <v>0</v>
      </c>
    </row>
    <row r="14739" spans="1:4" x14ac:dyDescent="0.25">
      <c r="A14739" t="s">
        <v>22908</v>
      </c>
      <c r="B14739" t="s">
        <v>22909</v>
      </c>
      <c r="C14739">
        <v>1</v>
      </c>
      <c r="D14739">
        <v>0</v>
      </c>
    </row>
    <row r="14740" spans="1:4" x14ac:dyDescent="0.25">
      <c r="A14740" t="s">
        <v>22908</v>
      </c>
      <c r="B14740" t="s">
        <v>22910</v>
      </c>
      <c r="C14740">
        <v>0</v>
      </c>
      <c r="D14740">
        <v>0</v>
      </c>
    </row>
    <row r="14741" spans="1:4" x14ac:dyDescent="0.25">
      <c r="A14741" t="s">
        <v>22911</v>
      </c>
      <c r="B14741" t="s">
        <v>22912</v>
      </c>
      <c r="C14741">
        <v>1</v>
      </c>
      <c r="D14741">
        <v>0</v>
      </c>
    </row>
    <row r="14742" spans="1:4" x14ac:dyDescent="0.25">
      <c r="A14742" t="s">
        <v>22913</v>
      </c>
      <c r="B14742" t="s">
        <v>22914</v>
      </c>
      <c r="C14742">
        <v>1</v>
      </c>
      <c r="D14742">
        <v>0</v>
      </c>
    </row>
    <row r="14743" spans="1:4" x14ac:dyDescent="0.25">
      <c r="A14743" t="s">
        <v>22915</v>
      </c>
      <c r="B14743" t="s">
        <v>22916</v>
      </c>
      <c r="C14743">
        <v>2</v>
      </c>
      <c r="D14743">
        <v>0</v>
      </c>
    </row>
    <row r="14744" spans="1:4" x14ac:dyDescent="0.25">
      <c r="A14744" t="s">
        <v>22917</v>
      </c>
      <c r="B14744" t="s">
        <v>22918</v>
      </c>
      <c r="C14744">
        <v>2</v>
      </c>
      <c r="D14744">
        <v>0</v>
      </c>
    </row>
    <row r="14745" spans="1:4" x14ac:dyDescent="0.25">
      <c r="A14745" t="s">
        <v>22919</v>
      </c>
      <c r="B14745" t="s">
        <v>22920</v>
      </c>
      <c r="C14745">
        <v>1</v>
      </c>
      <c r="D14745">
        <v>0</v>
      </c>
    </row>
    <row r="14746" spans="1:4" x14ac:dyDescent="0.25">
      <c r="A14746" t="s">
        <v>22921</v>
      </c>
      <c r="B14746" t="s">
        <v>22922</v>
      </c>
      <c r="C14746">
        <v>0</v>
      </c>
      <c r="D14746">
        <v>0</v>
      </c>
    </row>
    <row r="14747" spans="1:4" x14ac:dyDescent="0.25">
      <c r="A14747" t="s">
        <v>22923</v>
      </c>
      <c r="B14747" t="s">
        <v>22924</v>
      </c>
      <c r="C14747">
        <v>0</v>
      </c>
      <c r="D14747">
        <v>0</v>
      </c>
    </row>
    <row r="14748" spans="1:4" x14ac:dyDescent="0.25">
      <c r="A14748" t="s">
        <v>22925</v>
      </c>
      <c r="B14748" t="s">
        <v>22926</v>
      </c>
      <c r="C14748">
        <v>0</v>
      </c>
      <c r="D14748">
        <v>0</v>
      </c>
    </row>
    <row r="14749" spans="1:4" x14ac:dyDescent="0.25">
      <c r="A14749" t="s">
        <v>22927</v>
      </c>
      <c r="B14749" t="s">
        <v>22928</v>
      </c>
      <c r="C14749">
        <v>1</v>
      </c>
      <c r="D14749">
        <v>0</v>
      </c>
    </row>
    <row r="14750" spans="1:4" x14ac:dyDescent="0.25">
      <c r="A14750" t="s">
        <v>22929</v>
      </c>
      <c r="B14750" t="s">
        <v>22930</v>
      </c>
      <c r="C14750">
        <v>1</v>
      </c>
      <c r="D14750">
        <v>0</v>
      </c>
    </row>
    <row r="14751" spans="1:4" x14ac:dyDescent="0.25">
      <c r="A14751" t="s">
        <v>22931</v>
      </c>
      <c r="B14751" t="s">
        <v>22932</v>
      </c>
      <c r="C14751">
        <v>2</v>
      </c>
      <c r="D14751">
        <v>0</v>
      </c>
    </row>
    <row r="14752" spans="1:4" x14ac:dyDescent="0.25">
      <c r="A14752" t="s">
        <v>22933</v>
      </c>
      <c r="B14752" t="s">
        <v>22934</v>
      </c>
      <c r="C14752">
        <v>1</v>
      </c>
      <c r="D14752">
        <v>0</v>
      </c>
    </row>
    <row r="14753" spans="1:4" x14ac:dyDescent="0.25">
      <c r="A14753" t="s">
        <v>22935</v>
      </c>
      <c r="B14753" t="s">
        <v>22936</v>
      </c>
      <c r="C14753">
        <v>1</v>
      </c>
      <c r="D14753">
        <v>0</v>
      </c>
    </row>
    <row r="14754" spans="1:4" x14ac:dyDescent="0.25">
      <c r="A14754" t="s">
        <v>22935</v>
      </c>
      <c r="B14754" t="s">
        <v>22937</v>
      </c>
      <c r="C14754">
        <v>0</v>
      </c>
      <c r="D14754">
        <v>0</v>
      </c>
    </row>
    <row r="14755" spans="1:4" x14ac:dyDescent="0.25">
      <c r="A14755" t="s">
        <v>22938</v>
      </c>
      <c r="B14755" t="s">
        <v>22939</v>
      </c>
      <c r="C14755">
        <v>1</v>
      </c>
      <c r="D14755">
        <v>0</v>
      </c>
    </row>
    <row r="14756" spans="1:4" x14ac:dyDescent="0.25">
      <c r="A14756" t="s">
        <v>22940</v>
      </c>
      <c r="B14756" t="s">
        <v>22941</v>
      </c>
      <c r="C14756">
        <v>2</v>
      </c>
      <c r="D14756">
        <v>0</v>
      </c>
    </row>
    <row r="14757" spans="1:4" x14ac:dyDescent="0.25">
      <c r="A14757" t="s">
        <v>22942</v>
      </c>
      <c r="B14757" t="s">
        <v>22943</v>
      </c>
      <c r="C14757">
        <v>1</v>
      </c>
      <c r="D14757">
        <v>0</v>
      </c>
    </row>
    <row r="14758" spans="1:4" x14ac:dyDescent="0.25">
      <c r="A14758" t="s">
        <v>22944</v>
      </c>
      <c r="B14758" t="s">
        <v>22945</v>
      </c>
      <c r="C14758">
        <v>1</v>
      </c>
      <c r="D14758">
        <v>0</v>
      </c>
    </row>
    <row r="14759" spans="1:4" x14ac:dyDescent="0.25">
      <c r="A14759" t="s">
        <v>22944</v>
      </c>
      <c r="B14759" t="s">
        <v>22946</v>
      </c>
      <c r="C14759">
        <v>1</v>
      </c>
      <c r="D14759">
        <v>0</v>
      </c>
    </row>
    <row r="14760" spans="1:4" x14ac:dyDescent="0.25">
      <c r="A14760" t="s">
        <v>22947</v>
      </c>
      <c r="B14760" t="s">
        <v>22948</v>
      </c>
      <c r="C14760">
        <v>1</v>
      </c>
      <c r="D14760">
        <v>0</v>
      </c>
    </row>
    <row r="14761" spans="1:4" x14ac:dyDescent="0.25">
      <c r="A14761" t="s">
        <v>22949</v>
      </c>
      <c r="B14761" t="s">
        <v>22950</v>
      </c>
      <c r="C14761">
        <v>0</v>
      </c>
      <c r="D14761">
        <v>0</v>
      </c>
    </row>
    <row r="14762" spans="1:4" x14ac:dyDescent="0.25">
      <c r="A14762" t="s">
        <v>22951</v>
      </c>
      <c r="B14762" t="s">
        <v>22952</v>
      </c>
      <c r="C14762">
        <v>0</v>
      </c>
      <c r="D14762">
        <v>0</v>
      </c>
    </row>
    <row r="14763" spans="1:4" x14ac:dyDescent="0.25">
      <c r="A14763" t="s">
        <v>22953</v>
      </c>
      <c r="B14763" t="s">
        <v>22954</v>
      </c>
      <c r="C14763">
        <v>1</v>
      </c>
      <c r="D14763">
        <v>0</v>
      </c>
    </row>
    <row r="14764" spans="1:4" x14ac:dyDescent="0.25">
      <c r="A14764" t="s">
        <v>22955</v>
      </c>
      <c r="B14764" t="s">
        <v>22956</v>
      </c>
      <c r="C14764">
        <v>1</v>
      </c>
      <c r="D14764">
        <v>0</v>
      </c>
    </row>
    <row r="14765" spans="1:4" x14ac:dyDescent="0.25">
      <c r="A14765" t="s">
        <v>22957</v>
      </c>
      <c r="B14765" t="s">
        <v>22958</v>
      </c>
      <c r="C14765">
        <v>1</v>
      </c>
      <c r="D14765">
        <v>0</v>
      </c>
    </row>
    <row r="14766" spans="1:4" x14ac:dyDescent="0.25">
      <c r="A14766" t="s">
        <v>22959</v>
      </c>
      <c r="B14766" t="s">
        <v>22960</v>
      </c>
      <c r="C14766">
        <v>1</v>
      </c>
      <c r="D14766">
        <v>0</v>
      </c>
    </row>
    <row r="14767" spans="1:4" x14ac:dyDescent="0.25">
      <c r="A14767" t="s">
        <v>22961</v>
      </c>
      <c r="B14767" t="s">
        <v>22962</v>
      </c>
      <c r="C14767">
        <v>0</v>
      </c>
      <c r="D14767">
        <v>0</v>
      </c>
    </row>
    <row r="14768" spans="1:4" x14ac:dyDescent="0.25">
      <c r="A14768" t="s">
        <v>22963</v>
      </c>
      <c r="B14768" t="s">
        <v>22964</v>
      </c>
      <c r="C14768">
        <v>1</v>
      </c>
      <c r="D14768">
        <v>0</v>
      </c>
    </row>
    <row r="14769" spans="1:4" x14ac:dyDescent="0.25">
      <c r="A14769" t="s">
        <v>22965</v>
      </c>
      <c r="B14769" t="s">
        <v>22966</v>
      </c>
      <c r="C14769">
        <v>1</v>
      </c>
      <c r="D14769">
        <v>0</v>
      </c>
    </row>
    <row r="14770" spans="1:4" x14ac:dyDescent="0.25">
      <c r="A14770" t="s">
        <v>22967</v>
      </c>
      <c r="B14770" t="s">
        <v>22968</v>
      </c>
      <c r="C14770">
        <v>1</v>
      </c>
      <c r="D14770">
        <v>0</v>
      </c>
    </row>
    <row r="14771" spans="1:4" x14ac:dyDescent="0.25">
      <c r="A14771" t="s">
        <v>22969</v>
      </c>
      <c r="B14771" t="s">
        <v>22970</v>
      </c>
      <c r="C14771">
        <v>1</v>
      </c>
      <c r="D14771">
        <v>0</v>
      </c>
    </row>
    <row r="14772" spans="1:4" x14ac:dyDescent="0.25">
      <c r="A14772" t="s">
        <v>22969</v>
      </c>
      <c r="B14772" t="s">
        <v>22971</v>
      </c>
      <c r="C14772">
        <v>1</v>
      </c>
      <c r="D14772">
        <v>0</v>
      </c>
    </row>
    <row r="14773" spans="1:4" x14ac:dyDescent="0.25">
      <c r="A14773" t="s">
        <v>22969</v>
      </c>
      <c r="B14773" t="s">
        <v>22972</v>
      </c>
      <c r="C14773">
        <v>0</v>
      </c>
      <c r="D14773">
        <v>0</v>
      </c>
    </row>
    <row r="14774" spans="1:4" x14ac:dyDescent="0.25">
      <c r="A14774" t="s">
        <v>22973</v>
      </c>
      <c r="B14774" t="s">
        <v>22974</v>
      </c>
      <c r="C14774">
        <v>0</v>
      </c>
      <c r="D14774">
        <v>0</v>
      </c>
    </row>
    <row r="14775" spans="1:4" x14ac:dyDescent="0.25">
      <c r="A14775" t="s">
        <v>22975</v>
      </c>
      <c r="B14775" t="s">
        <v>22976</v>
      </c>
      <c r="C14775">
        <v>1</v>
      </c>
      <c r="D14775">
        <v>0</v>
      </c>
    </row>
    <row r="14776" spans="1:4" x14ac:dyDescent="0.25">
      <c r="A14776" t="s">
        <v>22977</v>
      </c>
      <c r="B14776" t="s">
        <v>22978</v>
      </c>
      <c r="C14776">
        <v>1</v>
      </c>
      <c r="D14776">
        <v>0</v>
      </c>
    </row>
    <row r="14777" spans="1:4" x14ac:dyDescent="0.25">
      <c r="A14777" t="s">
        <v>22979</v>
      </c>
      <c r="B14777" t="s">
        <v>22980</v>
      </c>
      <c r="C14777">
        <v>1</v>
      </c>
      <c r="D14777">
        <v>0</v>
      </c>
    </row>
    <row r="14778" spans="1:4" x14ac:dyDescent="0.25">
      <c r="A14778" t="s">
        <v>22981</v>
      </c>
      <c r="B14778" t="s">
        <v>22982</v>
      </c>
      <c r="C14778">
        <v>1</v>
      </c>
      <c r="D14778">
        <v>0</v>
      </c>
    </row>
    <row r="14779" spans="1:4" x14ac:dyDescent="0.25">
      <c r="A14779" t="s">
        <v>22983</v>
      </c>
      <c r="B14779" t="s">
        <v>22984</v>
      </c>
      <c r="C14779">
        <v>2</v>
      </c>
      <c r="D14779">
        <v>0</v>
      </c>
    </row>
    <row r="14780" spans="1:4" x14ac:dyDescent="0.25">
      <c r="A14780" t="s">
        <v>22985</v>
      </c>
      <c r="B14780" t="s">
        <v>22986</v>
      </c>
      <c r="C14780">
        <v>1</v>
      </c>
      <c r="D14780">
        <v>0</v>
      </c>
    </row>
    <row r="14781" spans="1:4" x14ac:dyDescent="0.25">
      <c r="A14781" t="s">
        <v>22987</v>
      </c>
      <c r="B14781" t="s">
        <v>22988</v>
      </c>
      <c r="C14781">
        <v>0</v>
      </c>
      <c r="D14781">
        <v>0</v>
      </c>
    </row>
    <row r="14782" spans="1:4" x14ac:dyDescent="0.25">
      <c r="A14782" t="s">
        <v>22989</v>
      </c>
      <c r="B14782" t="s">
        <v>22990</v>
      </c>
      <c r="C14782">
        <v>0</v>
      </c>
      <c r="D14782">
        <v>0</v>
      </c>
    </row>
    <row r="14783" spans="1:4" x14ac:dyDescent="0.25">
      <c r="A14783" t="s">
        <v>22991</v>
      </c>
      <c r="B14783" t="s">
        <v>22992</v>
      </c>
      <c r="C14783">
        <v>0</v>
      </c>
      <c r="D14783">
        <v>0</v>
      </c>
    </row>
    <row r="14784" spans="1:4" x14ac:dyDescent="0.25">
      <c r="A14784" t="s">
        <v>22993</v>
      </c>
      <c r="B14784" t="s">
        <v>22994</v>
      </c>
      <c r="C14784">
        <v>1</v>
      </c>
      <c r="D14784">
        <v>0</v>
      </c>
    </row>
    <row r="14785" spans="1:4" x14ac:dyDescent="0.25">
      <c r="A14785" t="s">
        <v>22995</v>
      </c>
      <c r="B14785" t="s">
        <v>22996</v>
      </c>
      <c r="C14785">
        <v>1</v>
      </c>
      <c r="D14785">
        <v>0</v>
      </c>
    </row>
    <row r="14786" spans="1:4" x14ac:dyDescent="0.25">
      <c r="A14786" t="s">
        <v>22997</v>
      </c>
      <c r="B14786" t="s">
        <v>22998</v>
      </c>
      <c r="C14786">
        <v>2</v>
      </c>
      <c r="D14786">
        <v>0</v>
      </c>
    </row>
    <row r="14787" spans="1:4" x14ac:dyDescent="0.25">
      <c r="A14787" t="s">
        <v>22999</v>
      </c>
      <c r="B14787" t="s">
        <v>23000</v>
      </c>
      <c r="C14787">
        <v>1</v>
      </c>
      <c r="D14787">
        <v>0</v>
      </c>
    </row>
    <row r="14788" spans="1:4" x14ac:dyDescent="0.25">
      <c r="A14788" t="s">
        <v>23001</v>
      </c>
      <c r="B14788" t="s">
        <v>23002</v>
      </c>
      <c r="C14788">
        <v>1</v>
      </c>
      <c r="D14788">
        <v>0</v>
      </c>
    </row>
    <row r="14789" spans="1:4" x14ac:dyDescent="0.25">
      <c r="A14789" t="s">
        <v>23001</v>
      </c>
      <c r="B14789" t="s">
        <v>23003</v>
      </c>
      <c r="C14789">
        <v>0</v>
      </c>
      <c r="D14789">
        <v>0</v>
      </c>
    </row>
    <row r="14790" spans="1:4" x14ac:dyDescent="0.25">
      <c r="A14790" t="s">
        <v>23001</v>
      </c>
      <c r="B14790" t="s">
        <v>23004</v>
      </c>
      <c r="C14790">
        <v>0</v>
      </c>
      <c r="D14790">
        <v>0</v>
      </c>
    </row>
    <row r="14791" spans="1:4" x14ac:dyDescent="0.25">
      <c r="A14791" t="s">
        <v>23005</v>
      </c>
      <c r="B14791" t="s">
        <v>23006</v>
      </c>
      <c r="C14791">
        <v>1</v>
      </c>
      <c r="D14791">
        <v>0</v>
      </c>
    </row>
    <row r="14792" spans="1:4" x14ac:dyDescent="0.25">
      <c r="A14792" t="s">
        <v>23007</v>
      </c>
      <c r="B14792" t="s">
        <v>23008</v>
      </c>
      <c r="C14792">
        <v>1</v>
      </c>
      <c r="D14792">
        <v>0</v>
      </c>
    </row>
    <row r="14793" spans="1:4" x14ac:dyDescent="0.25">
      <c r="A14793" t="s">
        <v>23007</v>
      </c>
      <c r="B14793" t="s">
        <v>23009</v>
      </c>
      <c r="C14793">
        <v>1</v>
      </c>
      <c r="D14793">
        <v>0</v>
      </c>
    </row>
    <row r="14794" spans="1:4" x14ac:dyDescent="0.25">
      <c r="A14794" t="s">
        <v>23007</v>
      </c>
      <c r="B14794" t="s">
        <v>23010</v>
      </c>
      <c r="C14794">
        <v>0</v>
      </c>
      <c r="D14794">
        <v>0</v>
      </c>
    </row>
    <row r="14795" spans="1:4" x14ac:dyDescent="0.25">
      <c r="A14795" t="s">
        <v>23007</v>
      </c>
      <c r="B14795" t="s">
        <v>23011</v>
      </c>
      <c r="C14795">
        <v>0</v>
      </c>
      <c r="D14795">
        <v>0</v>
      </c>
    </row>
    <row r="14796" spans="1:4" x14ac:dyDescent="0.25">
      <c r="A14796" t="s">
        <v>23012</v>
      </c>
      <c r="B14796" t="s">
        <v>23013</v>
      </c>
      <c r="C14796">
        <v>0</v>
      </c>
      <c r="D14796">
        <v>0</v>
      </c>
    </row>
    <row r="14797" spans="1:4" x14ac:dyDescent="0.25">
      <c r="A14797" t="s">
        <v>23014</v>
      </c>
      <c r="B14797" t="s">
        <v>23015</v>
      </c>
      <c r="C14797">
        <v>1</v>
      </c>
      <c r="D14797">
        <v>0</v>
      </c>
    </row>
    <row r="14798" spans="1:4" x14ac:dyDescent="0.25">
      <c r="A14798" t="s">
        <v>23014</v>
      </c>
      <c r="B14798" t="s">
        <v>23016</v>
      </c>
      <c r="C14798">
        <v>0</v>
      </c>
      <c r="D14798">
        <v>0</v>
      </c>
    </row>
    <row r="14799" spans="1:4" x14ac:dyDescent="0.25">
      <c r="A14799" t="s">
        <v>23017</v>
      </c>
      <c r="B14799" t="s">
        <v>23018</v>
      </c>
      <c r="C14799">
        <v>0</v>
      </c>
      <c r="D14799">
        <v>0</v>
      </c>
    </row>
    <row r="14800" spans="1:4" x14ac:dyDescent="0.25">
      <c r="A14800" t="s">
        <v>23019</v>
      </c>
      <c r="B14800" t="s">
        <v>23020</v>
      </c>
      <c r="C14800">
        <v>1</v>
      </c>
      <c r="D14800">
        <v>0</v>
      </c>
    </row>
    <row r="14801" spans="1:4" x14ac:dyDescent="0.25">
      <c r="A14801" t="s">
        <v>23021</v>
      </c>
      <c r="B14801" t="s">
        <v>23022</v>
      </c>
      <c r="C14801">
        <v>2</v>
      </c>
      <c r="D14801">
        <v>0</v>
      </c>
    </row>
    <row r="14802" spans="1:4" x14ac:dyDescent="0.25">
      <c r="A14802" t="s">
        <v>23023</v>
      </c>
      <c r="B14802" t="s">
        <v>23024</v>
      </c>
      <c r="C14802">
        <v>2</v>
      </c>
      <c r="D14802">
        <v>0</v>
      </c>
    </row>
    <row r="14803" spans="1:4" x14ac:dyDescent="0.25">
      <c r="A14803" t="s">
        <v>23025</v>
      </c>
      <c r="B14803" t="s">
        <v>23026</v>
      </c>
      <c r="C14803">
        <v>1</v>
      </c>
      <c r="D14803">
        <v>0</v>
      </c>
    </row>
    <row r="14804" spans="1:4" x14ac:dyDescent="0.25">
      <c r="A14804" t="s">
        <v>23027</v>
      </c>
      <c r="B14804" t="s">
        <v>23028</v>
      </c>
      <c r="C14804">
        <v>1</v>
      </c>
      <c r="D14804">
        <v>0</v>
      </c>
    </row>
    <row r="14805" spans="1:4" x14ac:dyDescent="0.25">
      <c r="A14805" t="s">
        <v>23029</v>
      </c>
      <c r="B14805" t="s">
        <v>23030</v>
      </c>
      <c r="C14805">
        <v>1</v>
      </c>
      <c r="D14805">
        <v>0</v>
      </c>
    </row>
    <row r="14806" spans="1:4" x14ac:dyDescent="0.25">
      <c r="A14806" t="s">
        <v>23031</v>
      </c>
      <c r="B14806" t="s">
        <v>23032</v>
      </c>
      <c r="C14806">
        <v>1</v>
      </c>
      <c r="D14806">
        <v>0</v>
      </c>
    </row>
    <row r="14807" spans="1:4" x14ac:dyDescent="0.25">
      <c r="A14807" t="s">
        <v>23031</v>
      </c>
      <c r="B14807" t="s">
        <v>23033</v>
      </c>
      <c r="C14807">
        <v>1</v>
      </c>
      <c r="D14807">
        <v>0</v>
      </c>
    </row>
    <row r="14808" spans="1:4" x14ac:dyDescent="0.25">
      <c r="A14808" t="s">
        <v>23034</v>
      </c>
      <c r="B14808" t="s">
        <v>23035</v>
      </c>
      <c r="C14808">
        <v>1</v>
      </c>
      <c r="D14808">
        <v>0</v>
      </c>
    </row>
    <row r="14809" spans="1:4" x14ac:dyDescent="0.25">
      <c r="A14809" t="s">
        <v>23036</v>
      </c>
      <c r="B14809" t="s">
        <v>23037</v>
      </c>
      <c r="C14809">
        <v>1</v>
      </c>
      <c r="D14809">
        <v>0</v>
      </c>
    </row>
    <row r="14810" spans="1:4" x14ac:dyDescent="0.25">
      <c r="A14810" t="s">
        <v>23038</v>
      </c>
      <c r="B14810" t="s">
        <v>23039</v>
      </c>
      <c r="C14810">
        <v>1</v>
      </c>
      <c r="D14810">
        <v>0</v>
      </c>
    </row>
    <row r="14811" spans="1:4" x14ac:dyDescent="0.25">
      <c r="A14811" t="s">
        <v>23040</v>
      </c>
      <c r="B14811" t="s">
        <v>23041</v>
      </c>
      <c r="C14811">
        <v>0</v>
      </c>
      <c r="D14811">
        <v>0</v>
      </c>
    </row>
    <row r="14812" spans="1:4" x14ac:dyDescent="0.25">
      <c r="A14812" t="s">
        <v>23040</v>
      </c>
      <c r="B14812" t="s">
        <v>23042</v>
      </c>
      <c r="C14812">
        <v>0</v>
      </c>
      <c r="D14812">
        <v>0</v>
      </c>
    </row>
    <row r="14813" spans="1:4" x14ac:dyDescent="0.25">
      <c r="A14813" t="s">
        <v>23043</v>
      </c>
      <c r="B14813" t="s">
        <v>23044</v>
      </c>
      <c r="C14813">
        <v>2</v>
      </c>
      <c r="D14813">
        <v>0</v>
      </c>
    </row>
    <row r="14814" spans="1:4" x14ac:dyDescent="0.25">
      <c r="A14814" t="s">
        <v>23045</v>
      </c>
      <c r="B14814" t="s">
        <v>23046</v>
      </c>
      <c r="C14814">
        <v>2</v>
      </c>
      <c r="D14814">
        <v>0</v>
      </c>
    </row>
    <row r="14815" spans="1:4" x14ac:dyDescent="0.25">
      <c r="A14815" t="s">
        <v>23047</v>
      </c>
      <c r="B14815" t="s">
        <v>23048</v>
      </c>
      <c r="C14815">
        <v>0</v>
      </c>
      <c r="D14815">
        <v>0</v>
      </c>
    </row>
    <row r="14816" spans="1:4" x14ac:dyDescent="0.25">
      <c r="A14816" t="s">
        <v>23049</v>
      </c>
      <c r="B14816" t="s">
        <v>23050</v>
      </c>
      <c r="C14816">
        <v>0</v>
      </c>
      <c r="D14816">
        <v>0</v>
      </c>
    </row>
    <row r="14817" spans="1:4" x14ac:dyDescent="0.25">
      <c r="A14817" t="s">
        <v>23049</v>
      </c>
      <c r="B14817" t="s">
        <v>23051</v>
      </c>
      <c r="C14817">
        <v>2</v>
      </c>
      <c r="D14817">
        <v>0</v>
      </c>
    </row>
    <row r="14818" spans="1:4" x14ac:dyDescent="0.25">
      <c r="A14818" t="s">
        <v>23052</v>
      </c>
      <c r="B14818" t="s">
        <v>23053</v>
      </c>
      <c r="C14818">
        <v>1</v>
      </c>
      <c r="D14818">
        <v>0</v>
      </c>
    </row>
    <row r="14819" spans="1:4" x14ac:dyDescent="0.25">
      <c r="A14819" t="s">
        <v>23052</v>
      </c>
      <c r="B14819" t="s">
        <v>23054</v>
      </c>
      <c r="C14819">
        <v>0</v>
      </c>
      <c r="D14819">
        <v>0</v>
      </c>
    </row>
    <row r="14820" spans="1:4" x14ac:dyDescent="0.25">
      <c r="A14820" t="s">
        <v>23052</v>
      </c>
      <c r="B14820" t="s">
        <v>23055</v>
      </c>
      <c r="C14820">
        <v>2</v>
      </c>
      <c r="D14820">
        <v>0</v>
      </c>
    </row>
    <row r="14821" spans="1:4" x14ac:dyDescent="0.25">
      <c r="A14821" t="s">
        <v>23056</v>
      </c>
      <c r="B14821" t="s">
        <v>23057</v>
      </c>
      <c r="C14821">
        <v>1</v>
      </c>
      <c r="D14821">
        <v>0</v>
      </c>
    </row>
    <row r="14822" spans="1:4" x14ac:dyDescent="0.25">
      <c r="A14822" t="s">
        <v>23058</v>
      </c>
      <c r="B14822" t="s">
        <v>23059</v>
      </c>
      <c r="C14822">
        <v>0</v>
      </c>
      <c r="D14822">
        <v>0</v>
      </c>
    </row>
    <row r="14823" spans="1:4" x14ac:dyDescent="0.25">
      <c r="A14823" t="s">
        <v>23060</v>
      </c>
      <c r="B14823" t="s">
        <v>23061</v>
      </c>
      <c r="C14823">
        <v>1</v>
      </c>
      <c r="D14823">
        <v>0</v>
      </c>
    </row>
    <row r="14824" spans="1:4" x14ac:dyDescent="0.25">
      <c r="A14824" t="s">
        <v>23062</v>
      </c>
      <c r="B14824" t="s">
        <v>23063</v>
      </c>
      <c r="C14824">
        <v>2</v>
      </c>
      <c r="D14824">
        <v>0</v>
      </c>
    </row>
    <row r="14825" spans="1:4" x14ac:dyDescent="0.25">
      <c r="A14825" t="s">
        <v>23064</v>
      </c>
      <c r="B14825" t="s">
        <v>23065</v>
      </c>
      <c r="C14825">
        <v>2</v>
      </c>
      <c r="D14825">
        <v>0</v>
      </c>
    </row>
    <row r="14826" spans="1:4" x14ac:dyDescent="0.25">
      <c r="A14826" t="s">
        <v>23066</v>
      </c>
      <c r="B14826" t="s">
        <v>23067</v>
      </c>
      <c r="C14826">
        <v>1</v>
      </c>
      <c r="D14826">
        <v>0</v>
      </c>
    </row>
    <row r="14827" spans="1:4" x14ac:dyDescent="0.25">
      <c r="A14827" t="s">
        <v>23066</v>
      </c>
      <c r="B14827" t="s">
        <v>23068</v>
      </c>
      <c r="C14827">
        <v>2</v>
      </c>
      <c r="D14827">
        <v>0</v>
      </c>
    </row>
    <row r="14828" spans="1:4" x14ac:dyDescent="0.25">
      <c r="A14828" t="s">
        <v>23069</v>
      </c>
      <c r="B14828" t="s">
        <v>23070</v>
      </c>
      <c r="C14828">
        <v>2</v>
      </c>
      <c r="D14828">
        <v>0</v>
      </c>
    </row>
    <row r="14829" spans="1:4" x14ac:dyDescent="0.25">
      <c r="A14829" t="s">
        <v>23071</v>
      </c>
      <c r="B14829" t="s">
        <v>23072</v>
      </c>
      <c r="C14829">
        <v>0</v>
      </c>
      <c r="D14829">
        <v>0</v>
      </c>
    </row>
    <row r="14830" spans="1:4" x14ac:dyDescent="0.25">
      <c r="A14830" t="s">
        <v>23073</v>
      </c>
      <c r="B14830" t="s">
        <v>23074</v>
      </c>
      <c r="C14830">
        <v>1</v>
      </c>
      <c r="D14830">
        <v>0</v>
      </c>
    </row>
    <row r="14831" spans="1:4" x14ac:dyDescent="0.25">
      <c r="A14831" t="s">
        <v>23075</v>
      </c>
      <c r="B14831" t="s">
        <v>23076</v>
      </c>
      <c r="C14831">
        <v>1</v>
      </c>
      <c r="D14831">
        <v>0</v>
      </c>
    </row>
    <row r="14832" spans="1:4" x14ac:dyDescent="0.25">
      <c r="A14832" t="s">
        <v>23075</v>
      </c>
      <c r="B14832" t="s">
        <v>23077</v>
      </c>
      <c r="C14832">
        <v>0</v>
      </c>
      <c r="D14832">
        <v>0</v>
      </c>
    </row>
    <row r="14833" spans="1:4" x14ac:dyDescent="0.25">
      <c r="A14833" t="s">
        <v>23078</v>
      </c>
      <c r="B14833" t="s">
        <v>23079</v>
      </c>
      <c r="C14833">
        <v>1</v>
      </c>
      <c r="D14833">
        <v>0</v>
      </c>
    </row>
    <row r="14834" spans="1:4" x14ac:dyDescent="0.25">
      <c r="A14834" t="s">
        <v>23080</v>
      </c>
      <c r="B14834" t="s">
        <v>23081</v>
      </c>
      <c r="C14834">
        <v>1</v>
      </c>
      <c r="D14834">
        <v>0</v>
      </c>
    </row>
    <row r="14835" spans="1:4" x14ac:dyDescent="0.25">
      <c r="A14835" t="s">
        <v>23080</v>
      </c>
      <c r="B14835" t="s">
        <v>23082</v>
      </c>
      <c r="C14835">
        <v>0</v>
      </c>
      <c r="D14835">
        <v>0</v>
      </c>
    </row>
    <row r="14836" spans="1:4" x14ac:dyDescent="0.25">
      <c r="A14836" t="s">
        <v>23083</v>
      </c>
      <c r="B14836" t="s">
        <v>23084</v>
      </c>
      <c r="C14836">
        <v>1</v>
      </c>
      <c r="D14836">
        <v>0</v>
      </c>
    </row>
    <row r="14837" spans="1:4" x14ac:dyDescent="0.25">
      <c r="A14837" t="s">
        <v>23083</v>
      </c>
      <c r="B14837" t="s">
        <v>23085</v>
      </c>
      <c r="C14837">
        <v>1</v>
      </c>
      <c r="D14837">
        <v>0</v>
      </c>
    </row>
    <row r="14838" spans="1:4" x14ac:dyDescent="0.25">
      <c r="A14838" t="s">
        <v>23086</v>
      </c>
      <c r="B14838" t="s">
        <v>23087</v>
      </c>
      <c r="C14838">
        <v>0</v>
      </c>
      <c r="D14838">
        <v>0</v>
      </c>
    </row>
    <row r="14839" spans="1:4" x14ac:dyDescent="0.25">
      <c r="A14839" t="s">
        <v>23088</v>
      </c>
      <c r="B14839" t="s">
        <v>23089</v>
      </c>
      <c r="C14839">
        <v>0</v>
      </c>
      <c r="D14839">
        <v>0</v>
      </c>
    </row>
    <row r="14840" spans="1:4" x14ac:dyDescent="0.25">
      <c r="A14840" t="s">
        <v>23090</v>
      </c>
      <c r="B14840" t="s">
        <v>23091</v>
      </c>
      <c r="C14840">
        <v>1</v>
      </c>
      <c r="D14840">
        <v>0</v>
      </c>
    </row>
    <row r="14841" spans="1:4" x14ac:dyDescent="0.25">
      <c r="A14841" t="s">
        <v>23090</v>
      </c>
      <c r="B14841" t="s">
        <v>23092</v>
      </c>
      <c r="C14841">
        <v>0</v>
      </c>
      <c r="D14841">
        <v>0</v>
      </c>
    </row>
    <row r="14842" spans="1:4" x14ac:dyDescent="0.25">
      <c r="A14842" t="s">
        <v>23093</v>
      </c>
      <c r="B14842" t="s">
        <v>23094</v>
      </c>
      <c r="C14842">
        <v>0</v>
      </c>
      <c r="D14842">
        <v>0</v>
      </c>
    </row>
    <row r="14843" spans="1:4" x14ac:dyDescent="0.25">
      <c r="A14843" t="s">
        <v>23095</v>
      </c>
      <c r="B14843" t="s">
        <v>5047</v>
      </c>
      <c r="C14843">
        <v>0</v>
      </c>
      <c r="D14843">
        <v>0</v>
      </c>
    </row>
    <row r="14844" spans="1:4" x14ac:dyDescent="0.25">
      <c r="A14844" t="s">
        <v>23095</v>
      </c>
      <c r="B14844" t="s">
        <v>23096</v>
      </c>
      <c r="C14844">
        <v>0</v>
      </c>
      <c r="D14844">
        <v>0</v>
      </c>
    </row>
    <row r="14845" spans="1:4" x14ac:dyDescent="0.25">
      <c r="A14845" t="s">
        <v>23097</v>
      </c>
      <c r="B14845" t="s">
        <v>23098</v>
      </c>
      <c r="C14845">
        <v>1</v>
      </c>
      <c r="D14845">
        <v>0</v>
      </c>
    </row>
    <row r="14846" spans="1:4" x14ac:dyDescent="0.25">
      <c r="A14846" t="s">
        <v>23099</v>
      </c>
      <c r="B14846" t="s">
        <v>23100</v>
      </c>
      <c r="C14846">
        <v>1</v>
      </c>
      <c r="D14846">
        <v>0</v>
      </c>
    </row>
    <row r="14847" spans="1:4" x14ac:dyDescent="0.25">
      <c r="A14847" t="s">
        <v>23101</v>
      </c>
      <c r="B14847" t="s">
        <v>23102</v>
      </c>
      <c r="C14847">
        <v>1</v>
      </c>
      <c r="D14847">
        <v>0</v>
      </c>
    </row>
    <row r="14848" spans="1:4" x14ac:dyDescent="0.25">
      <c r="A14848" t="s">
        <v>23103</v>
      </c>
      <c r="B14848" t="s">
        <v>23104</v>
      </c>
      <c r="C14848">
        <v>1</v>
      </c>
      <c r="D14848">
        <v>0</v>
      </c>
    </row>
    <row r="14849" spans="1:4" x14ac:dyDescent="0.25">
      <c r="A14849" t="s">
        <v>23105</v>
      </c>
      <c r="B14849" t="s">
        <v>23106</v>
      </c>
      <c r="C14849">
        <v>1</v>
      </c>
      <c r="D14849">
        <v>0</v>
      </c>
    </row>
    <row r="14850" spans="1:4" x14ac:dyDescent="0.25">
      <c r="A14850" t="s">
        <v>23107</v>
      </c>
      <c r="B14850" t="s">
        <v>23108</v>
      </c>
      <c r="C14850">
        <v>1</v>
      </c>
      <c r="D14850">
        <v>0</v>
      </c>
    </row>
    <row r="14851" spans="1:4" x14ac:dyDescent="0.25">
      <c r="A14851" t="s">
        <v>23107</v>
      </c>
      <c r="B14851" t="s">
        <v>23109</v>
      </c>
      <c r="C14851">
        <v>0</v>
      </c>
      <c r="D14851">
        <v>0</v>
      </c>
    </row>
    <row r="14852" spans="1:4" x14ac:dyDescent="0.25">
      <c r="A14852" t="s">
        <v>23107</v>
      </c>
      <c r="B14852" t="s">
        <v>23110</v>
      </c>
      <c r="C14852">
        <v>2</v>
      </c>
      <c r="D14852">
        <v>0</v>
      </c>
    </row>
    <row r="14853" spans="1:4" x14ac:dyDescent="0.25">
      <c r="A14853" t="s">
        <v>23111</v>
      </c>
      <c r="B14853" t="s">
        <v>23112</v>
      </c>
      <c r="C14853">
        <v>1</v>
      </c>
      <c r="D14853">
        <v>0</v>
      </c>
    </row>
    <row r="14854" spans="1:4" x14ac:dyDescent="0.25">
      <c r="A14854" t="s">
        <v>23113</v>
      </c>
      <c r="B14854" t="s">
        <v>23114</v>
      </c>
      <c r="C14854">
        <v>0</v>
      </c>
      <c r="D14854">
        <v>0</v>
      </c>
    </row>
    <row r="14855" spans="1:4" x14ac:dyDescent="0.25">
      <c r="A14855" t="s">
        <v>23115</v>
      </c>
      <c r="B14855" t="s">
        <v>23116</v>
      </c>
      <c r="C14855">
        <v>1</v>
      </c>
      <c r="D14855">
        <v>0</v>
      </c>
    </row>
    <row r="14856" spans="1:4" x14ac:dyDescent="0.25">
      <c r="A14856" t="s">
        <v>23115</v>
      </c>
      <c r="B14856" t="s">
        <v>23117</v>
      </c>
      <c r="C14856">
        <v>2</v>
      </c>
      <c r="D14856">
        <v>0</v>
      </c>
    </row>
    <row r="14857" spans="1:4" x14ac:dyDescent="0.25">
      <c r="A14857" t="s">
        <v>23118</v>
      </c>
      <c r="B14857" t="s">
        <v>23119</v>
      </c>
      <c r="C14857">
        <v>2</v>
      </c>
      <c r="D14857">
        <v>0</v>
      </c>
    </row>
    <row r="14858" spans="1:4" x14ac:dyDescent="0.25">
      <c r="A14858" t="s">
        <v>23120</v>
      </c>
      <c r="B14858" t="s">
        <v>23121</v>
      </c>
      <c r="C14858">
        <v>2</v>
      </c>
      <c r="D14858">
        <v>0</v>
      </c>
    </row>
    <row r="14859" spans="1:4" x14ac:dyDescent="0.25">
      <c r="A14859" t="s">
        <v>23122</v>
      </c>
      <c r="B14859" t="s">
        <v>23123</v>
      </c>
      <c r="C14859">
        <v>0</v>
      </c>
      <c r="D14859">
        <v>0</v>
      </c>
    </row>
    <row r="14860" spans="1:4" x14ac:dyDescent="0.25">
      <c r="A14860" t="s">
        <v>23124</v>
      </c>
      <c r="B14860" t="s">
        <v>23125</v>
      </c>
      <c r="C14860">
        <v>0</v>
      </c>
      <c r="D14860">
        <v>0</v>
      </c>
    </row>
    <row r="14861" spans="1:4" x14ac:dyDescent="0.25">
      <c r="A14861" t="s">
        <v>23126</v>
      </c>
      <c r="B14861" t="s">
        <v>23127</v>
      </c>
      <c r="C14861">
        <v>0</v>
      </c>
      <c r="D14861">
        <v>0</v>
      </c>
    </row>
    <row r="14862" spans="1:4" x14ac:dyDescent="0.25">
      <c r="A14862" t="s">
        <v>23128</v>
      </c>
      <c r="B14862" t="s">
        <v>23129</v>
      </c>
      <c r="C14862">
        <v>1</v>
      </c>
      <c r="D14862">
        <v>0</v>
      </c>
    </row>
    <row r="14863" spans="1:4" x14ac:dyDescent="0.25">
      <c r="A14863" t="s">
        <v>23130</v>
      </c>
      <c r="B14863" t="s">
        <v>23131</v>
      </c>
      <c r="C14863">
        <v>1</v>
      </c>
      <c r="D14863">
        <v>0</v>
      </c>
    </row>
    <row r="14864" spans="1:4" x14ac:dyDescent="0.25">
      <c r="A14864" t="s">
        <v>23132</v>
      </c>
      <c r="B14864" t="s">
        <v>23133</v>
      </c>
      <c r="C14864">
        <v>0</v>
      </c>
      <c r="D14864">
        <v>0</v>
      </c>
    </row>
    <row r="14865" spans="1:4" x14ac:dyDescent="0.25">
      <c r="A14865" t="s">
        <v>23134</v>
      </c>
      <c r="B14865" t="s">
        <v>23135</v>
      </c>
      <c r="C14865">
        <v>1</v>
      </c>
      <c r="D14865">
        <v>0</v>
      </c>
    </row>
    <row r="14866" spans="1:4" x14ac:dyDescent="0.25">
      <c r="A14866" t="s">
        <v>23136</v>
      </c>
      <c r="B14866" t="s">
        <v>23137</v>
      </c>
      <c r="C14866">
        <v>2</v>
      </c>
      <c r="D14866">
        <v>0</v>
      </c>
    </row>
    <row r="14867" spans="1:4" x14ac:dyDescent="0.25">
      <c r="A14867" t="s">
        <v>23138</v>
      </c>
      <c r="B14867" t="s">
        <v>23139</v>
      </c>
      <c r="C14867">
        <v>2</v>
      </c>
      <c r="D14867">
        <v>0</v>
      </c>
    </row>
    <row r="14868" spans="1:4" x14ac:dyDescent="0.25">
      <c r="A14868" t="s">
        <v>23140</v>
      </c>
      <c r="B14868" t="s">
        <v>23141</v>
      </c>
      <c r="C14868">
        <v>1</v>
      </c>
      <c r="D14868">
        <v>0</v>
      </c>
    </row>
    <row r="14869" spans="1:4" x14ac:dyDescent="0.25">
      <c r="A14869" t="s">
        <v>23142</v>
      </c>
      <c r="B14869" t="s">
        <v>23143</v>
      </c>
      <c r="C14869">
        <v>2</v>
      </c>
      <c r="D14869">
        <v>0</v>
      </c>
    </row>
    <row r="14870" spans="1:4" x14ac:dyDescent="0.25">
      <c r="A14870" t="s">
        <v>23144</v>
      </c>
      <c r="B14870" t="s">
        <v>23145</v>
      </c>
      <c r="C14870">
        <v>1</v>
      </c>
      <c r="D14870">
        <v>0</v>
      </c>
    </row>
    <row r="14871" spans="1:4" x14ac:dyDescent="0.25">
      <c r="A14871" t="s">
        <v>23146</v>
      </c>
      <c r="B14871" t="s">
        <v>23147</v>
      </c>
      <c r="C14871">
        <v>1</v>
      </c>
      <c r="D14871">
        <v>0</v>
      </c>
    </row>
    <row r="14872" spans="1:4" x14ac:dyDescent="0.25">
      <c r="A14872" t="s">
        <v>23148</v>
      </c>
      <c r="B14872" t="s">
        <v>23149</v>
      </c>
      <c r="C14872">
        <v>2</v>
      </c>
      <c r="D14872">
        <v>0</v>
      </c>
    </row>
    <row r="14873" spans="1:4" x14ac:dyDescent="0.25">
      <c r="A14873" t="s">
        <v>23150</v>
      </c>
      <c r="B14873" t="s">
        <v>23151</v>
      </c>
      <c r="C14873">
        <v>0</v>
      </c>
      <c r="D14873">
        <v>0</v>
      </c>
    </row>
    <row r="14874" spans="1:4" x14ac:dyDescent="0.25">
      <c r="A14874" t="s">
        <v>23152</v>
      </c>
      <c r="B14874" t="s">
        <v>23153</v>
      </c>
      <c r="C14874">
        <v>0</v>
      </c>
      <c r="D14874">
        <v>0</v>
      </c>
    </row>
    <row r="14875" spans="1:4" x14ac:dyDescent="0.25">
      <c r="A14875" t="s">
        <v>23154</v>
      </c>
      <c r="B14875" t="s">
        <v>23155</v>
      </c>
      <c r="C14875">
        <v>1</v>
      </c>
      <c r="D14875">
        <v>0</v>
      </c>
    </row>
    <row r="14876" spans="1:4" x14ac:dyDescent="0.25">
      <c r="A14876" t="s">
        <v>23156</v>
      </c>
      <c r="B14876" t="s">
        <v>23157</v>
      </c>
      <c r="C14876">
        <v>1</v>
      </c>
      <c r="D14876">
        <v>0</v>
      </c>
    </row>
    <row r="14877" spans="1:4" x14ac:dyDescent="0.25">
      <c r="A14877" t="s">
        <v>23158</v>
      </c>
      <c r="B14877" t="s">
        <v>23159</v>
      </c>
      <c r="C14877">
        <v>1</v>
      </c>
      <c r="D14877">
        <v>0</v>
      </c>
    </row>
    <row r="14878" spans="1:4" x14ac:dyDescent="0.25">
      <c r="A14878" t="s">
        <v>23158</v>
      </c>
      <c r="B14878" t="s">
        <v>23160</v>
      </c>
      <c r="C14878">
        <v>0</v>
      </c>
      <c r="D14878">
        <v>0</v>
      </c>
    </row>
    <row r="14879" spans="1:4" x14ac:dyDescent="0.25">
      <c r="A14879" t="s">
        <v>23161</v>
      </c>
      <c r="B14879" t="s">
        <v>23162</v>
      </c>
      <c r="C14879">
        <v>1</v>
      </c>
      <c r="D14879">
        <v>0</v>
      </c>
    </row>
    <row r="14880" spans="1:4" x14ac:dyDescent="0.25">
      <c r="A14880" t="s">
        <v>23163</v>
      </c>
      <c r="B14880" t="s">
        <v>23164</v>
      </c>
      <c r="C14880">
        <v>2</v>
      </c>
      <c r="D14880">
        <v>0</v>
      </c>
    </row>
    <row r="14881" spans="1:4" x14ac:dyDescent="0.25">
      <c r="A14881" t="s">
        <v>23165</v>
      </c>
      <c r="B14881" t="s">
        <v>23166</v>
      </c>
      <c r="C14881">
        <v>1</v>
      </c>
      <c r="D14881">
        <v>0</v>
      </c>
    </row>
    <row r="14882" spans="1:4" x14ac:dyDescent="0.25">
      <c r="A14882" t="s">
        <v>23165</v>
      </c>
      <c r="B14882" t="s">
        <v>23167</v>
      </c>
      <c r="C14882">
        <v>0</v>
      </c>
      <c r="D14882">
        <v>0</v>
      </c>
    </row>
    <row r="14883" spans="1:4" x14ac:dyDescent="0.25">
      <c r="A14883" t="s">
        <v>23168</v>
      </c>
      <c r="B14883" t="s">
        <v>23169</v>
      </c>
      <c r="C14883">
        <v>0</v>
      </c>
      <c r="D14883">
        <v>0</v>
      </c>
    </row>
    <row r="14884" spans="1:4" x14ac:dyDescent="0.25">
      <c r="A14884" t="s">
        <v>23170</v>
      </c>
      <c r="B14884" t="s">
        <v>23171</v>
      </c>
      <c r="C14884">
        <v>1</v>
      </c>
      <c r="D14884">
        <v>0</v>
      </c>
    </row>
    <row r="14885" spans="1:4" x14ac:dyDescent="0.25">
      <c r="A14885" t="s">
        <v>23170</v>
      </c>
      <c r="B14885" t="s">
        <v>23172</v>
      </c>
      <c r="C14885">
        <v>1</v>
      </c>
      <c r="D14885">
        <v>0</v>
      </c>
    </row>
    <row r="14886" spans="1:4" x14ac:dyDescent="0.25">
      <c r="A14886" t="s">
        <v>23170</v>
      </c>
      <c r="B14886" t="s">
        <v>23173</v>
      </c>
      <c r="C14886">
        <v>1</v>
      </c>
      <c r="D14886">
        <v>0</v>
      </c>
    </row>
    <row r="14887" spans="1:4" x14ac:dyDescent="0.25">
      <c r="A14887" t="s">
        <v>23174</v>
      </c>
      <c r="B14887" t="s">
        <v>23175</v>
      </c>
      <c r="C14887">
        <v>1</v>
      </c>
      <c r="D14887">
        <v>0</v>
      </c>
    </row>
    <row r="14888" spans="1:4" x14ac:dyDescent="0.25">
      <c r="A14888" t="s">
        <v>23176</v>
      </c>
      <c r="B14888" t="s">
        <v>23177</v>
      </c>
      <c r="C14888">
        <v>2</v>
      </c>
      <c r="D14888">
        <v>0</v>
      </c>
    </row>
    <row r="14889" spans="1:4" x14ac:dyDescent="0.25">
      <c r="A14889" t="s">
        <v>23178</v>
      </c>
      <c r="B14889" t="s">
        <v>23179</v>
      </c>
      <c r="C14889">
        <v>1</v>
      </c>
      <c r="D14889">
        <v>0</v>
      </c>
    </row>
    <row r="14890" spans="1:4" x14ac:dyDescent="0.25">
      <c r="A14890" t="s">
        <v>23180</v>
      </c>
      <c r="B14890" t="s">
        <v>23181</v>
      </c>
      <c r="C14890">
        <v>0</v>
      </c>
      <c r="D14890">
        <v>0</v>
      </c>
    </row>
    <row r="14891" spans="1:4" x14ac:dyDescent="0.25">
      <c r="A14891" t="s">
        <v>23182</v>
      </c>
      <c r="B14891" t="s">
        <v>23183</v>
      </c>
      <c r="C14891">
        <v>2</v>
      </c>
      <c r="D14891">
        <v>0</v>
      </c>
    </row>
    <row r="14892" spans="1:4" x14ac:dyDescent="0.25">
      <c r="A14892" t="s">
        <v>23184</v>
      </c>
      <c r="B14892" t="s">
        <v>23185</v>
      </c>
      <c r="C14892">
        <v>1</v>
      </c>
      <c r="D14892">
        <v>0</v>
      </c>
    </row>
    <row r="14893" spans="1:4" x14ac:dyDescent="0.25">
      <c r="A14893" t="s">
        <v>23186</v>
      </c>
      <c r="B14893" t="s">
        <v>23187</v>
      </c>
      <c r="C14893">
        <v>1</v>
      </c>
      <c r="D14893">
        <v>0</v>
      </c>
    </row>
    <row r="14894" spans="1:4" x14ac:dyDescent="0.25">
      <c r="A14894" t="s">
        <v>23188</v>
      </c>
      <c r="B14894" t="s">
        <v>23189</v>
      </c>
      <c r="C14894">
        <v>2</v>
      </c>
      <c r="D14894">
        <v>0</v>
      </c>
    </row>
    <row r="14895" spans="1:4" x14ac:dyDescent="0.25">
      <c r="A14895" t="s">
        <v>23188</v>
      </c>
      <c r="B14895" t="s">
        <v>23190</v>
      </c>
      <c r="C14895">
        <v>2</v>
      </c>
      <c r="D14895">
        <v>0</v>
      </c>
    </row>
    <row r="14896" spans="1:4" x14ac:dyDescent="0.25">
      <c r="A14896" t="s">
        <v>23188</v>
      </c>
      <c r="B14896" t="s">
        <v>23191</v>
      </c>
      <c r="C14896">
        <v>2</v>
      </c>
      <c r="D14896">
        <v>0</v>
      </c>
    </row>
    <row r="14897" spans="1:4" x14ac:dyDescent="0.25">
      <c r="A14897" t="s">
        <v>23192</v>
      </c>
      <c r="B14897" t="s">
        <v>23193</v>
      </c>
      <c r="C14897">
        <v>1</v>
      </c>
      <c r="D14897">
        <v>0</v>
      </c>
    </row>
    <row r="14898" spans="1:4" x14ac:dyDescent="0.25">
      <c r="A14898" t="s">
        <v>23192</v>
      </c>
      <c r="B14898" t="s">
        <v>23194</v>
      </c>
      <c r="C14898">
        <v>0</v>
      </c>
      <c r="D14898">
        <v>0</v>
      </c>
    </row>
    <row r="14899" spans="1:4" x14ac:dyDescent="0.25">
      <c r="A14899" t="s">
        <v>23192</v>
      </c>
      <c r="B14899" t="s">
        <v>23195</v>
      </c>
      <c r="C14899">
        <v>2</v>
      </c>
      <c r="D14899">
        <v>0</v>
      </c>
    </row>
    <row r="14900" spans="1:4" x14ac:dyDescent="0.25">
      <c r="A14900" t="s">
        <v>23196</v>
      </c>
      <c r="B14900" t="s">
        <v>23197</v>
      </c>
      <c r="C14900">
        <v>1</v>
      </c>
      <c r="D14900">
        <v>0</v>
      </c>
    </row>
    <row r="14901" spans="1:4" x14ac:dyDescent="0.25">
      <c r="A14901" t="s">
        <v>23198</v>
      </c>
      <c r="B14901" t="s">
        <v>23199</v>
      </c>
      <c r="C14901">
        <v>1</v>
      </c>
      <c r="D14901">
        <v>0</v>
      </c>
    </row>
    <row r="14902" spans="1:4" x14ac:dyDescent="0.25">
      <c r="A14902" t="s">
        <v>23198</v>
      </c>
      <c r="B14902" t="s">
        <v>19483</v>
      </c>
      <c r="C14902">
        <v>0</v>
      </c>
      <c r="D14902">
        <v>0</v>
      </c>
    </row>
    <row r="14903" spans="1:4" x14ac:dyDescent="0.25">
      <c r="A14903" t="s">
        <v>23200</v>
      </c>
      <c r="B14903" t="s">
        <v>23201</v>
      </c>
      <c r="C14903">
        <v>1</v>
      </c>
      <c r="D14903">
        <v>0</v>
      </c>
    </row>
    <row r="14904" spans="1:4" x14ac:dyDescent="0.25">
      <c r="A14904" t="s">
        <v>23202</v>
      </c>
      <c r="B14904" t="s">
        <v>23203</v>
      </c>
      <c r="C14904">
        <v>0</v>
      </c>
      <c r="D14904">
        <v>0</v>
      </c>
    </row>
    <row r="14905" spans="1:4" x14ac:dyDescent="0.25">
      <c r="A14905" t="s">
        <v>23204</v>
      </c>
      <c r="B14905" t="s">
        <v>23205</v>
      </c>
      <c r="C14905">
        <v>1</v>
      </c>
      <c r="D14905">
        <v>0</v>
      </c>
    </row>
    <row r="14906" spans="1:4" x14ac:dyDescent="0.25">
      <c r="A14906" t="s">
        <v>23206</v>
      </c>
      <c r="B14906" t="s">
        <v>23207</v>
      </c>
      <c r="C14906">
        <v>1</v>
      </c>
      <c r="D14906">
        <v>0</v>
      </c>
    </row>
    <row r="14907" spans="1:4" x14ac:dyDescent="0.25">
      <c r="A14907" t="s">
        <v>23208</v>
      </c>
      <c r="B14907" t="s">
        <v>23209</v>
      </c>
      <c r="C14907">
        <v>1</v>
      </c>
      <c r="D14907">
        <v>0</v>
      </c>
    </row>
    <row r="14908" spans="1:4" x14ac:dyDescent="0.25">
      <c r="A14908" t="s">
        <v>23210</v>
      </c>
      <c r="B14908" t="s">
        <v>23211</v>
      </c>
      <c r="C14908">
        <v>1</v>
      </c>
      <c r="D14908">
        <v>0</v>
      </c>
    </row>
    <row r="14909" spans="1:4" x14ac:dyDescent="0.25">
      <c r="A14909" t="s">
        <v>23212</v>
      </c>
      <c r="B14909" t="s">
        <v>23213</v>
      </c>
      <c r="C14909">
        <v>1</v>
      </c>
      <c r="D14909">
        <v>0</v>
      </c>
    </row>
    <row r="14910" spans="1:4" x14ac:dyDescent="0.25">
      <c r="A14910" t="s">
        <v>23214</v>
      </c>
      <c r="B14910" t="s">
        <v>23215</v>
      </c>
      <c r="C14910">
        <v>1</v>
      </c>
      <c r="D14910">
        <v>0</v>
      </c>
    </row>
    <row r="14911" spans="1:4" x14ac:dyDescent="0.25">
      <c r="A14911" t="s">
        <v>23216</v>
      </c>
      <c r="B14911" t="s">
        <v>23217</v>
      </c>
      <c r="C14911">
        <v>1</v>
      </c>
      <c r="D14911">
        <v>0</v>
      </c>
    </row>
    <row r="14912" spans="1:4" x14ac:dyDescent="0.25">
      <c r="A14912" t="s">
        <v>23216</v>
      </c>
      <c r="B14912" t="s">
        <v>11948</v>
      </c>
      <c r="C14912">
        <v>0</v>
      </c>
      <c r="D14912">
        <v>0</v>
      </c>
    </row>
    <row r="14913" spans="1:4" x14ac:dyDescent="0.25">
      <c r="A14913" t="s">
        <v>23218</v>
      </c>
      <c r="B14913" t="s">
        <v>23219</v>
      </c>
      <c r="C14913">
        <v>0</v>
      </c>
      <c r="D14913">
        <v>0</v>
      </c>
    </row>
    <row r="14914" spans="1:4" x14ac:dyDescent="0.25">
      <c r="A14914" t="s">
        <v>23220</v>
      </c>
      <c r="B14914" t="s">
        <v>23221</v>
      </c>
      <c r="C14914">
        <v>2</v>
      </c>
      <c r="D14914">
        <v>0</v>
      </c>
    </row>
    <row r="14915" spans="1:4" x14ac:dyDescent="0.25">
      <c r="A14915" t="s">
        <v>23222</v>
      </c>
      <c r="B14915" t="s">
        <v>23223</v>
      </c>
      <c r="C14915">
        <v>1</v>
      </c>
      <c r="D14915">
        <v>0</v>
      </c>
    </row>
    <row r="14916" spans="1:4" x14ac:dyDescent="0.25">
      <c r="A14916" t="s">
        <v>23222</v>
      </c>
      <c r="B14916" t="s">
        <v>23224</v>
      </c>
      <c r="C14916">
        <v>1</v>
      </c>
      <c r="D14916">
        <v>0</v>
      </c>
    </row>
    <row r="14917" spans="1:4" x14ac:dyDescent="0.25">
      <c r="A14917" t="s">
        <v>23222</v>
      </c>
      <c r="B14917" t="s">
        <v>23225</v>
      </c>
      <c r="C14917">
        <v>0</v>
      </c>
      <c r="D14917">
        <v>0</v>
      </c>
    </row>
    <row r="14918" spans="1:4" x14ac:dyDescent="0.25">
      <c r="A14918" t="s">
        <v>23226</v>
      </c>
      <c r="B14918" t="s">
        <v>23227</v>
      </c>
      <c r="C14918">
        <v>1</v>
      </c>
      <c r="D14918">
        <v>0</v>
      </c>
    </row>
    <row r="14919" spans="1:4" x14ac:dyDescent="0.25">
      <c r="A14919" t="s">
        <v>23228</v>
      </c>
      <c r="B14919" t="s">
        <v>23229</v>
      </c>
      <c r="C14919">
        <v>1</v>
      </c>
      <c r="D14919">
        <v>0</v>
      </c>
    </row>
    <row r="14920" spans="1:4" x14ac:dyDescent="0.25">
      <c r="A14920" t="s">
        <v>23230</v>
      </c>
      <c r="B14920" t="s">
        <v>23231</v>
      </c>
      <c r="C14920">
        <v>1</v>
      </c>
      <c r="D14920">
        <v>0</v>
      </c>
    </row>
    <row r="14921" spans="1:4" x14ac:dyDescent="0.25">
      <c r="A14921" t="s">
        <v>23232</v>
      </c>
      <c r="B14921" t="s">
        <v>23233</v>
      </c>
      <c r="C14921">
        <v>1</v>
      </c>
      <c r="D14921">
        <v>0</v>
      </c>
    </row>
    <row r="14922" spans="1:4" x14ac:dyDescent="0.25">
      <c r="A14922" t="s">
        <v>23234</v>
      </c>
      <c r="B14922" t="s">
        <v>23235</v>
      </c>
      <c r="C14922">
        <v>2</v>
      </c>
      <c r="D14922">
        <v>0</v>
      </c>
    </row>
    <row r="14923" spans="1:4" x14ac:dyDescent="0.25">
      <c r="A14923" t="s">
        <v>23236</v>
      </c>
      <c r="B14923" t="s">
        <v>23237</v>
      </c>
      <c r="C14923">
        <v>1</v>
      </c>
      <c r="D14923">
        <v>0</v>
      </c>
    </row>
    <row r="14924" spans="1:4" x14ac:dyDescent="0.25">
      <c r="A14924" t="s">
        <v>23236</v>
      </c>
      <c r="B14924" t="s">
        <v>23238</v>
      </c>
      <c r="C14924">
        <v>0</v>
      </c>
      <c r="D14924">
        <v>0</v>
      </c>
    </row>
    <row r="14925" spans="1:4" x14ac:dyDescent="0.25">
      <c r="A14925" t="s">
        <v>23236</v>
      </c>
      <c r="B14925" t="s">
        <v>23239</v>
      </c>
      <c r="C14925">
        <v>2</v>
      </c>
      <c r="D14925">
        <v>0</v>
      </c>
    </row>
    <row r="14926" spans="1:4" x14ac:dyDescent="0.25">
      <c r="A14926" t="s">
        <v>23240</v>
      </c>
      <c r="B14926" t="s">
        <v>23241</v>
      </c>
      <c r="C14926">
        <v>2</v>
      </c>
      <c r="D14926">
        <v>0</v>
      </c>
    </row>
    <row r="14927" spans="1:4" x14ac:dyDescent="0.25">
      <c r="A14927" t="s">
        <v>23242</v>
      </c>
      <c r="B14927" t="s">
        <v>23243</v>
      </c>
      <c r="C14927">
        <v>1</v>
      </c>
      <c r="D14927">
        <v>0</v>
      </c>
    </row>
    <row r="14928" spans="1:4" x14ac:dyDescent="0.25">
      <c r="A14928" t="s">
        <v>23244</v>
      </c>
      <c r="B14928" t="s">
        <v>23245</v>
      </c>
      <c r="C14928">
        <v>1</v>
      </c>
      <c r="D14928">
        <v>0</v>
      </c>
    </row>
    <row r="14929" spans="1:4" x14ac:dyDescent="0.25">
      <c r="A14929" t="s">
        <v>23244</v>
      </c>
      <c r="B14929" t="s">
        <v>23246</v>
      </c>
      <c r="C14929">
        <v>1</v>
      </c>
      <c r="D14929">
        <v>0</v>
      </c>
    </row>
    <row r="14930" spans="1:4" x14ac:dyDescent="0.25">
      <c r="A14930" t="s">
        <v>23244</v>
      </c>
      <c r="B14930" t="s">
        <v>23247</v>
      </c>
      <c r="C14930">
        <v>0</v>
      </c>
      <c r="D14930">
        <v>0</v>
      </c>
    </row>
    <row r="14931" spans="1:4" x14ac:dyDescent="0.25">
      <c r="A14931" t="s">
        <v>23248</v>
      </c>
      <c r="B14931" t="s">
        <v>23249</v>
      </c>
      <c r="C14931">
        <v>1</v>
      </c>
      <c r="D14931">
        <v>0</v>
      </c>
    </row>
    <row r="14932" spans="1:4" x14ac:dyDescent="0.25">
      <c r="A14932" t="s">
        <v>23250</v>
      </c>
      <c r="B14932" t="s">
        <v>23251</v>
      </c>
      <c r="C14932">
        <v>1</v>
      </c>
      <c r="D14932">
        <v>0</v>
      </c>
    </row>
    <row r="14933" spans="1:4" x14ac:dyDescent="0.25">
      <c r="A14933" t="s">
        <v>23252</v>
      </c>
      <c r="B14933" t="s">
        <v>23253</v>
      </c>
      <c r="C14933">
        <v>1</v>
      </c>
      <c r="D14933">
        <v>0</v>
      </c>
    </row>
    <row r="14934" spans="1:4" x14ac:dyDescent="0.25">
      <c r="A14934" t="s">
        <v>23254</v>
      </c>
      <c r="B14934" t="s">
        <v>23255</v>
      </c>
      <c r="C14934">
        <v>1</v>
      </c>
      <c r="D14934">
        <v>0</v>
      </c>
    </row>
    <row r="14935" spans="1:4" x14ac:dyDescent="0.25">
      <c r="A14935" t="s">
        <v>23256</v>
      </c>
      <c r="B14935" t="s">
        <v>23257</v>
      </c>
      <c r="C14935">
        <v>1</v>
      </c>
      <c r="D14935">
        <v>0</v>
      </c>
    </row>
    <row r="14936" spans="1:4" x14ac:dyDescent="0.25">
      <c r="A14936" t="s">
        <v>23258</v>
      </c>
      <c r="B14936" t="s">
        <v>23259</v>
      </c>
      <c r="C14936">
        <v>1</v>
      </c>
      <c r="D14936">
        <v>0</v>
      </c>
    </row>
    <row r="14937" spans="1:4" x14ac:dyDescent="0.25">
      <c r="A14937" t="s">
        <v>23260</v>
      </c>
      <c r="B14937" t="s">
        <v>23261</v>
      </c>
      <c r="C14937">
        <v>1</v>
      </c>
      <c r="D14937">
        <v>0</v>
      </c>
    </row>
    <row r="14938" spans="1:4" x14ac:dyDescent="0.25">
      <c r="A14938" t="s">
        <v>23262</v>
      </c>
      <c r="B14938" t="s">
        <v>23263</v>
      </c>
      <c r="C14938">
        <v>1</v>
      </c>
      <c r="D14938">
        <v>0</v>
      </c>
    </row>
    <row r="14939" spans="1:4" x14ac:dyDescent="0.25">
      <c r="A14939" t="s">
        <v>23262</v>
      </c>
      <c r="B14939" t="s">
        <v>23264</v>
      </c>
      <c r="C14939">
        <v>0</v>
      </c>
      <c r="D14939">
        <v>0</v>
      </c>
    </row>
    <row r="14940" spans="1:4" x14ac:dyDescent="0.25">
      <c r="A14940" t="s">
        <v>23265</v>
      </c>
      <c r="B14940" t="s">
        <v>23266</v>
      </c>
      <c r="C14940">
        <v>2</v>
      </c>
      <c r="D14940">
        <v>0</v>
      </c>
    </row>
    <row r="14941" spans="1:4" x14ac:dyDescent="0.25">
      <c r="A14941" t="s">
        <v>23267</v>
      </c>
      <c r="B14941" t="s">
        <v>23268</v>
      </c>
      <c r="C14941">
        <v>0</v>
      </c>
      <c r="D14941">
        <v>0</v>
      </c>
    </row>
    <row r="14942" spans="1:4" x14ac:dyDescent="0.25">
      <c r="A14942" t="s">
        <v>23267</v>
      </c>
      <c r="B14942" t="s">
        <v>23269</v>
      </c>
      <c r="C14942">
        <v>2</v>
      </c>
      <c r="D14942">
        <v>0</v>
      </c>
    </row>
    <row r="14943" spans="1:4" x14ac:dyDescent="0.25">
      <c r="A14943" t="s">
        <v>23270</v>
      </c>
      <c r="B14943" t="s">
        <v>23271</v>
      </c>
      <c r="C14943">
        <v>0</v>
      </c>
      <c r="D14943">
        <v>0</v>
      </c>
    </row>
    <row r="14944" spans="1:4" x14ac:dyDescent="0.25">
      <c r="A14944" t="s">
        <v>23272</v>
      </c>
      <c r="B14944" t="s">
        <v>9587</v>
      </c>
      <c r="C14944">
        <v>1</v>
      </c>
      <c r="D14944">
        <v>0</v>
      </c>
    </row>
    <row r="14945" spans="1:4" x14ac:dyDescent="0.25">
      <c r="A14945" t="s">
        <v>23273</v>
      </c>
      <c r="B14945" t="s">
        <v>23274</v>
      </c>
      <c r="C14945">
        <v>1</v>
      </c>
      <c r="D14945">
        <v>0</v>
      </c>
    </row>
    <row r="14946" spans="1:4" x14ac:dyDescent="0.25">
      <c r="A14946" t="s">
        <v>23275</v>
      </c>
      <c r="B14946" t="s">
        <v>23276</v>
      </c>
      <c r="C14946">
        <v>1</v>
      </c>
      <c r="D14946">
        <v>0</v>
      </c>
    </row>
    <row r="14947" spans="1:4" x14ac:dyDescent="0.25">
      <c r="A14947" t="s">
        <v>23277</v>
      </c>
      <c r="B14947" t="s">
        <v>23278</v>
      </c>
      <c r="C14947">
        <v>1</v>
      </c>
      <c r="D14947">
        <v>0</v>
      </c>
    </row>
    <row r="14948" spans="1:4" x14ac:dyDescent="0.25">
      <c r="A14948" t="s">
        <v>23277</v>
      </c>
      <c r="B14948" t="s">
        <v>23279</v>
      </c>
      <c r="C14948">
        <v>0</v>
      </c>
      <c r="D14948">
        <v>0</v>
      </c>
    </row>
    <row r="14949" spans="1:4" x14ac:dyDescent="0.25">
      <c r="A14949" t="s">
        <v>23277</v>
      </c>
      <c r="B14949" t="s">
        <v>23280</v>
      </c>
      <c r="C14949">
        <v>2</v>
      </c>
      <c r="D14949">
        <v>0</v>
      </c>
    </row>
    <row r="14950" spans="1:4" x14ac:dyDescent="0.25">
      <c r="A14950" t="s">
        <v>23277</v>
      </c>
      <c r="B14950" t="s">
        <v>23281</v>
      </c>
      <c r="C14950">
        <v>2</v>
      </c>
      <c r="D14950">
        <v>0</v>
      </c>
    </row>
    <row r="14951" spans="1:4" x14ac:dyDescent="0.25">
      <c r="A14951" t="s">
        <v>23282</v>
      </c>
      <c r="B14951" t="s">
        <v>23283</v>
      </c>
      <c r="C14951">
        <v>2</v>
      </c>
      <c r="D14951">
        <v>0</v>
      </c>
    </row>
    <row r="14952" spans="1:4" x14ac:dyDescent="0.25">
      <c r="A14952" t="s">
        <v>23284</v>
      </c>
      <c r="B14952" t="s">
        <v>23285</v>
      </c>
      <c r="C14952">
        <v>0</v>
      </c>
      <c r="D14952">
        <v>0</v>
      </c>
    </row>
    <row r="14953" spans="1:4" x14ac:dyDescent="0.25">
      <c r="A14953" t="s">
        <v>23286</v>
      </c>
      <c r="B14953" t="s">
        <v>12472</v>
      </c>
      <c r="C14953">
        <v>1</v>
      </c>
      <c r="D14953">
        <v>0</v>
      </c>
    </row>
    <row r="14954" spans="1:4" x14ac:dyDescent="0.25">
      <c r="A14954" t="s">
        <v>23287</v>
      </c>
      <c r="B14954" t="s">
        <v>23288</v>
      </c>
      <c r="C14954">
        <v>1</v>
      </c>
      <c r="D14954">
        <v>0</v>
      </c>
    </row>
    <row r="14955" spans="1:4" x14ac:dyDescent="0.25">
      <c r="A14955" t="s">
        <v>23289</v>
      </c>
      <c r="B14955" t="s">
        <v>23290</v>
      </c>
      <c r="C14955">
        <v>1</v>
      </c>
      <c r="D14955">
        <v>0</v>
      </c>
    </row>
    <row r="14956" spans="1:4" x14ac:dyDescent="0.25">
      <c r="A14956" t="s">
        <v>23289</v>
      </c>
      <c r="B14956" t="s">
        <v>23291</v>
      </c>
      <c r="C14956">
        <v>0</v>
      </c>
      <c r="D14956">
        <v>0</v>
      </c>
    </row>
    <row r="14957" spans="1:4" x14ac:dyDescent="0.25">
      <c r="A14957" t="s">
        <v>23289</v>
      </c>
      <c r="B14957" t="s">
        <v>23292</v>
      </c>
      <c r="C14957">
        <v>2</v>
      </c>
      <c r="D14957">
        <v>0</v>
      </c>
    </row>
    <row r="14958" spans="1:4" x14ac:dyDescent="0.25">
      <c r="A14958" t="s">
        <v>23293</v>
      </c>
      <c r="B14958" t="s">
        <v>23294</v>
      </c>
      <c r="C14958">
        <v>1</v>
      </c>
      <c r="D14958">
        <v>0</v>
      </c>
    </row>
    <row r="14959" spans="1:4" x14ac:dyDescent="0.25">
      <c r="A14959" t="s">
        <v>23295</v>
      </c>
      <c r="B14959" t="s">
        <v>23296</v>
      </c>
      <c r="C14959">
        <v>2</v>
      </c>
      <c r="D14959">
        <v>0</v>
      </c>
    </row>
    <row r="14960" spans="1:4" x14ac:dyDescent="0.25">
      <c r="A14960" t="s">
        <v>23297</v>
      </c>
      <c r="B14960" t="s">
        <v>23298</v>
      </c>
      <c r="C14960">
        <v>0</v>
      </c>
      <c r="D14960">
        <v>0</v>
      </c>
    </row>
    <row r="14961" spans="1:4" x14ac:dyDescent="0.25">
      <c r="A14961" t="s">
        <v>23299</v>
      </c>
      <c r="B14961" t="s">
        <v>23300</v>
      </c>
      <c r="C14961">
        <v>1</v>
      </c>
      <c r="D14961">
        <v>0</v>
      </c>
    </row>
    <row r="14962" spans="1:4" x14ac:dyDescent="0.25">
      <c r="A14962" t="s">
        <v>23299</v>
      </c>
      <c r="B14962" t="s">
        <v>23301</v>
      </c>
      <c r="C14962">
        <v>0</v>
      </c>
      <c r="D14962">
        <v>0</v>
      </c>
    </row>
    <row r="14963" spans="1:4" x14ac:dyDescent="0.25">
      <c r="A14963" t="s">
        <v>23302</v>
      </c>
      <c r="B14963" t="s">
        <v>23303</v>
      </c>
      <c r="C14963">
        <v>1</v>
      </c>
      <c r="D14963">
        <v>0</v>
      </c>
    </row>
    <row r="14964" spans="1:4" x14ac:dyDescent="0.25">
      <c r="A14964" t="s">
        <v>23304</v>
      </c>
      <c r="B14964" t="s">
        <v>23305</v>
      </c>
      <c r="C14964">
        <v>1</v>
      </c>
      <c r="D14964">
        <v>0</v>
      </c>
    </row>
    <row r="14965" spans="1:4" x14ac:dyDescent="0.25">
      <c r="A14965" t="s">
        <v>23306</v>
      </c>
      <c r="B14965" t="s">
        <v>23307</v>
      </c>
      <c r="C14965">
        <v>1</v>
      </c>
      <c r="D14965">
        <v>0</v>
      </c>
    </row>
    <row r="14966" spans="1:4" x14ac:dyDescent="0.25">
      <c r="A14966" t="s">
        <v>23308</v>
      </c>
      <c r="B14966" t="s">
        <v>23309</v>
      </c>
      <c r="C14966">
        <v>1</v>
      </c>
      <c r="D14966">
        <v>0</v>
      </c>
    </row>
    <row r="14967" spans="1:4" x14ac:dyDescent="0.25">
      <c r="A14967" t="s">
        <v>23308</v>
      </c>
      <c r="B14967" t="s">
        <v>23310</v>
      </c>
      <c r="C14967">
        <v>2</v>
      </c>
      <c r="D14967">
        <v>0</v>
      </c>
    </row>
    <row r="14968" spans="1:4" x14ac:dyDescent="0.25">
      <c r="A14968" t="s">
        <v>23311</v>
      </c>
      <c r="B14968" t="s">
        <v>23312</v>
      </c>
      <c r="C14968">
        <v>1</v>
      </c>
      <c r="D14968">
        <v>0</v>
      </c>
    </row>
    <row r="14969" spans="1:4" x14ac:dyDescent="0.25">
      <c r="A14969" t="s">
        <v>23313</v>
      </c>
      <c r="B14969" t="s">
        <v>23314</v>
      </c>
      <c r="C14969">
        <v>0</v>
      </c>
      <c r="D14969">
        <v>0</v>
      </c>
    </row>
    <row r="14970" spans="1:4" x14ac:dyDescent="0.25">
      <c r="A14970" t="s">
        <v>23315</v>
      </c>
      <c r="B14970" t="s">
        <v>23316</v>
      </c>
      <c r="C14970">
        <v>2</v>
      </c>
      <c r="D14970">
        <v>0</v>
      </c>
    </row>
    <row r="14971" spans="1:4" x14ac:dyDescent="0.25">
      <c r="A14971" t="s">
        <v>23317</v>
      </c>
      <c r="B14971" t="s">
        <v>23318</v>
      </c>
      <c r="C14971">
        <v>1</v>
      </c>
      <c r="D14971">
        <v>0</v>
      </c>
    </row>
    <row r="14972" spans="1:4" x14ac:dyDescent="0.25">
      <c r="A14972" t="s">
        <v>23319</v>
      </c>
      <c r="B14972" t="s">
        <v>23320</v>
      </c>
      <c r="C14972">
        <v>1</v>
      </c>
      <c r="D14972">
        <v>0</v>
      </c>
    </row>
    <row r="14973" spans="1:4" x14ac:dyDescent="0.25">
      <c r="A14973" t="s">
        <v>23321</v>
      </c>
      <c r="B14973" t="s">
        <v>23322</v>
      </c>
      <c r="C14973">
        <v>1</v>
      </c>
      <c r="D14973">
        <v>0</v>
      </c>
    </row>
    <row r="14974" spans="1:4" x14ac:dyDescent="0.25">
      <c r="A14974" t="s">
        <v>23321</v>
      </c>
      <c r="B14974" t="s">
        <v>23323</v>
      </c>
      <c r="C14974">
        <v>2</v>
      </c>
      <c r="D14974">
        <v>0</v>
      </c>
    </row>
    <row r="14975" spans="1:4" x14ac:dyDescent="0.25">
      <c r="A14975" t="s">
        <v>23324</v>
      </c>
      <c r="B14975" t="s">
        <v>23325</v>
      </c>
      <c r="C14975">
        <v>1</v>
      </c>
      <c r="D14975">
        <v>0</v>
      </c>
    </row>
    <row r="14976" spans="1:4" x14ac:dyDescent="0.25">
      <c r="A14976" t="s">
        <v>23326</v>
      </c>
      <c r="B14976" t="s">
        <v>23327</v>
      </c>
      <c r="C14976">
        <v>2</v>
      </c>
      <c r="D14976">
        <v>0</v>
      </c>
    </row>
    <row r="14977" spans="1:4" x14ac:dyDescent="0.25">
      <c r="A14977" t="s">
        <v>23328</v>
      </c>
      <c r="B14977" t="s">
        <v>23329</v>
      </c>
      <c r="C14977">
        <v>1</v>
      </c>
      <c r="D14977">
        <v>0</v>
      </c>
    </row>
    <row r="14978" spans="1:4" x14ac:dyDescent="0.25">
      <c r="A14978" t="s">
        <v>23330</v>
      </c>
      <c r="B14978" t="s">
        <v>23331</v>
      </c>
      <c r="C14978">
        <v>1</v>
      </c>
      <c r="D14978">
        <v>0</v>
      </c>
    </row>
    <row r="14979" spans="1:4" x14ac:dyDescent="0.25">
      <c r="A14979" t="s">
        <v>23330</v>
      </c>
      <c r="B14979" t="s">
        <v>23332</v>
      </c>
      <c r="C14979">
        <v>1</v>
      </c>
      <c r="D14979">
        <v>0</v>
      </c>
    </row>
    <row r="14980" spans="1:4" x14ac:dyDescent="0.25">
      <c r="A14980" t="s">
        <v>23330</v>
      </c>
      <c r="B14980" t="s">
        <v>23331</v>
      </c>
      <c r="C14980">
        <v>1</v>
      </c>
      <c r="D14980">
        <v>0</v>
      </c>
    </row>
    <row r="14981" spans="1:4" x14ac:dyDescent="0.25">
      <c r="A14981" t="s">
        <v>23333</v>
      </c>
      <c r="B14981" t="s">
        <v>23334</v>
      </c>
      <c r="C14981">
        <v>2</v>
      </c>
      <c r="D14981">
        <v>0</v>
      </c>
    </row>
    <row r="14982" spans="1:4" x14ac:dyDescent="0.25">
      <c r="A14982" t="s">
        <v>23335</v>
      </c>
      <c r="B14982" t="s">
        <v>23336</v>
      </c>
      <c r="C14982">
        <v>2</v>
      </c>
      <c r="D14982">
        <v>0</v>
      </c>
    </row>
    <row r="14983" spans="1:4" x14ac:dyDescent="0.25">
      <c r="A14983" t="s">
        <v>23337</v>
      </c>
      <c r="B14983" t="s">
        <v>23338</v>
      </c>
      <c r="C14983">
        <v>1</v>
      </c>
      <c r="D14983">
        <v>0</v>
      </c>
    </row>
    <row r="14984" spans="1:4" x14ac:dyDescent="0.25">
      <c r="A14984" t="s">
        <v>23339</v>
      </c>
      <c r="B14984" t="s">
        <v>23340</v>
      </c>
      <c r="C14984">
        <v>1</v>
      </c>
      <c r="D14984">
        <v>0</v>
      </c>
    </row>
    <row r="14985" spans="1:4" x14ac:dyDescent="0.25">
      <c r="A14985" t="s">
        <v>23341</v>
      </c>
      <c r="B14985" t="s">
        <v>23342</v>
      </c>
      <c r="C14985">
        <v>2</v>
      </c>
      <c r="D14985">
        <v>0</v>
      </c>
    </row>
    <row r="14986" spans="1:4" x14ac:dyDescent="0.25">
      <c r="A14986" t="s">
        <v>23343</v>
      </c>
      <c r="B14986" t="s">
        <v>23344</v>
      </c>
      <c r="C14986">
        <v>1</v>
      </c>
      <c r="D14986">
        <v>0</v>
      </c>
    </row>
    <row r="14987" spans="1:4" x14ac:dyDescent="0.25">
      <c r="A14987" t="s">
        <v>23345</v>
      </c>
      <c r="B14987" t="s">
        <v>23346</v>
      </c>
      <c r="C14987">
        <v>1</v>
      </c>
      <c r="D14987">
        <v>0</v>
      </c>
    </row>
    <row r="14988" spans="1:4" x14ac:dyDescent="0.25">
      <c r="A14988" t="s">
        <v>23347</v>
      </c>
      <c r="B14988" t="s">
        <v>23348</v>
      </c>
      <c r="C14988">
        <v>0</v>
      </c>
      <c r="D14988">
        <v>0</v>
      </c>
    </row>
    <row r="14989" spans="1:4" x14ac:dyDescent="0.25">
      <c r="A14989" t="s">
        <v>23349</v>
      </c>
      <c r="B14989" t="s">
        <v>23350</v>
      </c>
      <c r="C14989">
        <v>2</v>
      </c>
      <c r="D14989">
        <v>0</v>
      </c>
    </row>
    <row r="14990" spans="1:4" x14ac:dyDescent="0.25">
      <c r="A14990" t="s">
        <v>23351</v>
      </c>
      <c r="B14990" t="s">
        <v>23352</v>
      </c>
      <c r="C14990">
        <v>1</v>
      </c>
      <c r="D14990">
        <v>0</v>
      </c>
    </row>
    <row r="14991" spans="1:4" x14ac:dyDescent="0.25">
      <c r="A14991" t="s">
        <v>23353</v>
      </c>
      <c r="B14991" t="s">
        <v>23354</v>
      </c>
      <c r="C14991">
        <v>1</v>
      </c>
      <c r="D14991">
        <v>0</v>
      </c>
    </row>
    <row r="14992" spans="1:4" x14ac:dyDescent="0.25">
      <c r="A14992" t="s">
        <v>23355</v>
      </c>
      <c r="B14992" t="s">
        <v>23356</v>
      </c>
      <c r="C14992">
        <v>0</v>
      </c>
      <c r="D14992">
        <v>0</v>
      </c>
    </row>
    <row r="14993" spans="1:4" x14ac:dyDescent="0.25">
      <c r="A14993" t="s">
        <v>23357</v>
      </c>
      <c r="B14993" t="s">
        <v>23358</v>
      </c>
      <c r="C14993">
        <v>1</v>
      </c>
      <c r="D14993">
        <v>0</v>
      </c>
    </row>
    <row r="14994" spans="1:4" x14ac:dyDescent="0.25">
      <c r="A14994" t="s">
        <v>23359</v>
      </c>
      <c r="B14994" t="s">
        <v>23360</v>
      </c>
      <c r="C14994">
        <v>1</v>
      </c>
      <c r="D14994">
        <v>0</v>
      </c>
    </row>
    <row r="14995" spans="1:4" x14ac:dyDescent="0.25">
      <c r="A14995" t="s">
        <v>23361</v>
      </c>
      <c r="B14995" t="s">
        <v>23362</v>
      </c>
      <c r="C14995">
        <v>2</v>
      </c>
      <c r="D14995">
        <v>0</v>
      </c>
    </row>
    <row r="14996" spans="1:4" x14ac:dyDescent="0.25">
      <c r="A14996" t="s">
        <v>23363</v>
      </c>
      <c r="B14996" t="s">
        <v>23364</v>
      </c>
      <c r="C14996">
        <v>2</v>
      </c>
      <c r="D14996">
        <v>0</v>
      </c>
    </row>
    <row r="14997" spans="1:4" x14ac:dyDescent="0.25">
      <c r="A14997" t="s">
        <v>23365</v>
      </c>
      <c r="B14997" t="s">
        <v>23366</v>
      </c>
      <c r="C14997">
        <v>1</v>
      </c>
      <c r="D14997">
        <v>0</v>
      </c>
    </row>
    <row r="14998" spans="1:4" x14ac:dyDescent="0.25">
      <c r="A14998" t="s">
        <v>23367</v>
      </c>
      <c r="B14998" t="s">
        <v>23368</v>
      </c>
      <c r="C14998">
        <v>1</v>
      </c>
      <c r="D14998">
        <v>0</v>
      </c>
    </row>
    <row r="14999" spans="1:4" x14ac:dyDescent="0.25">
      <c r="A14999" t="s">
        <v>23369</v>
      </c>
      <c r="B14999" t="s">
        <v>23370</v>
      </c>
      <c r="C14999">
        <v>0</v>
      </c>
      <c r="D14999">
        <v>0</v>
      </c>
    </row>
    <row r="15000" spans="1:4" x14ac:dyDescent="0.25">
      <c r="A15000" t="s">
        <v>23371</v>
      </c>
      <c r="B15000" t="s">
        <v>23372</v>
      </c>
      <c r="C15000">
        <v>1</v>
      </c>
      <c r="D15000">
        <v>0</v>
      </c>
    </row>
    <row r="15001" spans="1:4" x14ac:dyDescent="0.25">
      <c r="A15001" t="s">
        <v>23371</v>
      </c>
      <c r="B15001" t="s">
        <v>23373</v>
      </c>
      <c r="C15001">
        <v>0</v>
      </c>
      <c r="D15001">
        <v>0</v>
      </c>
    </row>
    <row r="15002" spans="1:4" x14ac:dyDescent="0.25">
      <c r="A15002" t="s">
        <v>23371</v>
      </c>
      <c r="B15002" t="s">
        <v>23374</v>
      </c>
      <c r="C15002">
        <v>2</v>
      </c>
      <c r="D15002">
        <v>0</v>
      </c>
    </row>
    <row r="15003" spans="1:4" x14ac:dyDescent="0.25">
      <c r="A15003" t="s">
        <v>23375</v>
      </c>
      <c r="B15003" t="s">
        <v>23376</v>
      </c>
      <c r="C15003">
        <v>1</v>
      </c>
      <c r="D15003">
        <v>0</v>
      </c>
    </row>
    <row r="15004" spans="1:4" x14ac:dyDescent="0.25">
      <c r="A15004" t="s">
        <v>23377</v>
      </c>
      <c r="B15004" t="s">
        <v>23378</v>
      </c>
      <c r="C15004">
        <v>1</v>
      </c>
      <c r="D15004">
        <v>0</v>
      </c>
    </row>
    <row r="15005" spans="1:4" x14ac:dyDescent="0.25">
      <c r="A15005" t="s">
        <v>23379</v>
      </c>
      <c r="B15005" t="s">
        <v>23380</v>
      </c>
      <c r="C15005">
        <v>1</v>
      </c>
      <c r="D15005">
        <v>0</v>
      </c>
    </row>
    <row r="15006" spans="1:4" x14ac:dyDescent="0.25">
      <c r="A15006" t="s">
        <v>23379</v>
      </c>
      <c r="B15006" t="s">
        <v>19309</v>
      </c>
      <c r="C15006">
        <v>0</v>
      </c>
      <c r="D15006">
        <v>0</v>
      </c>
    </row>
    <row r="15007" spans="1:4" x14ac:dyDescent="0.25">
      <c r="A15007" t="s">
        <v>23381</v>
      </c>
      <c r="B15007" t="s">
        <v>23382</v>
      </c>
      <c r="C15007">
        <v>1</v>
      </c>
      <c r="D15007">
        <v>0</v>
      </c>
    </row>
    <row r="15008" spans="1:4" x14ac:dyDescent="0.25">
      <c r="A15008" t="s">
        <v>23381</v>
      </c>
      <c r="B15008" t="s">
        <v>23383</v>
      </c>
      <c r="C15008">
        <v>0</v>
      </c>
      <c r="D15008">
        <v>0</v>
      </c>
    </row>
    <row r="15009" spans="1:4" x14ac:dyDescent="0.25">
      <c r="A15009" t="s">
        <v>23381</v>
      </c>
      <c r="B15009" t="s">
        <v>23384</v>
      </c>
      <c r="C15009">
        <v>0</v>
      </c>
      <c r="D15009">
        <v>0</v>
      </c>
    </row>
    <row r="15010" spans="1:4" x14ac:dyDescent="0.25">
      <c r="A15010" t="s">
        <v>23385</v>
      </c>
      <c r="B15010" t="s">
        <v>23386</v>
      </c>
      <c r="C15010">
        <v>1</v>
      </c>
      <c r="D15010">
        <v>0</v>
      </c>
    </row>
    <row r="15011" spans="1:4" x14ac:dyDescent="0.25">
      <c r="A15011" t="s">
        <v>23387</v>
      </c>
      <c r="B15011" t="s">
        <v>23388</v>
      </c>
      <c r="C15011">
        <v>1</v>
      </c>
      <c r="D15011">
        <v>0</v>
      </c>
    </row>
    <row r="15012" spans="1:4" x14ac:dyDescent="0.25">
      <c r="A15012" t="s">
        <v>23389</v>
      </c>
      <c r="B15012" t="s">
        <v>23390</v>
      </c>
      <c r="C15012">
        <v>1</v>
      </c>
      <c r="D15012">
        <v>0</v>
      </c>
    </row>
    <row r="15013" spans="1:4" x14ac:dyDescent="0.25">
      <c r="A15013" t="s">
        <v>23389</v>
      </c>
      <c r="B15013" t="s">
        <v>23391</v>
      </c>
      <c r="C15013">
        <v>0</v>
      </c>
      <c r="D15013">
        <v>0</v>
      </c>
    </row>
    <row r="15014" spans="1:4" x14ac:dyDescent="0.25">
      <c r="A15014" t="s">
        <v>23392</v>
      </c>
      <c r="B15014" t="s">
        <v>23393</v>
      </c>
      <c r="C15014">
        <v>1</v>
      </c>
      <c r="D15014">
        <v>0</v>
      </c>
    </row>
    <row r="15015" spans="1:4" x14ac:dyDescent="0.25">
      <c r="A15015" t="s">
        <v>23392</v>
      </c>
      <c r="B15015" t="s">
        <v>23394</v>
      </c>
      <c r="C15015">
        <v>0</v>
      </c>
      <c r="D15015">
        <v>0</v>
      </c>
    </row>
    <row r="15016" spans="1:4" x14ac:dyDescent="0.25">
      <c r="A15016" t="s">
        <v>23395</v>
      </c>
      <c r="B15016" t="s">
        <v>23396</v>
      </c>
      <c r="C15016">
        <v>1</v>
      </c>
      <c r="D15016">
        <v>0</v>
      </c>
    </row>
    <row r="15017" spans="1:4" x14ac:dyDescent="0.25">
      <c r="A15017" t="s">
        <v>23395</v>
      </c>
      <c r="B15017" t="s">
        <v>23397</v>
      </c>
      <c r="C15017">
        <v>2</v>
      </c>
      <c r="D15017">
        <v>0</v>
      </c>
    </row>
    <row r="15018" spans="1:4" x14ac:dyDescent="0.25">
      <c r="A15018" t="s">
        <v>23398</v>
      </c>
      <c r="B15018" t="s">
        <v>816</v>
      </c>
      <c r="C15018">
        <v>1</v>
      </c>
      <c r="D15018">
        <v>0</v>
      </c>
    </row>
    <row r="15019" spans="1:4" x14ac:dyDescent="0.25">
      <c r="A15019" t="s">
        <v>23399</v>
      </c>
      <c r="B15019" t="s">
        <v>23400</v>
      </c>
      <c r="C15019">
        <v>0</v>
      </c>
      <c r="D15019">
        <v>0</v>
      </c>
    </row>
    <row r="15020" spans="1:4" x14ac:dyDescent="0.25">
      <c r="A15020" t="s">
        <v>23401</v>
      </c>
      <c r="B15020" t="s">
        <v>23402</v>
      </c>
      <c r="C15020">
        <v>1</v>
      </c>
      <c r="D15020">
        <v>0</v>
      </c>
    </row>
    <row r="15021" spans="1:4" x14ac:dyDescent="0.25">
      <c r="A15021" t="s">
        <v>23403</v>
      </c>
      <c r="B15021" t="s">
        <v>23404</v>
      </c>
      <c r="C15021">
        <v>0</v>
      </c>
      <c r="D15021">
        <v>0</v>
      </c>
    </row>
    <row r="15022" spans="1:4" x14ac:dyDescent="0.25">
      <c r="A15022" t="s">
        <v>23405</v>
      </c>
      <c r="B15022" t="s">
        <v>23406</v>
      </c>
      <c r="C15022">
        <v>1</v>
      </c>
      <c r="D15022">
        <v>0</v>
      </c>
    </row>
    <row r="15023" spans="1:4" x14ac:dyDescent="0.25">
      <c r="A15023" t="s">
        <v>23407</v>
      </c>
      <c r="B15023" t="s">
        <v>23408</v>
      </c>
      <c r="C15023">
        <v>0</v>
      </c>
      <c r="D15023">
        <v>0</v>
      </c>
    </row>
    <row r="15024" spans="1:4" x14ac:dyDescent="0.25">
      <c r="A15024" t="s">
        <v>23407</v>
      </c>
      <c r="B15024" t="s">
        <v>23409</v>
      </c>
      <c r="C15024">
        <v>2</v>
      </c>
      <c r="D15024">
        <v>0</v>
      </c>
    </row>
    <row r="15025" spans="1:4" x14ac:dyDescent="0.25">
      <c r="A15025" t="s">
        <v>23407</v>
      </c>
      <c r="B15025" t="s">
        <v>23410</v>
      </c>
      <c r="C15025">
        <v>2</v>
      </c>
      <c r="D15025">
        <v>0</v>
      </c>
    </row>
    <row r="15026" spans="1:4" x14ac:dyDescent="0.25">
      <c r="A15026" t="s">
        <v>23411</v>
      </c>
      <c r="B15026" t="s">
        <v>23412</v>
      </c>
      <c r="C15026">
        <v>0</v>
      </c>
      <c r="D15026">
        <v>0</v>
      </c>
    </row>
    <row r="15027" spans="1:4" x14ac:dyDescent="0.25">
      <c r="A15027" t="s">
        <v>23413</v>
      </c>
      <c r="B15027" t="s">
        <v>23414</v>
      </c>
      <c r="C15027">
        <v>2</v>
      </c>
      <c r="D15027">
        <v>0</v>
      </c>
    </row>
    <row r="15028" spans="1:4" x14ac:dyDescent="0.25">
      <c r="A15028" t="s">
        <v>23415</v>
      </c>
      <c r="B15028" t="s">
        <v>23416</v>
      </c>
      <c r="C15028">
        <v>1</v>
      </c>
      <c r="D15028">
        <v>0</v>
      </c>
    </row>
    <row r="15029" spans="1:4" x14ac:dyDescent="0.25">
      <c r="A15029" t="s">
        <v>23415</v>
      </c>
      <c r="B15029" t="s">
        <v>23417</v>
      </c>
      <c r="C15029">
        <v>1</v>
      </c>
      <c r="D15029">
        <v>0</v>
      </c>
    </row>
    <row r="15030" spans="1:4" x14ac:dyDescent="0.25">
      <c r="A15030" t="s">
        <v>23418</v>
      </c>
      <c r="B15030" t="s">
        <v>23419</v>
      </c>
      <c r="C15030">
        <v>2</v>
      </c>
      <c r="D15030">
        <v>0</v>
      </c>
    </row>
    <row r="15031" spans="1:4" x14ac:dyDescent="0.25">
      <c r="A15031" t="s">
        <v>23420</v>
      </c>
      <c r="B15031" t="s">
        <v>23421</v>
      </c>
      <c r="C15031">
        <v>1</v>
      </c>
      <c r="D15031">
        <v>0</v>
      </c>
    </row>
    <row r="15032" spans="1:4" x14ac:dyDescent="0.25">
      <c r="A15032" t="s">
        <v>23422</v>
      </c>
      <c r="B15032" t="s">
        <v>23423</v>
      </c>
      <c r="C15032">
        <v>1</v>
      </c>
      <c r="D15032">
        <v>0</v>
      </c>
    </row>
    <row r="15033" spans="1:4" x14ac:dyDescent="0.25">
      <c r="A15033" t="s">
        <v>23424</v>
      </c>
      <c r="B15033" t="s">
        <v>23425</v>
      </c>
      <c r="C15033">
        <v>2</v>
      </c>
      <c r="D15033">
        <v>0</v>
      </c>
    </row>
    <row r="15034" spans="1:4" x14ac:dyDescent="0.25">
      <c r="A15034" t="s">
        <v>23426</v>
      </c>
      <c r="B15034" t="s">
        <v>23427</v>
      </c>
      <c r="C15034">
        <v>2</v>
      </c>
      <c r="D15034">
        <v>0</v>
      </c>
    </row>
    <row r="15035" spans="1:4" x14ac:dyDescent="0.25">
      <c r="A15035" t="s">
        <v>23428</v>
      </c>
      <c r="B15035" t="s">
        <v>17479</v>
      </c>
      <c r="C15035">
        <v>2</v>
      </c>
      <c r="D15035">
        <v>0</v>
      </c>
    </row>
    <row r="15036" spans="1:4" x14ac:dyDescent="0.25">
      <c r="A15036" t="s">
        <v>23429</v>
      </c>
      <c r="B15036" t="s">
        <v>23430</v>
      </c>
      <c r="C15036">
        <v>1</v>
      </c>
      <c r="D15036">
        <v>0</v>
      </c>
    </row>
    <row r="15037" spans="1:4" x14ac:dyDescent="0.25">
      <c r="A15037" t="s">
        <v>23431</v>
      </c>
      <c r="B15037" t="s">
        <v>23432</v>
      </c>
      <c r="C15037">
        <v>1</v>
      </c>
      <c r="D15037">
        <v>0</v>
      </c>
    </row>
    <row r="15038" spans="1:4" x14ac:dyDescent="0.25">
      <c r="A15038" t="s">
        <v>23433</v>
      </c>
      <c r="B15038" t="s">
        <v>23434</v>
      </c>
      <c r="C15038">
        <v>1</v>
      </c>
      <c r="D15038">
        <v>0</v>
      </c>
    </row>
    <row r="15039" spans="1:4" x14ac:dyDescent="0.25">
      <c r="A15039" t="s">
        <v>23435</v>
      </c>
      <c r="B15039" t="s">
        <v>23436</v>
      </c>
      <c r="C15039">
        <v>2</v>
      </c>
      <c r="D15039">
        <v>0</v>
      </c>
    </row>
    <row r="15040" spans="1:4" x14ac:dyDescent="0.25">
      <c r="A15040" t="s">
        <v>23435</v>
      </c>
      <c r="B15040" t="s">
        <v>23437</v>
      </c>
      <c r="C15040">
        <v>2</v>
      </c>
      <c r="D15040">
        <v>0</v>
      </c>
    </row>
    <row r="15041" spans="1:4" x14ac:dyDescent="0.25">
      <c r="A15041" t="s">
        <v>23438</v>
      </c>
      <c r="B15041" t="s">
        <v>23439</v>
      </c>
      <c r="C15041">
        <v>1</v>
      </c>
      <c r="D15041">
        <v>0</v>
      </c>
    </row>
    <row r="15042" spans="1:4" x14ac:dyDescent="0.25">
      <c r="A15042" t="s">
        <v>23438</v>
      </c>
      <c r="B15042" t="s">
        <v>23440</v>
      </c>
      <c r="C15042">
        <v>0</v>
      </c>
      <c r="D15042">
        <v>0</v>
      </c>
    </row>
    <row r="15043" spans="1:4" x14ac:dyDescent="0.25">
      <c r="A15043" t="s">
        <v>23438</v>
      </c>
      <c r="B15043" t="s">
        <v>23441</v>
      </c>
      <c r="C15043">
        <v>2</v>
      </c>
      <c r="D15043">
        <v>0</v>
      </c>
    </row>
    <row r="15044" spans="1:4" x14ac:dyDescent="0.25">
      <c r="A15044" t="s">
        <v>23442</v>
      </c>
      <c r="B15044" t="s">
        <v>23443</v>
      </c>
      <c r="C15044">
        <v>1</v>
      </c>
      <c r="D15044">
        <v>0</v>
      </c>
    </row>
    <row r="15045" spans="1:4" x14ac:dyDescent="0.25">
      <c r="A15045" t="s">
        <v>23444</v>
      </c>
      <c r="B15045" t="s">
        <v>23445</v>
      </c>
      <c r="C15045">
        <v>1</v>
      </c>
      <c r="D15045">
        <v>0</v>
      </c>
    </row>
    <row r="15046" spans="1:4" x14ac:dyDescent="0.25">
      <c r="A15046" t="s">
        <v>23446</v>
      </c>
      <c r="B15046" t="s">
        <v>23447</v>
      </c>
      <c r="C15046">
        <v>1</v>
      </c>
      <c r="D15046">
        <v>0</v>
      </c>
    </row>
    <row r="15047" spans="1:4" x14ac:dyDescent="0.25">
      <c r="A15047" t="s">
        <v>23448</v>
      </c>
      <c r="B15047" t="s">
        <v>23449</v>
      </c>
      <c r="C15047">
        <v>2</v>
      </c>
      <c r="D15047">
        <v>0</v>
      </c>
    </row>
    <row r="15048" spans="1:4" x14ac:dyDescent="0.25">
      <c r="A15048" t="s">
        <v>23450</v>
      </c>
      <c r="B15048" t="s">
        <v>23451</v>
      </c>
      <c r="C15048">
        <v>1</v>
      </c>
      <c r="D15048">
        <v>0</v>
      </c>
    </row>
    <row r="15049" spans="1:4" x14ac:dyDescent="0.25">
      <c r="A15049" t="s">
        <v>23452</v>
      </c>
      <c r="B15049" t="s">
        <v>23453</v>
      </c>
      <c r="C15049">
        <v>1</v>
      </c>
      <c r="D15049">
        <v>0</v>
      </c>
    </row>
    <row r="15050" spans="1:4" x14ac:dyDescent="0.25">
      <c r="A15050" t="s">
        <v>23454</v>
      </c>
      <c r="B15050" t="s">
        <v>23455</v>
      </c>
      <c r="C15050">
        <v>1</v>
      </c>
      <c r="D15050">
        <v>0</v>
      </c>
    </row>
    <row r="15051" spans="1:4" x14ac:dyDescent="0.25">
      <c r="A15051" t="s">
        <v>23454</v>
      </c>
      <c r="B15051" t="s">
        <v>23456</v>
      </c>
      <c r="C15051">
        <v>1</v>
      </c>
      <c r="D15051">
        <v>0</v>
      </c>
    </row>
    <row r="15052" spans="1:4" x14ac:dyDescent="0.25">
      <c r="A15052" t="s">
        <v>23457</v>
      </c>
      <c r="B15052" t="s">
        <v>23458</v>
      </c>
      <c r="C15052">
        <v>1</v>
      </c>
      <c r="D15052">
        <v>0</v>
      </c>
    </row>
    <row r="15053" spans="1:4" x14ac:dyDescent="0.25">
      <c r="A15053" t="s">
        <v>23459</v>
      </c>
      <c r="B15053" t="s">
        <v>23460</v>
      </c>
      <c r="C15053">
        <v>0</v>
      </c>
      <c r="D15053">
        <v>0</v>
      </c>
    </row>
    <row r="15054" spans="1:4" x14ac:dyDescent="0.25">
      <c r="A15054" t="s">
        <v>23461</v>
      </c>
      <c r="B15054" t="s">
        <v>23462</v>
      </c>
      <c r="C15054">
        <v>1</v>
      </c>
      <c r="D15054">
        <v>0</v>
      </c>
    </row>
    <row r="15055" spans="1:4" x14ac:dyDescent="0.25">
      <c r="A15055" t="s">
        <v>23463</v>
      </c>
      <c r="B15055" t="s">
        <v>23464</v>
      </c>
      <c r="C15055">
        <v>1</v>
      </c>
      <c r="D15055">
        <v>0</v>
      </c>
    </row>
    <row r="15056" spans="1:4" x14ac:dyDescent="0.25">
      <c r="A15056" t="s">
        <v>23465</v>
      </c>
      <c r="B15056" t="s">
        <v>23466</v>
      </c>
      <c r="C15056">
        <v>1</v>
      </c>
      <c r="D15056">
        <v>0</v>
      </c>
    </row>
    <row r="15057" spans="1:4" x14ac:dyDescent="0.25">
      <c r="A15057" t="s">
        <v>23467</v>
      </c>
      <c r="B15057" t="s">
        <v>23468</v>
      </c>
      <c r="C15057">
        <v>1</v>
      </c>
      <c r="D15057">
        <v>0</v>
      </c>
    </row>
    <row r="15058" spans="1:4" x14ac:dyDescent="0.25">
      <c r="A15058" t="s">
        <v>23469</v>
      </c>
      <c r="B15058" t="s">
        <v>23470</v>
      </c>
      <c r="C15058">
        <v>2</v>
      </c>
      <c r="D15058">
        <v>0</v>
      </c>
    </row>
    <row r="15059" spans="1:4" x14ac:dyDescent="0.25">
      <c r="A15059" t="s">
        <v>23471</v>
      </c>
      <c r="B15059" t="s">
        <v>23472</v>
      </c>
      <c r="C15059">
        <v>1</v>
      </c>
      <c r="D15059">
        <v>0</v>
      </c>
    </row>
    <row r="15060" spans="1:4" x14ac:dyDescent="0.25">
      <c r="A15060" t="s">
        <v>23473</v>
      </c>
      <c r="B15060" t="s">
        <v>23474</v>
      </c>
      <c r="C15060">
        <v>1</v>
      </c>
      <c r="D15060">
        <v>0</v>
      </c>
    </row>
    <row r="15061" spans="1:4" x14ac:dyDescent="0.25">
      <c r="A15061" t="s">
        <v>23473</v>
      </c>
      <c r="B15061" t="s">
        <v>23475</v>
      </c>
      <c r="C15061">
        <v>0</v>
      </c>
      <c r="D15061">
        <v>0</v>
      </c>
    </row>
    <row r="15062" spans="1:4" x14ac:dyDescent="0.25">
      <c r="A15062" t="s">
        <v>23476</v>
      </c>
      <c r="B15062" t="s">
        <v>23477</v>
      </c>
      <c r="C15062">
        <v>1</v>
      </c>
      <c r="D15062">
        <v>0</v>
      </c>
    </row>
    <row r="15063" spans="1:4" x14ac:dyDescent="0.25">
      <c r="A15063" t="s">
        <v>23476</v>
      </c>
      <c r="B15063" t="s">
        <v>23478</v>
      </c>
      <c r="C15063">
        <v>0</v>
      </c>
      <c r="D15063">
        <v>0</v>
      </c>
    </row>
    <row r="15064" spans="1:4" x14ac:dyDescent="0.25">
      <c r="A15064" t="s">
        <v>23479</v>
      </c>
      <c r="B15064" t="s">
        <v>23480</v>
      </c>
      <c r="C15064">
        <v>1</v>
      </c>
      <c r="D15064">
        <v>0</v>
      </c>
    </row>
    <row r="15065" spans="1:4" x14ac:dyDescent="0.25">
      <c r="A15065" t="s">
        <v>23479</v>
      </c>
      <c r="B15065" t="s">
        <v>23481</v>
      </c>
      <c r="C15065">
        <v>0</v>
      </c>
      <c r="D15065">
        <v>0</v>
      </c>
    </row>
    <row r="15066" spans="1:4" x14ac:dyDescent="0.25">
      <c r="A15066" t="s">
        <v>23482</v>
      </c>
      <c r="B15066" t="s">
        <v>23483</v>
      </c>
      <c r="C15066">
        <v>1</v>
      </c>
      <c r="D15066">
        <v>0</v>
      </c>
    </row>
    <row r="15067" spans="1:4" x14ac:dyDescent="0.25">
      <c r="A15067" t="s">
        <v>23484</v>
      </c>
      <c r="B15067" t="s">
        <v>23485</v>
      </c>
      <c r="C15067">
        <v>2</v>
      </c>
      <c r="D15067">
        <v>0</v>
      </c>
    </row>
    <row r="15068" spans="1:4" x14ac:dyDescent="0.25">
      <c r="A15068" t="s">
        <v>23486</v>
      </c>
      <c r="B15068" t="s">
        <v>23487</v>
      </c>
      <c r="C15068">
        <v>0</v>
      </c>
      <c r="D15068">
        <v>0</v>
      </c>
    </row>
    <row r="15069" spans="1:4" x14ac:dyDescent="0.25">
      <c r="A15069" t="s">
        <v>23488</v>
      </c>
      <c r="B15069" t="s">
        <v>23489</v>
      </c>
      <c r="C15069">
        <v>1</v>
      </c>
      <c r="D15069">
        <v>0</v>
      </c>
    </row>
    <row r="15070" spans="1:4" x14ac:dyDescent="0.25">
      <c r="A15070" t="s">
        <v>23490</v>
      </c>
      <c r="B15070" t="s">
        <v>23491</v>
      </c>
      <c r="C15070">
        <v>0</v>
      </c>
      <c r="D15070">
        <v>0</v>
      </c>
    </row>
    <row r="15071" spans="1:4" x14ac:dyDescent="0.25">
      <c r="A15071" t="s">
        <v>23492</v>
      </c>
      <c r="B15071" t="s">
        <v>23493</v>
      </c>
      <c r="C15071">
        <v>0</v>
      </c>
      <c r="D15071">
        <v>0</v>
      </c>
    </row>
    <row r="15072" spans="1:4" x14ac:dyDescent="0.25">
      <c r="A15072" t="s">
        <v>23494</v>
      </c>
      <c r="B15072" t="s">
        <v>23495</v>
      </c>
      <c r="C15072">
        <v>1</v>
      </c>
      <c r="D15072">
        <v>0</v>
      </c>
    </row>
    <row r="15073" spans="1:4" x14ac:dyDescent="0.25">
      <c r="A15073" t="s">
        <v>23496</v>
      </c>
      <c r="B15073" t="s">
        <v>23497</v>
      </c>
      <c r="C15073">
        <v>1</v>
      </c>
      <c r="D15073">
        <v>0</v>
      </c>
    </row>
    <row r="15074" spans="1:4" x14ac:dyDescent="0.25">
      <c r="A15074" t="s">
        <v>23498</v>
      </c>
      <c r="B15074" t="s">
        <v>23499</v>
      </c>
      <c r="C15074">
        <v>1</v>
      </c>
      <c r="D15074">
        <v>0</v>
      </c>
    </row>
    <row r="15075" spans="1:4" x14ac:dyDescent="0.25">
      <c r="A15075" t="s">
        <v>23500</v>
      </c>
      <c r="B15075" t="s">
        <v>23501</v>
      </c>
      <c r="C15075">
        <v>1</v>
      </c>
      <c r="D15075">
        <v>0</v>
      </c>
    </row>
    <row r="15076" spans="1:4" x14ac:dyDescent="0.25">
      <c r="A15076" t="s">
        <v>23502</v>
      </c>
      <c r="B15076" t="s">
        <v>23503</v>
      </c>
      <c r="C15076">
        <v>1</v>
      </c>
      <c r="D15076">
        <v>0</v>
      </c>
    </row>
    <row r="15077" spans="1:4" x14ac:dyDescent="0.25">
      <c r="A15077" t="s">
        <v>23504</v>
      </c>
      <c r="B15077" t="s">
        <v>23505</v>
      </c>
      <c r="C15077">
        <v>1</v>
      </c>
      <c r="D15077">
        <v>0</v>
      </c>
    </row>
    <row r="15078" spans="1:4" x14ac:dyDescent="0.25">
      <c r="A15078" t="s">
        <v>23506</v>
      </c>
      <c r="B15078" t="s">
        <v>23507</v>
      </c>
      <c r="C15078">
        <v>0</v>
      </c>
      <c r="D15078">
        <v>0</v>
      </c>
    </row>
    <row r="15079" spans="1:4" x14ac:dyDescent="0.25">
      <c r="A15079" t="s">
        <v>23508</v>
      </c>
      <c r="B15079" t="s">
        <v>23509</v>
      </c>
      <c r="C15079">
        <v>1</v>
      </c>
      <c r="D15079">
        <v>0</v>
      </c>
    </row>
    <row r="15080" spans="1:4" x14ac:dyDescent="0.25">
      <c r="A15080" t="s">
        <v>23508</v>
      </c>
      <c r="B15080" t="s">
        <v>23510</v>
      </c>
      <c r="C15080">
        <v>2</v>
      </c>
      <c r="D15080">
        <v>0</v>
      </c>
    </row>
    <row r="15081" spans="1:4" x14ac:dyDescent="0.25">
      <c r="A15081" t="s">
        <v>23511</v>
      </c>
      <c r="B15081" t="s">
        <v>23512</v>
      </c>
      <c r="C15081">
        <v>0</v>
      </c>
      <c r="D15081">
        <v>0</v>
      </c>
    </row>
    <row r="15082" spans="1:4" x14ac:dyDescent="0.25">
      <c r="A15082" t="s">
        <v>23511</v>
      </c>
      <c r="B15082" t="s">
        <v>23513</v>
      </c>
      <c r="C15082">
        <v>0</v>
      </c>
      <c r="D15082">
        <v>0</v>
      </c>
    </row>
    <row r="15083" spans="1:4" x14ac:dyDescent="0.25">
      <c r="A15083" t="s">
        <v>23511</v>
      </c>
      <c r="B15083" t="s">
        <v>23514</v>
      </c>
      <c r="C15083">
        <v>2</v>
      </c>
      <c r="D15083">
        <v>0</v>
      </c>
    </row>
    <row r="15084" spans="1:4" x14ac:dyDescent="0.25">
      <c r="A15084" t="s">
        <v>23515</v>
      </c>
      <c r="B15084" t="s">
        <v>23516</v>
      </c>
      <c r="C15084">
        <v>2</v>
      </c>
      <c r="D15084">
        <v>0</v>
      </c>
    </row>
    <row r="15085" spans="1:4" x14ac:dyDescent="0.25">
      <c r="A15085" t="s">
        <v>23517</v>
      </c>
      <c r="B15085" t="s">
        <v>23518</v>
      </c>
      <c r="C15085">
        <v>0</v>
      </c>
      <c r="D15085">
        <v>0</v>
      </c>
    </row>
    <row r="15086" spans="1:4" x14ac:dyDescent="0.25">
      <c r="A15086" t="s">
        <v>23519</v>
      </c>
      <c r="B15086" t="s">
        <v>23520</v>
      </c>
      <c r="C15086">
        <v>1</v>
      </c>
      <c r="D15086">
        <v>0</v>
      </c>
    </row>
    <row r="15087" spans="1:4" x14ac:dyDescent="0.25">
      <c r="A15087" t="s">
        <v>23521</v>
      </c>
      <c r="B15087" t="s">
        <v>23522</v>
      </c>
      <c r="C15087">
        <v>1</v>
      </c>
      <c r="D15087">
        <v>0</v>
      </c>
    </row>
    <row r="15088" spans="1:4" x14ac:dyDescent="0.25">
      <c r="A15088" t="s">
        <v>23523</v>
      </c>
      <c r="B15088" t="s">
        <v>23524</v>
      </c>
      <c r="C15088">
        <v>2</v>
      </c>
      <c r="D15088">
        <v>0</v>
      </c>
    </row>
    <row r="15089" spans="1:4" x14ac:dyDescent="0.25">
      <c r="A15089" t="s">
        <v>23525</v>
      </c>
      <c r="B15089" t="s">
        <v>23526</v>
      </c>
      <c r="C15089">
        <v>1</v>
      </c>
      <c r="D15089">
        <v>0</v>
      </c>
    </row>
    <row r="15090" spans="1:4" x14ac:dyDescent="0.25">
      <c r="A15090" t="s">
        <v>23527</v>
      </c>
      <c r="B15090" t="s">
        <v>23528</v>
      </c>
      <c r="C15090">
        <v>1</v>
      </c>
      <c r="D15090">
        <v>0</v>
      </c>
    </row>
    <row r="15091" spans="1:4" x14ac:dyDescent="0.25">
      <c r="A15091" t="s">
        <v>23529</v>
      </c>
      <c r="B15091" t="s">
        <v>23530</v>
      </c>
      <c r="C15091">
        <v>1</v>
      </c>
      <c r="D15091">
        <v>0</v>
      </c>
    </row>
    <row r="15092" spans="1:4" x14ac:dyDescent="0.25">
      <c r="A15092" t="s">
        <v>23531</v>
      </c>
      <c r="B15092" t="s">
        <v>23532</v>
      </c>
      <c r="C15092">
        <v>1</v>
      </c>
      <c r="D15092">
        <v>0</v>
      </c>
    </row>
    <row r="15093" spans="1:4" x14ac:dyDescent="0.25">
      <c r="A15093" t="s">
        <v>23533</v>
      </c>
      <c r="B15093" t="s">
        <v>23534</v>
      </c>
      <c r="C15093">
        <v>0</v>
      </c>
      <c r="D15093">
        <v>0</v>
      </c>
    </row>
    <row r="15094" spans="1:4" x14ac:dyDescent="0.25">
      <c r="A15094" t="s">
        <v>23535</v>
      </c>
      <c r="B15094" t="s">
        <v>23536</v>
      </c>
      <c r="C15094">
        <v>0</v>
      </c>
      <c r="D15094">
        <v>0</v>
      </c>
    </row>
    <row r="15095" spans="1:4" x14ac:dyDescent="0.25">
      <c r="A15095" t="s">
        <v>23535</v>
      </c>
      <c r="B15095" t="s">
        <v>23537</v>
      </c>
      <c r="C15095">
        <v>2</v>
      </c>
      <c r="D15095">
        <v>0</v>
      </c>
    </row>
    <row r="15096" spans="1:4" x14ac:dyDescent="0.25">
      <c r="A15096" t="s">
        <v>23538</v>
      </c>
      <c r="B15096" t="s">
        <v>23539</v>
      </c>
      <c r="C15096">
        <v>1</v>
      </c>
      <c r="D15096">
        <v>0</v>
      </c>
    </row>
    <row r="15097" spans="1:4" x14ac:dyDescent="0.25">
      <c r="A15097" t="s">
        <v>23540</v>
      </c>
      <c r="B15097" t="s">
        <v>23541</v>
      </c>
      <c r="C15097">
        <v>1</v>
      </c>
      <c r="D15097">
        <v>0</v>
      </c>
    </row>
    <row r="15098" spans="1:4" x14ac:dyDescent="0.25">
      <c r="A15098" t="s">
        <v>23542</v>
      </c>
      <c r="B15098" t="s">
        <v>23543</v>
      </c>
      <c r="C15098">
        <v>0</v>
      </c>
      <c r="D15098">
        <v>0</v>
      </c>
    </row>
    <row r="15099" spans="1:4" x14ac:dyDescent="0.25">
      <c r="A15099" t="s">
        <v>23544</v>
      </c>
      <c r="B15099" t="s">
        <v>23545</v>
      </c>
      <c r="C15099">
        <v>1</v>
      </c>
      <c r="D15099">
        <v>0</v>
      </c>
    </row>
    <row r="15100" spans="1:4" x14ac:dyDescent="0.25">
      <c r="A15100" t="s">
        <v>23546</v>
      </c>
      <c r="B15100" t="s">
        <v>23547</v>
      </c>
      <c r="C15100">
        <v>0</v>
      </c>
      <c r="D15100">
        <v>0</v>
      </c>
    </row>
    <row r="15101" spans="1:4" x14ac:dyDescent="0.25">
      <c r="A15101" t="s">
        <v>23548</v>
      </c>
      <c r="B15101" t="s">
        <v>23549</v>
      </c>
      <c r="C15101">
        <v>1</v>
      </c>
      <c r="D15101">
        <v>0</v>
      </c>
    </row>
    <row r="15102" spans="1:4" x14ac:dyDescent="0.25">
      <c r="A15102" t="s">
        <v>23550</v>
      </c>
      <c r="B15102" t="s">
        <v>23551</v>
      </c>
      <c r="C15102">
        <v>1</v>
      </c>
      <c r="D15102">
        <v>0</v>
      </c>
    </row>
    <row r="15103" spans="1:4" x14ac:dyDescent="0.25">
      <c r="A15103" t="s">
        <v>23552</v>
      </c>
      <c r="B15103" t="s">
        <v>23553</v>
      </c>
      <c r="C15103">
        <v>1</v>
      </c>
      <c r="D15103">
        <v>0</v>
      </c>
    </row>
    <row r="15104" spans="1:4" x14ac:dyDescent="0.25">
      <c r="A15104" t="s">
        <v>23554</v>
      </c>
      <c r="B15104" t="s">
        <v>23555</v>
      </c>
      <c r="C15104">
        <v>1</v>
      </c>
      <c r="D15104">
        <v>0</v>
      </c>
    </row>
    <row r="15105" spans="1:4" x14ac:dyDescent="0.25">
      <c r="A15105" t="s">
        <v>23554</v>
      </c>
      <c r="B15105" t="s">
        <v>23556</v>
      </c>
      <c r="C15105">
        <v>2</v>
      </c>
      <c r="D15105">
        <v>0</v>
      </c>
    </row>
    <row r="15106" spans="1:4" x14ac:dyDescent="0.25">
      <c r="A15106" t="s">
        <v>23557</v>
      </c>
      <c r="B15106" t="s">
        <v>23558</v>
      </c>
      <c r="C15106">
        <v>1</v>
      </c>
      <c r="D15106">
        <v>0</v>
      </c>
    </row>
    <row r="15107" spans="1:4" x14ac:dyDescent="0.25">
      <c r="A15107" t="s">
        <v>23559</v>
      </c>
      <c r="B15107" t="s">
        <v>23560</v>
      </c>
      <c r="C15107">
        <v>0</v>
      </c>
      <c r="D15107">
        <v>0</v>
      </c>
    </row>
    <row r="15108" spans="1:4" x14ac:dyDescent="0.25">
      <c r="A15108" t="s">
        <v>23561</v>
      </c>
      <c r="B15108" t="s">
        <v>23562</v>
      </c>
      <c r="C15108">
        <v>1</v>
      </c>
      <c r="D15108">
        <v>0</v>
      </c>
    </row>
    <row r="15109" spans="1:4" x14ac:dyDescent="0.25">
      <c r="A15109" t="s">
        <v>23561</v>
      </c>
      <c r="B15109" t="s">
        <v>23563</v>
      </c>
      <c r="C15109">
        <v>0</v>
      </c>
      <c r="D15109">
        <v>0</v>
      </c>
    </row>
    <row r="15110" spans="1:4" x14ac:dyDescent="0.25">
      <c r="A15110" t="s">
        <v>23564</v>
      </c>
      <c r="B15110" t="s">
        <v>23565</v>
      </c>
      <c r="C15110">
        <v>1</v>
      </c>
      <c r="D15110">
        <v>0</v>
      </c>
    </row>
    <row r="15111" spans="1:4" x14ac:dyDescent="0.25">
      <c r="A15111" t="s">
        <v>23566</v>
      </c>
      <c r="B15111" t="s">
        <v>23567</v>
      </c>
      <c r="C15111">
        <v>1</v>
      </c>
      <c r="D15111">
        <v>0</v>
      </c>
    </row>
    <row r="15112" spans="1:4" x14ac:dyDescent="0.25">
      <c r="A15112" t="s">
        <v>23568</v>
      </c>
      <c r="B15112" t="s">
        <v>23569</v>
      </c>
      <c r="C15112">
        <v>1</v>
      </c>
      <c r="D15112">
        <v>0</v>
      </c>
    </row>
    <row r="15113" spans="1:4" x14ac:dyDescent="0.25">
      <c r="A15113" t="s">
        <v>23570</v>
      </c>
      <c r="B15113" t="s">
        <v>23571</v>
      </c>
      <c r="C15113">
        <v>1</v>
      </c>
      <c r="D15113">
        <v>0</v>
      </c>
    </row>
    <row r="15114" spans="1:4" x14ac:dyDescent="0.25">
      <c r="A15114" t="s">
        <v>23572</v>
      </c>
      <c r="B15114" t="s">
        <v>23573</v>
      </c>
      <c r="C15114">
        <v>0</v>
      </c>
      <c r="D15114">
        <v>0</v>
      </c>
    </row>
    <row r="15115" spans="1:4" x14ac:dyDescent="0.25">
      <c r="A15115" t="s">
        <v>23574</v>
      </c>
      <c r="B15115" t="s">
        <v>23575</v>
      </c>
      <c r="C15115">
        <v>1</v>
      </c>
      <c r="D15115">
        <v>0</v>
      </c>
    </row>
    <row r="15116" spans="1:4" x14ac:dyDescent="0.25">
      <c r="A15116" t="s">
        <v>23574</v>
      </c>
      <c r="B15116" t="s">
        <v>23576</v>
      </c>
      <c r="C15116">
        <v>0</v>
      </c>
      <c r="D15116">
        <v>0</v>
      </c>
    </row>
    <row r="15117" spans="1:4" x14ac:dyDescent="0.25">
      <c r="A15117" t="s">
        <v>23574</v>
      </c>
      <c r="B15117" t="s">
        <v>23577</v>
      </c>
      <c r="C15117">
        <v>0</v>
      </c>
      <c r="D15117">
        <v>0</v>
      </c>
    </row>
    <row r="15118" spans="1:4" x14ac:dyDescent="0.25">
      <c r="A15118" t="s">
        <v>23574</v>
      </c>
      <c r="B15118" t="s">
        <v>23578</v>
      </c>
      <c r="C15118">
        <v>2</v>
      </c>
      <c r="D15118">
        <v>0</v>
      </c>
    </row>
    <row r="15119" spans="1:4" x14ac:dyDescent="0.25">
      <c r="A15119" t="s">
        <v>23579</v>
      </c>
      <c r="B15119" t="s">
        <v>23580</v>
      </c>
      <c r="C15119">
        <v>1</v>
      </c>
      <c r="D15119">
        <v>0</v>
      </c>
    </row>
    <row r="15120" spans="1:4" x14ac:dyDescent="0.25">
      <c r="A15120" t="s">
        <v>23581</v>
      </c>
      <c r="B15120" t="s">
        <v>23582</v>
      </c>
      <c r="C15120">
        <v>1</v>
      </c>
      <c r="D15120">
        <v>0</v>
      </c>
    </row>
    <row r="15121" spans="1:4" x14ac:dyDescent="0.25">
      <c r="A15121" t="s">
        <v>23581</v>
      </c>
      <c r="B15121" t="s">
        <v>11948</v>
      </c>
      <c r="C15121">
        <v>0</v>
      </c>
      <c r="D15121">
        <v>0</v>
      </c>
    </row>
    <row r="15122" spans="1:4" x14ac:dyDescent="0.25">
      <c r="A15122" t="s">
        <v>23583</v>
      </c>
      <c r="B15122" t="s">
        <v>23584</v>
      </c>
      <c r="C15122">
        <v>1</v>
      </c>
      <c r="D15122">
        <v>0</v>
      </c>
    </row>
    <row r="15123" spans="1:4" x14ac:dyDescent="0.25">
      <c r="A15123" t="s">
        <v>23585</v>
      </c>
      <c r="B15123" t="s">
        <v>23586</v>
      </c>
      <c r="C15123">
        <v>1</v>
      </c>
      <c r="D15123">
        <v>0</v>
      </c>
    </row>
    <row r="15124" spans="1:4" x14ac:dyDescent="0.25">
      <c r="A15124" t="s">
        <v>23587</v>
      </c>
      <c r="B15124" t="s">
        <v>23588</v>
      </c>
      <c r="C15124">
        <v>1</v>
      </c>
      <c r="D15124">
        <v>0</v>
      </c>
    </row>
    <row r="15125" spans="1:4" x14ac:dyDescent="0.25">
      <c r="A15125" t="s">
        <v>23589</v>
      </c>
      <c r="B15125" t="s">
        <v>23590</v>
      </c>
      <c r="C15125">
        <v>0</v>
      </c>
      <c r="D15125">
        <v>0</v>
      </c>
    </row>
    <row r="15126" spans="1:4" x14ac:dyDescent="0.25">
      <c r="A15126" t="s">
        <v>23591</v>
      </c>
      <c r="B15126" t="s">
        <v>23592</v>
      </c>
      <c r="C15126">
        <v>1</v>
      </c>
      <c r="D15126">
        <v>0</v>
      </c>
    </row>
    <row r="15127" spans="1:4" x14ac:dyDescent="0.25">
      <c r="A15127" t="s">
        <v>23593</v>
      </c>
      <c r="B15127" t="s">
        <v>23594</v>
      </c>
      <c r="C15127">
        <v>1</v>
      </c>
      <c r="D15127">
        <v>0</v>
      </c>
    </row>
    <row r="15128" spans="1:4" x14ac:dyDescent="0.25">
      <c r="A15128" t="s">
        <v>23595</v>
      </c>
      <c r="B15128" t="s">
        <v>23596</v>
      </c>
      <c r="C15128">
        <v>2</v>
      </c>
      <c r="D15128">
        <v>0</v>
      </c>
    </row>
    <row r="15129" spans="1:4" x14ac:dyDescent="0.25">
      <c r="A15129" t="s">
        <v>23597</v>
      </c>
      <c r="B15129" t="s">
        <v>23598</v>
      </c>
      <c r="C15129">
        <v>1</v>
      </c>
      <c r="D15129">
        <v>0</v>
      </c>
    </row>
    <row r="15130" spans="1:4" x14ac:dyDescent="0.25">
      <c r="A15130" t="s">
        <v>23599</v>
      </c>
      <c r="B15130" t="s">
        <v>23600</v>
      </c>
      <c r="C15130">
        <v>2</v>
      </c>
      <c r="D15130">
        <v>0</v>
      </c>
    </row>
    <row r="15131" spans="1:4" x14ac:dyDescent="0.25">
      <c r="A15131" t="s">
        <v>23599</v>
      </c>
      <c r="B15131" t="s">
        <v>23601</v>
      </c>
      <c r="C15131">
        <v>2</v>
      </c>
      <c r="D15131">
        <v>0</v>
      </c>
    </row>
    <row r="15132" spans="1:4" x14ac:dyDescent="0.25">
      <c r="A15132" t="s">
        <v>23602</v>
      </c>
      <c r="B15132" t="s">
        <v>23603</v>
      </c>
      <c r="C15132">
        <v>0</v>
      </c>
      <c r="D15132">
        <v>0</v>
      </c>
    </row>
    <row r="15133" spans="1:4" x14ac:dyDescent="0.25">
      <c r="A15133" t="s">
        <v>23604</v>
      </c>
      <c r="B15133" t="s">
        <v>23605</v>
      </c>
      <c r="C15133">
        <v>1</v>
      </c>
      <c r="D15133">
        <v>0</v>
      </c>
    </row>
    <row r="15134" spans="1:4" x14ac:dyDescent="0.25">
      <c r="A15134" t="s">
        <v>23606</v>
      </c>
      <c r="B15134" t="s">
        <v>23607</v>
      </c>
      <c r="C15134">
        <v>1</v>
      </c>
      <c r="D15134">
        <v>0</v>
      </c>
    </row>
    <row r="15135" spans="1:4" x14ac:dyDescent="0.25">
      <c r="A15135" t="s">
        <v>23608</v>
      </c>
      <c r="B15135" t="s">
        <v>23609</v>
      </c>
      <c r="C15135">
        <v>1</v>
      </c>
      <c r="D15135">
        <v>0</v>
      </c>
    </row>
    <row r="15136" spans="1:4" x14ac:dyDescent="0.25">
      <c r="A15136" t="s">
        <v>23608</v>
      </c>
      <c r="B15136" t="s">
        <v>23610</v>
      </c>
      <c r="C15136">
        <v>2</v>
      </c>
      <c r="D15136">
        <v>0</v>
      </c>
    </row>
    <row r="15137" spans="1:4" x14ac:dyDescent="0.25">
      <c r="A15137" t="s">
        <v>23608</v>
      </c>
      <c r="B15137" t="s">
        <v>23611</v>
      </c>
      <c r="C15137">
        <v>2</v>
      </c>
      <c r="D15137">
        <v>0</v>
      </c>
    </row>
    <row r="15138" spans="1:4" x14ac:dyDescent="0.25">
      <c r="A15138" t="s">
        <v>23612</v>
      </c>
      <c r="B15138" t="s">
        <v>23613</v>
      </c>
      <c r="C15138">
        <v>1</v>
      </c>
      <c r="D15138">
        <v>0</v>
      </c>
    </row>
    <row r="15139" spans="1:4" x14ac:dyDescent="0.25">
      <c r="A15139" t="s">
        <v>23614</v>
      </c>
      <c r="B15139" t="s">
        <v>23615</v>
      </c>
      <c r="C15139">
        <v>1</v>
      </c>
      <c r="D15139">
        <v>0</v>
      </c>
    </row>
    <row r="15140" spans="1:4" x14ac:dyDescent="0.25">
      <c r="A15140" t="s">
        <v>23614</v>
      </c>
      <c r="B15140" t="s">
        <v>23616</v>
      </c>
      <c r="C15140">
        <v>0</v>
      </c>
      <c r="D15140">
        <v>0</v>
      </c>
    </row>
    <row r="15141" spans="1:4" x14ac:dyDescent="0.25">
      <c r="A15141" t="s">
        <v>23614</v>
      </c>
      <c r="B15141" t="s">
        <v>23617</v>
      </c>
      <c r="C15141">
        <v>2</v>
      </c>
      <c r="D15141">
        <v>0</v>
      </c>
    </row>
    <row r="15142" spans="1:4" x14ac:dyDescent="0.25">
      <c r="A15142" t="s">
        <v>23618</v>
      </c>
      <c r="B15142" t="s">
        <v>23619</v>
      </c>
      <c r="C15142">
        <v>2</v>
      </c>
      <c r="D15142">
        <v>0</v>
      </c>
    </row>
    <row r="15143" spans="1:4" x14ac:dyDescent="0.25">
      <c r="A15143" t="s">
        <v>23618</v>
      </c>
      <c r="B15143" t="s">
        <v>23620</v>
      </c>
      <c r="C15143">
        <v>2</v>
      </c>
      <c r="D15143">
        <v>0</v>
      </c>
    </row>
    <row r="15144" spans="1:4" x14ac:dyDescent="0.25">
      <c r="A15144" t="s">
        <v>23621</v>
      </c>
      <c r="B15144" t="s">
        <v>23622</v>
      </c>
      <c r="C15144">
        <v>1</v>
      </c>
      <c r="D15144">
        <v>0</v>
      </c>
    </row>
    <row r="15145" spans="1:4" x14ac:dyDescent="0.25">
      <c r="A15145" t="s">
        <v>23623</v>
      </c>
      <c r="B15145" t="s">
        <v>23624</v>
      </c>
      <c r="C15145">
        <v>1</v>
      </c>
      <c r="D15145">
        <v>0</v>
      </c>
    </row>
    <row r="15146" spans="1:4" x14ac:dyDescent="0.25">
      <c r="A15146" t="s">
        <v>23623</v>
      </c>
      <c r="B15146" t="s">
        <v>23625</v>
      </c>
      <c r="C15146">
        <v>0</v>
      </c>
      <c r="D15146">
        <v>0</v>
      </c>
    </row>
    <row r="15147" spans="1:4" x14ac:dyDescent="0.25">
      <c r="A15147" t="s">
        <v>23623</v>
      </c>
      <c r="B15147" t="s">
        <v>23626</v>
      </c>
      <c r="C15147">
        <v>2</v>
      </c>
      <c r="D15147">
        <v>0</v>
      </c>
    </row>
    <row r="15148" spans="1:4" x14ac:dyDescent="0.25">
      <c r="A15148" t="s">
        <v>23627</v>
      </c>
      <c r="B15148" t="s">
        <v>23628</v>
      </c>
      <c r="C15148">
        <v>1</v>
      </c>
      <c r="D15148">
        <v>0</v>
      </c>
    </row>
    <row r="15149" spans="1:4" x14ac:dyDescent="0.25">
      <c r="A15149" t="s">
        <v>23629</v>
      </c>
      <c r="B15149" t="s">
        <v>23630</v>
      </c>
      <c r="C15149">
        <v>1</v>
      </c>
      <c r="D15149">
        <v>0</v>
      </c>
    </row>
    <row r="15150" spans="1:4" x14ac:dyDescent="0.25">
      <c r="A15150" t="s">
        <v>23629</v>
      </c>
      <c r="B15150" t="s">
        <v>23631</v>
      </c>
      <c r="C15150">
        <v>0</v>
      </c>
      <c r="D15150">
        <v>0</v>
      </c>
    </row>
    <row r="15151" spans="1:4" x14ac:dyDescent="0.25">
      <c r="A15151" t="s">
        <v>23632</v>
      </c>
      <c r="B15151" t="s">
        <v>23633</v>
      </c>
      <c r="C15151">
        <v>2</v>
      </c>
      <c r="D15151">
        <v>0</v>
      </c>
    </row>
    <row r="15152" spans="1:4" x14ac:dyDescent="0.25">
      <c r="A15152" t="s">
        <v>23634</v>
      </c>
      <c r="B15152" t="s">
        <v>23635</v>
      </c>
      <c r="C15152">
        <v>0</v>
      </c>
      <c r="D15152">
        <v>0</v>
      </c>
    </row>
    <row r="15153" spans="1:4" x14ac:dyDescent="0.25">
      <c r="A15153" t="s">
        <v>23636</v>
      </c>
      <c r="B15153" t="s">
        <v>23637</v>
      </c>
      <c r="C15153">
        <v>1</v>
      </c>
      <c r="D15153">
        <v>0</v>
      </c>
    </row>
    <row r="15154" spans="1:4" x14ac:dyDescent="0.25">
      <c r="A15154" t="s">
        <v>23636</v>
      </c>
      <c r="B15154" t="s">
        <v>23638</v>
      </c>
      <c r="C15154">
        <v>2</v>
      </c>
      <c r="D15154">
        <v>0</v>
      </c>
    </row>
    <row r="15155" spans="1:4" x14ac:dyDescent="0.25">
      <c r="A15155" t="s">
        <v>23639</v>
      </c>
      <c r="B15155" t="s">
        <v>23640</v>
      </c>
      <c r="C15155">
        <v>0</v>
      </c>
      <c r="D15155">
        <v>0</v>
      </c>
    </row>
    <row r="15156" spans="1:4" x14ac:dyDescent="0.25">
      <c r="A15156" t="s">
        <v>23641</v>
      </c>
      <c r="B15156" t="s">
        <v>23642</v>
      </c>
      <c r="C15156">
        <v>0</v>
      </c>
      <c r="D15156">
        <v>0</v>
      </c>
    </row>
    <row r="15157" spans="1:4" x14ac:dyDescent="0.25">
      <c r="A15157" t="s">
        <v>23641</v>
      </c>
      <c r="B15157" t="s">
        <v>23643</v>
      </c>
      <c r="C15157">
        <v>0</v>
      </c>
      <c r="D15157">
        <v>0</v>
      </c>
    </row>
    <row r="15158" spans="1:4" x14ac:dyDescent="0.25">
      <c r="A15158" t="s">
        <v>23644</v>
      </c>
      <c r="B15158" t="s">
        <v>23645</v>
      </c>
      <c r="C15158">
        <v>0</v>
      </c>
      <c r="D15158">
        <v>0</v>
      </c>
    </row>
    <row r="15159" spans="1:4" x14ac:dyDescent="0.25">
      <c r="A15159" t="s">
        <v>23646</v>
      </c>
      <c r="B15159" t="s">
        <v>23647</v>
      </c>
      <c r="C15159">
        <v>1</v>
      </c>
      <c r="D15159">
        <v>0</v>
      </c>
    </row>
    <row r="15160" spans="1:4" x14ac:dyDescent="0.25">
      <c r="A15160" t="s">
        <v>23648</v>
      </c>
      <c r="B15160" t="s">
        <v>23649</v>
      </c>
      <c r="C15160">
        <v>1</v>
      </c>
      <c r="D15160">
        <v>0</v>
      </c>
    </row>
    <row r="15161" spans="1:4" x14ac:dyDescent="0.25">
      <c r="A15161" t="s">
        <v>23650</v>
      </c>
      <c r="B15161" t="s">
        <v>23651</v>
      </c>
      <c r="C15161">
        <v>2</v>
      </c>
      <c r="D15161">
        <v>0</v>
      </c>
    </row>
    <row r="15162" spans="1:4" x14ac:dyDescent="0.25">
      <c r="A15162" t="s">
        <v>23652</v>
      </c>
      <c r="B15162" t="s">
        <v>23653</v>
      </c>
      <c r="C15162">
        <v>1</v>
      </c>
      <c r="D15162">
        <v>0</v>
      </c>
    </row>
    <row r="15163" spans="1:4" x14ac:dyDescent="0.25">
      <c r="A15163" t="s">
        <v>23652</v>
      </c>
      <c r="B15163" t="s">
        <v>23654</v>
      </c>
      <c r="C15163">
        <v>0</v>
      </c>
      <c r="D15163">
        <v>0</v>
      </c>
    </row>
    <row r="15164" spans="1:4" x14ac:dyDescent="0.25">
      <c r="A15164" t="s">
        <v>23655</v>
      </c>
      <c r="B15164" t="s">
        <v>23656</v>
      </c>
      <c r="C15164">
        <v>1</v>
      </c>
      <c r="D15164">
        <v>0</v>
      </c>
    </row>
    <row r="15165" spans="1:4" x14ac:dyDescent="0.25">
      <c r="A15165" t="s">
        <v>23655</v>
      </c>
      <c r="B15165" t="s">
        <v>23657</v>
      </c>
      <c r="C15165">
        <v>0</v>
      </c>
      <c r="D15165">
        <v>0</v>
      </c>
    </row>
    <row r="15166" spans="1:4" x14ac:dyDescent="0.25">
      <c r="A15166" t="s">
        <v>23658</v>
      </c>
      <c r="B15166" t="s">
        <v>23659</v>
      </c>
      <c r="C15166">
        <v>1</v>
      </c>
      <c r="D15166">
        <v>0</v>
      </c>
    </row>
    <row r="15167" spans="1:4" x14ac:dyDescent="0.25">
      <c r="A15167" t="s">
        <v>23658</v>
      </c>
      <c r="B15167" t="s">
        <v>23660</v>
      </c>
      <c r="C15167">
        <v>0</v>
      </c>
      <c r="D15167">
        <v>0</v>
      </c>
    </row>
    <row r="15168" spans="1:4" x14ac:dyDescent="0.25">
      <c r="A15168" t="s">
        <v>23658</v>
      </c>
      <c r="B15168" t="s">
        <v>23661</v>
      </c>
      <c r="C15168">
        <v>2</v>
      </c>
      <c r="D15168">
        <v>0</v>
      </c>
    </row>
    <row r="15169" spans="1:4" x14ac:dyDescent="0.25">
      <c r="A15169" t="s">
        <v>23662</v>
      </c>
      <c r="B15169" t="s">
        <v>23663</v>
      </c>
      <c r="C15169">
        <v>1</v>
      </c>
      <c r="D15169">
        <v>0</v>
      </c>
    </row>
    <row r="15170" spans="1:4" x14ac:dyDescent="0.25">
      <c r="A15170" t="s">
        <v>23664</v>
      </c>
      <c r="B15170" t="s">
        <v>23665</v>
      </c>
      <c r="C15170">
        <v>2</v>
      </c>
      <c r="D15170">
        <v>0</v>
      </c>
    </row>
    <row r="15171" spans="1:4" x14ac:dyDescent="0.25">
      <c r="A15171" t="s">
        <v>23666</v>
      </c>
      <c r="B15171" t="s">
        <v>23667</v>
      </c>
      <c r="C15171">
        <v>1</v>
      </c>
      <c r="D15171">
        <v>0</v>
      </c>
    </row>
    <row r="15172" spans="1:4" x14ac:dyDescent="0.25">
      <c r="A15172" t="s">
        <v>23668</v>
      </c>
      <c r="B15172" t="s">
        <v>23669</v>
      </c>
      <c r="C15172">
        <v>1</v>
      </c>
      <c r="D15172">
        <v>0</v>
      </c>
    </row>
    <row r="15173" spans="1:4" x14ac:dyDescent="0.25">
      <c r="A15173" t="s">
        <v>23670</v>
      </c>
      <c r="B15173" t="s">
        <v>23671</v>
      </c>
      <c r="C15173">
        <v>0</v>
      </c>
      <c r="D15173">
        <v>0</v>
      </c>
    </row>
    <row r="15174" spans="1:4" x14ac:dyDescent="0.25">
      <c r="A15174" t="s">
        <v>23672</v>
      </c>
      <c r="B15174" t="s">
        <v>23673</v>
      </c>
      <c r="C15174">
        <v>0</v>
      </c>
      <c r="D15174">
        <v>0</v>
      </c>
    </row>
    <row r="15175" spans="1:4" x14ac:dyDescent="0.25">
      <c r="A15175" t="s">
        <v>23674</v>
      </c>
      <c r="B15175" t="s">
        <v>23675</v>
      </c>
      <c r="C15175">
        <v>1</v>
      </c>
      <c r="D15175">
        <v>0</v>
      </c>
    </row>
    <row r="15176" spans="1:4" x14ac:dyDescent="0.25">
      <c r="A15176" t="s">
        <v>23676</v>
      </c>
      <c r="B15176" t="s">
        <v>23677</v>
      </c>
      <c r="C15176">
        <v>1</v>
      </c>
      <c r="D15176">
        <v>0</v>
      </c>
    </row>
    <row r="15177" spans="1:4" x14ac:dyDescent="0.25">
      <c r="A15177" t="s">
        <v>23676</v>
      </c>
      <c r="B15177" t="s">
        <v>23678</v>
      </c>
      <c r="C15177">
        <v>0</v>
      </c>
      <c r="D15177">
        <v>0</v>
      </c>
    </row>
    <row r="15178" spans="1:4" x14ac:dyDescent="0.25">
      <c r="A15178" t="s">
        <v>23679</v>
      </c>
      <c r="B15178" t="s">
        <v>23680</v>
      </c>
      <c r="C15178">
        <v>1</v>
      </c>
      <c r="D15178">
        <v>0</v>
      </c>
    </row>
    <row r="15179" spans="1:4" x14ac:dyDescent="0.25">
      <c r="A15179" t="s">
        <v>23681</v>
      </c>
      <c r="B15179" t="s">
        <v>23682</v>
      </c>
      <c r="C15179">
        <v>1</v>
      </c>
      <c r="D15179">
        <v>0</v>
      </c>
    </row>
    <row r="15180" spans="1:4" x14ac:dyDescent="0.25">
      <c r="A15180" t="s">
        <v>23681</v>
      </c>
      <c r="B15180" t="s">
        <v>23683</v>
      </c>
      <c r="C15180">
        <v>1</v>
      </c>
      <c r="D15180">
        <v>0</v>
      </c>
    </row>
    <row r="15181" spans="1:4" x14ac:dyDescent="0.25">
      <c r="A15181" t="s">
        <v>23684</v>
      </c>
      <c r="B15181" t="s">
        <v>23685</v>
      </c>
      <c r="C15181">
        <v>1</v>
      </c>
      <c r="D15181">
        <v>0</v>
      </c>
    </row>
    <row r="15182" spans="1:4" x14ac:dyDescent="0.25">
      <c r="A15182" t="s">
        <v>23686</v>
      </c>
      <c r="B15182" t="s">
        <v>23687</v>
      </c>
      <c r="C15182">
        <v>1</v>
      </c>
      <c r="D15182">
        <v>0</v>
      </c>
    </row>
    <row r="15183" spans="1:4" x14ac:dyDescent="0.25">
      <c r="A15183" t="s">
        <v>23688</v>
      </c>
      <c r="B15183" t="s">
        <v>23689</v>
      </c>
      <c r="C15183">
        <v>1</v>
      </c>
      <c r="D15183">
        <v>0</v>
      </c>
    </row>
    <row r="15184" spans="1:4" x14ac:dyDescent="0.25">
      <c r="A15184" t="s">
        <v>23690</v>
      </c>
      <c r="B15184" t="s">
        <v>23691</v>
      </c>
      <c r="C15184">
        <v>1</v>
      </c>
      <c r="D15184">
        <v>0</v>
      </c>
    </row>
    <row r="15185" spans="1:4" x14ac:dyDescent="0.25">
      <c r="A15185" t="s">
        <v>23692</v>
      </c>
      <c r="B15185" t="s">
        <v>23693</v>
      </c>
      <c r="C15185">
        <v>1</v>
      </c>
      <c r="D15185">
        <v>0</v>
      </c>
    </row>
    <row r="15186" spans="1:4" x14ac:dyDescent="0.25">
      <c r="A15186" t="s">
        <v>23694</v>
      </c>
      <c r="B15186" t="s">
        <v>23695</v>
      </c>
      <c r="C15186">
        <v>0</v>
      </c>
      <c r="D15186">
        <v>0</v>
      </c>
    </row>
    <row r="15187" spans="1:4" x14ac:dyDescent="0.25">
      <c r="A15187" t="s">
        <v>23694</v>
      </c>
      <c r="B15187" t="s">
        <v>23696</v>
      </c>
      <c r="C15187">
        <v>0</v>
      </c>
      <c r="D15187">
        <v>0</v>
      </c>
    </row>
    <row r="15188" spans="1:4" x14ac:dyDescent="0.25">
      <c r="A15188" t="s">
        <v>23697</v>
      </c>
      <c r="B15188" t="s">
        <v>23698</v>
      </c>
      <c r="C15188">
        <v>0</v>
      </c>
      <c r="D15188">
        <v>0</v>
      </c>
    </row>
    <row r="15189" spans="1:4" x14ac:dyDescent="0.25">
      <c r="A15189" t="s">
        <v>23699</v>
      </c>
      <c r="B15189" t="s">
        <v>23700</v>
      </c>
      <c r="C15189">
        <v>2</v>
      </c>
      <c r="D15189">
        <v>0</v>
      </c>
    </row>
    <row r="15190" spans="1:4" x14ac:dyDescent="0.25">
      <c r="A15190" t="s">
        <v>23701</v>
      </c>
      <c r="B15190" t="s">
        <v>23702</v>
      </c>
      <c r="C15190">
        <v>0</v>
      </c>
      <c r="D15190">
        <v>0</v>
      </c>
    </row>
    <row r="15191" spans="1:4" x14ac:dyDescent="0.25">
      <c r="A15191" t="s">
        <v>23701</v>
      </c>
      <c r="B15191" t="s">
        <v>23703</v>
      </c>
      <c r="C15191">
        <v>2</v>
      </c>
      <c r="D15191">
        <v>0</v>
      </c>
    </row>
    <row r="15192" spans="1:4" x14ac:dyDescent="0.25">
      <c r="A15192" t="s">
        <v>23704</v>
      </c>
      <c r="B15192" t="s">
        <v>23705</v>
      </c>
      <c r="C15192">
        <v>1</v>
      </c>
      <c r="D15192">
        <v>0</v>
      </c>
    </row>
    <row r="15193" spans="1:4" x14ac:dyDescent="0.25">
      <c r="A15193" t="s">
        <v>23706</v>
      </c>
      <c r="B15193" t="s">
        <v>23707</v>
      </c>
      <c r="C15193">
        <v>1</v>
      </c>
      <c r="D15193">
        <v>0</v>
      </c>
    </row>
    <row r="15194" spans="1:4" x14ac:dyDescent="0.25">
      <c r="A15194" t="s">
        <v>23706</v>
      </c>
      <c r="B15194" t="s">
        <v>23708</v>
      </c>
      <c r="C15194">
        <v>0</v>
      </c>
      <c r="D15194">
        <v>0</v>
      </c>
    </row>
    <row r="15195" spans="1:4" x14ac:dyDescent="0.25">
      <c r="A15195" t="s">
        <v>23709</v>
      </c>
      <c r="B15195" t="s">
        <v>23710</v>
      </c>
      <c r="C15195">
        <v>0</v>
      </c>
      <c r="D15195">
        <v>0</v>
      </c>
    </row>
    <row r="15196" spans="1:4" x14ac:dyDescent="0.25">
      <c r="A15196" t="s">
        <v>23711</v>
      </c>
      <c r="B15196" t="s">
        <v>23712</v>
      </c>
      <c r="C15196">
        <v>0</v>
      </c>
      <c r="D15196">
        <v>0</v>
      </c>
    </row>
    <row r="15197" spans="1:4" x14ac:dyDescent="0.25">
      <c r="A15197" t="s">
        <v>23713</v>
      </c>
      <c r="B15197" t="s">
        <v>23714</v>
      </c>
      <c r="C15197">
        <v>1</v>
      </c>
      <c r="D15197">
        <v>0</v>
      </c>
    </row>
    <row r="15198" spans="1:4" x14ac:dyDescent="0.25">
      <c r="A15198" t="s">
        <v>23715</v>
      </c>
      <c r="B15198" t="s">
        <v>23716</v>
      </c>
      <c r="C15198">
        <v>2</v>
      </c>
      <c r="D15198">
        <v>0</v>
      </c>
    </row>
    <row r="15199" spans="1:4" x14ac:dyDescent="0.25">
      <c r="A15199" t="s">
        <v>23717</v>
      </c>
      <c r="B15199" t="s">
        <v>23718</v>
      </c>
      <c r="C15199">
        <v>1</v>
      </c>
      <c r="D15199">
        <v>0</v>
      </c>
    </row>
    <row r="15200" spans="1:4" x14ac:dyDescent="0.25">
      <c r="A15200" t="s">
        <v>23719</v>
      </c>
      <c r="B15200" t="s">
        <v>23720</v>
      </c>
      <c r="C15200">
        <v>2</v>
      </c>
      <c r="D15200">
        <v>0</v>
      </c>
    </row>
    <row r="15201" spans="1:4" x14ac:dyDescent="0.25">
      <c r="A15201" t="s">
        <v>23721</v>
      </c>
      <c r="B15201" t="s">
        <v>23722</v>
      </c>
      <c r="C15201">
        <v>0</v>
      </c>
      <c r="D15201">
        <v>0</v>
      </c>
    </row>
    <row r="15202" spans="1:4" x14ac:dyDescent="0.25">
      <c r="A15202" t="s">
        <v>23721</v>
      </c>
      <c r="B15202" t="s">
        <v>23723</v>
      </c>
      <c r="C15202">
        <v>0</v>
      </c>
      <c r="D15202">
        <v>0</v>
      </c>
    </row>
    <row r="15203" spans="1:4" x14ac:dyDescent="0.25">
      <c r="A15203" t="s">
        <v>23724</v>
      </c>
      <c r="B15203" t="s">
        <v>23725</v>
      </c>
      <c r="C15203">
        <v>1</v>
      </c>
      <c r="D15203">
        <v>0</v>
      </c>
    </row>
    <row r="15204" spans="1:4" x14ac:dyDescent="0.25">
      <c r="A15204" t="s">
        <v>23724</v>
      </c>
      <c r="B15204" t="s">
        <v>23726</v>
      </c>
      <c r="C15204">
        <v>0</v>
      </c>
      <c r="D15204">
        <v>0</v>
      </c>
    </row>
    <row r="15205" spans="1:4" x14ac:dyDescent="0.25">
      <c r="A15205" t="s">
        <v>23724</v>
      </c>
      <c r="B15205" t="s">
        <v>23727</v>
      </c>
      <c r="C15205">
        <v>2</v>
      </c>
      <c r="D15205">
        <v>0</v>
      </c>
    </row>
    <row r="15206" spans="1:4" x14ac:dyDescent="0.25">
      <c r="A15206" t="s">
        <v>23728</v>
      </c>
      <c r="B15206" t="s">
        <v>23729</v>
      </c>
      <c r="C15206">
        <v>2</v>
      </c>
      <c r="D15206">
        <v>0</v>
      </c>
    </row>
    <row r="15207" spans="1:4" x14ac:dyDescent="0.25">
      <c r="A15207" t="s">
        <v>23730</v>
      </c>
      <c r="B15207" t="s">
        <v>23731</v>
      </c>
      <c r="C15207">
        <v>1</v>
      </c>
      <c r="D15207">
        <v>0</v>
      </c>
    </row>
    <row r="15208" spans="1:4" x14ac:dyDescent="0.25">
      <c r="A15208" t="s">
        <v>23732</v>
      </c>
      <c r="B15208" t="s">
        <v>23733</v>
      </c>
      <c r="C15208">
        <v>2</v>
      </c>
      <c r="D15208">
        <v>0</v>
      </c>
    </row>
    <row r="15209" spans="1:4" x14ac:dyDescent="0.25">
      <c r="A15209" t="s">
        <v>23734</v>
      </c>
      <c r="B15209" t="s">
        <v>23735</v>
      </c>
      <c r="C15209">
        <v>0</v>
      </c>
      <c r="D15209">
        <v>0</v>
      </c>
    </row>
    <row r="15210" spans="1:4" x14ac:dyDescent="0.25">
      <c r="A15210" t="s">
        <v>23736</v>
      </c>
      <c r="B15210" t="s">
        <v>23737</v>
      </c>
      <c r="C15210">
        <v>1</v>
      </c>
      <c r="D15210">
        <v>0</v>
      </c>
    </row>
    <row r="15211" spans="1:4" x14ac:dyDescent="0.25">
      <c r="A15211" t="s">
        <v>23736</v>
      </c>
      <c r="B15211" t="s">
        <v>23738</v>
      </c>
      <c r="C15211">
        <v>0</v>
      </c>
      <c r="D15211">
        <v>0</v>
      </c>
    </row>
    <row r="15212" spans="1:4" x14ac:dyDescent="0.25">
      <c r="A15212" t="s">
        <v>23739</v>
      </c>
      <c r="B15212" t="s">
        <v>23740</v>
      </c>
      <c r="C15212">
        <v>1</v>
      </c>
      <c r="D15212">
        <v>0</v>
      </c>
    </row>
    <row r="15213" spans="1:4" x14ac:dyDescent="0.25">
      <c r="A15213" t="s">
        <v>23741</v>
      </c>
      <c r="B15213" t="s">
        <v>23742</v>
      </c>
      <c r="C15213">
        <v>1</v>
      </c>
      <c r="D15213">
        <v>0</v>
      </c>
    </row>
    <row r="15214" spans="1:4" x14ac:dyDescent="0.25">
      <c r="A15214" t="s">
        <v>23743</v>
      </c>
      <c r="B15214" t="s">
        <v>23744</v>
      </c>
      <c r="C15214">
        <v>1</v>
      </c>
      <c r="D15214">
        <v>0</v>
      </c>
    </row>
    <row r="15215" spans="1:4" x14ac:dyDescent="0.25">
      <c r="A15215" t="s">
        <v>23745</v>
      </c>
      <c r="B15215" t="s">
        <v>5713</v>
      </c>
      <c r="C15215">
        <v>1</v>
      </c>
      <c r="D15215">
        <v>0</v>
      </c>
    </row>
    <row r="15216" spans="1:4" x14ac:dyDescent="0.25">
      <c r="A15216" t="s">
        <v>23746</v>
      </c>
      <c r="B15216" t="s">
        <v>23747</v>
      </c>
      <c r="C15216">
        <v>1</v>
      </c>
      <c r="D15216">
        <v>0</v>
      </c>
    </row>
    <row r="15217" spans="1:4" x14ac:dyDescent="0.25">
      <c r="A15217" t="s">
        <v>23746</v>
      </c>
      <c r="B15217" t="s">
        <v>23748</v>
      </c>
      <c r="C15217">
        <v>2</v>
      </c>
      <c r="D15217">
        <v>0</v>
      </c>
    </row>
    <row r="15218" spans="1:4" x14ac:dyDescent="0.25">
      <c r="A15218" t="s">
        <v>23749</v>
      </c>
      <c r="B15218" t="s">
        <v>23750</v>
      </c>
      <c r="C15218">
        <v>1</v>
      </c>
      <c r="D15218">
        <v>0</v>
      </c>
    </row>
    <row r="15219" spans="1:4" x14ac:dyDescent="0.25">
      <c r="A15219" t="s">
        <v>23751</v>
      </c>
      <c r="B15219" t="s">
        <v>23752</v>
      </c>
      <c r="C15219">
        <v>2</v>
      </c>
      <c r="D15219">
        <v>0</v>
      </c>
    </row>
    <row r="15220" spans="1:4" x14ac:dyDescent="0.25">
      <c r="A15220" t="s">
        <v>23753</v>
      </c>
      <c r="B15220" t="s">
        <v>23754</v>
      </c>
      <c r="C15220">
        <v>2</v>
      </c>
      <c r="D15220">
        <v>0</v>
      </c>
    </row>
    <row r="15221" spans="1:4" x14ac:dyDescent="0.25">
      <c r="A15221" t="s">
        <v>23755</v>
      </c>
      <c r="B15221" t="s">
        <v>23756</v>
      </c>
      <c r="C15221">
        <v>1</v>
      </c>
      <c r="D15221">
        <v>0</v>
      </c>
    </row>
    <row r="15222" spans="1:4" x14ac:dyDescent="0.25">
      <c r="A15222" t="s">
        <v>23757</v>
      </c>
      <c r="B15222" t="s">
        <v>23758</v>
      </c>
      <c r="C15222">
        <v>0</v>
      </c>
      <c r="D15222">
        <v>0</v>
      </c>
    </row>
    <row r="15223" spans="1:4" x14ac:dyDescent="0.25">
      <c r="A15223" t="s">
        <v>23759</v>
      </c>
      <c r="B15223" t="s">
        <v>23760</v>
      </c>
      <c r="C15223">
        <v>1</v>
      </c>
      <c r="D15223">
        <v>0</v>
      </c>
    </row>
    <row r="15224" spans="1:4" x14ac:dyDescent="0.25">
      <c r="A15224" t="s">
        <v>23761</v>
      </c>
      <c r="B15224" t="s">
        <v>23762</v>
      </c>
      <c r="C15224">
        <v>1</v>
      </c>
      <c r="D15224">
        <v>0</v>
      </c>
    </row>
    <row r="15225" spans="1:4" x14ac:dyDescent="0.25">
      <c r="A15225" t="s">
        <v>23763</v>
      </c>
      <c r="B15225" t="s">
        <v>23764</v>
      </c>
      <c r="C15225">
        <v>0</v>
      </c>
      <c r="D15225">
        <v>0</v>
      </c>
    </row>
    <row r="15226" spans="1:4" x14ac:dyDescent="0.25">
      <c r="A15226" t="s">
        <v>23765</v>
      </c>
      <c r="B15226" t="s">
        <v>23766</v>
      </c>
      <c r="C15226">
        <v>1</v>
      </c>
      <c r="D15226">
        <v>0</v>
      </c>
    </row>
    <row r="15227" spans="1:4" x14ac:dyDescent="0.25">
      <c r="A15227" t="s">
        <v>23767</v>
      </c>
      <c r="B15227" t="s">
        <v>23768</v>
      </c>
      <c r="C15227">
        <v>0</v>
      </c>
      <c r="D15227">
        <v>0</v>
      </c>
    </row>
    <row r="15228" spans="1:4" x14ac:dyDescent="0.25">
      <c r="A15228" t="s">
        <v>23769</v>
      </c>
      <c r="B15228" t="s">
        <v>23770</v>
      </c>
      <c r="C15228">
        <v>1</v>
      </c>
      <c r="D15228">
        <v>0</v>
      </c>
    </row>
    <row r="15229" spans="1:4" x14ac:dyDescent="0.25">
      <c r="A15229" t="s">
        <v>23769</v>
      </c>
      <c r="B15229" t="s">
        <v>23771</v>
      </c>
      <c r="C15229">
        <v>0</v>
      </c>
      <c r="D15229">
        <v>0</v>
      </c>
    </row>
    <row r="15230" spans="1:4" x14ac:dyDescent="0.25">
      <c r="A15230" t="s">
        <v>23772</v>
      </c>
      <c r="B15230" t="s">
        <v>23773</v>
      </c>
      <c r="C15230">
        <v>1</v>
      </c>
      <c r="D15230">
        <v>0</v>
      </c>
    </row>
    <row r="15231" spans="1:4" x14ac:dyDescent="0.25">
      <c r="A15231" t="s">
        <v>23774</v>
      </c>
      <c r="B15231" t="s">
        <v>23775</v>
      </c>
      <c r="C15231">
        <v>1</v>
      </c>
      <c r="D15231">
        <v>0</v>
      </c>
    </row>
    <row r="15232" spans="1:4" x14ac:dyDescent="0.25">
      <c r="A15232" t="s">
        <v>23776</v>
      </c>
      <c r="B15232" t="s">
        <v>23777</v>
      </c>
      <c r="C15232">
        <v>2</v>
      </c>
      <c r="D15232">
        <v>0</v>
      </c>
    </row>
    <row r="15233" spans="1:4" x14ac:dyDescent="0.25">
      <c r="A15233" t="s">
        <v>23778</v>
      </c>
      <c r="B15233" t="s">
        <v>23779</v>
      </c>
      <c r="C15233">
        <v>1</v>
      </c>
      <c r="D15233">
        <v>0</v>
      </c>
    </row>
    <row r="15234" spans="1:4" x14ac:dyDescent="0.25">
      <c r="A15234" t="s">
        <v>23780</v>
      </c>
      <c r="B15234" t="s">
        <v>23781</v>
      </c>
      <c r="C15234">
        <v>2</v>
      </c>
      <c r="D15234">
        <v>0</v>
      </c>
    </row>
    <row r="15235" spans="1:4" x14ac:dyDescent="0.25">
      <c r="A15235" t="s">
        <v>23782</v>
      </c>
      <c r="B15235" t="s">
        <v>23783</v>
      </c>
      <c r="C15235">
        <v>1</v>
      </c>
      <c r="D15235">
        <v>0</v>
      </c>
    </row>
    <row r="15236" spans="1:4" x14ac:dyDescent="0.25">
      <c r="A15236" t="s">
        <v>23784</v>
      </c>
      <c r="B15236" t="s">
        <v>23785</v>
      </c>
      <c r="C15236">
        <v>1</v>
      </c>
      <c r="D15236">
        <v>0</v>
      </c>
    </row>
    <row r="15237" spans="1:4" x14ac:dyDescent="0.25">
      <c r="A15237" t="s">
        <v>23784</v>
      </c>
      <c r="B15237" t="s">
        <v>23786</v>
      </c>
      <c r="C15237">
        <v>0</v>
      </c>
      <c r="D15237">
        <v>0</v>
      </c>
    </row>
    <row r="15238" spans="1:4" x14ac:dyDescent="0.25">
      <c r="A15238" t="s">
        <v>23784</v>
      </c>
      <c r="B15238" t="s">
        <v>23787</v>
      </c>
      <c r="C15238">
        <v>2</v>
      </c>
      <c r="D15238">
        <v>0</v>
      </c>
    </row>
    <row r="15239" spans="1:4" x14ac:dyDescent="0.25">
      <c r="A15239" t="s">
        <v>23788</v>
      </c>
      <c r="B15239" t="s">
        <v>23789</v>
      </c>
      <c r="C15239">
        <v>2</v>
      </c>
      <c r="D15239">
        <v>0</v>
      </c>
    </row>
    <row r="15240" spans="1:4" x14ac:dyDescent="0.25">
      <c r="A15240" t="s">
        <v>23790</v>
      </c>
      <c r="B15240" t="s">
        <v>23791</v>
      </c>
      <c r="C15240">
        <v>0</v>
      </c>
      <c r="D15240">
        <v>0</v>
      </c>
    </row>
    <row r="15241" spans="1:4" x14ac:dyDescent="0.25">
      <c r="A15241" t="s">
        <v>23792</v>
      </c>
      <c r="B15241" t="s">
        <v>23793</v>
      </c>
      <c r="C15241">
        <v>0</v>
      </c>
      <c r="D15241">
        <v>0</v>
      </c>
    </row>
    <row r="15242" spans="1:4" x14ac:dyDescent="0.25">
      <c r="A15242" t="s">
        <v>23794</v>
      </c>
      <c r="B15242" t="s">
        <v>23795</v>
      </c>
      <c r="C15242">
        <v>1</v>
      </c>
      <c r="D15242">
        <v>0</v>
      </c>
    </row>
    <row r="15243" spans="1:4" x14ac:dyDescent="0.25">
      <c r="A15243" t="s">
        <v>23796</v>
      </c>
      <c r="B15243" t="s">
        <v>23797</v>
      </c>
      <c r="C15243">
        <v>1</v>
      </c>
      <c r="D15243">
        <v>0</v>
      </c>
    </row>
    <row r="15244" spans="1:4" x14ac:dyDescent="0.25">
      <c r="A15244" t="s">
        <v>23798</v>
      </c>
      <c r="B15244" t="s">
        <v>23799</v>
      </c>
      <c r="C15244">
        <v>1</v>
      </c>
      <c r="D15244">
        <v>0</v>
      </c>
    </row>
    <row r="15245" spans="1:4" x14ac:dyDescent="0.25">
      <c r="A15245" t="s">
        <v>23800</v>
      </c>
      <c r="B15245" t="s">
        <v>23801</v>
      </c>
      <c r="C15245">
        <v>0</v>
      </c>
      <c r="D15245">
        <v>0</v>
      </c>
    </row>
    <row r="15246" spans="1:4" x14ac:dyDescent="0.25">
      <c r="A15246" t="s">
        <v>23802</v>
      </c>
      <c r="B15246" t="s">
        <v>23803</v>
      </c>
      <c r="C15246">
        <v>1</v>
      </c>
      <c r="D15246">
        <v>0</v>
      </c>
    </row>
    <row r="15247" spans="1:4" x14ac:dyDescent="0.25">
      <c r="A15247" t="s">
        <v>23804</v>
      </c>
      <c r="B15247" t="s">
        <v>23805</v>
      </c>
      <c r="C15247">
        <v>0</v>
      </c>
      <c r="D15247">
        <v>0</v>
      </c>
    </row>
    <row r="15248" spans="1:4" x14ac:dyDescent="0.25">
      <c r="A15248" t="s">
        <v>23806</v>
      </c>
      <c r="B15248" t="s">
        <v>23807</v>
      </c>
      <c r="C15248">
        <v>0</v>
      </c>
      <c r="D15248">
        <v>0</v>
      </c>
    </row>
    <row r="15249" spans="1:4" x14ac:dyDescent="0.25">
      <c r="A15249" t="s">
        <v>23808</v>
      </c>
      <c r="B15249" t="s">
        <v>23809</v>
      </c>
      <c r="C15249">
        <v>1</v>
      </c>
      <c r="D15249">
        <v>0</v>
      </c>
    </row>
    <row r="15250" spans="1:4" x14ac:dyDescent="0.25">
      <c r="A15250" t="s">
        <v>23810</v>
      </c>
      <c r="B15250" t="s">
        <v>23811</v>
      </c>
      <c r="C15250">
        <v>1</v>
      </c>
      <c r="D15250">
        <v>0</v>
      </c>
    </row>
    <row r="15251" spans="1:4" x14ac:dyDescent="0.25">
      <c r="A15251" t="s">
        <v>23812</v>
      </c>
      <c r="B15251" t="s">
        <v>23813</v>
      </c>
      <c r="C15251">
        <v>1</v>
      </c>
      <c r="D15251">
        <v>0</v>
      </c>
    </row>
    <row r="15252" spans="1:4" x14ac:dyDescent="0.25">
      <c r="A15252" t="s">
        <v>23814</v>
      </c>
      <c r="B15252" t="s">
        <v>23815</v>
      </c>
      <c r="C15252">
        <v>0</v>
      </c>
      <c r="D15252">
        <v>0</v>
      </c>
    </row>
    <row r="15253" spans="1:4" x14ac:dyDescent="0.25">
      <c r="A15253" t="s">
        <v>23816</v>
      </c>
      <c r="B15253" t="s">
        <v>23817</v>
      </c>
      <c r="C15253">
        <v>2</v>
      </c>
      <c r="D15253">
        <v>0</v>
      </c>
    </row>
    <row r="15254" spans="1:4" x14ac:dyDescent="0.25">
      <c r="A15254" t="s">
        <v>23818</v>
      </c>
      <c r="B15254" t="s">
        <v>23819</v>
      </c>
      <c r="C15254">
        <v>0</v>
      </c>
      <c r="D15254">
        <v>0</v>
      </c>
    </row>
    <row r="15255" spans="1:4" x14ac:dyDescent="0.25">
      <c r="A15255" t="s">
        <v>23820</v>
      </c>
      <c r="B15255" t="s">
        <v>23821</v>
      </c>
      <c r="C15255">
        <v>2</v>
      </c>
      <c r="D15255">
        <v>0</v>
      </c>
    </row>
    <row r="15256" spans="1:4" x14ac:dyDescent="0.25">
      <c r="A15256" t="s">
        <v>23822</v>
      </c>
      <c r="B15256" t="s">
        <v>23823</v>
      </c>
      <c r="C15256">
        <v>1</v>
      </c>
      <c r="D15256">
        <v>0</v>
      </c>
    </row>
    <row r="15257" spans="1:4" x14ac:dyDescent="0.25">
      <c r="A15257" t="s">
        <v>23824</v>
      </c>
      <c r="B15257" t="s">
        <v>23825</v>
      </c>
      <c r="C15257">
        <v>1</v>
      </c>
      <c r="D15257">
        <v>0</v>
      </c>
    </row>
    <row r="15258" spans="1:4" x14ac:dyDescent="0.25">
      <c r="A15258" t="s">
        <v>23826</v>
      </c>
      <c r="B15258" t="s">
        <v>23827</v>
      </c>
      <c r="C15258">
        <v>1</v>
      </c>
      <c r="D15258">
        <v>0</v>
      </c>
    </row>
    <row r="15259" spans="1:4" x14ac:dyDescent="0.25">
      <c r="A15259" t="s">
        <v>23828</v>
      </c>
      <c r="B15259" t="s">
        <v>23829</v>
      </c>
      <c r="C15259">
        <v>1</v>
      </c>
      <c r="D15259">
        <v>0</v>
      </c>
    </row>
    <row r="15260" spans="1:4" x14ac:dyDescent="0.25">
      <c r="A15260" t="s">
        <v>23828</v>
      </c>
      <c r="B15260" t="s">
        <v>23830</v>
      </c>
      <c r="C15260">
        <v>0</v>
      </c>
      <c r="D15260">
        <v>0</v>
      </c>
    </row>
    <row r="15261" spans="1:4" x14ac:dyDescent="0.25">
      <c r="A15261" t="s">
        <v>23828</v>
      </c>
      <c r="B15261" t="s">
        <v>23831</v>
      </c>
      <c r="C15261">
        <v>2</v>
      </c>
      <c r="D15261">
        <v>0</v>
      </c>
    </row>
    <row r="15262" spans="1:4" x14ac:dyDescent="0.25">
      <c r="A15262" t="s">
        <v>23832</v>
      </c>
      <c r="B15262" t="s">
        <v>23833</v>
      </c>
      <c r="C15262">
        <v>1</v>
      </c>
      <c r="D15262">
        <v>0</v>
      </c>
    </row>
    <row r="15263" spans="1:4" x14ac:dyDescent="0.25">
      <c r="A15263" t="s">
        <v>23834</v>
      </c>
      <c r="B15263" t="s">
        <v>23835</v>
      </c>
      <c r="C15263">
        <v>1</v>
      </c>
      <c r="D15263">
        <v>0</v>
      </c>
    </row>
    <row r="15264" spans="1:4" x14ac:dyDescent="0.25">
      <c r="A15264" t="s">
        <v>23836</v>
      </c>
      <c r="B15264" t="s">
        <v>23837</v>
      </c>
      <c r="C15264">
        <v>1</v>
      </c>
      <c r="D15264">
        <v>0</v>
      </c>
    </row>
    <row r="15265" spans="1:4" x14ac:dyDescent="0.25">
      <c r="A15265" t="s">
        <v>23838</v>
      </c>
      <c r="B15265" t="s">
        <v>23839</v>
      </c>
      <c r="C15265">
        <v>0</v>
      </c>
      <c r="D15265">
        <v>0</v>
      </c>
    </row>
    <row r="15266" spans="1:4" x14ac:dyDescent="0.25">
      <c r="A15266" t="s">
        <v>23840</v>
      </c>
      <c r="B15266" t="s">
        <v>23841</v>
      </c>
      <c r="C15266">
        <v>1</v>
      </c>
      <c r="D15266">
        <v>0</v>
      </c>
    </row>
    <row r="15267" spans="1:4" x14ac:dyDescent="0.25">
      <c r="A15267" t="s">
        <v>23840</v>
      </c>
      <c r="B15267" t="s">
        <v>23842</v>
      </c>
      <c r="C15267">
        <v>2</v>
      </c>
      <c r="D15267">
        <v>0</v>
      </c>
    </row>
    <row r="15268" spans="1:4" x14ac:dyDescent="0.25">
      <c r="A15268" t="s">
        <v>23843</v>
      </c>
      <c r="B15268" t="s">
        <v>23844</v>
      </c>
      <c r="C15268">
        <v>1</v>
      </c>
      <c r="D15268">
        <v>0</v>
      </c>
    </row>
    <row r="15269" spans="1:4" x14ac:dyDescent="0.25">
      <c r="A15269" t="s">
        <v>23843</v>
      </c>
      <c r="B15269" t="s">
        <v>23845</v>
      </c>
      <c r="C15269">
        <v>0</v>
      </c>
      <c r="D15269">
        <v>0</v>
      </c>
    </row>
    <row r="15270" spans="1:4" x14ac:dyDescent="0.25">
      <c r="A15270" t="s">
        <v>23846</v>
      </c>
      <c r="B15270" t="s">
        <v>23847</v>
      </c>
      <c r="C15270">
        <v>0</v>
      </c>
      <c r="D15270">
        <v>0</v>
      </c>
    </row>
    <row r="15271" spans="1:4" x14ac:dyDescent="0.25">
      <c r="A15271" t="s">
        <v>23846</v>
      </c>
      <c r="B15271" t="s">
        <v>23848</v>
      </c>
      <c r="C15271">
        <v>0</v>
      </c>
      <c r="D15271">
        <v>0</v>
      </c>
    </row>
    <row r="15272" spans="1:4" x14ac:dyDescent="0.25">
      <c r="A15272" t="s">
        <v>23849</v>
      </c>
      <c r="B15272" t="s">
        <v>23850</v>
      </c>
      <c r="C15272">
        <v>1</v>
      </c>
      <c r="D15272">
        <v>0</v>
      </c>
    </row>
    <row r="15273" spans="1:4" x14ac:dyDescent="0.25">
      <c r="A15273" t="s">
        <v>23849</v>
      </c>
      <c r="B15273" t="s">
        <v>23851</v>
      </c>
      <c r="C15273">
        <v>1</v>
      </c>
      <c r="D15273">
        <v>0</v>
      </c>
    </row>
    <row r="15274" spans="1:4" x14ac:dyDescent="0.25">
      <c r="A15274" t="s">
        <v>23852</v>
      </c>
      <c r="B15274" t="s">
        <v>23853</v>
      </c>
      <c r="C15274">
        <v>1</v>
      </c>
      <c r="D15274">
        <v>0</v>
      </c>
    </row>
    <row r="15275" spans="1:4" x14ac:dyDescent="0.25">
      <c r="A15275" t="s">
        <v>23854</v>
      </c>
      <c r="B15275" t="s">
        <v>23855</v>
      </c>
      <c r="C15275">
        <v>1</v>
      </c>
      <c r="D15275">
        <v>0</v>
      </c>
    </row>
    <row r="15276" spans="1:4" x14ac:dyDescent="0.25">
      <c r="A15276" t="s">
        <v>23856</v>
      </c>
      <c r="B15276" t="s">
        <v>23857</v>
      </c>
      <c r="C15276">
        <v>1</v>
      </c>
      <c r="D15276">
        <v>0</v>
      </c>
    </row>
    <row r="15277" spans="1:4" x14ac:dyDescent="0.25">
      <c r="A15277" t="s">
        <v>23858</v>
      </c>
      <c r="B15277" t="s">
        <v>23859</v>
      </c>
      <c r="C15277">
        <v>0</v>
      </c>
      <c r="D15277">
        <v>0</v>
      </c>
    </row>
    <row r="15278" spans="1:4" x14ac:dyDescent="0.25">
      <c r="A15278" t="s">
        <v>23860</v>
      </c>
      <c r="B15278" t="s">
        <v>23861</v>
      </c>
      <c r="C15278">
        <v>1</v>
      </c>
      <c r="D15278">
        <v>0</v>
      </c>
    </row>
    <row r="15279" spans="1:4" x14ac:dyDescent="0.25">
      <c r="A15279" t="s">
        <v>23862</v>
      </c>
      <c r="B15279" t="s">
        <v>5434</v>
      </c>
      <c r="C15279">
        <v>1</v>
      </c>
      <c r="D15279">
        <v>0</v>
      </c>
    </row>
    <row r="15280" spans="1:4" x14ac:dyDescent="0.25">
      <c r="A15280" t="s">
        <v>23862</v>
      </c>
      <c r="B15280">
        <v>1</v>
      </c>
      <c r="C15280">
        <v>0</v>
      </c>
      <c r="D15280">
        <v>0</v>
      </c>
    </row>
    <row r="15281" spans="1:4" x14ac:dyDescent="0.25">
      <c r="A15281" t="s">
        <v>23862</v>
      </c>
      <c r="B15281">
        <v>1</v>
      </c>
      <c r="C15281">
        <v>2</v>
      </c>
      <c r="D15281">
        <v>0</v>
      </c>
    </row>
    <row r="15282" spans="1:4" x14ac:dyDescent="0.25">
      <c r="A15282" t="s">
        <v>23863</v>
      </c>
      <c r="B15282" t="s">
        <v>23864</v>
      </c>
      <c r="C15282">
        <v>1</v>
      </c>
      <c r="D15282">
        <v>0</v>
      </c>
    </row>
    <row r="15283" spans="1:4" x14ac:dyDescent="0.25">
      <c r="A15283" t="s">
        <v>23865</v>
      </c>
      <c r="B15283" t="s">
        <v>23866</v>
      </c>
      <c r="C15283">
        <v>1</v>
      </c>
      <c r="D15283">
        <v>0</v>
      </c>
    </row>
    <row r="15284" spans="1:4" x14ac:dyDescent="0.25">
      <c r="A15284" t="s">
        <v>23865</v>
      </c>
      <c r="B15284" t="s">
        <v>23867</v>
      </c>
      <c r="C15284">
        <v>0</v>
      </c>
      <c r="D15284">
        <v>0</v>
      </c>
    </row>
    <row r="15285" spans="1:4" x14ac:dyDescent="0.25">
      <c r="A15285" t="s">
        <v>23865</v>
      </c>
      <c r="B15285" t="s">
        <v>23868</v>
      </c>
      <c r="C15285">
        <v>2</v>
      </c>
      <c r="D15285">
        <v>0</v>
      </c>
    </row>
    <row r="15286" spans="1:4" x14ac:dyDescent="0.25">
      <c r="A15286" t="s">
        <v>23869</v>
      </c>
      <c r="B15286" t="s">
        <v>23870</v>
      </c>
      <c r="C15286">
        <v>1</v>
      </c>
      <c r="D15286">
        <v>0</v>
      </c>
    </row>
    <row r="15287" spans="1:4" x14ac:dyDescent="0.25">
      <c r="A15287" t="s">
        <v>23871</v>
      </c>
      <c r="B15287" t="s">
        <v>23872</v>
      </c>
      <c r="C15287">
        <v>1</v>
      </c>
      <c r="D15287">
        <v>0</v>
      </c>
    </row>
    <row r="15288" spans="1:4" x14ac:dyDescent="0.25">
      <c r="A15288" t="s">
        <v>23873</v>
      </c>
      <c r="B15288" t="s">
        <v>23874</v>
      </c>
      <c r="C15288">
        <v>2</v>
      </c>
      <c r="D15288">
        <v>0</v>
      </c>
    </row>
    <row r="15289" spans="1:4" x14ac:dyDescent="0.25">
      <c r="A15289" t="s">
        <v>23875</v>
      </c>
      <c r="B15289" t="s">
        <v>23876</v>
      </c>
      <c r="C15289">
        <v>1</v>
      </c>
      <c r="D15289">
        <v>0</v>
      </c>
    </row>
    <row r="15290" spans="1:4" x14ac:dyDescent="0.25">
      <c r="A15290" t="s">
        <v>23877</v>
      </c>
      <c r="B15290" t="s">
        <v>5047</v>
      </c>
      <c r="C15290">
        <v>1</v>
      </c>
      <c r="D15290">
        <v>0</v>
      </c>
    </row>
    <row r="15291" spans="1:4" x14ac:dyDescent="0.25">
      <c r="A15291" t="s">
        <v>23878</v>
      </c>
      <c r="B15291" t="s">
        <v>23879</v>
      </c>
      <c r="C15291">
        <v>1</v>
      </c>
      <c r="D15291">
        <v>0</v>
      </c>
    </row>
    <row r="15292" spans="1:4" x14ac:dyDescent="0.25">
      <c r="A15292" t="s">
        <v>23880</v>
      </c>
      <c r="B15292" t="s">
        <v>23881</v>
      </c>
      <c r="C15292">
        <v>1</v>
      </c>
      <c r="D15292">
        <v>0</v>
      </c>
    </row>
    <row r="15293" spans="1:4" x14ac:dyDescent="0.25">
      <c r="A15293" t="s">
        <v>23882</v>
      </c>
      <c r="B15293" t="s">
        <v>23883</v>
      </c>
      <c r="C15293">
        <v>1</v>
      </c>
      <c r="D15293">
        <v>0</v>
      </c>
    </row>
    <row r="15294" spans="1:4" x14ac:dyDescent="0.25">
      <c r="A15294" t="s">
        <v>23884</v>
      </c>
      <c r="B15294" t="s">
        <v>23885</v>
      </c>
      <c r="C15294">
        <v>1</v>
      </c>
      <c r="D15294">
        <v>0</v>
      </c>
    </row>
    <row r="15295" spans="1:4" x14ac:dyDescent="0.25">
      <c r="A15295" t="s">
        <v>23886</v>
      </c>
      <c r="B15295" t="s">
        <v>23887</v>
      </c>
      <c r="C15295">
        <v>1</v>
      </c>
      <c r="D15295">
        <v>0</v>
      </c>
    </row>
    <row r="15296" spans="1:4" x14ac:dyDescent="0.25">
      <c r="A15296" t="s">
        <v>23886</v>
      </c>
      <c r="B15296" t="s">
        <v>23888</v>
      </c>
      <c r="C15296">
        <v>1</v>
      </c>
      <c r="D15296">
        <v>0</v>
      </c>
    </row>
    <row r="15297" spans="1:4" x14ac:dyDescent="0.25">
      <c r="A15297" t="s">
        <v>23886</v>
      </c>
      <c r="B15297" t="s">
        <v>23889</v>
      </c>
      <c r="C15297">
        <v>0</v>
      </c>
      <c r="D15297">
        <v>0</v>
      </c>
    </row>
    <row r="15298" spans="1:4" x14ac:dyDescent="0.25">
      <c r="A15298" t="s">
        <v>23890</v>
      </c>
      <c r="B15298" t="s">
        <v>23891</v>
      </c>
      <c r="C15298">
        <v>2</v>
      </c>
      <c r="D15298">
        <v>0</v>
      </c>
    </row>
    <row r="15299" spans="1:4" x14ac:dyDescent="0.25">
      <c r="A15299" t="s">
        <v>23892</v>
      </c>
      <c r="B15299" t="s">
        <v>23893</v>
      </c>
      <c r="C15299">
        <v>2</v>
      </c>
      <c r="D15299">
        <v>0</v>
      </c>
    </row>
    <row r="15300" spans="1:4" x14ac:dyDescent="0.25">
      <c r="A15300" t="s">
        <v>23894</v>
      </c>
      <c r="B15300" t="s">
        <v>23895</v>
      </c>
      <c r="C15300">
        <v>1</v>
      </c>
      <c r="D15300">
        <v>0</v>
      </c>
    </row>
    <row r="15301" spans="1:4" x14ac:dyDescent="0.25">
      <c r="A15301" t="s">
        <v>23894</v>
      </c>
      <c r="B15301" t="s">
        <v>23896</v>
      </c>
      <c r="C15301">
        <v>0</v>
      </c>
      <c r="D15301">
        <v>0</v>
      </c>
    </row>
    <row r="15302" spans="1:4" x14ac:dyDescent="0.25">
      <c r="A15302" t="s">
        <v>23894</v>
      </c>
      <c r="B15302" t="s">
        <v>23897</v>
      </c>
      <c r="C15302">
        <v>2</v>
      </c>
      <c r="D15302">
        <v>0</v>
      </c>
    </row>
    <row r="15303" spans="1:4" x14ac:dyDescent="0.25">
      <c r="A15303" t="s">
        <v>23898</v>
      </c>
      <c r="B15303" t="s">
        <v>23899</v>
      </c>
      <c r="C15303">
        <v>1</v>
      </c>
      <c r="D15303">
        <v>0</v>
      </c>
    </row>
    <row r="15304" spans="1:4" x14ac:dyDescent="0.25">
      <c r="A15304" t="s">
        <v>23900</v>
      </c>
      <c r="B15304" t="s">
        <v>23901</v>
      </c>
      <c r="C15304">
        <v>1</v>
      </c>
      <c r="D15304">
        <v>0</v>
      </c>
    </row>
    <row r="15305" spans="1:4" x14ac:dyDescent="0.25">
      <c r="A15305" t="s">
        <v>23900</v>
      </c>
      <c r="B15305" t="s">
        <v>23902</v>
      </c>
      <c r="C15305">
        <v>2</v>
      </c>
      <c r="D15305">
        <v>0</v>
      </c>
    </row>
    <row r="15306" spans="1:4" x14ac:dyDescent="0.25">
      <c r="A15306" t="s">
        <v>23903</v>
      </c>
      <c r="B15306" t="s">
        <v>23904</v>
      </c>
      <c r="C15306">
        <v>2</v>
      </c>
      <c r="D15306">
        <v>0</v>
      </c>
    </row>
    <row r="15307" spans="1:4" x14ac:dyDescent="0.25">
      <c r="A15307" t="s">
        <v>23903</v>
      </c>
      <c r="B15307" t="s">
        <v>23905</v>
      </c>
      <c r="C15307">
        <v>2</v>
      </c>
      <c r="D15307">
        <v>0</v>
      </c>
    </row>
    <row r="15308" spans="1:4" x14ac:dyDescent="0.25">
      <c r="A15308" t="s">
        <v>23903</v>
      </c>
      <c r="B15308" t="s">
        <v>23906</v>
      </c>
      <c r="C15308">
        <v>2</v>
      </c>
      <c r="D15308">
        <v>0</v>
      </c>
    </row>
    <row r="15309" spans="1:4" x14ac:dyDescent="0.25">
      <c r="A15309" t="s">
        <v>23907</v>
      </c>
      <c r="B15309" t="s">
        <v>23908</v>
      </c>
      <c r="C15309">
        <v>1</v>
      </c>
      <c r="D15309">
        <v>0</v>
      </c>
    </row>
    <row r="15310" spans="1:4" x14ac:dyDescent="0.25">
      <c r="A15310" t="s">
        <v>23909</v>
      </c>
      <c r="B15310" t="s">
        <v>23910</v>
      </c>
      <c r="C15310">
        <v>1</v>
      </c>
      <c r="D15310">
        <v>0</v>
      </c>
    </row>
    <row r="15311" spans="1:4" x14ac:dyDescent="0.25">
      <c r="A15311" t="s">
        <v>23909</v>
      </c>
      <c r="B15311" t="s">
        <v>23911</v>
      </c>
      <c r="C15311">
        <v>2</v>
      </c>
      <c r="D15311">
        <v>0</v>
      </c>
    </row>
    <row r="15312" spans="1:4" x14ac:dyDescent="0.25">
      <c r="A15312" t="s">
        <v>23912</v>
      </c>
      <c r="B15312" t="s">
        <v>23913</v>
      </c>
      <c r="C15312">
        <v>2</v>
      </c>
      <c r="D15312">
        <v>0</v>
      </c>
    </row>
    <row r="15313" spans="1:4" x14ac:dyDescent="0.25">
      <c r="A15313" t="s">
        <v>23914</v>
      </c>
      <c r="B15313" t="s">
        <v>23915</v>
      </c>
      <c r="C15313">
        <v>0</v>
      </c>
      <c r="D15313">
        <v>0</v>
      </c>
    </row>
    <row r="15314" spans="1:4" x14ac:dyDescent="0.25">
      <c r="A15314" t="s">
        <v>23916</v>
      </c>
      <c r="B15314" t="s">
        <v>23917</v>
      </c>
      <c r="C15314">
        <v>1</v>
      </c>
      <c r="D15314">
        <v>0</v>
      </c>
    </row>
    <row r="15315" spans="1:4" x14ac:dyDescent="0.25">
      <c r="A15315" t="s">
        <v>23916</v>
      </c>
      <c r="B15315" t="s">
        <v>23918</v>
      </c>
      <c r="C15315">
        <v>2</v>
      </c>
      <c r="D15315">
        <v>0</v>
      </c>
    </row>
    <row r="15316" spans="1:4" x14ac:dyDescent="0.25">
      <c r="A15316" t="s">
        <v>23919</v>
      </c>
      <c r="B15316" t="s">
        <v>23920</v>
      </c>
      <c r="C15316">
        <v>1</v>
      </c>
      <c r="D15316">
        <v>0</v>
      </c>
    </row>
    <row r="15317" spans="1:4" x14ac:dyDescent="0.25">
      <c r="A15317" t="s">
        <v>23921</v>
      </c>
      <c r="B15317" t="s">
        <v>23922</v>
      </c>
      <c r="C15317">
        <v>1</v>
      </c>
      <c r="D15317">
        <v>0</v>
      </c>
    </row>
    <row r="15318" spans="1:4" x14ac:dyDescent="0.25">
      <c r="A15318" t="s">
        <v>23921</v>
      </c>
      <c r="B15318" t="s">
        <v>23923</v>
      </c>
      <c r="C15318">
        <v>0</v>
      </c>
      <c r="D15318">
        <v>0</v>
      </c>
    </row>
    <row r="15319" spans="1:4" x14ac:dyDescent="0.25">
      <c r="A15319" t="s">
        <v>23924</v>
      </c>
      <c r="B15319" t="s">
        <v>23925</v>
      </c>
      <c r="C15319">
        <v>1</v>
      </c>
      <c r="D15319">
        <v>0</v>
      </c>
    </row>
    <row r="15320" spans="1:4" x14ac:dyDescent="0.25">
      <c r="A15320" t="s">
        <v>23926</v>
      </c>
      <c r="B15320" t="s">
        <v>23927</v>
      </c>
      <c r="C15320">
        <v>1</v>
      </c>
      <c r="D15320">
        <v>0</v>
      </c>
    </row>
    <row r="15321" spans="1:4" x14ac:dyDescent="0.25">
      <c r="A15321" t="s">
        <v>23928</v>
      </c>
      <c r="B15321" t="s">
        <v>23929</v>
      </c>
      <c r="C15321">
        <v>1</v>
      </c>
      <c r="D15321">
        <v>0</v>
      </c>
    </row>
    <row r="15322" spans="1:4" x14ac:dyDescent="0.25">
      <c r="A15322" t="s">
        <v>23930</v>
      </c>
      <c r="B15322" t="s">
        <v>23931</v>
      </c>
      <c r="C15322">
        <v>2</v>
      </c>
      <c r="D15322">
        <v>0</v>
      </c>
    </row>
    <row r="15323" spans="1:4" x14ac:dyDescent="0.25">
      <c r="A15323" t="s">
        <v>23932</v>
      </c>
      <c r="B15323" t="s">
        <v>23933</v>
      </c>
      <c r="C15323">
        <v>1</v>
      </c>
      <c r="D15323">
        <v>0</v>
      </c>
    </row>
    <row r="15324" spans="1:4" x14ac:dyDescent="0.25">
      <c r="A15324" t="s">
        <v>23934</v>
      </c>
      <c r="B15324" t="s">
        <v>23935</v>
      </c>
      <c r="C15324">
        <v>1</v>
      </c>
      <c r="D15324">
        <v>0</v>
      </c>
    </row>
    <row r="15325" spans="1:4" x14ac:dyDescent="0.25">
      <c r="A15325" t="s">
        <v>23934</v>
      </c>
      <c r="B15325" t="s">
        <v>23936</v>
      </c>
      <c r="C15325">
        <v>0</v>
      </c>
      <c r="D15325">
        <v>0</v>
      </c>
    </row>
    <row r="15326" spans="1:4" x14ac:dyDescent="0.25">
      <c r="A15326" t="s">
        <v>23934</v>
      </c>
      <c r="B15326" t="s">
        <v>23937</v>
      </c>
      <c r="C15326">
        <v>0</v>
      </c>
      <c r="D15326">
        <v>0</v>
      </c>
    </row>
    <row r="15327" spans="1:4" x14ac:dyDescent="0.25">
      <c r="A15327" t="s">
        <v>23934</v>
      </c>
      <c r="B15327" t="s">
        <v>23938</v>
      </c>
      <c r="C15327">
        <v>2</v>
      </c>
      <c r="D15327">
        <v>0</v>
      </c>
    </row>
    <row r="15328" spans="1:4" x14ac:dyDescent="0.25">
      <c r="A15328" t="s">
        <v>23934</v>
      </c>
      <c r="B15328" t="s">
        <v>23936</v>
      </c>
      <c r="C15328">
        <v>2</v>
      </c>
      <c r="D15328">
        <v>0</v>
      </c>
    </row>
    <row r="15329" spans="1:4" x14ac:dyDescent="0.25">
      <c r="A15329" t="s">
        <v>23939</v>
      </c>
      <c r="B15329" t="s">
        <v>23940</v>
      </c>
      <c r="C15329">
        <v>2</v>
      </c>
      <c r="D15329">
        <v>0</v>
      </c>
    </row>
    <row r="15330" spans="1:4" x14ac:dyDescent="0.25">
      <c r="A15330" t="s">
        <v>23941</v>
      </c>
      <c r="B15330" t="s">
        <v>23942</v>
      </c>
      <c r="C15330">
        <v>2</v>
      </c>
      <c r="D15330">
        <v>0</v>
      </c>
    </row>
    <row r="15331" spans="1:4" x14ac:dyDescent="0.25">
      <c r="A15331" t="s">
        <v>23943</v>
      </c>
      <c r="B15331" t="s">
        <v>23944</v>
      </c>
      <c r="C15331">
        <v>1</v>
      </c>
      <c r="D15331">
        <v>0</v>
      </c>
    </row>
    <row r="15332" spans="1:4" x14ac:dyDescent="0.25">
      <c r="A15332" t="s">
        <v>23945</v>
      </c>
      <c r="B15332" t="s">
        <v>23946</v>
      </c>
      <c r="C15332">
        <v>2</v>
      </c>
      <c r="D15332">
        <v>0</v>
      </c>
    </row>
    <row r="15333" spans="1:4" x14ac:dyDescent="0.25">
      <c r="A15333" t="s">
        <v>23947</v>
      </c>
      <c r="B15333" t="s">
        <v>23948</v>
      </c>
      <c r="C15333">
        <v>2</v>
      </c>
      <c r="D15333">
        <v>0</v>
      </c>
    </row>
    <row r="15334" spans="1:4" x14ac:dyDescent="0.25">
      <c r="A15334" t="s">
        <v>23949</v>
      </c>
      <c r="B15334" t="s">
        <v>2865</v>
      </c>
      <c r="C15334">
        <v>1</v>
      </c>
      <c r="D15334">
        <v>0</v>
      </c>
    </row>
    <row r="15335" spans="1:4" x14ac:dyDescent="0.25">
      <c r="A15335" t="s">
        <v>23950</v>
      </c>
      <c r="B15335" t="s">
        <v>23951</v>
      </c>
      <c r="C15335">
        <v>0</v>
      </c>
      <c r="D15335">
        <v>0</v>
      </c>
    </row>
    <row r="15336" spans="1:4" x14ac:dyDescent="0.25">
      <c r="A15336" t="s">
        <v>23952</v>
      </c>
      <c r="B15336" t="s">
        <v>23953</v>
      </c>
      <c r="C15336">
        <v>1</v>
      </c>
      <c r="D15336">
        <v>0</v>
      </c>
    </row>
    <row r="15337" spans="1:4" x14ac:dyDescent="0.25">
      <c r="A15337" t="s">
        <v>23954</v>
      </c>
      <c r="B15337" t="s">
        <v>23955</v>
      </c>
      <c r="C15337">
        <v>2</v>
      </c>
      <c r="D15337">
        <v>0</v>
      </c>
    </row>
    <row r="15338" spans="1:4" x14ac:dyDescent="0.25">
      <c r="A15338" t="s">
        <v>23956</v>
      </c>
      <c r="B15338" t="s">
        <v>23957</v>
      </c>
      <c r="C15338">
        <v>2</v>
      </c>
      <c r="D15338">
        <v>0</v>
      </c>
    </row>
    <row r="15339" spans="1:4" x14ac:dyDescent="0.25">
      <c r="A15339" t="s">
        <v>23958</v>
      </c>
      <c r="B15339" t="s">
        <v>23959</v>
      </c>
      <c r="C15339">
        <v>1</v>
      </c>
      <c r="D15339">
        <v>0</v>
      </c>
    </row>
    <row r="15340" spans="1:4" x14ac:dyDescent="0.25">
      <c r="A15340" t="s">
        <v>23958</v>
      </c>
      <c r="B15340" t="s">
        <v>23960</v>
      </c>
      <c r="C15340">
        <v>0</v>
      </c>
      <c r="D15340">
        <v>0</v>
      </c>
    </row>
    <row r="15341" spans="1:4" x14ac:dyDescent="0.25">
      <c r="A15341" t="s">
        <v>23961</v>
      </c>
      <c r="B15341" t="s">
        <v>23962</v>
      </c>
      <c r="C15341">
        <v>1</v>
      </c>
      <c r="D15341">
        <v>0</v>
      </c>
    </row>
    <row r="15342" spans="1:4" x14ac:dyDescent="0.25">
      <c r="A15342" t="s">
        <v>23963</v>
      </c>
      <c r="B15342" t="s">
        <v>23964</v>
      </c>
      <c r="C15342">
        <v>1</v>
      </c>
      <c r="D15342">
        <v>0</v>
      </c>
    </row>
    <row r="15343" spans="1:4" x14ac:dyDescent="0.25">
      <c r="A15343" t="s">
        <v>23965</v>
      </c>
      <c r="B15343" t="s">
        <v>23966</v>
      </c>
      <c r="C15343">
        <v>1</v>
      </c>
      <c r="D15343">
        <v>0</v>
      </c>
    </row>
    <row r="15344" spans="1:4" x14ac:dyDescent="0.25">
      <c r="A15344" t="s">
        <v>23967</v>
      </c>
      <c r="B15344" t="s">
        <v>23968</v>
      </c>
      <c r="C15344">
        <v>1</v>
      </c>
      <c r="D15344">
        <v>0</v>
      </c>
    </row>
    <row r="15345" spans="1:4" x14ac:dyDescent="0.25">
      <c r="A15345" t="s">
        <v>23969</v>
      </c>
      <c r="B15345" t="s">
        <v>23970</v>
      </c>
      <c r="C15345">
        <v>1</v>
      </c>
      <c r="D15345">
        <v>0</v>
      </c>
    </row>
    <row r="15346" spans="1:4" x14ac:dyDescent="0.25">
      <c r="A15346" t="s">
        <v>23969</v>
      </c>
      <c r="B15346" t="s">
        <v>23971</v>
      </c>
      <c r="C15346">
        <v>0</v>
      </c>
      <c r="D15346">
        <v>0</v>
      </c>
    </row>
    <row r="15347" spans="1:4" x14ac:dyDescent="0.25">
      <c r="A15347" t="s">
        <v>23972</v>
      </c>
      <c r="B15347" t="s">
        <v>23973</v>
      </c>
      <c r="C15347">
        <v>0</v>
      </c>
      <c r="D15347">
        <v>0</v>
      </c>
    </row>
    <row r="15348" spans="1:4" x14ac:dyDescent="0.25">
      <c r="A15348" t="s">
        <v>23972</v>
      </c>
      <c r="B15348" t="s">
        <v>23974</v>
      </c>
      <c r="C15348">
        <v>0</v>
      </c>
      <c r="D15348">
        <v>0</v>
      </c>
    </row>
    <row r="15349" spans="1:4" x14ac:dyDescent="0.25">
      <c r="A15349" t="s">
        <v>23975</v>
      </c>
      <c r="B15349" t="s">
        <v>23976</v>
      </c>
      <c r="C15349">
        <v>1</v>
      </c>
      <c r="D15349">
        <v>0</v>
      </c>
    </row>
    <row r="15350" spans="1:4" x14ac:dyDescent="0.25">
      <c r="A15350" t="s">
        <v>23977</v>
      </c>
      <c r="B15350" t="s">
        <v>23978</v>
      </c>
      <c r="C15350">
        <v>1</v>
      </c>
      <c r="D15350">
        <v>0</v>
      </c>
    </row>
    <row r="15351" spans="1:4" x14ac:dyDescent="0.25">
      <c r="A15351" t="s">
        <v>23979</v>
      </c>
      <c r="B15351" t="s">
        <v>23980</v>
      </c>
      <c r="C15351">
        <v>1</v>
      </c>
      <c r="D15351">
        <v>0</v>
      </c>
    </row>
    <row r="15352" spans="1:4" x14ac:dyDescent="0.25">
      <c r="A15352" t="s">
        <v>23981</v>
      </c>
      <c r="B15352" t="s">
        <v>23982</v>
      </c>
      <c r="C15352">
        <v>1</v>
      </c>
      <c r="D15352">
        <v>0</v>
      </c>
    </row>
    <row r="15353" spans="1:4" x14ac:dyDescent="0.25">
      <c r="A15353" t="s">
        <v>23981</v>
      </c>
      <c r="B15353" t="s">
        <v>23983</v>
      </c>
      <c r="C15353">
        <v>0</v>
      </c>
      <c r="D15353">
        <v>0</v>
      </c>
    </row>
    <row r="15354" spans="1:4" x14ac:dyDescent="0.25">
      <c r="A15354" t="s">
        <v>23984</v>
      </c>
      <c r="B15354" t="s">
        <v>23985</v>
      </c>
      <c r="C15354">
        <v>2</v>
      </c>
      <c r="D15354">
        <v>0</v>
      </c>
    </row>
    <row r="15355" spans="1:4" x14ac:dyDescent="0.25">
      <c r="A15355" t="s">
        <v>23986</v>
      </c>
      <c r="B15355" t="s">
        <v>23987</v>
      </c>
      <c r="C15355">
        <v>2</v>
      </c>
      <c r="D15355">
        <v>0</v>
      </c>
    </row>
    <row r="15356" spans="1:4" x14ac:dyDescent="0.25">
      <c r="A15356" t="s">
        <v>23988</v>
      </c>
      <c r="B15356" t="s">
        <v>23989</v>
      </c>
      <c r="C15356">
        <v>0</v>
      </c>
      <c r="D15356">
        <v>0</v>
      </c>
    </row>
    <row r="15357" spans="1:4" x14ac:dyDescent="0.25">
      <c r="A15357" t="s">
        <v>23990</v>
      </c>
      <c r="B15357" t="s">
        <v>23991</v>
      </c>
      <c r="C15357">
        <v>1</v>
      </c>
      <c r="D15357">
        <v>0</v>
      </c>
    </row>
    <row r="15358" spans="1:4" x14ac:dyDescent="0.25">
      <c r="A15358" t="s">
        <v>23990</v>
      </c>
      <c r="B15358" t="s">
        <v>23992</v>
      </c>
      <c r="C15358">
        <v>0</v>
      </c>
      <c r="D15358">
        <v>0</v>
      </c>
    </row>
    <row r="15359" spans="1:4" x14ac:dyDescent="0.25">
      <c r="A15359" t="s">
        <v>23990</v>
      </c>
      <c r="B15359" t="s">
        <v>23993</v>
      </c>
      <c r="C15359">
        <v>2</v>
      </c>
      <c r="D15359">
        <v>0</v>
      </c>
    </row>
    <row r="15360" spans="1:4" x14ac:dyDescent="0.25">
      <c r="A15360" t="s">
        <v>23994</v>
      </c>
      <c r="B15360" t="s">
        <v>23995</v>
      </c>
      <c r="C15360">
        <v>1</v>
      </c>
      <c r="D15360">
        <v>0</v>
      </c>
    </row>
    <row r="15361" spans="1:4" x14ac:dyDescent="0.25">
      <c r="A15361" t="s">
        <v>23994</v>
      </c>
      <c r="B15361" t="s">
        <v>23996</v>
      </c>
      <c r="C15361">
        <v>0</v>
      </c>
      <c r="D15361">
        <v>0</v>
      </c>
    </row>
    <row r="15362" spans="1:4" x14ac:dyDescent="0.25">
      <c r="A15362" t="s">
        <v>23994</v>
      </c>
      <c r="B15362" t="s">
        <v>23997</v>
      </c>
      <c r="C15362">
        <v>2</v>
      </c>
      <c r="D15362">
        <v>0</v>
      </c>
    </row>
    <row r="15363" spans="1:4" x14ac:dyDescent="0.25">
      <c r="A15363" t="s">
        <v>23998</v>
      </c>
      <c r="B15363" t="s">
        <v>23999</v>
      </c>
      <c r="C15363">
        <v>2</v>
      </c>
      <c r="D15363">
        <v>0</v>
      </c>
    </row>
    <row r="15364" spans="1:4" x14ac:dyDescent="0.25">
      <c r="A15364" t="s">
        <v>23998</v>
      </c>
      <c r="B15364" t="s">
        <v>24000</v>
      </c>
      <c r="C15364">
        <v>2</v>
      </c>
      <c r="D15364">
        <v>0</v>
      </c>
    </row>
    <row r="15365" spans="1:4" x14ac:dyDescent="0.25">
      <c r="A15365" t="s">
        <v>24001</v>
      </c>
      <c r="B15365" t="s">
        <v>24002</v>
      </c>
      <c r="C15365">
        <v>1</v>
      </c>
      <c r="D15365">
        <v>0</v>
      </c>
    </row>
    <row r="15366" spans="1:4" x14ac:dyDescent="0.25">
      <c r="A15366" t="s">
        <v>24001</v>
      </c>
      <c r="B15366" t="s">
        <v>24003</v>
      </c>
      <c r="C15366">
        <v>1</v>
      </c>
      <c r="D15366">
        <v>0</v>
      </c>
    </row>
    <row r="15367" spans="1:4" x14ac:dyDescent="0.25">
      <c r="A15367" t="s">
        <v>24001</v>
      </c>
      <c r="B15367" t="s">
        <v>24004</v>
      </c>
      <c r="C15367">
        <v>1</v>
      </c>
      <c r="D15367">
        <v>0</v>
      </c>
    </row>
    <row r="15368" spans="1:4" x14ac:dyDescent="0.25">
      <c r="A15368" t="s">
        <v>24001</v>
      </c>
      <c r="B15368" t="s">
        <v>24005</v>
      </c>
      <c r="C15368">
        <v>1</v>
      </c>
      <c r="D15368">
        <v>0</v>
      </c>
    </row>
    <row r="15369" spans="1:4" x14ac:dyDescent="0.25">
      <c r="A15369" t="s">
        <v>24006</v>
      </c>
      <c r="B15369" t="s">
        <v>24007</v>
      </c>
      <c r="C15369">
        <v>1</v>
      </c>
      <c r="D15369">
        <v>0</v>
      </c>
    </row>
    <row r="15370" spans="1:4" x14ac:dyDescent="0.25">
      <c r="A15370" t="s">
        <v>24008</v>
      </c>
      <c r="B15370" t="s">
        <v>24009</v>
      </c>
      <c r="C15370">
        <v>1</v>
      </c>
      <c r="D15370">
        <v>0</v>
      </c>
    </row>
    <row r="15371" spans="1:4" x14ac:dyDescent="0.25">
      <c r="A15371" t="s">
        <v>24010</v>
      </c>
      <c r="B15371" t="s">
        <v>24011</v>
      </c>
      <c r="C15371">
        <v>0</v>
      </c>
      <c r="D15371">
        <v>0</v>
      </c>
    </row>
    <row r="15372" spans="1:4" x14ac:dyDescent="0.25">
      <c r="A15372" t="s">
        <v>24012</v>
      </c>
      <c r="B15372" t="s">
        <v>24013</v>
      </c>
      <c r="C15372">
        <v>0</v>
      </c>
      <c r="D15372">
        <v>0</v>
      </c>
    </row>
    <row r="15373" spans="1:4" x14ac:dyDescent="0.25">
      <c r="A15373" t="s">
        <v>24012</v>
      </c>
      <c r="B15373" t="s">
        <v>24014</v>
      </c>
      <c r="C15373">
        <v>2</v>
      </c>
      <c r="D15373">
        <v>0</v>
      </c>
    </row>
    <row r="15374" spans="1:4" x14ac:dyDescent="0.25">
      <c r="A15374" t="s">
        <v>24015</v>
      </c>
      <c r="B15374" t="s">
        <v>24016</v>
      </c>
      <c r="C15374">
        <v>1</v>
      </c>
      <c r="D15374">
        <v>0</v>
      </c>
    </row>
    <row r="15375" spans="1:4" x14ac:dyDescent="0.25">
      <c r="A15375" t="s">
        <v>24017</v>
      </c>
      <c r="B15375" t="s">
        <v>24018</v>
      </c>
      <c r="C15375">
        <v>2</v>
      </c>
      <c r="D15375">
        <v>0</v>
      </c>
    </row>
    <row r="15376" spans="1:4" x14ac:dyDescent="0.25">
      <c r="A15376" t="s">
        <v>24019</v>
      </c>
      <c r="B15376" t="s">
        <v>24020</v>
      </c>
      <c r="C15376">
        <v>2</v>
      </c>
      <c r="D15376">
        <v>0</v>
      </c>
    </row>
    <row r="15377" spans="1:4" x14ac:dyDescent="0.25">
      <c r="A15377" t="s">
        <v>24021</v>
      </c>
      <c r="B15377" t="s">
        <v>24022</v>
      </c>
      <c r="C15377">
        <v>2</v>
      </c>
      <c r="D15377">
        <v>0</v>
      </c>
    </row>
    <row r="15378" spans="1:4" x14ac:dyDescent="0.25">
      <c r="A15378" t="s">
        <v>24023</v>
      </c>
      <c r="B15378" t="s">
        <v>24024</v>
      </c>
      <c r="C15378">
        <v>1</v>
      </c>
      <c r="D15378">
        <v>0</v>
      </c>
    </row>
    <row r="15379" spans="1:4" x14ac:dyDescent="0.25">
      <c r="A15379" t="s">
        <v>24025</v>
      </c>
      <c r="B15379" t="s">
        <v>24026</v>
      </c>
      <c r="C15379">
        <v>1</v>
      </c>
      <c r="D15379">
        <v>0</v>
      </c>
    </row>
    <row r="15380" spans="1:4" x14ac:dyDescent="0.25">
      <c r="A15380" t="s">
        <v>24027</v>
      </c>
      <c r="B15380" t="s">
        <v>24028</v>
      </c>
      <c r="C15380">
        <v>1</v>
      </c>
      <c r="D15380">
        <v>0</v>
      </c>
    </row>
    <row r="15381" spans="1:4" x14ac:dyDescent="0.25">
      <c r="A15381" t="s">
        <v>24029</v>
      </c>
      <c r="B15381" t="s">
        <v>24030</v>
      </c>
      <c r="C15381">
        <v>1</v>
      </c>
      <c r="D15381">
        <v>0</v>
      </c>
    </row>
    <row r="15382" spans="1:4" x14ac:dyDescent="0.25">
      <c r="A15382" t="s">
        <v>24031</v>
      </c>
      <c r="B15382" t="s">
        <v>24032</v>
      </c>
      <c r="C15382">
        <v>1</v>
      </c>
      <c r="D15382">
        <v>0</v>
      </c>
    </row>
    <row r="15383" spans="1:4" x14ac:dyDescent="0.25">
      <c r="A15383" t="s">
        <v>24031</v>
      </c>
      <c r="B15383" t="s">
        <v>24033</v>
      </c>
      <c r="C15383">
        <v>1</v>
      </c>
      <c r="D15383">
        <v>0</v>
      </c>
    </row>
    <row r="15384" spans="1:4" x14ac:dyDescent="0.25">
      <c r="A15384" t="s">
        <v>24034</v>
      </c>
      <c r="B15384" t="s">
        <v>24035</v>
      </c>
      <c r="C15384">
        <v>1</v>
      </c>
      <c r="D15384">
        <v>0</v>
      </c>
    </row>
    <row r="15385" spans="1:4" x14ac:dyDescent="0.25">
      <c r="A15385" t="s">
        <v>24036</v>
      </c>
      <c r="B15385" t="s">
        <v>24037</v>
      </c>
      <c r="C15385">
        <v>1</v>
      </c>
      <c r="D15385">
        <v>0</v>
      </c>
    </row>
    <row r="15386" spans="1:4" x14ac:dyDescent="0.25">
      <c r="A15386" t="s">
        <v>24036</v>
      </c>
      <c r="B15386" t="s">
        <v>24038</v>
      </c>
      <c r="C15386">
        <v>2</v>
      </c>
      <c r="D15386">
        <v>0</v>
      </c>
    </row>
    <row r="15387" spans="1:4" x14ac:dyDescent="0.25">
      <c r="A15387" t="s">
        <v>24039</v>
      </c>
      <c r="B15387" t="s">
        <v>24040</v>
      </c>
      <c r="C15387">
        <v>0</v>
      </c>
      <c r="D15387">
        <v>0</v>
      </c>
    </row>
    <row r="15388" spans="1:4" x14ac:dyDescent="0.25">
      <c r="A15388" t="s">
        <v>24041</v>
      </c>
      <c r="B15388" t="s">
        <v>24042</v>
      </c>
      <c r="C15388">
        <v>1</v>
      </c>
      <c r="D15388">
        <v>0</v>
      </c>
    </row>
    <row r="15389" spans="1:4" x14ac:dyDescent="0.25">
      <c r="A15389" t="s">
        <v>24043</v>
      </c>
      <c r="B15389" t="s">
        <v>24044</v>
      </c>
      <c r="C15389">
        <v>0</v>
      </c>
      <c r="D15389">
        <v>0</v>
      </c>
    </row>
    <row r="15390" spans="1:4" x14ac:dyDescent="0.25">
      <c r="A15390" t="s">
        <v>24043</v>
      </c>
      <c r="B15390" t="s">
        <v>24045</v>
      </c>
      <c r="C15390">
        <v>2</v>
      </c>
      <c r="D15390">
        <v>0</v>
      </c>
    </row>
    <row r="15391" spans="1:4" x14ac:dyDescent="0.25">
      <c r="A15391" t="s">
        <v>24046</v>
      </c>
      <c r="B15391" t="s">
        <v>24047</v>
      </c>
      <c r="C15391">
        <v>2</v>
      </c>
      <c r="D15391">
        <v>0</v>
      </c>
    </row>
    <row r="15392" spans="1:4" x14ac:dyDescent="0.25">
      <c r="A15392" t="s">
        <v>24048</v>
      </c>
      <c r="B15392" t="s">
        <v>24049</v>
      </c>
      <c r="C15392">
        <v>1</v>
      </c>
      <c r="D15392">
        <v>0</v>
      </c>
    </row>
    <row r="15393" spans="1:4" x14ac:dyDescent="0.25">
      <c r="A15393" t="s">
        <v>24050</v>
      </c>
      <c r="B15393" t="s">
        <v>24051</v>
      </c>
      <c r="C15393">
        <v>1</v>
      </c>
      <c r="D15393">
        <v>0</v>
      </c>
    </row>
    <row r="15394" spans="1:4" x14ac:dyDescent="0.25">
      <c r="A15394" t="s">
        <v>24052</v>
      </c>
      <c r="B15394" t="s">
        <v>24053</v>
      </c>
      <c r="C15394">
        <v>1</v>
      </c>
      <c r="D15394">
        <v>0</v>
      </c>
    </row>
    <row r="15395" spans="1:4" x14ac:dyDescent="0.25">
      <c r="A15395" t="s">
        <v>24054</v>
      </c>
      <c r="B15395" t="s">
        <v>24055</v>
      </c>
      <c r="C15395">
        <v>1</v>
      </c>
      <c r="D15395">
        <v>0</v>
      </c>
    </row>
    <row r="15396" spans="1:4" x14ac:dyDescent="0.25">
      <c r="A15396" t="s">
        <v>24054</v>
      </c>
      <c r="B15396" t="s">
        <v>24056</v>
      </c>
      <c r="C15396">
        <v>0</v>
      </c>
      <c r="D15396">
        <v>0</v>
      </c>
    </row>
    <row r="15397" spans="1:4" x14ac:dyDescent="0.25">
      <c r="A15397" t="s">
        <v>24054</v>
      </c>
      <c r="B15397" t="s">
        <v>24057</v>
      </c>
      <c r="C15397">
        <v>2</v>
      </c>
      <c r="D15397">
        <v>0</v>
      </c>
    </row>
    <row r="15398" spans="1:4" x14ac:dyDescent="0.25">
      <c r="A15398" t="s">
        <v>24054</v>
      </c>
      <c r="B15398" t="s">
        <v>24058</v>
      </c>
      <c r="C15398">
        <v>2</v>
      </c>
      <c r="D15398">
        <v>0</v>
      </c>
    </row>
    <row r="15399" spans="1:4" x14ac:dyDescent="0.25">
      <c r="A15399" t="s">
        <v>24059</v>
      </c>
      <c r="B15399" t="s">
        <v>24060</v>
      </c>
      <c r="C15399">
        <v>1</v>
      </c>
      <c r="D15399">
        <v>0</v>
      </c>
    </row>
    <row r="15400" spans="1:4" x14ac:dyDescent="0.25">
      <c r="A15400" t="s">
        <v>24061</v>
      </c>
      <c r="B15400" t="s">
        <v>24062</v>
      </c>
      <c r="C15400">
        <v>2</v>
      </c>
      <c r="D15400">
        <v>0</v>
      </c>
    </row>
    <row r="15401" spans="1:4" x14ac:dyDescent="0.25">
      <c r="A15401" t="s">
        <v>24063</v>
      </c>
      <c r="B15401" t="s">
        <v>24064</v>
      </c>
      <c r="C15401">
        <v>2</v>
      </c>
      <c r="D15401">
        <v>0</v>
      </c>
    </row>
    <row r="15402" spans="1:4" x14ac:dyDescent="0.25">
      <c r="A15402" t="s">
        <v>24065</v>
      </c>
      <c r="B15402" t="s">
        <v>24066</v>
      </c>
      <c r="C15402">
        <v>0</v>
      </c>
      <c r="D15402">
        <v>0</v>
      </c>
    </row>
    <row r="15403" spans="1:4" x14ac:dyDescent="0.25">
      <c r="A15403" t="s">
        <v>24067</v>
      </c>
      <c r="B15403" t="s">
        <v>24068</v>
      </c>
      <c r="C15403">
        <v>1</v>
      </c>
      <c r="D15403">
        <v>0</v>
      </c>
    </row>
    <row r="15404" spans="1:4" x14ac:dyDescent="0.25">
      <c r="A15404" t="s">
        <v>24069</v>
      </c>
      <c r="B15404" t="s">
        <v>24070</v>
      </c>
      <c r="C15404">
        <v>1</v>
      </c>
      <c r="D15404">
        <v>0</v>
      </c>
    </row>
    <row r="15405" spans="1:4" x14ac:dyDescent="0.25">
      <c r="A15405" t="s">
        <v>24071</v>
      </c>
      <c r="B15405" t="s">
        <v>5713</v>
      </c>
      <c r="C15405">
        <v>1</v>
      </c>
      <c r="D15405">
        <v>0</v>
      </c>
    </row>
    <row r="15406" spans="1:4" x14ac:dyDescent="0.25">
      <c r="A15406" t="s">
        <v>24072</v>
      </c>
      <c r="B15406" t="s">
        <v>24073</v>
      </c>
      <c r="C15406">
        <v>1</v>
      </c>
      <c r="D15406">
        <v>0</v>
      </c>
    </row>
    <row r="15407" spans="1:4" x14ac:dyDescent="0.25">
      <c r="A15407" t="s">
        <v>24074</v>
      </c>
      <c r="B15407" t="s">
        <v>24075</v>
      </c>
      <c r="C15407">
        <v>1</v>
      </c>
      <c r="D15407">
        <v>0</v>
      </c>
    </row>
    <row r="15408" spans="1:4" x14ac:dyDescent="0.25">
      <c r="A15408" t="s">
        <v>24076</v>
      </c>
      <c r="B15408" t="s">
        <v>24077</v>
      </c>
      <c r="C15408">
        <v>1</v>
      </c>
      <c r="D15408">
        <v>0</v>
      </c>
    </row>
    <row r="15409" spans="1:4" x14ac:dyDescent="0.25">
      <c r="A15409" t="s">
        <v>24078</v>
      </c>
      <c r="B15409" t="s">
        <v>24079</v>
      </c>
      <c r="C15409">
        <v>1</v>
      </c>
      <c r="D15409">
        <v>0</v>
      </c>
    </row>
    <row r="15410" spans="1:4" x14ac:dyDescent="0.25">
      <c r="A15410" t="s">
        <v>24080</v>
      </c>
      <c r="B15410" t="s">
        <v>24081</v>
      </c>
      <c r="C15410">
        <v>0</v>
      </c>
      <c r="D15410">
        <v>0</v>
      </c>
    </row>
    <row r="15411" spans="1:4" x14ac:dyDescent="0.25">
      <c r="A15411" t="s">
        <v>24080</v>
      </c>
      <c r="B15411" t="s">
        <v>24082</v>
      </c>
      <c r="C15411">
        <v>2</v>
      </c>
      <c r="D15411">
        <v>0</v>
      </c>
    </row>
    <row r="15412" spans="1:4" x14ac:dyDescent="0.25">
      <c r="A15412" t="s">
        <v>24083</v>
      </c>
      <c r="B15412" t="s">
        <v>24084</v>
      </c>
      <c r="C15412">
        <v>2</v>
      </c>
      <c r="D15412">
        <v>0</v>
      </c>
    </row>
    <row r="15413" spans="1:4" x14ac:dyDescent="0.25">
      <c r="A15413" t="s">
        <v>24085</v>
      </c>
      <c r="B15413" t="s">
        <v>24086</v>
      </c>
      <c r="C15413">
        <v>0</v>
      </c>
      <c r="D15413">
        <v>0</v>
      </c>
    </row>
    <row r="15414" spans="1:4" x14ac:dyDescent="0.25">
      <c r="A15414" t="s">
        <v>24087</v>
      </c>
      <c r="B15414" t="s">
        <v>24088</v>
      </c>
      <c r="C15414">
        <v>1</v>
      </c>
      <c r="D15414">
        <v>0</v>
      </c>
    </row>
    <row r="15415" spans="1:4" x14ac:dyDescent="0.25">
      <c r="A15415" t="s">
        <v>24089</v>
      </c>
      <c r="B15415" t="s">
        <v>24090</v>
      </c>
      <c r="C15415">
        <v>1</v>
      </c>
      <c r="D15415">
        <v>0</v>
      </c>
    </row>
    <row r="15416" spans="1:4" x14ac:dyDescent="0.25">
      <c r="A15416" t="s">
        <v>24091</v>
      </c>
      <c r="B15416" t="s">
        <v>24092</v>
      </c>
      <c r="C15416">
        <v>0</v>
      </c>
      <c r="D15416">
        <v>0</v>
      </c>
    </row>
    <row r="15417" spans="1:4" x14ac:dyDescent="0.25">
      <c r="A15417" t="s">
        <v>24093</v>
      </c>
      <c r="B15417" t="s">
        <v>24094</v>
      </c>
      <c r="C15417">
        <v>0</v>
      </c>
      <c r="D15417">
        <v>0</v>
      </c>
    </row>
    <row r="15418" spans="1:4" x14ac:dyDescent="0.25">
      <c r="A15418" t="s">
        <v>24095</v>
      </c>
      <c r="B15418" t="s">
        <v>24096</v>
      </c>
      <c r="C15418">
        <v>0</v>
      </c>
      <c r="D15418">
        <v>0</v>
      </c>
    </row>
    <row r="15419" spans="1:4" x14ac:dyDescent="0.25">
      <c r="A15419" t="s">
        <v>24097</v>
      </c>
      <c r="B15419" t="s">
        <v>24098</v>
      </c>
      <c r="C15419">
        <v>0</v>
      </c>
      <c r="D15419">
        <v>0</v>
      </c>
    </row>
    <row r="15420" spans="1:4" x14ac:dyDescent="0.25">
      <c r="A15420" t="s">
        <v>24099</v>
      </c>
      <c r="B15420" t="s">
        <v>24100</v>
      </c>
      <c r="C15420">
        <v>1</v>
      </c>
      <c r="D15420">
        <v>0</v>
      </c>
    </row>
    <row r="15421" spans="1:4" x14ac:dyDescent="0.25">
      <c r="A15421" t="s">
        <v>24101</v>
      </c>
      <c r="B15421" t="s">
        <v>24102</v>
      </c>
      <c r="C15421">
        <v>1</v>
      </c>
      <c r="D15421">
        <v>0</v>
      </c>
    </row>
    <row r="15422" spans="1:4" x14ac:dyDescent="0.25">
      <c r="A15422" t="s">
        <v>24101</v>
      </c>
      <c r="B15422" t="s">
        <v>24103</v>
      </c>
      <c r="C15422">
        <v>1</v>
      </c>
      <c r="D15422">
        <v>0</v>
      </c>
    </row>
    <row r="15423" spans="1:4" x14ac:dyDescent="0.25">
      <c r="A15423" t="s">
        <v>24104</v>
      </c>
      <c r="B15423" t="s">
        <v>24105</v>
      </c>
      <c r="C15423">
        <v>0</v>
      </c>
      <c r="D15423">
        <v>0</v>
      </c>
    </row>
    <row r="15424" spans="1:4" x14ac:dyDescent="0.25">
      <c r="A15424" t="s">
        <v>24106</v>
      </c>
      <c r="B15424" t="s">
        <v>24107</v>
      </c>
      <c r="C15424">
        <v>1</v>
      </c>
      <c r="D15424">
        <v>0</v>
      </c>
    </row>
    <row r="15425" spans="1:4" x14ac:dyDescent="0.25">
      <c r="A15425" t="s">
        <v>24106</v>
      </c>
      <c r="B15425" t="s">
        <v>24108</v>
      </c>
      <c r="C15425">
        <v>1</v>
      </c>
      <c r="D15425">
        <v>0</v>
      </c>
    </row>
    <row r="15426" spans="1:4" x14ac:dyDescent="0.25">
      <c r="A15426" t="s">
        <v>24109</v>
      </c>
      <c r="B15426" t="s">
        <v>24110</v>
      </c>
      <c r="C15426">
        <v>1</v>
      </c>
      <c r="D15426">
        <v>0</v>
      </c>
    </row>
    <row r="15427" spans="1:4" x14ac:dyDescent="0.25">
      <c r="A15427" t="s">
        <v>24109</v>
      </c>
      <c r="B15427" t="s">
        <v>24111</v>
      </c>
      <c r="C15427">
        <v>2</v>
      </c>
      <c r="D15427">
        <v>0</v>
      </c>
    </row>
    <row r="15428" spans="1:4" x14ac:dyDescent="0.25">
      <c r="A15428" t="s">
        <v>24109</v>
      </c>
      <c r="B15428" t="s">
        <v>24112</v>
      </c>
      <c r="C15428">
        <v>2</v>
      </c>
      <c r="D15428">
        <v>0</v>
      </c>
    </row>
    <row r="15429" spans="1:4" x14ac:dyDescent="0.25">
      <c r="A15429" t="s">
        <v>24113</v>
      </c>
      <c r="B15429" t="s">
        <v>24114</v>
      </c>
      <c r="C15429">
        <v>0</v>
      </c>
      <c r="D15429">
        <v>0</v>
      </c>
    </row>
    <row r="15430" spans="1:4" x14ac:dyDescent="0.25">
      <c r="A15430" t="s">
        <v>24115</v>
      </c>
      <c r="B15430" t="s">
        <v>24116</v>
      </c>
      <c r="C15430">
        <v>0</v>
      </c>
      <c r="D15430">
        <v>0</v>
      </c>
    </row>
    <row r="15431" spans="1:4" x14ac:dyDescent="0.25">
      <c r="A15431" t="s">
        <v>24115</v>
      </c>
      <c r="B15431" t="s">
        <v>24117</v>
      </c>
      <c r="C15431">
        <v>0</v>
      </c>
      <c r="D15431">
        <v>0</v>
      </c>
    </row>
    <row r="15432" spans="1:4" x14ac:dyDescent="0.25">
      <c r="A15432" t="s">
        <v>24118</v>
      </c>
      <c r="B15432" t="s">
        <v>24119</v>
      </c>
      <c r="C15432">
        <v>1</v>
      </c>
      <c r="D15432">
        <v>0</v>
      </c>
    </row>
    <row r="15433" spans="1:4" x14ac:dyDescent="0.25">
      <c r="A15433" t="s">
        <v>24120</v>
      </c>
      <c r="B15433" t="s">
        <v>24121</v>
      </c>
      <c r="C15433">
        <v>0</v>
      </c>
      <c r="D15433">
        <v>0</v>
      </c>
    </row>
    <row r="15434" spans="1:4" x14ac:dyDescent="0.25">
      <c r="A15434" t="s">
        <v>24122</v>
      </c>
      <c r="B15434" t="s">
        <v>24123</v>
      </c>
      <c r="C15434">
        <v>1</v>
      </c>
      <c r="D15434">
        <v>0</v>
      </c>
    </row>
    <row r="15435" spans="1:4" x14ac:dyDescent="0.25">
      <c r="A15435" t="s">
        <v>24124</v>
      </c>
      <c r="B15435" t="s">
        <v>24125</v>
      </c>
      <c r="C15435">
        <v>1</v>
      </c>
      <c r="D15435">
        <v>0</v>
      </c>
    </row>
    <row r="15436" spans="1:4" x14ac:dyDescent="0.25">
      <c r="A15436" t="s">
        <v>24126</v>
      </c>
      <c r="B15436" t="s">
        <v>24127</v>
      </c>
      <c r="C15436">
        <v>1</v>
      </c>
      <c r="D15436">
        <v>0</v>
      </c>
    </row>
    <row r="15437" spans="1:4" x14ac:dyDescent="0.25">
      <c r="A15437" t="s">
        <v>24128</v>
      </c>
      <c r="B15437" t="s">
        <v>24129</v>
      </c>
      <c r="C15437">
        <v>1</v>
      </c>
      <c r="D15437">
        <v>0</v>
      </c>
    </row>
    <row r="15438" spans="1:4" x14ac:dyDescent="0.25">
      <c r="A15438" t="s">
        <v>24130</v>
      </c>
      <c r="B15438" t="s">
        <v>24131</v>
      </c>
      <c r="C15438">
        <v>1</v>
      </c>
      <c r="D15438">
        <v>0</v>
      </c>
    </row>
    <row r="15439" spans="1:4" x14ac:dyDescent="0.25">
      <c r="A15439" t="s">
        <v>24132</v>
      </c>
      <c r="B15439" t="s">
        <v>24133</v>
      </c>
      <c r="C15439">
        <v>0</v>
      </c>
      <c r="D15439">
        <v>0</v>
      </c>
    </row>
    <row r="15440" spans="1:4" x14ac:dyDescent="0.25">
      <c r="A15440" t="s">
        <v>24134</v>
      </c>
      <c r="B15440" t="s">
        <v>24135</v>
      </c>
      <c r="C15440">
        <v>1</v>
      </c>
      <c r="D15440">
        <v>0</v>
      </c>
    </row>
    <row r="15441" spans="1:4" x14ac:dyDescent="0.25">
      <c r="A15441" t="s">
        <v>24134</v>
      </c>
      <c r="B15441" t="s">
        <v>24136</v>
      </c>
      <c r="C15441">
        <v>2</v>
      </c>
      <c r="D15441">
        <v>0</v>
      </c>
    </row>
    <row r="15442" spans="1:4" x14ac:dyDescent="0.25">
      <c r="A15442" t="s">
        <v>24137</v>
      </c>
      <c r="B15442" t="s">
        <v>24138</v>
      </c>
      <c r="C15442">
        <v>2</v>
      </c>
      <c r="D15442">
        <v>0</v>
      </c>
    </row>
    <row r="15443" spans="1:4" x14ac:dyDescent="0.25">
      <c r="A15443" t="s">
        <v>24137</v>
      </c>
      <c r="B15443" t="s">
        <v>24139</v>
      </c>
      <c r="C15443">
        <v>2</v>
      </c>
      <c r="D15443">
        <v>0</v>
      </c>
    </row>
    <row r="15444" spans="1:4" x14ac:dyDescent="0.25">
      <c r="A15444" t="s">
        <v>24140</v>
      </c>
      <c r="B15444" t="s">
        <v>24141</v>
      </c>
      <c r="C15444">
        <v>1</v>
      </c>
      <c r="D15444">
        <v>0</v>
      </c>
    </row>
    <row r="15445" spans="1:4" x14ac:dyDescent="0.25">
      <c r="A15445" t="s">
        <v>24142</v>
      </c>
      <c r="B15445" t="s">
        <v>24143</v>
      </c>
      <c r="C15445">
        <v>1</v>
      </c>
      <c r="D15445">
        <v>0</v>
      </c>
    </row>
    <row r="15446" spans="1:4" x14ac:dyDescent="0.25">
      <c r="A15446" t="s">
        <v>24144</v>
      </c>
      <c r="B15446" t="s">
        <v>24145</v>
      </c>
      <c r="C15446">
        <v>1</v>
      </c>
      <c r="D15446">
        <v>0</v>
      </c>
    </row>
    <row r="15447" spans="1:4" x14ac:dyDescent="0.25">
      <c r="A15447" t="s">
        <v>24144</v>
      </c>
      <c r="B15447" t="s">
        <v>24146</v>
      </c>
      <c r="C15447">
        <v>0</v>
      </c>
      <c r="D15447">
        <v>0</v>
      </c>
    </row>
    <row r="15448" spans="1:4" x14ac:dyDescent="0.25">
      <c r="A15448" t="s">
        <v>24144</v>
      </c>
      <c r="B15448" t="s">
        <v>24147</v>
      </c>
      <c r="C15448">
        <v>0</v>
      </c>
      <c r="D15448">
        <v>0</v>
      </c>
    </row>
    <row r="15449" spans="1:4" x14ac:dyDescent="0.25">
      <c r="A15449" t="s">
        <v>24144</v>
      </c>
      <c r="B15449" t="s">
        <v>24148</v>
      </c>
      <c r="C15449">
        <v>0</v>
      </c>
      <c r="D15449">
        <v>0</v>
      </c>
    </row>
    <row r="15450" spans="1:4" x14ac:dyDescent="0.25">
      <c r="A15450" t="s">
        <v>24149</v>
      </c>
      <c r="B15450" t="s">
        <v>24150</v>
      </c>
      <c r="C15450">
        <v>0</v>
      </c>
      <c r="D15450">
        <v>0</v>
      </c>
    </row>
    <row r="15451" spans="1:4" x14ac:dyDescent="0.25">
      <c r="A15451" t="s">
        <v>24149</v>
      </c>
      <c r="B15451" t="s">
        <v>24151</v>
      </c>
      <c r="C15451">
        <v>2</v>
      </c>
      <c r="D15451">
        <v>0</v>
      </c>
    </row>
    <row r="15452" spans="1:4" x14ac:dyDescent="0.25">
      <c r="A15452" t="s">
        <v>24152</v>
      </c>
      <c r="B15452" t="s">
        <v>24153</v>
      </c>
      <c r="C15452">
        <v>1</v>
      </c>
      <c r="D15452">
        <v>0</v>
      </c>
    </row>
    <row r="15453" spans="1:4" x14ac:dyDescent="0.25">
      <c r="A15453" t="s">
        <v>24152</v>
      </c>
      <c r="B15453" t="s">
        <v>24154</v>
      </c>
      <c r="C15453">
        <v>0</v>
      </c>
      <c r="D15453">
        <v>0</v>
      </c>
    </row>
    <row r="15454" spans="1:4" x14ac:dyDescent="0.25">
      <c r="A15454" t="s">
        <v>24152</v>
      </c>
      <c r="B15454" t="s">
        <v>24155</v>
      </c>
      <c r="C15454">
        <v>2</v>
      </c>
      <c r="D15454">
        <v>0</v>
      </c>
    </row>
    <row r="15455" spans="1:4" x14ac:dyDescent="0.25">
      <c r="A15455" t="s">
        <v>24156</v>
      </c>
      <c r="B15455" t="s">
        <v>24157</v>
      </c>
      <c r="C15455">
        <v>2</v>
      </c>
      <c r="D15455">
        <v>0</v>
      </c>
    </row>
    <row r="15456" spans="1:4" x14ac:dyDescent="0.25">
      <c r="A15456" t="s">
        <v>24156</v>
      </c>
      <c r="B15456" t="s">
        <v>24158</v>
      </c>
      <c r="C15456">
        <v>2</v>
      </c>
      <c r="D15456">
        <v>0</v>
      </c>
    </row>
    <row r="15457" spans="1:4" x14ac:dyDescent="0.25">
      <c r="A15457" t="s">
        <v>24159</v>
      </c>
      <c r="B15457" t="s">
        <v>24160</v>
      </c>
      <c r="C15457">
        <v>1</v>
      </c>
      <c r="D15457">
        <v>0</v>
      </c>
    </row>
    <row r="15458" spans="1:4" x14ac:dyDescent="0.25">
      <c r="A15458" t="s">
        <v>24161</v>
      </c>
      <c r="B15458" t="s">
        <v>24162</v>
      </c>
      <c r="C15458">
        <v>1</v>
      </c>
      <c r="D15458">
        <v>0</v>
      </c>
    </row>
    <row r="15459" spans="1:4" x14ac:dyDescent="0.25">
      <c r="A15459" t="s">
        <v>24163</v>
      </c>
      <c r="B15459" t="s">
        <v>24164</v>
      </c>
      <c r="C15459">
        <v>0</v>
      </c>
      <c r="D15459">
        <v>0</v>
      </c>
    </row>
    <row r="15460" spans="1:4" x14ac:dyDescent="0.25">
      <c r="A15460" t="s">
        <v>24165</v>
      </c>
      <c r="B15460" t="s">
        <v>24166</v>
      </c>
      <c r="C15460">
        <v>0</v>
      </c>
      <c r="D15460">
        <v>0</v>
      </c>
    </row>
    <row r="15461" spans="1:4" x14ac:dyDescent="0.25">
      <c r="A15461" t="s">
        <v>24167</v>
      </c>
      <c r="B15461" t="s">
        <v>24168</v>
      </c>
      <c r="C15461">
        <v>1</v>
      </c>
      <c r="D15461">
        <v>0</v>
      </c>
    </row>
    <row r="15462" spans="1:4" x14ac:dyDescent="0.25">
      <c r="A15462" t="s">
        <v>24169</v>
      </c>
      <c r="B15462" t="s">
        <v>24170</v>
      </c>
      <c r="C15462">
        <v>1</v>
      </c>
      <c r="D15462">
        <v>0</v>
      </c>
    </row>
    <row r="15463" spans="1:4" x14ac:dyDescent="0.25">
      <c r="A15463" t="s">
        <v>24171</v>
      </c>
      <c r="B15463" t="s">
        <v>24172</v>
      </c>
      <c r="C15463">
        <v>0</v>
      </c>
      <c r="D15463">
        <v>0</v>
      </c>
    </row>
    <row r="15464" spans="1:4" x14ac:dyDescent="0.25">
      <c r="A15464" t="s">
        <v>24173</v>
      </c>
      <c r="B15464" t="s">
        <v>24174</v>
      </c>
      <c r="C15464">
        <v>1</v>
      </c>
      <c r="D15464">
        <v>0</v>
      </c>
    </row>
    <row r="15465" spans="1:4" x14ac:dyDescent="0.25">
      <c r="A15465" t="s">
        <v>24175</v>
      </c>
      <c r="B15465" t="s">
        <v>24176</v>
      </c>
      <c r="C15465">
        <v>1</v>
      </c>
      <c r="D15465">
        <v>0</v>
      </c>
    </row>
    <row r="15466" spans="1:4" x14ac:dyDescent="0.25">
      <c r="A15466" t="s">
        <v>24177</v>
      </c>
      <c r="B15466" t="s">
        <v>24178</v>
      </c>
      <c r="C15466">
        <v>0</v>
      </c>
      <c r="D15466">
        <v>0</v>
      </c>
    </row>
    <row r="15467" spans="1:4" x14ac:dyDescent="0.25">
      <c r="A15467" t="s">
        <v>24179</v>
      </c>
      <c r="B15467" t="s">
        <v>24180</v>
      </c>
      <c r="C15467">
        <v>2</v>
      </c>
      <c r="D15467">
        <v>0</v>
      </c>
    </row>
    <row r="15468" spans="1:4" x14ac:dyDescent="0.25">
      <c r="A15468" t="s">
        <v>24181</v>
      </c>
      <c r="B15468" t="s">
        <v>24182</v>
      </c>
      <c r="C15468">
        <v>1</v>
      </c>
      <c r="D15468">
        <v>0</v>
      </c>
    </row>
    <row r="15469" spans="1:4" x14ac:dyDescent="0.25">
      <c r="A15469" t="s">
        <v>24183</v>
      </c>
      <c r="B15469" t="s">
        <v>24184</v>
      </c>
      <c r="C15469">
        <v>1</v>
      </c>
      <c r="D15469">
        <v>0</v>
      </c>
    </row>
    <row r="15470" spans="1:4" x14ac:dyDescent="0.25">
      <c r="A15470" t="s">
        <v>24185</v>
      </c>
      <c r="B15470" t="s">
        <v>24186</v>
      </c>
      <c r="C15470">
        <v>1</v>
      </c>
      <c r="D15470">
        <v>0</v>
      </c>
    </row>
    <row r="15471" spans="1:4" x14ac:dyDescent="0.25">
      <c r="A15471" t="s">
        <v>24187</v>
      </c>
      <c r="B15471" t="s">
        <v>24188</v>
      </c>
      <c r="C15471">
        <v>1</v>
      </c>
      <c r="D15471">
        <v>0</v>
      </c>
    </row>
    <row r="15472" spans="1:4" x14ac:dyDescent="0.25">
      <c r="A15472" t="s">
        <v>24189</v>
      </c>
      <c r="B15472" t="s">
        <v>24190</v>
      </c>
      <c r="C15472">
        <v>1</v>
      </c>
      <c r="D15472">
        <v>0</v>
      </c>
    </row>
    <row r="15473" spans="1:4" x14ac:dyDescent="0.25">
      <c r="A15473" t="s">
        <v>24191</v>
      </c>
      <c r="B15473" t="s">
        <v>24192</v>
      </c>
      <c r="C15473">
        <v>0</v>
      </c>
      <c r="D15473">
        <v>0</v>
      </c>
    </row>
    <row r="15474" spans="1:4" x14ac:dyDescent="0.25">
      <c r="A15474" t="s">
        <v>24193</v>
      </c>
      <c r="B15474" t="s">
        <v>24194</v>
      </c>
      <c r="C15474">
        <v>1</v>
      </c>
      <c r="D15474">
        <v>0</v>
      </c>
    </row>
    <row r="15475" spans="1:4" x14ac:dyDescent="0.25">
      <c r="A15475" t="s">
        <v>24193</v>
      </c>
      <c r="B15475" t="s">
        <v>24195</v>
      </c>
      <c r="C15475">
        <v>0</v>
      </c>
      <c r="D15475">
        <v>0</v>
      </c>
    </row>
    <row r="15476" spans="1:4" x14ac:dyDescent="0.25">
      <c r="A15476" t="s">
        <v>24193</v>
      </c>
      <c r="B15476" t="s">
        <v>24196</v>
      </c>
      <c r="C15476">
        <v>0</v>
      </c>
      <c r="D15476">
        <v>0</v>
      </c>
    </row>
    <row r="15477" spans="1:4" x14ac:dyDescent="0.25">
      <c r="A15477" t="s">
        <v>24193</v>
      </c>
      <c r="B15477" t="s">
        <v>24197</v>
      </c>
      <c r="C15477">
        <v>2</v>
      </c>
      <c r="D15477">
        <v>0</v>
      </c>
    </row>
    <row r="15478" spans="1:4" x14ac:dyDescent="0.25">
      <c r="A15478" t="s">
        <v>24198</v>
      </c>
      <c r="B15478" t="s">
        <v>24199</v>
      </c>
      <c r="C15478">
        <v>0</v>
      </c>
      <c r="D15478">
        <v>0</v>
      </c>
    </row>
    <row r="15479" spans="1:4" x14ac:dyDescent="0.25">
      <c r="A15479" t="s">
        <v>24200</v>
      </c>
      <c r="B15479" t="s">
        <v>24201</v>
      </c>
      <c r="C15479">
        <v>1</v>
      </c>
      <c r="D15479">
        <v>0</v>
      </c>
    </row>
    <row r="15480" spans="1:4" x14ac:dyDescent="0.25">
      <c r="A15480" t="s">
        <v>24200</v>
      </c>
      <c r="B15480" t="s">
        <v>24202</v>
      </c>
      <c r="C15480">
        <v>1</v>
      </c>
      <c r="D15480">
        <v>0</v>
      </c>
    </row>
    <row r="15481" spans="1:4" x14ac:dyDescent="0.25">
      <c r="A15481" t="s">
        <v>24203</v>
      </c>
      <c r="B15481" t="s">
        <v>24204</v>
      </c>
      <c r="C15481">
        <v>1</v>
      </c>
      <c r="D15481">
        <v>0</v>
      </c>
    </row>
    <row r="15482" spans="1:4" x14ac:dyDescent="0.25">
      <c r="A15482" t="s">
        <v>24205</v>
      </c>
      <c r="B15482" t="s">
        <v>24206</v>
      </c>
      <c r="C15482">
        <v>1</v>
      </c>
      <c r="D15482">
        <v>0</v>
      </c>
    </row>
    <row r="15483" spans="1:4" x14ac:dyDescent="0.25">
      <c r="A15483" t="s">
        <v>24207</v>
      </c>
      <c r="B15483" t="s">
        <v>5713</v>
      </c>
      <c r="C15483">
        <v>1</v>
      </c>
      <c r="D15483">
        <v>0</v>
      </c>
    </row>
    <row r="15484" spans="1:4" x14ac:dyDescent="0.25">
      <c r="A15484" t="s">
        <v>24208</v>
      </c>
      <c r="B15484" t="s">
        <v>24209</v>
      </c>
      <c r="C15484">
        <v>1</v>
      </c>
      <c r="D15484">
        <v>0</v>
      </c>
    </row>
    <row r="15485" spans="1:4" x14ac:dyDescent="0.25">
      <c r="A15485" t="s">
        <v>24210</v>
      </c>
      <c r="B15485" t="s">
        <v>24211</v>
      </c>
      <c r="C15485">
        <v>1</v>
      </c>
      <c r="D15485">
        <v>0</v>
      </c>
    </row>
    <row r="15486" spans="1:4" x14ac:dyDescent="0.25">
      <c r="A15486" t="s">
        <v>24212</v>
      </c>
      <c r="B15486" t="s">
        <v>24213</v>
      </c>
      <c r="C15486">
        <v>2</v>
      </c>
      <c r="D15486">
        <v>0</v>
      </c>
    </row>
    <row r="15487" spans="1:4" x14ac:dyDescent="0.25">
      <c r="A15487" t="s">
        <v>24214</v>
      </c>
      <c r="B15487" t="s">
        <v>24215</v>
      </c>
      <c r="C15487">
        <v>1</v>
      </c>
      <c r="D15487">
        <v>0</v>
      </c>
    </row>
    <row r="15488" spans="1:4" x14ac:dyDescent="0.25">
      <c r="A15488" t="s">
        <v>24214</v>
      </c>
      <c r="B15488" t="s">
        <v>23181</v>
      </c>
      <c r="C15488">
        <v>0</v>
      </c>
      <c r="D15488">
        <v>0</v>
      </c>
    </row>
    <row r="15489" spans="1:4" x14ac:dyDescent="0.25">
      <c r="A15489" t="s">
        <v>24216</v>
      </c>
      <c r="B15489" t="s">
        <v>24217</v>
      </c>
      <c r="C15489">
        <v>0</v>
      </c>
      <c r="D15489">
        <v>0</v>
      </c>
    </row>
    <row r="15490" spans="1:4" x14ac:dyDescent="0.25">
      <c r="A15490" t="s">
        <v>24218</v>
      </c>
      <c r="B15490" t="s">
        <v>24219</v>
      </c>
      <c r="C15490">
        <v>2</v>
      </c>
      <c r="D15490">
        <v>0</v>
      </c>
    </row>
    <row r="15491" spans="1:4" x14ac:dyDescent="0.25">
      <c r="A15491" t="s">
        <v>24220</v>
      </c>
      <c r="B15491" t="s">
        <v>24221</v>
      </c>
      <c r="C15491">
        <v>1</v>
      </c>
      <c r="D15491">
        <v>0</v>
      </c>
    </row>
    <row r="15492" spans="1:4" x14ac:dyDescent="0.25">
      <c r="A15492" t="s">
        <v>24222</v>
      </c>
      <c r="B15492" t="s">
        <v>24223</v>
      </c>
      <c r="C15492">
        <v>2</v>
      </c>
      <c r="D15492">
        <v>0</v>
      </c>
    </row>
    <row r="15493" spans="1:4" x14ac:dyDescent="0.25">
      <c r="A15493" t="s">
        <v>24224</v>
      </c>
      <c r="B15493" t="s">
        <v>24225</v>
      </c>
      <c r="C15493">
        <v>2</v>
      </c>
      <c r="D15493">
        <v>0</v>
      </c>
    </row>
    <row r="15494" spans="1:4" x14ac:dyDescent="0.25">
      <c r="A15494" t="s">
        <v>24226</v>
      </c>
      <c r="B15494" t="s">
        <v>24227</v>
      </c>
      <c r="C15494">
        <v>1</v>
      </c>
      <c r="D15494">
        <v>0</v>
      </c>
    </row>
    <row r="15495" spans="1:4" x14ac:dyDescent="0.25">
      <c r="A15495" t="s">
        <v>24228</v>
      </c>
      <c r="B15495" t="s">
        <v>24229</v>
      </c>
      <c r="C15495">
        <v>1</v>
      </c>
      <c r="D15495">
        <v>0</v>
      </c>
    </row>
    <row r="15496" spans="1:4" x14ac:dyDescent="0.25">
      <c r="A15496" t="s">
        <v>24230</v>
      </c>
      <c r="B15496" t="s">
        <v>24231</v>
      </c>
      <c r="C15496">
        <v>2</v>
      </c>
      <c r="D15496">
        <v>0</v>
      </c>
    </row>
    <row r="15497" spans="1:4" x14ac:dyDescent="0.25">
      <c r="A15497" t="s">
        <v>24232</v>
      </c>
      <c r="B15497" t="s">
        <v>24233</v>
      </c>
      <c r="C15497">
        <v>0</v>
      </c>
      <c r="D15497">
        <v>0</v>
      </c>
    </row>
    <row r="15498" spans="1:4" x14ac:dyDescent="0.25">
      <c r="A15498" t="s">
        <v>24234</v>
      </c>
      <c r="B15498" t="s">
        <v>24235</v>
      </c>
      <c r="C15498">
        <v>1</v>
      </c>
      <c r="D15498">
        <v>0</v>
      </c>
    </row>
    <row r="15499" spans="1:4" x14ac:dyDescent="0.25">
      <c r="A15499" t="s">
        <v>24236</v>
      </c>
      <c r="B15499" t="s">
        <v>24237</v>
      </c>
      <c r="C15499">
        <v>0</v>
      </c>
      <c r="D15499">
        <v>0</v>
      </c>
    </row>
    <row r="15500" spans="1:4" x14ac:dyDescent="0.25">
      <c r="A15500" t="s">
        <v>24238</v>
      </c>
      <c r="B15500" t="s">
        <v>24239</v>
      </c>
      <c r="C15500">
        <v>1</v>
      </c>
      <c r="D15500">
        <v>0</v>
      </c>
    </row>
    <row r="15501" spans="1:4" x14ac:dyDescent="0.25">
      <c r="A15501" t="s">
        <v>24240</v>
      </c>
      <c r="B15501" t="s">
        <v>24241</v>
      </c>
      <c r="C15501">
        <v>1</v>
      </c>
      <c r="D15501">
        <v>0</v>
      </c>
    </row>
    <row r="15502" spans="1:4" x14ac:dyDescent="0.25">
      <c r="A15502" t="s">
        <v>24242</v>
      </c>
      <c r="B15502" t="s">
        <v>24243</v>
      </c>
      <c r="C15502">
        <v>1</v>
      </c>
      <c r="D15502">
        <v>0</v>
      </c>
    </row>
    <row r="15503" spans="1:4" x14ac:dyDescent="0.25">
      <c r="A15503" t="s">
        <v>24244</v>
      </c>
      <c r="B15503" t="s">
        <v>24245</v>
      </c>
      <c r="C15503">
        <v>2</v>
      </c>
      <c r="D15503">
        <v>0</v>
      </c>
    </row>
    <row r="15504" spans="1:4" x14ac:dyDescent="0.25">
      <c r="A15504" t="s">
        <v>24244</v>
      </c>
      <c r="B15504" t="s">
        <v>24246</v>
      </c>
      <c r="C15504">
        <v>2</v>
      </c>
      <c r="D15504">
        <v>0</v>
      </c>
    </row>
    <row r="15505" spans="1:4" x14ac:dyDescent="0.25">
      <c r="A15505" t="s">
        <v>24247</v>
      </c>
      <c r="B15505" t="s">
        <v>24248</v>
      </c>
      <c r="C15505">
        <v>0</v>
      </c>
      <c r="D15505">
        <v>0</v>
      </c>
    </row>
    <row r="15506" spans="1:4" x14ac:dyDescent="0.25">
      <c r="A15506" t="s">
        <v>24249</v>
      </c>
      <c r="B15506" t="s">
        <v>24250</v>
      </c>
      <c r="C15506">
        <v>1</v>
      </c>
      <c r="D15506">
        <v>0</v>
      </c>
    </row>
    <row r="15507" spans="1:4" x14ac:dyDescent="0.25">
      <c r="A15507" t="s">
        <v>24251</v>
      </c>
      <c r="B15507" t="s">
        <v>24252</v>
      </c>
      <c r="C15507">
        <v>1</v>
      </c>
      <c r="D15507">
        <v>0</v>
      </c>
    </row>
    <row r="15508" spans="1:4" x14ac:dyDescent="0.25">
      <c r="A15508" t="s">
        <v>24253</v>
      </c>
      <c r="B15508" t="s">
        <v>24254</v>
      </c>
      <c r="C15508">
        <v>1</v>
      </c>
      <c r="D15508">
        <v>0</v>
      </c>
    </row>
    <row r="15509" spans="1:4" x14ac:dyDescent="0.25">
      <c r="A15509" t="s">
        <v>24253</v>
      </c>
      <c r="B15509" t="s">
        <v>24255</v>
      </c>
      <c r="C15509">
        <v>0</v>
      </c>
      <c r="D15509">
        <v>0</v>
      </c>
    </row>
    <row r="15510" spans="1:4" x14ac:dyDescent="0.25">
      <c r="A15510" t="s">
        <v>24253</v>
      </c>
      <c r="B15510" t="s">
        <v>24255</v>
      </c>
      <c r="C15510">
        <v>2</v>
      </c>
      <c r="D15510">
        <v>0</v>
      </c>
    </row>
    <row r="15511" spans="1:4" x14ac:dyDescent="0.25">
      <c r="A15511" t="s">
        <v>24256</v>
      </c>
      <c r="B15511" t="s">
        <v>24257</v>
      </c>
      <c r="C15511">
        <v>1</v>
      </c>
      <c r="D15511">
        <v>0</v>
      </c>
    </row>
    <row r="15512" spans="1:4" x14ac:dyDescent="0.25">
      <c r="A15512" t="s">
        <v>24256</v>
      </c>
      <c r="B15512" t="s">
        <v>24255</v>
      </c>
      <c r="C15512">
        <v>0</v>
      </c>
      <c r="D15512">
        <v>0</v>
      </c>
    </row>
    <row r="15513" spans="1:4" x14ac:dyDescent="0.25">
      <c r="A15513" t="s">
        <v>24256</v>
      </c>
      <c r="B15513" t="s">
        <v>24255</v>
      </c>
      <c r="C15513">
        <v>2</v>
      </c>
      <c r="D15513">
        <v>0</v>
      </c>
    </row>
    <row r="15514" spans="1:4" x14ac:dyDescent="0.25">
      <c r="A15514" t="s">
        <v>24258</v>
      </c>
      <c r="B15514" t="s">
        <v>24259</v>
      </c>
      <c r="C15514">
        <v>1</v>
      </c>
      <c r="D15514">
        <v>0</v>
      </c>
    </row>
    <row r="15515" spans="1:4" x14ac:dyDescent="0.25">
      <c r="A15515" t="s">
        <v>24260</v>
      </c>
      <c r="B15515" t="s">
        <v>24261</v>
      </c>
      <c r="C15515">
        <v>1</v>
      </c>
      <c r="D15515">
        <v>0</v>
      </c>
    </row>
    <row r="15516" spans="1:4" x14ac:dyDescent="0.25">
      <c r="A15516" t="s">
        <v>24262</v>
      </c>
      <c r="B15516" t="s">
        <v>24263</v>
      </c>
      <c r="C15516">
        <v>1</v>
      </c>
      <c r="D15516">
        <v>0</v>
      </c>
    </row>
    <row r="15517" spans="1:4" x14ac:dyDescent="0.25">
      <c r="A15517" t="s">
        <v>24264</v>
      </c>
      <c r="B15517" t="s">
        <v>24265</v>
      </c>
      <c r="C15517">
        <v>2</v>
      </c>
      <c r="D15517">
        <v>0</v>
      </c>
    </row>
    <row r="15518" spans="1:4" x14ac:dyDescent="0.25">
      <c r="A15518" t="s">
        <v>24266</v>
      </c>
      <c r="B15518" t="s">
        <v>24267</v>
      </c>
      <c r="C15518">
        <v>1</v>
      </c>
      <c r="D15518">
        <v>0</v>
      </c>
    </row>
    <row r="15519" spans="1:4" x14ac:dyDescent="0.25">
      <c r="A15519" t="s">
        <v>24268</v>
      </c>
      <c r="B15519" t="s">
        <v>24269</v>
      </c>
      <c r="C15519">
        <v>1</v>
      </c>
      <c r="D15519">
        <v>0</v>
      </c>
    </row>
    <row r="15520" spans="1:4" x14ac:dyDescent="0.25">
      <c r="A15520" t="s">
        <v>24270</v>
      </c>
      <c r="B15520" t="s">
        <v>24271</v>
      </c>
      <c r="C15520">
        <v>1</v>
      </c>
      <c r="D15520">
        <v>0</v>
      </c>
    </row>
    <row r="15521" spans="1:4" x14ac:dyDescent="0.25">
      <c r="A15521" t="s">
        <v>24270</v>
      </c>
      <c r="B15521" t="s">
        <v>24272</v>
      </c>
      <c r="C15521">
        <v>0</v>
      </c>
      <c r="D15521">
        <v>0</v>
      </c>
    </row>
    <row r="15522" spans="1:4" x14ac:dyDescent="0.25">
      <c r="A15522" t="s">
        <v>24273</v>
      </c>
      <c r="B15522" t="s">
        <v>24274</v>
      </c>
      <c r="C15522">
        <v>1</v>
      </c>
      <c r="D15522">
        <v>0</v>
      </c>
    </row>
    <row r="15523" spans="1:4" x14ac:dyDescent="0.25">
      <c r="A15523" t="s">
        <v>24275</v>
      </c>
      <c r="B15523" t="s">
        <v>24276</v>
      </c>
      <c r="C15523">
        <v>1</v>
      </c>
      <c r="D15523">
        <v>0</v>
      </c>
    </row>
    <row r="15524" spans="1:4" x14ac:dyDescent="0.25">
      <c r="A15524" t="s">
        <v>24275</v>
      </c>
      <c r="B15524" t="s">
        <v>24277</v>
      </c>
      <c r="C15524">
        <v>0</v>
      </c>
      <c r="D15524">
        <v>0</v>
      </c>
    </row>
    <row r="15525" spans="1:4" x14ac:dyDescent="0.25">
      <c r="A15525" t="s">
        <v>24278</v>
      </c>
      <c r="B15525" t="s">
        <v>24279</v>
      </c>
      <c r="C15525">
        <v>0</v>
      </c>
      <c r="D15525">
        <v>0</v>
      </c>
    </row>
    <row r="15526" spans="1:4" x14ac:dyDescent="0.25">
      <c r="A15526" t="s">
        <v>24280</v>
      </c>
      <c r="B15526" t="s">
        <v>24281</v>
      </c>
      <c r="C15526">
        <v>1</v>
      </c>
      <c r="D15526">
        <v>0</v>
      </c>
    </row>
    <row r="15527" spans="1:4" x14ac:dyDescent="0.25">
      <c r="A15527" t="s">
        <v>24282</v>
      </c>
      <c r="B15527" t="s">
        <v>24283</v>
      </c>
      <c r="C15527">
        <v>1</v>
      </c>
      <c r="D15527">
        <v>0</v>
      </c>
    </row>
    <row r="15528" spans="1:4" x14ac:dyDescent="0.25">
      <c r="A15528" t="s">
        <v>24284</v>
      </c>
      <c r="B15528" t="s">
        <v>24285</v>
      </c>
      <c r="C15528">
        <v>1</v>
      </c>
      <c r="D15528">
        <v>0</v>
      </c>
    </row>
    <row r="15529" spans="1:4" x14ac:dyDescent="0.25">
      <c r="A15529" t="s">
        <v>24286</v>
      </c>
      <c r="B15529" t="s">
        <v>24287</v>
      </c>
      <c r="C15529">
        <v>1</v>
      </c>
      <c r="D15529">
        <v>0</v>
      </c>
    </row>
    <row r="15530" spans="1:4" x14ac:dyDescent="0.25">
      <c r="A15530" t="s">
        <v>24288</v>
      </c>
      <c r="B15530" t="s">
        <v>24289</v>
      </c>
      <c r="C15530">
        <v>0</v>
      </c>
      <c r="D15530">
        <v>0</v>
      </c>
    </row>
    <row r="15531" spans="1:4" x14ac:dyDescent="0.25">
      <c r="A15531" t="s">
        <v>24290</v>
      </c>
      <c r="B15531" t="s">
        <v>24291</v>
      </c>
      <c r="C15531">
        <v>1</v>
      </c>
      <c r="D15531">
        <v>0</v>
      </c>
    </row>
    <row r="15532" spans="1:4" x14ac:dyDescent="0.25">
      <c r="A15532" t="s">
        <v>24292</v>
      </c>
      <c r="B15532" t="s">
        <v>24293</v>
      </c>
      <c r="C15532">
        <v>1</v>
      </c>
      <c r="D15532">
        <v>0</v>
      </c>
    </row>
    <row r="15533" spans="1:4" x14ac:dyDescent="0.25">
      <c r="A15533" t="s">
        <v>24294</v>
      </c>
      <c r="B15533" t="s">
        <v>24295</v>
      </c>
      <c r="C15533">
        <v>2</v>
      </c>
      <c r="D15533">
        <v>0</v>
      </c>
    </row>
    <row r="15534" spans="1:4" x14ac:dyDescent="0.25">
      <c r="A15534" t="s">
        <v>24296</v>
      </c>
      <c r="B15534" t="s">
        <v>24297</v>
      </c>
      <c r="C15534">
        <v>0</v>
      </c>
      <c r="D15534">
        <v>0</v>
      </c>
    </row>
    <row r="15535" spans="1:4" x14ac:dyDescent="0.25">
      <c r="A15535" t="s">
        <v>24298</v>
      </c>
      <c r="B15535" t="s">
        <v>24299</v>
      </c>
      <c r="C15535">
        <v>2</v>
      </c>
      <c r="D15535">
        <v>0</v>
      </c>
    </row>
    <row r="15536" spans="1:4" x14ac:dyDescent="0.25">
      <c r="A15536" t="s">
        <v>24300</v>
      </c>
      <c r="B15536" t="s">
        <v>24301</v>
      </c>
      <c r="C15536">
        <v>1</v>
      </c>
      <c r="D15536">
        <v>0</v>
      </c>
    </row>
    <row r="15537" spans="1:4" x14ac:dyDescent="0.25">
      <c r="A15537" t="s">
        <v>24302</v>
      </c>
      <c r="B15537" t="s">
        <v>24303</v>
      </c>
      <c r="C15537">
        <v>1</v>
      </c>
      <c r="D15537">
        <v>0</v>
      </c>
    </row>
    <row r="15538" spans="1:4" x14ac:dyDescent="0.25">
      <c r="A15538" t="s">
        <v>24304</v>
      </c>
      <c r="B15538" t="s">
        <v>24305</v>
      </c>
      <c r="C15538">
        <v>2</v>
      </c>
      <c r="D15538">
        <v>0</v>
      </c>
    </row>
    <row r="15539" spans="1:4" x14ac:dyDescent="0.25">
      <c r="A15539" t="s">
        <v>24306</v>
      </c>
      <c r="B15539" t="s">
        <v>24307</v>
      </c>
      <c r="C15539">
        <v>1</v>
      </c>
      <c r="D15539">
        <v>0</v>
      </c>
    </row>
    <row r="15540" spans="1:4" x14ac:dyDescent="0.25">
      <c r="A15540" t="s">
        <v>24308</v>
      </c>
      <c r="B15540" t="s">
        <v>24309</v>
      </c>
      <c r="C15540">
        <v>2</v>
      </c>
      <c r="D15540">
        <v>0</v>
      </c>
    </row>
    <row r="15541" spans="1:4" x14ac:dyDescent="0.25">
      <c r="A15541" t="s">
        <v>24310</v>
      </c>
      <c r="B15541" t="s">
        <v>24311</v>
      </c>
      <c r="C15541">
        <v>1</v>
      </c>
      <c r="D15541">
        <v>0</v>
      </c>
    </row>
    <row r="15542" spans="1:4" x14ac:dyDescent="0.25">
      <c r="A15542" t="s">
        <v>24312</v>
      </c>
      <c r="B15542" t="s">
        <v>24313</v>
      </c>
      <c r="C15542">
        <v>2</v>
      </c>
      <c r="D15542">
        <v>0</v>
      </c>
    </row>
    <row r="15543" spans="1:4" x14ac:dyDescent="0.25">
      <c r="A15543" t="s">
        <v>24314</v>
      </c>
      <c r="B15543" t="s">
        <v>24315</v>
      </c>
      <c r="C15543">
        <v>1</v>
      </c>
      <c r="D15543">
        <v>0</v>
      </c>
    </row>
    <row r="15544" spans="1:4" x14ac:dyDescent="0.25">
      <c r="A15544" t="s">
        <v>24314</v>
      </c>
      <c r="B15544" t="s">
        <v>24316</v>
      </c>
      <c r="C15544">
        <v>0</v>
      </c>
      <c r="D15544">
        <v>0</v>
      </c>
    </row>
    <row r="15545" spans="1:4" x14ac:dyDescent="0.25">
      <c r="A15545" t="s">
        <v>24317</v>
      </c>
      <c r="B15545" t="s">
        <v>24318</v>
      </c>
      <c r="C15545">
        <v>1</v>
      </c>
      <c r="D15545">
        <v>0</v>
      </c>
    </row>
    <row r="15546" spans="1:4" x14ac:dyDescent="0.25">
      <c r="A15546" t="s">
        <v>24317</v>
      </c>
      <c r="B15546" t="s">
        <v>24319</v>
      </c>
      <c r="C15546">
        <v>0</v>
      </c>
      <c r="D15546">
        <v>0</v>
      </c>
    </row>
    <row r="15547" spans="1:4" x14ac:dyDescent="0.25">
      <c r="A15547" t="s">
        <v>24317</v>
      </c>
      <c r="B15547" t="s">
        <v>24320</v>
      </c>
      <c r="C15547">
        <v>2</v>
      </c>
      <c r="D15547">
        <v>0</v>
      </c>
    </row>
    <row r="15548" spans="1:4" x14ac:dyDescent="0.25">
      <c r="A15548" t="s">
        <v>24321</v>
      </c>
      <c r="B15548" t="s">
        <v>24322</v>
      </c>
      <c r="C15548">
        <v>1</v>
      </c>
      <c r="D15548">
        <v>0</v>
      </c>
    </row>
    <row r="15549" spans="1:4" x14ac:dyDescent="0.25">
      <c r="A15549" t="s">
        <v>24323</v>
      </c>
      <c r="B15549" t="s">
        <v>24324</v>
      </c>
      <c r="C15549">
        <v>1</v>
      </c>
      <c r="D15549">
        <v>0</v>
      </c>
    </row>
    <row r="15550" spans="1:4" x14ac:dyDescent="0.25">
      <c r="A15550" t="s">
        <v>24325</v>
      </c>
      <c r="B15550" t="s">
        <v>24326</v>
      </c>
      <c r="C15550">
        <v>1</v>
      </c>
      <c r="D15550">
        <v>0</v>
      </c>
    </row>
    <row r="15551" spans="1:4" x14ac:dyDescent="0.25">
      <c r="A15551" t="s">
        <v>24327</v>
      </c>
      <c r="B15551" t="s">
        <v>24328</v>
      </c>
      <c r="C15551">
        <v>1</v>
      </c>
      <c r="D15551">
        <v>0</v>
      </c>
    </row>
    <row r="15552" spans="1:4" x14ac:dyDescent="0.25">
      <c r="A15552" t="s">
        <v>24329</v>
      </c>
      <c r="B15552" t="s">
        <v>24330</v>
      </c>
      <c r="C15552">
        <v>1</v>
      </c>
      <c r="D15552">
        <v>0</v>
      </c>
    </row>
    <row r="15553" spans="1:4" x14ac:dyDescent="0.25">
      <c r="A15553" t="s">
        <v>24331</v>
      </c>
      <c r="B15553" t="s">
        <v>24332</v>
      </c>
      <c r="C15553">
        <v>0</v>
      </c>
      <c r="D15553">
        <v>0</v>
      </c>
    </row>
    <row r="15554" spans="1:4" x14ac:dyDescent="0.25">
      <c r="A15554" t="s">
        <v>24333</v>
      </c>
      <c r="B15554" t="s">
        <v>24334</v>
      </c>
      <c r="C15554">
        <v>2</v>
      </c>
      <c r="D15554">
        <v>0</v>
      </c>
    </row>
    <row r="15555" spans="1:4" x14ac:dyDescent="0.25">
      <c r="A15555" t="s">
        <v>24335</v>
      </c>
      <c r="B15555" t="s">
        <v>24336</v>
      </c>
      <c r="C15555">
        <v>1</v>
      </c>
      <c r="D15555">
        <v>0</v>
      </c>
    </row>
    <row r="15556" spans="1:4" x14ac:dyDescent="0.25">
      <c r="A15556" t="s">
        <v>24337</v>
      </c>
      <c r="B15556" t="s">
        <v>22724</v>
      </c>
      <c r="C15556">
        <v>2</v>
      </c>
      <c r="D15556">
        <v>0</v>
      </c>
    </row>
    <row r="15557" spans="1:4" x14ac:dyDescent="0.25">
      <c r="A15557" t="s">
        <v>24338</v>
      </c>
      <c r="B15557" t="s">
        <v>24339</v>
      </c>
      <c r="C15557">
        <v>1</v>
      </c>
      <c r="D15557">
        <v>0</v>
      </c>
    </row>
    <row r="15558" spans="1:4" x14ac:dyDescent="0.25">
      <c r="A15558" t="s">
        <v>24340</v>
      </c>
      <c r="B15558" t="s">
        <v>24341</v>
      </c>
      <c r="C15558">
        <v>1</v>
      </c>
      <c r="D15558">
        <v>0</v>
      </c>
    </row>
    <row r="15559" spans="1:4" x14ac:dyDescent="0.25">
      <c r="A15559" t="s">
        <v>24342</v>
      </c>
      <c r="B15559" t="s">
        <v>24343</v>
      </c>
      <c r="C15559">
        <v>1</v>
      </c>
      <c r="D15559">
        <v>0</v>
      </c>
    </row>
    <row r="15560" spans="1:4" x14ac:dyDescent="0.25">
      <c r="A15560" t="s">
        <v>24344</v>
      </c>
      <c r="B15560" t="s">
        <v>24345</v>
      </c>
      <c r="C15560">
        <v>1</v>
      </c>
      <c r="D15560">
        <v>0</v>
      </c>
    </row>
    <row r="15561" spans="1:4" x14ac:dyDescent="0.25">
      <c r="A15561" t="s">
        <v>24346</v>
      </c>
      <c r="B15561" t="s">
        <v>24347</v>
      </c>
      <c r="C15561">
        <v>1</v>
      </c>
      <c r="D15561">
        <v>0</v>
      </c>
    </row>
    <row r="15562" spans="1:4" x14ac:dyDescent="0.25">
      <c r="A15562" t="s">
        <v>24348</v>
      </c>
      <c r="B15562" t="s">
        <v>24349</v>
      </c>
      <c r="C15562">
        <v>1</v>
      </c>
      <c r="D15562">
        <v>0</v>
      </c>
    </row>
    <row r="15563" spans="1:4" x14ac:dyDescent="0.25">
      <c r="A15563" t="s">
        <v>24350</v>
      </c>
      <c r="B15563" t="s">
        <v>24351</v>
      </c>
      <c r="C15563">
        <v>1</v>
      </c>
      <c r="D15563">
        <v>0</v>
      </c>
    </row>
    <row r="15564" spans="1:4" x14ac:dyDescent="0.25">
      <c r="A15564" t="s">
        <v>24352</v>
      </c>
      <c r="B15564" t="s">
        <v>24353</v>
      </c>
      <c r="C15564">
        <v>1</v>
      </c>
      <c r="D15564">
        <v>0</v>
      </c>
    </row>
    <row r="15565" spans="1:4" x14ac:dyDescent="0.25">
      <c r="A15565" t="s">
        <v>24354</v>
      </c>
      <c r="B15565" t="s">
        <v>24355</v>
      </c>
      <c r="C15565">
        <v>1</v>
      </c>
      <c r="D15565">
        <v>0</v>
      </c>
    </row>
    <row r="15566" spans="1:4" x14ac:dyDescent="0.25">
      <c r="A15566" t="s">
        <v>24356</v>
      </c>
      <c r="B15566" t="s">
        <v>24357</v>
      </c>
      <c r="C15566">
        <v>1</v>
      </c>
      <c r="D15566">
        <v>0</v>
      </c>
    </row>
    <row r="15567" spans="1:4" x14ac:dyDescent="0.25">
      <c r="A15567" t="s">
        <v>24358</v>
      </c>
      <c r="B15567" t="s">
        <v>24359</v>
      </c>
      <c r="C15567">
        <v>1</v>
      </c>
      <c r="D15567">
        <v>0</v>
      </c>
    </row>
    <row r="15568" spans="1:4" x14ac:dyDescent="0.25">
      <c r="A15568" t="s">
        <v>24360</v>
      </c>
      <c r="B15568" t="s">
        <v>24361</v>
      </c>
      <c r="C15568">
        <v>1</v>
      </c>
      <c r="D15568">
        <v>0</v>
      </c>
    </row>
    <row r="15569" spans="1:4" x14ac:dyDescent="0.25">
      <c r="A15569" t="s">
        <v>24360</v>
      </c>
      <c r="B15569" t="s">
        <v>24362</v>
      </c>
      <c r="C15569">
        <v>0</v>
      </c>
      <c r="D15569">
        <v>0</v>
      </c>
    </row>
    <row r="15570" spans="1:4" x14ac:dyDescent="0.25">
      <c r="A15570" t="s">
        <v>24363</v>
      </c>
      <c r="B15570" t="s">
        <v>24364</v>
      </c>
      <c r="C15570">
        <v>0</v>
      </c>
      <c r="D15570">
        <v>0</v>
      </c>
    </row>
    <row r="15571" spans="1:4" x14ac:dyDescent="0.25">
      <c r="A15571" t="s">
        <v>24365</v>
      </c>
      <c r="B15571" t="s">
        <v>24366</v>
      </c>
      <c r="C15571">
        <v>1</v>
      </c>
      <c r="D15571">
        <v>0</v>
      </c>
    </row>
    <row r="15572" spans="1:4" x14ac:dyDescent="0.25">
      <c r="A15572" t="s">
        <v>24367</v>
      </c>
      <c r="B15572" t="s">
        <v>24368</v>
      </c>
      <c r="C15572">
        <v>1</v>
      </c>
      <c r="D15572">
        <v>0</v>
      </c>
    </row>
    <row r="15573" spans="1:4" x14ac:dyDescent="0.25">
      <c r="A15573" t="s">
        <v>24369</v>
      </c>
      <c r="B15573" t="s">
        <v>24370</v>
      </c>
      <c r="C15573">
        <v>2</v>
      </c>
      <c r="D15573">
        <v>0</v>
      </c>
    </row>
    <row r="15574" spans="1:4" x14ac:dyDescent="0.25">
      <c r="A15574" t="s">
        <v>24371</v>
      </c>
      <c r="B15574" t="s">
        <v>24372</v>
      </c>
      <c r="C15574">
        <v>1</v>
      </c>
      <c r="D15574">
        <v>0</v>
      </c>
    </row>
    <row r="15575" spans="1:4" x14ac:dyDescent="0.25">
      <c r="A15575" t="s">
        <v>24373</v>
      </c>
      <c r="B15575" t="s">
        <v>24374</v>
      </c>
      <c r="C15575">
        <v>1</v>
      </c>
      <c r="D15575">
        <v>0</v>
      </c>
    </row>
    <row r="15576" spans="1:4" x14ac:dyDescent="0.25">
      <c r="A15576" t="s">
        <v>24375</v>
      </c>
      <c r="B15576" t="s">
        <v>24376</v>
      </c>
      <c r="C15576">
        <v>1</v>
      </c>
      <c r="D15576">
        <v>0</v>
      </c>
    </row>
    <row r="15577" spans="1:4" x14ac:dyDescent="0.25">
      <c r="A15577" t="s">
        <v>24377</v>
      </c>
      <c r="B15577" t="s">
        <v>24378</v>
      </c>
      <c r="C15577">
        <v>2</v>
      </c>
      <c r="D15577">
        <v>0</v>
      </c>
    </row>
    <row r="15578" spans="1:4" x14ac:dyDescent="0.25">
      <c r="A15578" t="s">
        <v>24379</v>
      </c>
      <c r="B15578" t="s">
        <v>24380</v>
      </c>
      <c r="C15578">
        <v>1</v>
      </c>
      <c r="D15578">
        <v>0</v>
      </c>
    </row>
    <row r="15579" spans="1:4" x14ac:dyDescent="0.25">
      <c r="A15579" t="s">
        <v>24381</v>
      </c>
      <c r="B15579" t="s">
        <v>24382</v>
      </c>
      <c r="C15579">
        <v>1</v>
      </c>
      <c r="D15579">
        <v>0</v>
      </c>
    </row>
    <row r="15580" spans="1:4" x14ac:dyDescent="0.25">
      <c r="A15580" t="s">
        <v>24383</v>
      </c>
      <c r="B15580" t="s">
        <v>24384</v>
      </c>
      <c r="C15580">
        <v>1</v>
      </c>
      <c r="D15580">
        <v>0</v>
      </c>
    </row>
    <row r="15581" spans="1:4" x14ac:dyDescent="0.25">
      <c r="A15581" t="s">
        <v>24383</v>
      </c>
      <c r="B15581" t="s">
        <v>24385</v>
      </c>
      <c r="C15581">
        <v>0</v>
      </c>
      <c r="D15581">
        <v>0</v>
      </c>
    </row>
    <row r="15582" spans="1:4" x14ac:dyDescent="0.25">
      <c r="A15582" t="s">
        <v>24386</v>
      </c>
      <c r="B15582" t="s">
        <v>24387</v>
      </c>
      <c r="C15582">
        <v>1</v>
      </c>
      <c r="D15582">
        <v>0</v>
      </c>
    </row>
    <row r="15583" spans="1:4" x14ac:dyDescent="0.25">
      <c r="A15583" t="s">
        <v>24388</v>
      </c>
      <c r="B15583" t="s">
        <v>24389</v>
      </c>
      <c r="C15583">
        <v>1</v>
      </c>
      <c r="D15583">
        <v>0</v>
      </c>
    </row>
    <row r="15584" spans="1:4" x14ac:dyDescent="0.25">
      <c r="A15584" t="s">
        <v>24388</v>
      </c>
      <c r="B15584" t="s">
        <v>24390</v>
      </c>
      <c r="C15584">
        <v>0</v>
      </c>
      <c r="D15584">
        <v>0</v>
      </c>
    </row>
    <row r="15585" spans="1:4" x14ac:dyDescent="0.25">
      <c r="A15585" t="s">
        <v>24391</v>
      </c>
      <c r="B15585" t="s">
        <v>24392</v>
      </c>
      <c r="C15585">
        <v>1</v>
      </c>
      <c r="D15585">
        <v>0</v>
      </c>
    </row>
    <row r="15586" spans="1:4" x14ac:dyDescent="0.25">
      <c r="A15586" t="s">
        <v>24393</v>
      </c>
      <c r="B15586" t="s">
        <v>24394</v>
      </c>
      <c r="C15586">
        <v>1</v>
      </c>
      <c r="D15586">
        <v>0</v>
      </c>
    </row>
    <row r="15587" spans="1:4" x14ac:dyDescent="0.25">
      <c r="A15587" t="s">
        <v>24395</v>
      </c>
      <c r="B15587" t="s">
        <v>24396</v>
      </c>
      <c r="C15587">
        <v>1</v>
      </c>
      <c r="D15587">
        <v>0</v>
      </c>
    </row>
    <row r="15588" spans="1:4" x14ac:dyDescent="0.25">
      <c r="A15588" t="s">
        <v>24397</v>
      </c>
      <c r="B15588" t="s">
        <v>24398</v>
      </c>
      <c r="C15588">
        <v>0</v>
      </c>
      <c r="D15588">
        <v>0</v>
      </c>
    </row>
    <row r="15589" spans="1:4" x14ac:dyDescent="0.25">
      <c r="A15589" t="s">
        <v>24399</v>
      </c>
      <c r="B15589" t="s">
        <v>24400</v>
      </c>
      <c r="C15589">
        <v>1</v>
      </c>
      <c r="D15589">
        <v>0</v>
      </c>
    </row>
    <row r="15590" spans="1:4" x14ac:dyDescent="0.25">
      <c r="A15590" t="s">
        <v>24399</v>
      </c>
      <c r="B15590" t="s">
        <v>24401</v>
      </c>
      <c r="C15590">
        <v>1</v>
      </c>
      <c r="D15590">
        <v>0</v>
      </c>
    </row>
    <row r="15591" spans="1:4" x14ac:dyDescent="0.25">
      <c r="A15591" t="s">
        <v>24399</v>
      </c>
      <c r="B15591" t="s">
        <v>24402</v>
      </c>
      <c r="C15591">
        <v>1</v>
      </c>
      <c r="D15591">
        <v>0</v>
      </c>
    </row>
    <row r="15592" spans="1:4" x14ac:dyDescent="0.25">
      <c r="A15592" t="s">
        <v>24403</v>
      </c>
      <c r="B15592" t="s">
        <v>24404</v>
      </c>
      <c r="C15592">
        <v>1</v>
      </c>
      <c r="D15592">
        <v>0</v>
      </c>
    </row>
    <row r="15593" spans="1:4" x14ac:dyDescent="0.25">
      <c r="A15593" t="s">
        <v>24405</v>
      </c>
      <c r="B15593" t="s">
        <v>24406</v>
      </c>
      <c r="C15593">
        <v>0</v>
      </c>
      <c r="D15593">
        <v>0</v>
      </c>
    </row>
    <row r="15594" spans="1:4" x14ac:dyDescent="0.25">
      <c r="A15594" t="s">
        <v>24407</v>
      </c>
      <c r="B15594" t="s">
        <v>24408</v>
      </c>
      <c r="C15594">
        <v>1</v>
      </c>
      <c r="D15594">
        <v>0</v>
      </c>
    </row>
    <row r="15595" spans="1:4" x14ac:dyDescent="0.25">
      <c r="A15595" t="s">
        <v>24409</v>
      </c>
      <c r="B15595" t="s">
        <v>24410</v>
      </c>
      <c r="C15595">
        <v>2</v>
      </c>
      <c r="D15595">
        <v>0</v>
      </c>
    </row>
    <row r="15596" spans="1:4" x14ac:dyDescent="0.25">
      <c r="A15596" t="s">
        <v>24411</v>
      </c>
      <c r="B15596" t="s">
        <v>24412</v>
      </c>
      <c r="C15596">
        <v>1</v>
      </c>
      <c r="D15596">
        <v>0</v>
      </c>
    </row>
    <row r="15597" spans="1:4" x14ac:dyDescent="0.25">
      <c r="A15597" t="s">
        <v>24411</v>
      </c>
      <c r="B15597" t="s">
        <v>24413</v>
      </c>
      <c r="C15597">
        <v>1</v>
      </c>
      <c r="D15597">
        <v>0</v>
      </c>
    </row>
    <row r="15598" spans="1:4" x14ac:dyDescent="0.25">
      <c r="A15598" t="s">
        <v>24414</v>
      </c>
      <c r="B15598" t="s">
        <v>24415</v>
      </c>
      <c r="C15598">
        <v>0</v>
      </c>
      <c r="D15598">
        <v>0</v>
      </c>
    </row>
    <row r="15599" spans="1:4" x14ac:dyDescent="0.25">
      <c r="A15599" t="s">
        <v>24416</v>
      </c>
      <c r="B15599" t="s">
        <v>24417</v>
      </c>
      <c r="C15599">
        <v>1</v>
      </c>
      <c r="D15599">
        <v>0</v>
      </c>
    </row>
    <row r="15600" spans="1:4" x14ac:dyDescent="0.25">
      <c r="A15600" t="s">
        <v>24416</v>
      </c>
      <c r="B15600" t="s">
        <v>24418</v>
      </c>
      <c r="C15600">
        <v>0</v>
      </c>
      <c r="D15600">
        <v>0</v>
      </c>
    </row>
    <row r="15601" spans="1:4" x14ac:dyDescent="0.25">
      <c r="A15601" t="s">
        <v>24419</v>
      </c>
      <c r="B15601" t="s">
        <v>24420</v>
      </c>
      <c r="C15601">
        <v>1</v>
      </c>
      <c r="D15601">
        <v>0</v>
      </c>
    </row>
    <row r="15602" spans="1:4" x14ac:dyDescent="0.25">
      <c r="A15602" t="s">
        <v>24421</v>
      </c>
      <c r="B15602" t="s">
        <v>24422</v>
      </c>
      <c r="C15602">
        <v>0</v>
      </c>
      <c r="D15602">
        <v>0</v>
      </c>
    </row>
    <row r="15603" spans="1:4" x14ac:dyDescent="0.25">
      <c r="A15603" t="s">
        <v>24423</v>
      </c>
      <c r="B15603" t="s">
        <v>24424</v>
      </c>
      <c r="C15603">
        <v>0</v>
      </c>
      <c r="D15603">
        <v>0</v>
      </c>
    </row>
    <row r="15604" spans="1:4" x14ac:dyDescent="0.25">
      <c r="A15604" t="s">
        <v>24425</v>
      </c>
      <c r="B15604" t="s">
        <v>24426</v>
      </c>
      <c r="C15604">
        <v>1</v>
      </c>
      <c r="D15604">
        <v>0</v>
      </c>
    </row>
    <row r="15605" spans="1:4" x14ac:dyDescent="0.25">
      <c r="A15605" t="s">
        <v>24427</v>
      </c>
      <c r="B15605" t="s">
        <v>24428</v>
      </c>
      <c r="C15605">
        <v>1</v>
      </c>
      <c r="D15605">
        <v>0</v>
      </c>
    </row>
    <row r="15606" spans="1:4" x14ac:dyDescent="0.25">
      <c r="A15606" t="s">
        <v>24427</v>
      </c>
      <c r="B15606" t="s">
        <v>24429</v>
      </c>
      <c r="C15606">
        <v>0</v>
      </c>
      <c r="D15606">
        <v>0</v>
      </c>
    </row>
    <row r="15607" spans="1:4" x14ac:dyDescent="0.25">
      <c r="A15607" t="s">
        <v>24430</v>
      </c>
      <c r="B15607" t="s">
        <v>24431</v>
      </c>
      <c r="C15607">
        <v>1</v>
      </c>
      <c r="D15607">
        <v>0</v>
      </c>
    </row>
    <row r="15608" spans="1:4" x14ac:dyDescent="0.25">
      <c r="A15608" t="s">
        <v>24430</v>
      </c>
      <c r="B15608" t="s">
        <v>24432</v>
      </c>
      <c r="C15608">
        <v>0</v>
      </c>
      <c r="D15608">
        <v>0</v>
      </c>
    </row>
    <row r="15609" spans="1:4" x14ac:dyDescent="0.25">
      <c r="A15609" t="s">
        <v>24433</v>
      </c>
      <c r="B15609" t="s">
        <v>24434</v>
      </c>
      <c r="C15609">
        <v>2</v>
      </c>
      <c r="D15609">
        <v>0</v>
      </c>
    </row>
    <row r="15610" spans="1:4" x14ac:dyDescent="0.25">
      <c r="A15610" t="s">
        <v>24435</v>
      </c>
      <c r="B15610" t="s">
        <v>24436</v>
      </c>
      <c r="C15610">
        <v>1</v>
      </c>
      <c r="D15610">
        <v>0</v>
      </c>
    </row>
    <row r="15611" spans="1:4" x14ac:dyDescent="0.25">
      <c r="A15611" t="s">
        <v>24437</v>
      </c>
      <c r="B15611" t="s">
        <v>24438</v>
      </c>
      <c r="C15611">
        <v>1</v>
      </c>
      <c r="D15611">
        <v>0</v>
      </c>
    </row>
    <row r="15612" spans="1:4" x14ac:dyDescent="0.25">
      <c r="A15612" t="s">
        <v>24437</v>
      </c>
      <c r="B15612" t="s">
        <v>24439</v>
      </c>
      <c r="C15612">
        <v>0</v>
      </c>
      <c r="D15612">
        <v>0</v>
      </c>
    </row>
    <row r="15613" spans="1:4" x14ac:dyDescent="0.25">
      <c r="A15613" t="s">
        <v>24440</v>
      </c>
      <c r="B15613" t="s">
        <v>24441</v>
      </c>
      <c r="C15613">
        <v>1</v>
      </c>
      <c r="D15613">
        <v>0</v>
      </c>
    </row>
    <row r="15614" spans="1:4" x14ac:dyDescent="0.25">
      <c r="A15614" t="s">
        <v>24442</v>
      </c>
      <c r="B15614" t="s">
        <v>24443</v>
      </c>
      <c r="C15614">
        <v>1</v>
      </c>
      <c r="D15614">
        <v>0</v>
      </c>
    </row>
    <row r="15615" spans="1:4" x14ac:dyDescent="0.25">
      <c r="A15615" t="s">
        <v>24442</v>
      </c>
      <c r="B15615" t="s">
        <v>24444</v>
      </c>
      <c r="C15615">
        <v>1</v>
      </c>
      <c r="D15615">
        <v>0</v>
      </c>
    </row>
    <row r="15616" spans="1:4" x14ac:dyDescent="0.25">
      <c r="A15616" t="s">
        <v>24442</v>
      </c>
      <c r="B15616" t="s">
        <v>24445</v>
      </c>
      <c r="C15616">
        <v>2</v>
      </c>
      <c r="D15616">
        <v>0</v>
      </c>
    </row>
    <row r="15617" spans="1:4" x14ac:dyDescent="0.25">
      <c r="A15617" t="s">
        <v>24446</v>
      </c>
      <c r="B15617" t="s">
        <v>24447</v>
      </c>
      <c r="C15617">
        <v>1</v>
      </c>
      <c r="D15617">
        <v>0</v>
      </c>
    </row>
    <row r="15618" spans="1:4" x14ac:dyDescent="0.25">
      <c r="A15618" t="s">
        <v>24448</v>
      </c>
      <c r="B15618" t="s">
        <v>24449</v>
      </c>
      <c r="C15618">
        <v>1</v>
      </c>
      <c r="D15618">
        <v>0</v>
      </c>
    </row>
    <row r="15619" spans="1:4" x14ac:dyDescent="0.25">
      <c r="A15619" t="s">
        <v>24450</v>
      </c>
      <c r="B15619" t="s">
        <v>24451</v>
      </c>
      <c r="C15619">
        <v>1</v>
      </c>
      <c r="D15619">
        <v>0</v>
      </c>
    </row>
    <row r="15620" spans="1:4" x14ac:dyDescent="0.25">
      <c r="A15620" t="s">
        <v>24450</v>
      </c>
      <c r="B15620" t="s">
        <v>24452</v>
      </c>
      <c r="C15620">
        <v>0</v>
      </c>
      <c r="D15620">
        <v>0</v>
      </c>
    </row>
    <row r="15621" spans="1:4" x14ac:dyDescent="0.25">
      <c r="A15621" t="s">
        <v>24453</v>
      </c>
      <c r="B15621" t="s">
        <v>24454</v>
      </c>
      <c r="C15621">
        <v>0</v>
      </c>
      <c r="D15621">
        <v>0</v>
      </c>
    </row>
    <row r="15622" spans="1:4" x14ac:dyDescent="0.25">
      <c r="A15622" t="s">
        <v>24455</v>
      </c>
      <c r="B15622" t="s">
        <v>24456</v>
      </c>
      <c r="C15622">
        <v>0</v>
      </c>
      <c r="D15622">
        <v>0</v>
      </c>
    </row>
    <row r="15623" spans="1:4" x14ac:dyDescent="0.25">
      <c r="A15623" t="s">
        <v>24457</v>
      </c>
      <c r="B15623" t="s">
        <v>24458</v>
      </c>
      <c r="C15623">
        <v>1</v>
      </c>
      <c r="D15623">
        <v>0</v>
      </c>
    </row>
    <row r="15624" spans="1:4" x14ac:dyDescent="0.25">
      <c r="A15624" t="s">
        <v>24457</v>
      </c>
      <c r="B15624" t="s">
        <v>24459</v>
      </c>
      <c r="C15624">
        <v>0</v>
      </c>
      <c r="D15624">
        <v>0</v>
      </c>
    </row>
    <row r="15625" spans="1:4" x14ac:dyDescent="0.25">
      <c r="A15625" t="s">
        <v>24460</v>
      </c>
      <c r="B15625" t="s">
        <v>24461</v>
      </c>
      <c r="C15625">
        <v>0</v>
      </c>
      <c r="D15625">
        <v>0</v>
      </c>
    </row>
    <row r="15626" spans="1:4" x14ac:dyDescent="0.25">
      <c r="A15626" t="s">
        <v>24462</v>
      </c>
      <c r="B15626" t="s">
        <v>24463</v>
      </c>
      <c r="C15626">
        <v>1</v>
      </c>
      <c r="D15626">
        <v>0</v>
      </c>
    </row>
    <row r="15627" spans="1:4" x14ac:dyDescent="0.25">
      <c r="A15627" t="s">
        <v>24464</v>
      </c>
      <c r="B15627" t="s">
        <v>24465</v>
      </c>
      <c r="C15627">
        <v>0</v>
      </c>
      <c r="D15627">
        <v>0</v>
      </c>
    </row>
    <row r="15628" spans="1:4" x14ac:dyDescent="0.25">
      <c r="A15628" t="s">
        <v>24466</v>
      </c>
      <c r="B15628" t="s">
        <v>24467</v>
      </c>
      <c r="C15628">
        <v>0</v>
      </c>
      <c r="D15628">
        <v>0</v>
      </c>
    </row>
    <row r="15629" spans="1:4" x14ac:dyDescent="0.25">
      <c r="A15629" t="s">
        <v>24468</v>
      </c>
      <c r="B15629" t="s">
        <v>24469</v>
      </c>
      <c r="C15629">
        <v>1</v>
      </c>
      <c r="D15629">
        <v>0</v>
      </c>
    </row>
    <row r="15630" spans="1:4" x14ac:dyDescent="0.25">
      <c r="A15630" t="s">
        <v>24470</v>
      </c>
      <c r="B15630" t="s">
        <v>24471</v>
      </c>
      <c r="C15630">
        <v>1</v>
      </c>
      <c r="D15630">
        <v>0</v>
      </c>
    </row>
    <row r="15631" spans="1:4" x14ac:dyDescent="0.25">
      <c r="A15631" t="s">
        <v>24472</v>
      </c>
      <c r="B15631" t="s">
        <v>24473</v>
      </c>
      <c r="C15631">
        <v>1</v>
      </c>
      <c r="D15631">
        <v>0</v>
      </c>
    </row>
    <row r="15632" spans="1:4" x14ac:dyDescent="0.25">
      <c r="A15632" t="s">
        <v>24472</v>
      </c>
      <c r="B15632" t="s">
        <v>24474</v>
      </c>
      <c r="C15632">
        <v>1</v>
      </c>
      <c r="D15632">
        <v>0</v>
      </c>
    </row>
    <row r="15633" spans="1:4" x14ac:dyDescent="0.25">
      <c r="A15633" t="s">
        <v>24475</v>
      </c>
      <c r="B15633" t="s">
        <v>24476</v>
      </c>
      <c r="C15633">
        <v>0</v>
      </c>
      <c r="D15633">
        <v>0</v>
      </c>
    </row>
    <row r="15634" spans="1:4" x14ac:dyDescent="0.25">
      <c r="A15634" t="s">
        <v>24475</v>
      </c>
      <c r="B15634" t="s">
        <v>24477</v>
      </c>
      <c r="C15634">
        <v>2</v>
      </c>
      <c r="D15634">
        <v>0</v>
      </c>
    </row>
    <row r="15635" spans="1:4" x14ac:dyDescent="0.25">
      <c r="A15635" t="s">
        <v>24478</v>
      </c>
      <c r="B15635" t="s">
        <v>24479</v>
      </c>
      <c r="C15635">
        <v>1</v>
      </c>
      <c r="D15635">
        <v>0</v>
      </c>
    </row>
    <row r="15636" spans="1:4" x14ac:dyDescent="0.25">
      <c r="A15636" t="s">
        <v>24478</v>
      </c>
      <c r="B15636" t="s">
        <v>24480</v>
      </c>
      <c r="C15636">
        <v>2</v>
      </c>
      <c r="D15636">
        <v>0</v>
      </c>
    </row>
    <row r="15637" spans="1:4" x14ac:dyDescent="0.25">
      <c r="A15637" t="s">
        <v>24481</v>
      </c>
      <c r="B15637" t="s">
        <v>24482</v>
      </c>
      <c r="C15637">
        <v>0</v>
      </c>
      <c r="D15637">
        <v>0</v>
      </c>
    </row>
    <row r="15638" spans="1:4" x14ac:dyDescent="0.25">
      <c r="A15638" t="s">
        <v>24483</v>
      </c>
      <c r="B15638" t="s">
        <v>24484</v>
      </c>
      <c r="C15638">
        <v>1</v>
      </c>
      <c r="D15638">
        <v>0</v>
      </c>
    </row>
    <row r="15639" spans="1:4" x14ac:dyDescent="0.25">
      <c r="A15639" t="s">
        <v>24485</v>
      </c>
      <c r="B15639" t="s">
        <v>24486</v>
      </c>
      <c r="C15639">
        <v>0</v>
      </c>
      <c r="D15639">
        <v>0</v>
      </c>
    </row>
    <row r="15640" spans="1:4" x14ac:dyDescent="0.25">
      <c r="A15640" t="s">
        <v>24487</v>
      </c>
      <c r="B15640" t="s">
        <v>24488</v>
      </c>
      <c r="C15640">
        <v>1</v>
      </c>
      <c r="D15640">
        <v>0</v>
      </c>
    </row>
    <row r="15641" spans="1:4" x14ac:dyDescent="0.25">
      <c r="A15641" t="s">
        <v>24489</v>
      </c>
      <c r="B15641" t="s">
        <v>24490</v>
      </c>
      <c r="C15641">
        <v>1</v>
      </c>
      <c r="D15641">
        <v>0</v>
      </c>
    </row>
    <row r="15642" spans="1:4" x14ac:dyDescent="0.25">
      <c r="A15642" t="s">
        <v>24491</v>
      </c>
      <c r="B15642" t="s">
        <v>24492</v>
      </c>
      <c r="C15642">
        <v>1</v>
      </c>
      <c r="D15642">
        <v>0</v>
      </c>
    </row>
    <row r="15643" spans="1:4" x14ac:dyDescent="0.25">
      <c r="A15643" t="s">
        <v>24493</v>
      </c>
      <c r="B15643" t="s">
        <v>24494</v>
      </c>
      <c r="C15643">
        <v>1</v>
      </c>
      <c r="D15643">
        <v>0</v>
      </c>
    </row>
    <row r="15644" spans="1:4" x14ac:dyDescent="0.25">
      <c r="A15644" t="s">
        <v>24495</v>
      </c>
      <c r="B15644" t="s">
        <v>24496</v>
      </c>
      <c r="C15644">
        <v>1</v>
      </c>
      <c r="D15644">
        <v>0</v>
      </c>
    </row>
    <row r="15645" spans="1:4" x14ac:dyDescent="0.25">
      <c r="A15645" t="s">
        <v>24497</v>
      </c>
      <c r="B15645" t="s">
        <v>11948</v>
      </c>
      <c r="C15645">
        <v>0</v>
      </c>
      <c r="D15645">
        <v>0</v>
      </c>
    </row>
    <row r="15646" spans="1:4" x14ac:dyDescent="0.25">
      <c r="A15646" t="s">
        <v>24497</v>
      </c>
      <c r="B15646" t="s">
        <v>24498</v>
      </c>
      <c r="C15646">
        <v>2</v>
      </c>
      <c r="D15646">
        <v>0</v>
      </c>
    </row>
    <row r="15647" spans="1:4" x14ac:dyDescent="0.25">
      <c r="A15647" t="s">
        <v>24499</v>
      </c>
      <c r="B15647" t="s">
        <v>24500</v>
      </c>
      <c r="C15647">
        <v>1</v>
      </c>
      <c r="D15647">
        <v>0</v>
      </c>
    </row>
    <row r="15648" spans="1:4" x14ac:dyDescent="0.25">
      <c r="A15648" t="s">
        <v>24499</v>
      </c>
      <c r="B15648" t="s">
        <v>24501</v>
      </c>
      <c r="C15648">
        <v>0</v>
      </c>
      <c r="D15648">
        <v>0</v>
      </c>
    </row>
    <row r="15649" spans="1:4" x14ac:dyDescent="0.25">
      <c r="A15649" t="s">
        <v>24502</v>
      </c>
      <c r="B15649" t="s">
        <v>24503</v>
      </c>
      <c r="C15649">
        <v>2</v>
      </c>
      <c r="D15649">
        <v>0</v>
      </c>
    </row>
    <row r="15650" spans="1:4" x14ac:dyDescent="0.25">
      <c r="A15650" t="s">
        <v>24504</v>
      </c>
      <c r="B15650" t="s">
        <v>24505</v>
      </c>
      <c r="C15650">
        <v>1</v>
      </c>
      <c r="D15650">
        <v>0</v>
      </c>
    </row>
    <row r="15651" spans="1:4" x14ac:dyDescent="0.25">
      <c r="A15651" t="s">
        <v>24506</v>
      </c>
      <c r="B15651" t="s">
        <v>24507</v>
      </c>
      <c r="C15651">
        <v>1</v>
      </c>
      <c r="D15651">
        <v>0</v>
      </c>
    </row>
    <row r="15652" spans="1:4" x14ac:dyDescent="0.25">
      <c r="A15652" t="s">
        <v>24508</v>
      </c>
      <c r="B15652" t="s">
        <v>24509</v>
      </c>
      <c r="C15652">
        <v>1</v>
      </c>
      <c r="D15652">
        <v>0</v>
      </c>
    </row>
    <row r="15653" spans="1:4" x14ac:dyDescent="0.25">
      <c r="A15653" t="s">
        <v>24510</v>
      </c>
      <c r="B15653" t="s">
        <v>24511</v>
      </c>
      <c r="C15653">
        <v>1</v>
      </c>
      <c r="D15653">
        <v>0</v>
      </c>
    </row>
    <row r="15654" spans="1:4" x14ac:dyDescent="0.25">
      <c r="A15654" t="s">
        <v>24512</v>
      </c>
      <c r="B15654" t="s">
        <v>24513</v>
      </c>
      <c r="C15654">
        <v>0</v>
      </c>
      <c r="D15654">
        <v>0</v>
      </c>
    </row>
    <row r="15655" spans="1:4" x14ac:dyDescent="0.25">
      <c r="A15655" t="s">
        <v>24514</v>
      </c>
      <c r="B15655" t="s">
        <v>24515</v>
      </c>
      <c r="C15655">
        <v>1</v>
      </c>
      <c r="D15655">
        <v>0</v>
      </c>
    </row>
    <row r="15656" spans="1:4" x14ac:dyDescent="0.25">
      <c r="A15656" t="s">
        <v>24516</v>
      </c>
      <c r="B15656" t="s">
        <v>24517</v>
      </c>
      <c r="C15656">
        <v>0</v>
      </c>
      <c r="D15656">
        <v>0</v>
      </c>
    </row>
    <row r="15657" spans="1:4" x14ac:dyDescent="0.25">
      <c r="A15657" t="s">
        <v>24518</v>
      </c>
      <c r="B15657" t="s">
        <v>24519</v>
      </c>
      <c r="C15657">
        <v>0</v>
      </c>
      <c r="D15657">
        <v>0</v>
      </c>
    </row>
    <row r="15658" spans="1:4" x14ac:dyDescent="0.25">
      <c r="A15658" t="s">
        <v>24518</v>
      </c>
      <c r="B15658" t="s">
        <v>24520</v>
      </c>
      <c r="C15658">
        <v>0</v>
      </c>
      <c r="D15658">
        <v>0</v>
      </c>
    </row>
    <row r="15659" spans="1:4" x14ac:dyDescent="0.25">
      <c r="A15659" t="s">
        <v>24521</v>
      </c>
      <c r="B15659" t="s">
        <v>24522</v>
      </c>
      <c r="C15659">
        <v>1</v>
      </c>
      <c r="D15659">
        <v>0</v>
      </c>
    </row>
    <row r="15660" spans="1:4" x14ac:dyDescent="0.25">
      <c r="A15660" t="s">
        <v>24523</v>
      </c>
      <c r="B15660" t="s">
        <v>24524</v>
      </c>
      <c r="C15660">
        <v>1</v>
      </c>
      <c r="D15660">
        <v>0</v>
      </c>
    </row>
    <row r="15661" spans="1:4" x14ac:dyDescent="0.25">
      <c r="A15661" t="s">
        <v>24525</v>
      </c>
      <c r="B15661" t="s">
        <v>24526</v>
      </c>
      <c r="C15661">
        <v>1</v>
      </c>
      <c r="D15661">
        <v>0</v>
      </c>
    </row>
    <row r="15662" spans="1:4" x14ac:dyDescent="0.25">
      <c r="A15662" t="s">
        <v>24527</v>
      </c>
      <c r="B15662" t="s">
        <v>24528</v>
      </c>
      <c r="C15662">
        <v>1</v>
      </c>
      <c r="D15662">
        <v>0</v>
      </c>
    </row>
    <row r="15663" spans="1:4" x14ac:dyDescent="0.25">
      <c r="A15663" t="s">
        <v>24529</v>
      </c>
      <c r="B15663" t="s">
        <v>24530</v>
      </c>
      <c r="C15663">
        <v>1</v>
      </c>
      <c r="D15663">
        <v>0</v>
      </c>
    </row>
    <row r="15664" spans="1:4" x14ac:dyDescent="0.25">
      <c r="A15664" t="s">
        <v>24531</v>
      </c>
      <c r="B15664" t="s">
        <v>24532</v>
      </c>
      <c r="C15664">
        <v>2</v>
      </c>
      <c r="D15664">
        <v>0</v>
      </c>
    </row>
    <row r="15665" spans="1:4" x14ac:dyDescent="0.25">
      <c r="A15665" t="s">
        <v>24533</v>
      </c>
      <c r="B15665" t="s">
        <v>24534</v>
      </c>
      <c r="C15665">
        <v>0</v>
      </c>
      <c r="D15665">
        <v>0</v>
      </c>
    </row>
    <row r="15666" spans="1:4" x14ac:dyDescent="0.25">
      <c r="A15666" t="s">
        <v>24535</v>
      </c>
      <c r="B15666" t="s">
        <v>24536</v>
      </c>
      <c r="C15666">
        <v>1</v>
      </c>
      <c r="D15666">
        <v>0</v>
      </c>
    </row>
    <row r="15667" spans="1:4" x14ac:dyDescent="0.25">
      <c r="A15667" t="s">
        <v>24535</v>
      </c>
      <c r="B15667" t="s">
        <v>24537</v>
      </c>
      <c r="C15667">
        <v>0</v>
      </c>
      <c r="D15667">
        <v>0</v>
      </c>
    </row>
    <row r="15668" spans="1:4" x14ac:dyDescent="0.25">
      <c r="A15668" t="s">
        <v>24538</v>
      </c>
      <c r="B15668" t="s">
        <v>24539</v>
      </c>
      <c r="C15668">
        <v>0</v>
      </c>
      <c r="D15668">
        <v>0</v>
      </c>
    </row>
    <row r="15669" spans="1:4" x14ac:dyDescent="0.25">
      <c r="A15669" t="s">
        <v>24540</v>
      </c>
      <c r="B15669" t="s">
        <v>24541</v>
      </c>
      <c r="C15669">
        <v>1</v>
      </c>
      <c r="D15669">
        <v>0</v>
      </c>
    </row>
    <row r="15670" spans="1:4" x14ac:dyDescent="0.25">
      <c r="A15670" t="s">
        <v>24542</v>
      </c>
      <c r="B15670" t="s">
        <v>24543</v>
      </c>
      <c r="C15670">
        <v>1</v>
      </c>
      <c r="D15670">
        <v>0</v>
      </c>
    </row>
    <row r="15671" spans="1:4" x14ac:dyDescent="0.25">
      <c r="A15671" t="s">
        <v>24544</v>
      </c>
      <c r="B15671" t="s">
        <v>24545</v>
      </c>
      <c r="C15671">
        <v>1</v>
      </c>
      <c r="D15671">
        <v>0</v>
      </c>
    </row>
    <row r="15672" spans="1:4" x14ac:dyDescent="0.25">
      <c r="A15672" t="s">
        <v>24546</v>
      </c>
      <c r="B15672" t="s">
        <v>24547</v>
      </c>
      <c r="C15672">
        <v>0</v>
      </c>
      <c r="D15672">
        <v>0</v>
      </c>
    </row>
    <row r="15673" spans="1:4" x14ac:dyDescent="0.25">
      <c r="A15673" t="s">
        <v>24548</v>
      </c>
      <c r="B15673" t="s">
        <v>24549</v>
      </c>
      <c r="C15673">
        <v>0</v>
      </c>
      <c r="D15673">
        <v>0</v>
      </c>
    </row>
    <row r="15674" spans="1:4" x14ac:dyDescent="0.25">
      <c r="A15674" t="s">
        <v>24550</v>
      </c>
      <c r="B15674" t="s">
        <v>24551</v>
      </c>
      <c r="C15674">
        <v>1</v>
      </c>
      <c r="D15674">
        <v>0</v>
      </c>
    </row>
    <row r="15675" spans="1:4" x14ac:dyDescent="0.25">
      <c r="A15675" t="s">
        <v>24552</v>
      </c>
      <c r="B15675" t="s">
        <v>24553</v>
      </c>
      <c r="C15675">
        <v>1</v>
      </c>
      <c r="D15675">
        <v>0</v>
      </c>
    </row>
    <row r="15676" spans="1:4" x14ac:dyDescent="0.25">
      <c r="A15676" t="s">
        <v>24554</v>
      </c>
      <c r="B15676" t="s">
        <v>24555</v>
      </c>
      <c r="C15676">
        <v>1</v>
      </c>
      <c r="D15676">
        <v>0</v>
      </c>
    </row>
    <row r="15677" spans="1:4" x14ac:dyDescent="0.25">
      <c r="A15677" t="s">
        <v>24556</v>
      </c>
      <c r="B15677" t="s">
        <v>24557</v>
      </c>
      <c r="C15677">
        <v>2</v>
      </c>
      <c r="D15677">
        <v>0</v>
      </c>
    </row>
    <row r="15678" spans="1:4" x14ac:dyDescent="0.25">
      <c r="A15678" t="s">
        <v>24558</v>
      </c>
      <c r="B15678" t="s">
        <v>24559</v>
      </c>
      <c r="C15678">
        <v>1</v>
      </c>
      <c r="D15678">
        <v>0</v>
      </c>
    </row>
    <row r="15679" spans="1:4" x14ac:dyDescent="0.25">
      <c r="A15679" t="s">
        <v>24558</v>
      </c>
      <c r="B15679" t="s">
        <v>24560</v>
      </c>
      <c r="C15679">
        <v>0</v>
      </c>
      <c r="D15679">
        <v>0</v>
      </c>
    </row>
    <row r="15680" spans="1:4" x14ac:dyDescent="0.25">
      <c r="A15680" t="s">
        <v>24561</v>
      </c>
      <c r="B15680" t="s">
        <v>24562</v>
      </c>
      <c r="C15680">
        <v>1</v>
      </c>
      <c r="D15680">
        <v>0</v>
      </c>
    </row>
    <row r="15681" spans="1:4" x14ac:dyDescent="0.25">
      <c r="A15681" t="s">
        <v>24563</v>
      </c>
      <c r="B15681" t="s">
        <v>24564</v>
      </c>
      <c r="C15681">
        <v>2</v>
      </c>
      <c r="D15681">
        <v>0</v>
      </c>
    </row>
    <row r="15682" spans="1:4" x14ac:dyDescent="0.25">
      <c r="A15682" t="s">
        <v>24565</v>
      </c>
      <c r="B15682" t="s">
        <v>24566</v>
      </c>
      <c r="C15682">
        <v>0</v>
      </c>
      <c r="D15682">
        <v>0</v>
      </c>
    </row>
    <row r="15683" spans="1:4" x14ac:dyDescent="0.25">
      <c r="A15683" t="s">
        <v>24567</v>
      </c>
      <c r="B15683" t="s">
        <v>24568</v>
      </c>
      <c r="C15683">
        <v>0</v>
      </c>
      <c r="D15683">
        <v>0</v>
      </c>
    </row>
    <row r="15684" spans="1:4" x14ac:dyDescent="0.25">
      <c r="A15684" t="s">
        <v>24569</v>
      </c>
      <c r="B15684" t="s">
        <v>24570</v>
      </c>
      <c r="C15684">
        <v>1</v>
      </c>
      <c r="D15684">
        <v>0</v>
      </c>
    </row>
    <row r="15685" spans="1:4" x14ac:dyDescent="0.25">
      <c r="A15685" t="s">
        <v>24571</v>
      </c>
      <c r="B15685" t="s">
        <v>24572</v>
      </c>
      <c r="C15685">
        <v>1</v>
      </c>
      <c r="D15685">
        <v>0</v>
      </c>
    </row>
    <row r="15686" spans="1:4" x14ac:dyDescent="0.25">
      <c r="A15686" t="s">
        <v>24573</v>
      </c>
      <c r="B15686" t="s">
        <v>24574</v>
      </c>
      <c r="C15686">
        <v>0</v>
      </c>
      <c r="D15686">
        <v>0</v>
      </c>
    </row>
    <row r="15687" spans="1:4" x14ac:dyDescent="0.25">
      <c r="A15687" t="s">
        <v>24573</v>
      </c>
      <c r="B15687" t="s">
        <v>24575</v>
      </c>
      <c r="C15687">
        <v>2</v>
      </c>
      <c r="D15687">
        <v>0</v>
      </c>
    </row>
    <row r="15688" spans="1:4" x14ac:dyDescent="0.25">
      <c r="A15688" t="s">
        <v>24576</v>
      </c>
      <c r="B15688" t="s">
        <v>24577</v>
      </c>
      <c r="C15688">
        <v>1</v>
      </c>
      <c r="D15688">
        <v>0</v>
      </c>
    </row>
    <row r="15689" spans="1:4" x14ac:dyDescent="0.25">
      <c r="A15689" t="s">
        <v>24578</v>
      </c>
      <c r="B15689" t="s">
        <v>24579</v>
      </c>
      <c r="C15689">
        <v>1</v>
      </c>
      <c r="D15689">
        <v>0</v>
      </c>
    </row>
    <row r="15690" spans="1:4" x14ac:dyDescent="0.25">
      <c r="A15690" t="s">
        <v>24580</v>
      </c>
      <c r="B15690" t="s">
        <v>24581</v>
      </c>
      <c r="C15690">
        <v>1</v>
      </c>
      <c r="D15690">
        <v>0</v>
      </c>
    </row>
    <row r="15691" spans="1:4" x14ac:dyDescent="0.25">
      <c r="A15691" t="s">
        <v>24582</v>
      </c>
      <c r="B15691" t="s">
        <v>24583</v>
      </c>
      <c r="C15691">
        <v>1</v>
      </c>
      <c r="D15691">
        <v>0</v>
      </c>
    </row>
    <row r="15692" spans="1:4" x14ac:dyDescent="0.25">
      <c r="A15692" t="s">
        <v>24582</v>
      </c>
      <c r="B15692" t="s">
        <v>24584</v>
      </c>
      <c r="C15692">
        <v>1</v>
      </c>
      <c r="D15692">
        <v>0</v>
      </c>
    </row>
    <row r="15693" spans="1:4" x14ac:dyDescent="0.25">
      <c r="A15693" t="s">
        <v>24585</v>
      </c>
      <c r="B15693" t="s">
        <v>24586</v>
      </c>
      <c r="C15693">
        <v>1</v>
      </c>
      <c r="D15693">
        <v>0</v>
      </c>
    </row>
    <row r="15694" spans="1:4" x14ac:dyDescent="0.25">
      <c r="A15694" t="s">
        <v>24587</v>
      </c>
      <c r="B15694" t="s">
        <v>24588</v>
      </c>
      <c r="C15694">
        <v>1</v>
      </c>
      <c r="D15694">
        <v>0</v>
      </c>
    </row>
    <row r="15695" spans="1:4" x14ac:dyDescent="0.25">
      <c r="A15695" t="s">
        <v>24589</v>
      </c>
      <c r="B15695" t="s">
        <v>24590</v>
      </c>
      <c r="C15695">
        <v>1</v>
      </c>
      <c r="D15695">
        <v>0</v>
      </c>
    </row>
    <row r="15696" spans="1:4" x14ac:dyDescent="0.25">
      <c r="A15696" t="s">
        <v>24591</v>
      </c>
      <c r="B15696" t="s">
        <v>24592</v>
      </c>
      <c r="C15696">
        <v>0</v>
      </c>
      <c r="D15696">
        <v>0</v>
      </c>
    </row>
    <row r="15697" spans="1:4" x14ac:dyDescent="0.25">
      <c r="A15697" t="s">
        <v>24593</v>
      </c>
      <c r="B15697" t="s">
        <v>24594</v>
      </c>
      <c r="C15697">
        <v>2</v>
      </c>
      <c r="D15697">
        <v>0</v>
      </c>
    </row>
    <row r="15698" spans="1:4" x14ac:dyDescent="0.25">
      <c r="A15698" t="s">
        <v>24595</v>
      </c>
      <c r="B15698" t="s">
        <v>24596</v>
      </c>
      <c r="C15698">
        <v>0</v>
      </c>
      <c r="D15698">
        <v>0</v>
      </c>
    </row>
    <row r="15699" spans="1:4" x14ac:dyDescent="0.25">
      <c r="A15699" t="s">
        <v>24597</v>
      </c>
      <c r="B15699" t="s">
        <v>12472</v>
      </c>
      <c r="C15699">
        <v>1</v>
      </c>
      <c r="D15699">
        <v>0</v>
      </c>
    </row>
    <row r="15700" spans="1:4" x14ac:dyDescent="0.25">
      <c r="A15700" t="s">
        <v>24598</v>
      </c>
      <c r="B15700" t="s">
        <v>24599</v>
      </c>
      <c r="C15700">
        <v>2</v>
      </c>
      <c r="D15700">
        <v>0</v>
      </c>
    </row>
    <row r="15701" spans="1:4" x14ac:dyDescent="0.25">
      <c r="A15701" t="s">
        <v>24600</v>
      </c>
      <c r="B15701" t="s">
        <v>24601</v>
      </c>
      <c r="C15701">
        <v>1</v>
      </c>
      <c r="D15701">
        <v>0</v>
      </c>
    </row>
    <row r="15702" spans="1:4" x14ac:dyDescent="0.25">
      <c r="A15702" t="s">
        <v>24602</v>
      </c>
      <c r="B15702" t="s">
        <v>24603</v>
      </c>
      <c r="C15702">
        <v>1</v>
      </c>
      <c r="D15702">
        <v>0</v>
      </c>
    </row>
    <row r="15703" spans="1:4" x14ac:dyDescent="0.25">
      <c r="A15703" t="s">
        <v>24604</v>
      </c>
      <c r="B15703" t="s">
        <v>24605</v>
      </c>
      <c r="C15703">
        <v>1</v>
      </c>
      <c r="D15703">
        <v>0</v>
      </c>
    </row>
    <row r="15704" spans="1:4" x14ac:dyDescent="0.25">
      <c r="A15704" t="s">
        <v>24604</v>
      </c>
      <c r="B15704" t="s">
        <v>24606</v>
      </c>
      <c r="C15704">
        <v>0</v>
      </c>
      <c r="D15704">
        <v>0</v>
      </c>
    </row>
    <row r="15705" spans="1:4" x14ac:dyDescent="0.25">
      <c r="A15705" t="s">
        <v>24607</v>
      </c>
      <c r="B15705" t="s">
        <v>969</v>
      </c>
      <c r="C15705">
        <v>0</v>
      </c>
      <c r="D15705">
        <v>0</v>
      </c>
    </row>
    <row r="15706" spans="1:4" x14ac:dyDescent="0.25">
      <c r="A15706" t="s">
        <v>24608</v>
      </c>
      <c r="B15706" t="s">
        <v>24609</v>
      </c>
      <c r="C15706">
        <v>1</v>
      </c>
      <c r="D15706">
        <v>0</v>
      </c>
    </row>
    <row r="15707" spans="1:4" x14ac:dyDescent="0.25">
      <c r="A15707" t="s">
        <v>24610</v>
      </c>
      <c r="B15707" t="s">
        <v>24611</v>
      </c>
      <c r="C15707">
        <v>0</v>
      </c>
      <c r="D15707">
        <v>0</v>
      </c>
    </row>
    <row r="15708" spans="1:4" x14ac:dyDescent="0.25">
      <c r="A15708" t="s">
        <v>24612</v>
      </c>
      <c r="B15708" t="s">
        <v>24613</v>
      </c>
      <c r="C15708">
        <v>1</v>
      </c>
      <c r="D15708">
        <v>0</v>
      </c>
    </row>
    <row r="15709" spans="1:4" x14ac:dyDescent="0.25">
      <c r="A15709" t="s">
        <v>24612</v>
      </c>
      <c r="B15709" t="s">
        <v>24614</v>
      </c>
      <c r="C15709">
        <v>0</v>
      </c>
      <c r="D15709">
        <v>0</v>
      </c>
    </row>
    <row r="15710" spans="1:4" x14ac:dyDescent="0.25">
      <c r="A15710" t="s">
        <v>24615</v>
      </c>
      <c r="B15710" t="s">
        <v>24616</v>
      </c>
      <c r="C15710">
        <v>1</v>
      </c>
      <c r="D15710">
        <v>0</v>
      </c>
    </row>
    <row r="15711" spans="1:4" x14ac:dyDescent="0.25">
      <c r="A15711" t="s">
        <v>24615</v>
      </c>
      <c r="B15711" t="s">
        <v>24617</v>
      </c>
      <c r="C15711">
        <v>0</v>
      </c>
      <c r="D15711">
        <v>0</v>
      </c>
    </row>
    <row r="15712" spans="1:4" x14ac:dyDescent="0.25">
      <c r="A15712" t="s">
        <v>24618</v>
      </c>
      <c r="B15712" t="s">
        <v>24619</v>
      </c>
      <c r="C15712">
        <v>1</v>
      </c>
      <c r="D15712">
        <v>0</v>
      </c>
    </row>
    <row r="15713" spans="1:4" x14ac:dyDescent="0.25">
      <c r="A15713" t="s">
        <v>24620</v>
      </c>
      <c r="B15713" t="s">
        <v>24621</v>
      </c>
      <c r="C15713">
        <v>1</v>
      </c>
      <c r="D15713">
        <v>0</v>
      </c>
    </row>
    <row r="15714" spans="1:4" x14ac:dyDescent="0.25">
      <c r="A15714" t="s">
        <v>24622</v>
      </c>
      <c r="B15714" t="s">
        <v>24623</v>
      </c>
      <c r="C15714">
        <v>1</v>
      </c>
      <c r="D15714">
        <v>0</v>
      </c>
    </row>
    <row r="15715" spans="1:4" x14ac:dyDescent="0.25">
      <c r="A15715" t="s">
        <v>24624</v>
      </c>
      <c r="B15715" t="s">
        <v>24625</v>
      </c>
      <c r="C15715">
        <v>1</v>
      </c>
      <c r="D15715">
        <v>0</v>
      </c>
    </row>
    <row r="15716" spans="1:4" x14ac:dyDescent="0.25">
      <c r="A15716" t="s">
        <v>24626</v>
      </c>
      <c r="B15716" t="s">
        <v>24627</v>
      </c>
      <c r="C15716">
        <v>1</v>
      </c>
      <c r="D15716">
        <v>0</v>
      </c>
    </row>
    <row r="15717" spans="1:4" x14ac:dyDescent="0.25">
      <c r="A15717" t="s">
        <v>24626</v>
      </c>
      <c r="B15717" t="s">
        <v>24628</v>
      </c>
      <c r="C15717">
        <v>0</v>
      </c>
      <c r="D15717">
        <v>0</v>
      </c>
    </row>
    <row r="15718" spans="1:4" x14ac:dyDescent="0.25">
      <c r="A15718" t="s">
        <v>24629</v>
      </c>
      <c r="B15718" t="s">
        <v>24630</v>
      </c>
      <c r="C15718">
        <v>1</v>
      </c>
      <c r="D15718">
        <v>0</v>
      </c>
    </row>
    <row r="15719" spans="1:4" x14ac:dyDescent="0.25">
      <c r="A15719" t="s">
        <v>24631</v>
      </c>
      <c r="B15719" t="s">
        <v>24632</v>
      </c>
      <c r="C15719">
        <v>2</v>
      </c>
      <c r="D15719">
        <v>0</v>
      </c>
    </row>
    <row r="15720" spans="1:4" x14ac:dyDescent="0.25">
      <c r="A15720" t="s">
        <v>24633</v>
      </c>
      <c r="B15720" t="s">
        <v>24634</v>
      </c>
      <c r="C15720">
        <v>1</v>
      </c>
      <c r="D15720">
        <v>0</v>
      </c>
    </row>
    <row r="15721" spans="1:4" x14ac:dyDescent="0.25">
      <c r="A15721" t="s">
        <v>24633</v>
      </c>
      <c r="B15721" t="s">
        <v>24635</v>
      </c>
      <c r="C15721">
        <v>2</v>
      </c>
      <c r="D15721">
        <v>0</v>
      </c>
    </row>
    <row r="15722" spans="1:4" x14ac:dyDescent="0.25">
      <c r="A15722" t="s">
        <v>24636</v>
      </c>
      <c r="B15722" t="s">
        <v>24637</v>
      </c>
      <c r="C15722">
        <v>0</v>
      </c>
      <c r="D15722">
        <v>0</v>
      </c>
    </row>
    <row r="15723" spans="1:4" x14ac:dyDescent="0.25">
      <c r="A15723" t="s">
        <v>24638</v>
      </c>
      <c r="B15723" t="s">
        <v>24639</v>
      </c>
      <c r="C15723">
        <v>1</v>
      </c>
      <c r="D15723">
        <v>0</v>
      </c>
    </row>
    <row r="15724" spans="1:4" x14ac:dyDescent="0.25">
      <c r="A15724" t="s">
        <v>24640</v>
      </c>
      <c r="B15724" t="s">
        <v>24641</v>
      </c>
      <c r="C15724">
        <v>1</v>
      </c>
      <c r="D15724">
        <v>0</v>
      </c>
    </row>
    <row r="15725" spans="1:4" x14ac:dyDescent="0.25">
      <c r="A15725" t="s">
        <v>24642</v>
      </c>
      <c r="B15725" t="s">
        <v>24643</v>
      </c>
      <c r="C15725">
        <v>1</v>
      </c>
      <c r="D15725">
        <v>0</v>
      </c>
    </row>
    <row r="15726" spans="1:4" x14ac:dyDescent="0.25">
      <c r="A15726" t="s">
        <v>24644</v>
      </c>
      <c r="B15726" t="s">
        <v>24645</v>
      </c>
      <c r="C15726">
        <v>1</v>
      </c>
      <c r="D15726">
        <v>0</v>
      </c>
    </row>
    <row r="15727" spans="1:4" x14ac:dyDescent="0.25">
      <c r="A15727" t="s">
        <v>24646</v>
      </c>
      <c r="B15727" t="s">
        <v>24647</v>
      </c>
      <c r="C15727">
        <v>1</v>
      </c>
      <c r="D15727">
        <v>0</v>
      </c>
    </row>
    <row r="15728" spans="1:4" x14ac:dyDescent="0.25">
      <c r="A15728" t="s">
        <v>24648</v>
      </c>
      <c r="B15728" t="s">
        <v>24649</v>
      </c>
      <c r="C15728">
        <v>1</v>
      </c>
      <c r="D15728">
        <v>0</v>
      </c>
    </row>
    <row r="15729" spans="1:4" x14ac:dyDescent="0.25">
      <c r="A15729" t="s">
        <v>24650</v>
      </c>
      <c r="B15729" t="s">
        <v>24651</v>
      </c>
      <c r="C15729">
        <v>0</v>
      </c>
      <c r="D15729">
        <v>0</v>
      </c>
    </row>
    <row r="15730" spans="1:4" x14ac:dyDescent="0.25">
      <c r="A15730" t="s">
        <v>24652</v>
      </c>
      <c r="B15730" t="s">
        <v>24653</v>
      </c>
      <c r="C15730">
        <v>1</v>
      </c>
      <c r="D15730">
        <v>0</v>
      </c>
    </row>
    <row r="15731" spans="1:4" x14ac:dyDescent="0.25">
      <c r="A15731" t="s">
        <v>24652</v>
      </c>
      <c r="B15731" t="s">
        <v>24654</v>
      </c>
      <c r="C15731">
        <v>2</v>
      </c>
      <c r="D15731">
        <v>0</v>
      </c>
    </row>
    <row r="15732" spans="1:4" x14ac:dyDescent="0.25">
      <c r="A15732" t="s">
        <v>24655</v>
      </c>
      <c r="B15732" t="s">
        <v>24656</v>
      </c>
      <c r="C15732">
        <v>1</v>
      </c>
      <c r="D15732">
        <v>0</v>
      </c>
    </row>
    <row r="15733" spans="1:4" x14ac:dyDescent="0.25">
      <c r="A15733" t="s">
        <v>24657</v>
      </c>
      <c r="B15733" t="s">
        <v>24658</v>
      </c>
      <c r="C15733">
        <v>1</v>
      </c>
      <c r="D15733">
        <v>0</v>
      </c>
    </row>
    <row r="15734" spans="1:4" x14ac:dyDescent="0.25">
      <c r="A15734" t="s">
        <v>24659</v>
      </c>
      <c r="B15734" t="s">
        <v>24660</v>
      </c>
      <c r="C15734">
        <v>1</v>
      </c>
      <c r="D15734">
        <v>0</v>
      </c>
    </row>
    <row r="15735" spans="1:4" x14ac:dyDescent="0.25">
      <c r="A15735" t="s">
        <v>24661</v>
      </c>
      <c r="B15735" t="s">
        <v>24662</v>
      </c>
      <c r="C15735">
        <v>1</v>
      </c>
      <c r="D15735">
        <v>0</v>
      </c>
    </row>
    <row r="15736" spans="1:4" x14ac:dyDescent="0.25">
      <c r="A15736" t="s">
        <v>24663</v>
      </c>
      <c r="B15736" t="s">
        <v>24664</v>
      </c>
      <c r="C15736">
        <v>0</v>
      </c>
      <c r="D15736">
        <v>0</v>
      </c>
    </row>
    <row r="15737" spans="1:4" x14ac:dyDescent="0.25">
      <c r="A15737" t="s">
        <v>24665</v>
      </c>
      <c r="B15737" t="s">
        <v>24666</v>
      </c>
      <c r="C15737">
        <v>1</v>
      </c>
      <c r="D15737">
        <v>0</v>
      </c>
    </row>
    <row r="15738" spans="1:4" x14ac:dyDescent="0.25">
      <c r="A15738" t="s">
        <v>24667</v>
      </c>
      <c r="B15738" t="s">
        <v>24668</v>
      </c>
      <c r="C15738">
        <v>2</v>
      </c>
      <c r="D15738">
        <v>0</v>
      </c>
    </row>
    <row r="15739" spans="1:4" x14ac:dyDescent="0.25">
      <c r="A15739" t="s">
        <v>24669</v>
      </c>
      <c r="B15739" t="s">
        <v>24670</v>
      </c>
      <c r="C15739">
        <v>0</v>
      </c>
      <c r="D15739">
        <v>0</v>
      </c>
    </row>
    <row r="15740" spans="1:4" x14ac:dyDescent="0.25">
      <c r="A15740" t="s">
        <v>24669</v>
      </c>
      <c r="B15740" t="s">
        <v>24671</v>
      </c>
      <c r="C15740">
        <v>2</v>
      </c>
      <c r="D15740">
        <v>0</v>
      </c>
    </row>
    <row r="15741" spans="1:4" x14ac:dyDescent="0.25">
      <c r="A15741" t="s">
        <v>24672</v>
      </c>
      <c r="B15741" t="s">
        <v>24673</v>
      </c>
      <c r="C15741">
        <v>1</v>
      </c>
      <c r="D15741">
        <v>0</v>
      </c>
    </row>
    <row r="15742" spans="1:4" x14ac:dyDescent="0.25">
      <c r="A15742" t="s">
        <v>24674</v>
      </c>
      <c r="B15742" t="s">
        <v>24675</v>
      </c>
      <c r="C15742">
        <v>2</v>
      </c>
      <c r="D15742">
        <v>0</v>
      </c>
    </row>
    <row r="15743" spans="1:4" x14ac:dyDescent="0.25">
      <c r="A15743" t="s">
        <v>24674</v>
      </c>
      <c r="B15743" t="s">
        <v>24676</v>
      </c>
      <c r="C15743">
        <v>2</v>
      </c>
      <c r="D15743">
        <v>0</v>
      </c>
    </row>
    <row r="15744" spans="1:4" x14ac:dyDescent="0.25">
      <c r="A15744" t="s">
        <v>24677</v>
      </c>
      <c r="B15744" t="s">
        <v>24678</v>
      </c>
      <c r="C15744">
        <v>0</v>
      </c>
      <c r="D15744">
        <v>0</v>
      </c>
    </row>
    <row r="15745" spans="1:4" x14ac:dyDescent="0.25">
      <c r="A15745" t="s">
        <v>24679</v>
      </c>
      <c r="B15745" t="s">
        <v>24680</v>
      </c>
      <c r="C15745">
        <v>1</v>
      </c>
      <c r="D15745">
        <v>0</v>
      </c>
    </row>
    <row r="15746" spans="1:4" x14ac:dyDescent="0.25">
      <c r="A15746" t="s">
        <v>24681</v>
      </c>
      <c r="B15746" t="s">
        <v>24682</v>
      </c>
      <c r="C15746">
        <v>0</v>
      </c>
      <c r="D15746">
        <v>0</v>
      </c>
    </row>
    <row r="15747" spans="1:4" x14ac:dyDescent="0.25">
      <c r="A15747" t="s">
        <v>24683</v>
      </c>
      <c r="B15747" t="s">
        <v>24684</v>
      </c>
      <c r="C15747">
        <v>1</v>
      </c>
      <c r="D15747">
        <v>0</v>
      </c>
    </row>
    <row r="15748" spans="1:4" x14ac:dyDescent="0.25">
      <c r="A15748" t="s">
        <v>24685</v>
      </c>
      <c r="B15748" t="s">
        <v>24686</v>
      </c>
      <c r="C15748">
        <v>1</v>
      </c>
      <c r="D15748">
        <v>0</v>
      </c>
    </row>
    <row r="15749" spans="1:4" x14ac:dyDescent="0.25">
      <c r="A15749" t="s">
        <v>24687</v>
      </c>
      <c r="B15749" t="s">
        <v>24688</v>
      </c>
      <c r="C15749">
        <v>2</v>
      </c>
      <c r="D15749">
        <v>0</v>
      </c>
    </row>
    <row r="15750" spans="1:4" x14ac:dyDescent="0.25">
      <c r="A15750" t="s">
        <v>24687</v>
      </c>
      <c r="B15750" t="s">
        <v>24689</v>
      </c>
      <c r="C15750">
        <v>2</v>
      </c>
      <c r="D15750">
        <v>0</v>
      </c>
    </row>
    <row r="15751" spans="1:4" x14ac:dyDescent="0.25">
      <c r="A15751" t="s">
        <v>24690</v>
      </c>
      <c r="B15751" t="s">
        <v>24691</v>
      </c>
      <c r="C15751">
        <v>1</v>
      </c>
      <c r="D15751">
        <v>0</v>
      </c>
    </row>
    <row r="15752" spans="1:4" x14ac:dyDescent="0.25">
      <c r="A15752" t="s">
        <v>24692</v>
      </c>
      <c r="B15752" t="s">
        <v>24693</v>
      </c>
      <c r="C15752">
        <v>2</v>
      </c>
      <c r="D15752">
        <v>0</v>
      </c>
    </row>
    <row r="15753" spans="1:4" x14ac:dyDescent="0.25">
      <c r="A15753" t="s">
        <v>24694</v>
      </c>
      <c r="B15753" t="s">
        <v>24695</v>
      </c>
      <c r="C15753">
        <v>0</v>
      </c>
      <c r="D15753">
        <v>0</v>
      </c>
    </row>
    <row r="15754" spans="1:4" x14ac:dyDescent="0.25">
      <c r="A15754" t="s">
        <v>24696</v>
      </c>
      <c r="B15754" t="s">
        <v>24697</v>
      </c>
      <c r="C15754">
        <v>2</v>
      </c>
      <c r="D15754">
        <v>0</v>
      </c>
    </row>
    <row r="15755" spans="1:4" x14ac:dyDescent="0.25">
      <c r="A15755" t="s">
        <v>24696</v>
      </c>
      <c r="B15755" t="s">
        <v>24698</v>
      </c>
      <c r="C15755">
        <v>2</v>
      </c>
      <c r="D15755">
        <v>0</v>
      </c>
    </row>
    <row r="15756" spans="1:4" x14ac:dyDescent="0.25">
      <c r="A15756" t="s">
        <v>24699</v>
      </c>
      <c r="B15756" t="s">
        <v>24700</v>
      </c>
      <c r="C15756">
        <v>1</v>
      </c>
      <c r="D15756">
        <v>0</v>
      </c>
    </row>
    <row r="15757" spans="1:4" x14ac:dyDescent="0.25">
      <c r="A15757" t="s">
        <v>24701</v>
      </c>
      <c r="B15757" t="s">
        <v>24702</v>
      </c>
      <c r="C15757">
        <v>2</v>
      </c>
      <c r="D15757">
        <v>0</v>
      </c>
    </row>
    <row r="15758" spans="1:4" x14ac:dyDescent="0.25">
      <c r="A15758" t="s">
        <v>24703</v>
      </c>
      <c r="B15758" t="s">
        <v>24704</v>
      </c>
      <c r="C15758">
        <v>1</v>
      </c>
      <c r="D15758">
        <v>0</v>
      </c>
    </row>
    <row r="15759" spans="1:4" x14ac:dyDescent="0.25">
      <c r="A15759" t="s">
        <v>24705</v>
      </c>
      <c r="B15759" t="s">
        <v>24706</v>
      </c>
      <c r="C15759">
        <v>1</v>
      </c>
      <c r="D15759">
        <v>0</v>
      </c>
    </row>
    <row r="15760" spans="1:4" x14ac:dyDescent="0.25">
      <c r="A15760" t="s">
        <v>24707</v>
      </c>
      <c r="B15760" t="s">
        <v>24708</v>
      </c>
      <c r="C15760">
        <v>1</v>
      </c>
      <c r="D15760">
        <v>0</v>
      </c>
    </row>
    <row r="15761" spans="1:4" x14ac:dyDescent="0.25">
      <c r="A15761" t="s">
        <v>24707</v>
      </c>
      <c r="B15761" t="s">
        <v>24709</v>
      </c>
      <c r="C15761">
        <v>2</v>
      </c>
      <c r="D15761">
        <v>0</v>
      </c>
    </row>
    <row r="15762" spans="1:4" x14ac:dyDescent="0.25">
      <c r="A15762" t="s">
        <v>24710</v>
      </c>
      <c r="B15762" t="s">
        <v>24711</v>
      </c>
      <c r="C15762">
        <v>0</v>
      </c>
      <c r="D15762">
        <v>0</v>
      </c>
    </row>
    <row r="15763" spans="1:4" x14ac:dyDescent="0.25">
      <c r="A15763" t="s">
        <v>24712</v>
      </c>
      <c r="B15763" t="s">
        <v>24713</v>
      </c>
      <c r="C15763">
        <v>1</v>
      </c>
      <c r="D15763">
        <v>0</v>
      </c>
    </row>
    <row r="15764" spans="1:4" x14ac:dyDescent="0.25">
      <c r="A15764" t="s">
        <v>24714</v>
      </c>
      <c r="B15764" t="s">
        <v>24715</v>
      </c>
      <c r="C15764">
        <v>2</v>
      </c>
      <c r="D15764">
        <v>0</v>
      </c>
    </row>
    <row r="15765" spans="1:4" x14ac:dyDescent="0.25">
      <c r="A15765" t="s">
        <v>24716</v>
      </c>
      <c r="B15765" t="s">
        <v>24717</v>
      </c>
      <c r="C15765">
        <v>1</v>
      </c>
      <c r="D15765">
        <v>0</v>
      </c>
    </row>
    <row r="15766" spans="1:4" x14ac:dyDescent="0.25">
      <c r="A15766" t="s">
        <v>24718</v>
      </c>
      <c r="B15766" t="s">
        <v>24719</v>
      </c>
      <c r="C15766">
        <v>1</v>
      </c>
      <c r="D15766">
        <v>0</v>
      </c>
    </row>
    <row r="15767" spans="1:4" x14ac:dyDescent="0.25">
      <c r="A15767" t="s">
        <v>24720</v>
      </c>
      <c r="B15767" t="s">
        <v>24721</v>
      </c>
      <c r="C15767">
        <v>2</v>
      </c>
      <c r="D15767">
        <v>0</v>
      </c>
    </row>
    <row r="15768" spans="1:4" x14ac:dyDescent="0.25">
      <c r="A15768" t="s">
        <v>24722</v>
      </c>
      <c r="B15768" t="s">
        <v>24723</v>
      </c>
      <c r="C15768">
        <v>1</v>
      </c>
      <c r="D15768">
        <v>0</v>
      </c>
    </row>
    <row r="15769" spans="1:4" x14ac:dyDescent="0.25">
      <c r="A15769" t="s">
        <v>24722</v>
      </c>
      <c r="B15769" t="s">
        <v>24724</v>
      </c>
      <c r="C15769">
        <v>2</v>
      </c>
      <c r="D15769">
        <v>0</v>
      </c>
    </row>
    <row r="15770" spans="1:4" x14ac:dyDescent="0.25">
      <c r="A15770" t="s">
        <v>24725</v>
      </c>
      <c r="B15770" t="s">
        <v>24726</v>
      </c>
      <c r="C15770">
        <v>1</v>
      </c>
      <c r="D15770">
        <v>0</v>
      </c>
    </row>
    <row r="15771" spans="1:4" x14ac:dyDescent="0.25">
      <c r="A15771" t="s">
        <v>24727</v>
      </c>
      <c r="B15771" t="s">
        <v>24728</v>
      </c>
      <c r="C15771">
        <v>0</v>
      </c>
      <c r="D15771">
        <v>0</v>
      </c>
    </row>
    <row r="15772" spans="1:4" x14ac:dyDescent="0.25">
      <c r="A15772" t="s">
        <v>24729</v>
      </c>
      <c r="B15772" t="s">
        <v>24730</v>
      </c>
      <c r="C15772">
        <v>1</v>
      </c>
      <c r="D15772">
        <v>0</v>
      </c>
    </row>
    <row r="15773" spans="1:4" x14ac:dyDescent="0.25">
      <c r="A15773" t="s">
        <v>24731</v>
      </c>
      <c r="B15773" t="s">
        <v>24732</v>
      </c>
      <c r="C15773">
        <v>2</v>
      </c>
      <c r="D15773">
        <v>0</v>
      </c>
    </row>
    <row r="15774" spans="1:4" x14ac:dyDescent="0.25">
      <c r="A15774" t="s">
        <v>24733</v>
      </c>
      <c r="B15774" t="s">
        <v>18079</v>
      </c>
      <c r="C15774">
        <v>0</v>
      </c>
      <c r="D15774">
        <v>0</v>
      </c>
    </row>
    <row r="15775" spans="1:4" x14ac:dyDescent="0.25">
      <c r="A15775" t="s">
        <v>24734</v>
      </c>
      <c r="B15775" t="s">
        <v>24735</v>
      </c>
      <c r="C15775">
        <v>1</v>
      </c>
      <c r="D15775">
        <v>0</v>
      </c>
    </row>
    <row r="15776" spans="1:4" x14ac:dyDescent="0.25">
      <c r="A15776" t="s">
        <v>24736</v>
      </c>
      <c r="B15776" t="s">
        <v>24737</v>
      </c>
      <c r="C15776">
        <v>2</v>
      </c>
      <c r="D15776">
        <v>0</v>
      </c>
    </row>
    <row r="15777" spans="1:4" x14ac:dyDescent="0.25">
      <c r="A15777" t="s">
        <v>24738</v>
      </c>
      <c r="B15777" t="s">
        <v>24739</v>
      </c>
      <c r="C15777">
        <v>1</v>
      </c>
      <c r="D15777">
        <v>0</v>
      </c>
    </row>
    <row r="15778" spans="1:4" x14ac:dyDescent="0.25">
      <c r="A15778" t="s">
        <v>24740</v>
      </c>
      <c r="B15778" t="s">
        <v>24741</v>
      </c>
      <c r="C15778">
        <v>0</v>
      </c>
      <c r="D15778">
        <v>0</v>
      </c>
    </row>
    <row r="15779" spans="1:4" x14ac:dyDescent="0.25">
      <c r="A15779" t="s">
        <v>24742</v>
      </c>
      <c r="B15779" t="s">
        <v>24743</v>
      </c>
      <c r="C15779">
        <v>1</v>
      </c>
      <c r="D15779">
        <v>0</v>
      </c>
    </row>
    <row r="15780" spans="1:4" x14ac:dyDescent="0.25">
      <c r="A15780" t="s">
        <v>24744</v>
      </c>
      <c r="B15780" t="s">
        <v>24745</v>
      </c>
      <c r="C15780">
        <v>0</v>
      </c>
      <c r="D15780">
        <v>0</v>
      </c>
    </row>
    <row r="15781" spans="1:4" x14ac:dyDescent="0.25">
      <c r="A15781" t="s">
        <v>24746</v>
      </c>
      <c r="B15781" t="s">
        <v>24747</v>
      </c>
      <c r="C15781">
        <v>2</v>
      </c>
      <c r="D15781">
        <v>0</v>
      </c>
    </row>
    <row r="15782" spans="1:4" x14ac:dyDescent="0.25">
      <c r="A15782" t="s">
        <v>24748</v>
      </c>
      <c r="B15782" t="s">
        <v>24749</v>
      </c>
      <c r="C15782">
        <v>1</v>
      </c>
      <c r="D15782">
        <v>0</v>
      </c>
    </row>
    <row r="15783" spans="1:4" x14ac:dyDescent="0.25">
      <c r="A15783" t="s">
        <v>24750</v>
      </c>
      <c r="B15783" t="s">
        <v>24751</v>
      </c>
      <c r="C15783">
        <v>1</v>
      </c>
      <c r="D15783">
        <v>0</v>
      </c>
    </row>
    <row r="15784" spans="1:4" x14ac:dyDescent="0.25">
      <c r="A15784" t="s">
        <v>24752</v>
      </c>
      <c r="B15784" t="s">
        <v>24753</v>
      </c>
      <c r="C15784">
        <v>0</v>
      </c>
      <c r="D15784">
        <v>0</v>
      </c>
    </row>
    <row r="15785" spans="1:4" x14ac:dyDescent="0.25">
      <c r="A15785" t="s">
        <v>24754</v>
      </c>
      <c r="B15785" t="s">
        <v>24755</v>
      </c>
      <c r="C15785">
        <v>1</v>
      </c>
      <c r="D15785">
        <v>0</v>
      </c>
    </row>
    <row r="15786" spans="1:4" x14ac:dyDescent="0.25">
      <c r="A15786" t="s">
        <v>24756</v>
      </c>
      <c r="B15786" t="s">
        <v>24757</v>
      </c>
      <c r="C15786">
        <v>0</v>
      </c>
      <c r="D15786">
        <v>0</v>
      </c>
    </row>
    <row r="15787" spans="1:4" x14ac:dyDescent="0.25">
      <c r="A15787" t="s">
        <v>24758</v>
      </c>
      <c r="B15787" t="s">
        <v>24759</v>
      </c>
      <c r="C15787">
        <v>2</v>
      </c>
      <c r="D15787">
        <v>0</v>
      </c>
    </row>
    <row r="15788" spans="1:4" x14ac:dyDescent="0.25">
      <c r="A15788" t="s">
        <v>24760</v>
      </c>
      <c r="B15788" t="s">
        <v>24761</v>
      </c>
      <c r="C15788">
        <v>1</v>
      </c>
      <c r="D15788">
        <v>0</v>
      </c>
    </row>
    <row r="15789" spans="1:4" x14ac:dyDescent="0.25">
      <c r="A15789" t="s">
        <v>24760</v>
      </c>
      <c r="B15789" t="s">
        <v>24762</v>
      </c>
      <c r="C15789">
        <v>2</v>
      </c>
      <c r="D15789">
        <v>0</v>
      </c>
    </row>
    <row r="15790" spans="1:4" x14ac:dyDescent="0.25">
      <c r="A15790" t="s">
        <v>24763</v>
      </c>
      <c r="B15790" t="s">
        <v>24764</v>
      </c>
      <c r="C15790">
        <v>2</v>
      </c>
      <c r="D15790">
        <v>0</v>
      </c>
    </row>
    <row r="15791" spans="1:4" x14ac:dyDescent="0.25">
      <c r="A15791" t="s">
        <v>24765</v>
      </c>
      <c r="B15791" t="s">
        <v>24766</v>
      </c>
      <c r="C15791">
        <v>0</v>
      </c>
      <c r="D15791">
        <v>0</v>
      </c>
    </row>
    <row r="15792" spans="1:4" x14ac:dyDescent="0.25">
      <c r="A15792" t="s">
        <v>24767</v>
      </c>
      <c r="B15792" t="s">
        <v>24768</v>
      </c>
      <c r="C15792">
        <v>1</v>
      </c>
      <c r="D15792">
        <v>0</v>
      </c>
    </row>
    <row r="15793" spans="1:4" x14ac:dyDescent="0.25">
      <c r="A15793" t="s">
        <v>24767</v>
      </c>
      <c r="B15793" t="s">
        <v>24769</v>
      </c>
      <c r="C15793">
        <v>0</v>
      </c>
      <c r="D15793">
        <v>0</v>
      </c>
    </row>
    <row r="15794" spans="1:4" x14ac:dyDescent="0.25">
      <c r="A15794" t="s">
        <v>24767</v>
      </c>
      <c r="B15794" t="s">
        <v>24770</v>
      </c>
      <c r="C15794">
        <v>2</v>
      </c>
      <c r="D15794">
        <v>0</v>
      </c>
    </row>
    <row r="15795" spans="1:4" x14ac:dyDescent="0.25">
      <c r="A15795" t="s">
        <v>24771</v>
      </c>
      <c r="B15795" t="s">
        <v>24772</v>
      </c>
      <c r="C15795">
        <v>1</v>
      </c>
      <c r="D15795">
        <v>0</v>
      </c>
    </row>
    <row r="15796" spans="1:4" x14ac:dyDescent="0.25">
      <c r="A15796" t="s">
        <v>24771</v>
      </c>
      <c r="B15796" t="s">
        <v>24773</v>
      </c>
      <c r="C15796">
        <v>2</v>
      </c>
      <c r="D15796">
        <v>0</v>
      </c>
    </row>
    <row r="15797" spans="1:4" x14ac:dyDescent="0.25">
      <c r="A15797" t="s">
        <v>24774</v>
      </c>
      <c r="B15797" t="s">
        <v>24775</v>
      </c>
      <c r="C15797">
        <v>1</v>
      </c>
      <c r="D15797">
        <v>0</v>
      </c>
    </row>
    <row r="15798" spans="1:4" x14ac:dyDescent="0.25">
      <c r="A15798" t="s">
        <v>24776</v>
      </c>
      <c r="B15798" t="s">
        <v>24777</v>
      </c>
      <c r="C15798">
        <v>0</v>
      </c>
      <c r="D15798">
        <v>0</v>
      </c>
    </row>
    <row r="15799" spans="1:4" x14ac:dyDescent="0.25">
      <c r="A15799" t="s">
        <v>24778</v>
      </c>
      <c r="B15799" t="s">
        <v>24779</v>
      </c>
      <c r="C15799">
        <v>1</v>
      </c>
      <c r="D15799">
        <v>0</v>
      </c>
    </row>
    <row r="15800" spans="1:4" x14ac:dyDescent="0.25">
      <c r="A15800" t="s">
        <v>24780</v>
      </c>
      <c r="B15800" t="s">
        <v>24781</v>
      </c>
      <c r="C15800">
        <v>2</v>
      </c>
      <c r="D15800">
        <v>0</v>
      </c>
    </row>
    <row r="15801" spans="1:4" x14ac:dyDescent="0.25">
      <c r="A15801" t="s">
        <v>24780</v>
      </c>
      <c r="B15801" t="s">
        <v>24782</v>
      </c>
      <c r="C15801">
        <v>2</v>
      </c>
      <c r="D15801">
        <v>0</v>
      </c>
    </row>
    <row r="15802" spans="1:4" x14ac:dyDescent="0.25">
      <c r="A15802" t="s">
        <v>24783</v>
      </c>
      <c r="B15802" t="s">
        <v>24784</v>
      </c>
      <c r="C15802">
        <v>1</v>
      </c>
      <c r="D15802">
        <v>0</v>
      </c>
    </row>
    <row r="15803" spans="1:4" x14ac:dyDescent="0.25">
      <c r="A15803" t="s">
        <v>24785</v>
      </c>
      <c r="B15803" t="s">
        <v>24786</v>
      </c>
      <c r="C15803">
        <v>1</v>
      </c>
      <c r="D15803">
        <v>0</v>
      </c>
    </row>
    <row r="15804" spans="1:4" x14ac:dyDescent="0.25">
      <c r="A15804" t="s">
        <v>24787</v>
      </c>
      <c r="B15804" t="s">
        <v>24788</v>
      </c>
      <c r="C15804">
        <v>2</v>
      </c>
      <c r="D15804">
        <v>0</v>
      </c>
    </row>
    <row r="15805" spans="1:4" x14ac:dyDescent="0.25">
      <c r="A15805" t="s">
        <v>24789</v>
      </c>
      <c r="B15805" t="s">
        <v>5713</v>
      </c>
      <c r="C15805">
        <v>1</v>
      </c>
      <c r="D15805">
        <v>0</v>
      </c>
    </row>
    <row r="15806" spans="1:4" x14ac:dyDescent="0.25">
      <c r="A15806" t="s">
        <v>24790</v>
      </c>
      <c r="B15806" t="s">
        <v>24791</v>
      </c>
      <c r="C15806">
        <v>1</v>
      </c>
      <c r="D15806">
        <v>0</v>
      </c>
    </row>
    <row r="15807" spans="1:4" x14ac:dyDescent="0.25">
      <c r="A15807" t="s">
        <v>24792</v>
      </c>
      <c r="B15807" t="s">
        <v>24793</v>
      </c>
      <c r="C15807">
        <v>1</v>
      </c>
      <c r="D15807">
        <v>0</v>
      </c>
    </row>
    <row r="15808" spans="1:4" x14ac:dyDescent="0.25">
      <c r="A15808" t="s">
        <v>24792</v>
      </c>
      <c r="B15808" t="s">
        <v>24794</v>
      </c>
      <c r="C15808">
        <v>1</v>
      </c>
      <c r="D15808">
        <v>0</v>
      </c>
    </row>
    <row r="15809" spans="1:4" x14ac:dyDescent="0.25">
      <c r="A15809" t="s">
        <v>24792</v>
      </c>
      <c r="B15809" t="s">
        <v>24795</v>
      </c>
      <c r="C15809">
        <v>1</v>
      </c>
      <c r="D15809">
        <v>0</v>
      </c>
    </row>
    <row r="15810" spans="1:4" x14ac:dyDescent="0.25">
      <c r="A15810" t="s">
        <v>24792</v>
      </c>
      <c r="B15810" t="s">
        <v>24796</v>
      </c>
      <c r="C15810">
        <v>0</v>
      </c>
      <c r="D15810">
        <v>0</v>
      </c>
    </row>
    <row r="15811" spans="1:4" x14ac:dyDescent="0.25">
      <c r="A15811" t="s">
        <v>24797</v>
      </c>
      <c r="B15811" t="s">
        <v>24798</v>
      </c>
      <c r="C15811">
        <v>1</v>
      </c>
      <c r="D15811">
        <v>0</v>
      </c>
    </row>
    <row r="15812" spans="1:4" x14ac:dyDescent="0.25">
      <c r="A15812" t="s">
        <v>24799</v>
      </c>
      <c r="B15812" t="s">
        <v>24800</v>
      </c>
      <c r="C15812">
        <v>1</v>
      </c>
      <c r="D15812">
        <v>0</v>
      </c>
    </row>
    <row r="15813" spans="1:4" x14ac:dyDescent="0.25">
      <c r="A15813" t="s">
        <v>24801</v>
      </c>
      <c r="B15813" t="s">
        <v>24802</v>
      </c>
      <c r="C15813">
        <v>1</v>
      </c>
      <c r="D15813">
        <v>0</v>
      </c>
    </row>
    <row r="15814" spans="1:4" x14ac:dyDescent="0.25">
      <c r="A15814" t="s">
        <v>24801</v>
      </c>
      <c r="B15814" t="s">
        <v>24803</v>
      </c>
      <c r="C15814">
        <v>0</v>
      </c>
      <c r="D15814">
        <v>0</v>
      </c>
    </row>
    <row r="15815" spans="1:4" x14ac:dyDescent="0.25">
      <c r="A15815" t="s">
        <v>24801</v>
      </c>
      <c r="B15815" t="s">
        <v>24804</v>
      </c>
      <c r="C15815">
        <v>2</v>
      </c>
      <c r="D15815">
        <v>0</v>
      </c>
    </row>
    <row r="15816" spans="1:4" x14ac:dyDescent="0.25">
      <c r="A15816" t="s">
        <v>24805</v>
      </c>
      <c r="B15816" t="s">
        <v>24806</v>
      </c>
      <c r="C15816">
        <v>0</v>
      </c>
      <c r="D15816">
        <v>0</v>
      </c>
    </row>
    <row r="15817" spans="1:4" x14ac:dyDescent="0.25">
      <c r="A15817" t="s">
        <v>24805</v>
      </c>
      <c r="B15817" t="s">
        <v>24807</v>
      </c>
      <c r="C15817">
        <v>2</v>
      </c>
      <c r="D15817">
        <v>0</v>
      </c>
    </row>
    <row r="15818" spans="1:4" x14ac:dyDescent="0.25">
      <c r="A15818" t="s">
        <v>24808</v>
      </c>
      <c r="B15818" t="s">
        <v>24809</v>
      </c>
      <c r="C15818">
        <v>0</v>
      </c>
      <c r="D15818">
        <v>0</v>
      </c>
    </row>
    <row r="15819" spans="1:4" x14ac:dyDescent="0.25">
      <c r="A15819" t="s">
        <v>24810</v>
      </c>
      <c r="B15819" t="s">
        <v>24811</v>
      </c>
      <c r="C15819">
        <v>2</v>
      </c>
      <c r="D15819">
        <v>0</v>
      </c>
    </row>
    <row r="15820" spans="1:4" x14ac:dyDescent="0.25">
      <c r="A15820" t="s">
        <v>24812</v>
      </c>
      <c r="B15820" t="s">
        <v>24813</v>
      </c>
      <c r="C15820">
        <v>1</v>
      </c>
      <c r="D15820">
        <v>0</v>
      </c>
    </row>
    <row r="15821" spans="1:4" x14ac:dyDescent="0.25">
      <c r="A15821" t="s">
        <v>24814</v>
      </c>
      <c r="B15821" t="s">
        <v>24815</v>
      </c>
      <c r="C15821">
        <v>1</v>
      </c>
      <c r="D15821">
        <v>0</v>
      </c>
    </row>
    <row r="15822" spans="1:4" x14ac:dyDescent="0.25">
      <c r="A15822" t="s">
        <v>24816</v>
      </c>
      <c r="B15822" t="s">
        <v>24817</v>
      </c>
      <c r="C15822">
        <v>1</v>
      </c>
      <c r="D15822">
        <v>0</v>
      </c>
    </row>
    <row r="15823" spans="1:4" x14ac:dyDescent="0.25">
      <c r="A15823" t="s">
        <v>24818</v>
      </c>
      <c r="B15823" t="s">
        <v>24819</v>
      </c>
      <c r="C15823">
        <v>1</v>
      </c>
      <c r="D15823">
        <v>0</v>
      </c>
    </row>
    <row r="15824" spans="1:4" x14ac:dyDescent="0.25">
      <c r="A15824" t="s">
        <v>24818</v>
      </c>
      <c r="B15824" t="s">
        <v>24820</v>
      </c>
      <c r="C15824">
        <v>1</v>
      </c>
      <c r="D15824">
        <v>0</v>
      </c>
    </row>
    <row r="15825" spans="1:4" x14ac:dyDescent="0.25">
      <c r="A15825" t="s">
        <v>24821</v>
      </c>
      <c r="B15825" t="s">
        <v>24822</v>
      </c>
      <c r="C15825">
        <v>1</v>
      </c>
      <c r="D15825">
        <v>0</v>
      </c>
    </row>
    <row r="15826" spans="1:4" x14ac:dyDescent="0.25">
      <c r="A15826" t="s">
        <v>24823</v>
      </c>
      <c r="B15826" t="s">
        <v>24824</v>
      </c>
      <c r="C15826">
        <v>0</v>
      </c>
      <c r="D15826">
        <v>0</v>
      </c>
    </row>
    <row r="15827" spans="1:4" x14ac:dyDescent="0.25">
      <c r="A15827" t="s">
        <v>24825</v>
      </c>
      <c r="B15827" t="s">
        <v>24826</v>
      </c>
      <c r="C15827">
        <v>1</v>
      </c>
      <c r="D15827">
        <v>0</v>
      </c>
    </row>
    <row r="15828" spans="1:4" x14ac:dyDescent="0.25">
      <c r="A15828" t="s">
        <v>24827</v>
      </c>
      <c r="B15828" t="s">
        <v>24828</v>
      </c>
      <c r="C15828">
        <v>1</v>
      </c>
      <c r="D15828">
        <v>0</v>
      </c>
    </row>
    <row r="15829" spans="1:4" x14ac:dyDescent="0.25">
      <c r="A15829" t="s">
        <v>24829</v>
      </c>
      <c r="B15829" t="s">
        <v>24830</v>
      </c>
      <c r="C15829">
        <v>2</v>
      </c>
      <c r="D15829">
        <v>0</v>
      </c>
    </row>
    <row r="15830" spans="1:4" x14ac:dyDescent="0.25">
      <c r="A15830" t="s">
        <v>24831</v>
      </c>
      <c r="B15830" t="s">
        <v>24832</v>
      </c>
      <c r="C15830">
        <v>0</v>
      </c>
      <c r="D15830">
        <v>0</v>
      </c>
    </row>
    <row r="15831" spans="1:4" x14ac:dyDescent="0.25">
      <c r="A15831" t="s">
        <v>24833</v>
      </c>
      <c r="B15831" t="s">
        <v>24834</v>
      </c>
      <c r="C15831">
        <v>1</v>
      </c>
      <c r="D15831">
        <v>0</v>
      </c>
    </row>
    <row r="15832" spans="1:4" x14ac:dyDescent="0.25">
      <c r="A15832" t="s">
        <v>24833</v>
      </c>
      <c r="B15832" t="s">
        <v>24835</v>
      </c>
      <c r="C15832">
        <v>1</v>
      </c>
      <c r="D15832">
        <v>0</v>
      </c>
    </row>
    <row r="15833" spans="1:4" x14ac:dyDescent="0.25">
      <c r="A15833" t="s">
        <v>24836</v>
      </c>
      <c r="B15833" t="s">
        <v>24837</v>
      </c>
      <c r="C15833">
        <v>0</v>
      </c>
      <c r="D15833">
        <v>0</v>
      </c>
    </row>
    <row r="15834" spans="1:4" x14ac:dyDescent="0.25">
      <c r="A15834" t="s">
        <v>24838</v>
      </c>
      <c r="B15834" t="s">
        <v>24839</v>
      </c>
      <c r="C15834">
        <v>1</v>
      </c>
      <c r="D15834">
        <v>0</v>
      </c>
    </row>
    <row r="15835" spans="1:4" x14ac:dyDescent="0.25">
      <c r="A15835" t="s">
        <v>24840</v>
      </c>
      <c r="B15835" t="s">
        <v>24841</v>
      </c>
      <c r="C15835">
        <v>1</v>
      </c>
      <c r="D15835">
        <v>0</v>
      </c>
    </row>
    <row r="15836" spans="1:4" x14ac:dyDescent="0.25">
      <c r="A15836" t="s">
        <v>24842</v>
      </c>
      <c r="B15836" t="s">
        <v>24843</v>
      </c>
      <c r="C15836">
        <v>1</v>
      </c>
      <c r="D15836">
        <v>0</v>
      </c>
    </row>
    <row r="15837" spans="1:4" x14ac:dyDescent="0.25">
      <c r="A15837" t="s">
        <v>24844</v>
      </c>
      <c r="B15837" t="s">
        <v>24845</v>
      </c>
      <c r="C15837">
        <v>1</v>
      </c>
      <c r="D15837">
        <v>0</v>
      </c>
    </row>
    <row r="15838" spans="1:4" x14ac:dyDescent="0.25">
      <c r="A15838" t="s">
        <v>24844</v>
      </c>
      <c r="B15838" t="s">
        <v>24846</v>
      </c>
      <c r="C15838">
        <v>1</v>
      </c>
      <c r="D15838">
        <v>0</v>
      </c>
    </row>
    <row r="15839" spans="1:4" x14ac:dyDescent="0.25">
      <c r="A15839" t="s">
        <v>24847</v>
      </c>
      <c r="B15839" t="s">
        <v>24848</v>
      </c>
      <c r="C15839">
        <v>2</v>
      </c>
      <c r="D15839">
        <v>0</v>
      </c>
    </row>
    <row r="15840" spans="1:4" x14ac:dyDescent="0.25">
      <c r="A15840" t="s">
        <v>24849</v>
      </c>
      <c r="B15840" t="s">
        <v>24850</v>
      </c>
      <c r="C15840">
        <v>0</v>
      </c>
      <c r="D15840">
        <v>0</v>
      </c>
    </row>
    <row r="15841" spans="1:4" x14ac:dyDescent="0.25">
      <c r="A15841" t="s">
        <v>24851</v>
      </c>
      <c r="B15841" t="s">
        <v>24852</v>
      </c>
      <c r="C15841">
        <v>0</v>
      </c>
      <c r="D15841">
        <v>0</v>
      </c>
    </row>
    <row r="15842" spans="1:4" x14ac:dyDescent="0.25">
      <c r="A15842" t="s">
        <v>24853</v>
      </c>
      <c r="B15842" t="s">
        <v>24854</v>
      </c>
      <c r="C15842">
        <v>2</v>
      </c>
      <c r="D15842">
        <v>0</v>
      </c>
    </row>
    <row r="15843" spans="1:4" x14ac:dyDescent="0.25">
      <c r="A15843" t="s">
        <v>24855</v>
      </c>
      <c r="B15843" t="s">
        <v>24856</v>
      </c>
      <c r="C15843">
        <v>1</v>
      </c>
      <c r="D15843">
        <v>0</v>
      </c>
    </row>
    <row r="15844" spans="1:4" x14ac:dyDescent="0.25">
      <c r="A15844" t="s">
        <v>24857</v>
      </c>
      <c r="B15844" t="s">
        <v>24858</v>
      </c>
      <c r="C15844">
        <v>1</v>
      </c>
      <c r="D15844">
        <v>0</v>
      </c>
    </row>
    <row r="15845" spans="1:4" x14ac:dyDescent="0.25">
      <c r="A15845" t="s">
        <v>24859</v>
      </c>
      <c r="B15845" t="s">
        <v>24860</v>
      </c>
      <c r="C15845">
        <v>1</v>
      </c>
      <c r="D15845">
        <v>0</v>
      </c>
    </row>
    <row r="15846" spans="1:4" x14ac:dyDescent="0.25">
      <c r="A15846" t="s">
        <v>24861</v>
      </c>
      <c r="B15846" t="s">
        <v>24862</v>
      </c>
      <c r="C15846">
        <v>2</v>
      </c>
      <c r="D15846">
        <v>0</v>
      </c>
    </row>
    <row r="15847" spans="1:4" x14ac:dyDescent="0.25">
      <c r="A15847" t="s">
        <v>24863</v>
      </c>
      <c r="B15847" t="s">
        <v>24864</v>
      </c>
      <c r="C15847">
        <v>1</v>
      </c>
      <c r="D15847">
        <v>0</v>
      </c>
    </row>
    <row r="15848" spans="1:4" x14ac:dyDescent="0.25">
      <c r="A15848" t="s">
        <v>24863</v>
      </c>
      <c r="B15848" t="s">
        <v>24865</v>
      </c>
      <c r="C15848">
        <v>0</v>
      </c>
      <c r="D15848">
        <v>0</v>
      </c>
    </row>
    <row r="15849" spans="1:4" x14ac:dyDescent="0.25">
      <c r="A15849" t="s">
        <v>24863</v>
      </c>
      <c r="B15849" t="s">
        <v>24866</v>
      </c>
      <c r="C15849">
        <v>2</v>
      </c>
      <c r="D15849">
        <v>0</v>
      </c>
    </row>
    <row r="15850" spans="1:4" x14ac:dyDescent="0.25">
      <c r="A15850" t="s">
        <v>24867</v>
      </c>
      <c r="B15850" t="s">
        <v>24868</v>
      </c>
      <c r="C15850">
        <v>0</v>
      </c>
      <c r="D15850">
        <v>0</v>
      </c>
    </row>
    <row r="15851" spans="1:4" x14ac:dyDescent="0.25">
      <c r="A15851" t="s">
        <v>24869</v>
      </c>
      <c r="B15851" t="s">
        <v>24870</v>
      </c>
      <c r="C15851">
        <v>2</v>
      </c>
      <c r="D15851">
        <v>0</v>
      </c>
    </row>
    <row r="15852" spans="1:4" x14ac:dyDescent="0.25">
      <c r="A15852" t="s">
        <v>24871</v>
      </c>
      <c r="B15852" t="s">
        <v>24872</v>
      </c>
      <c r="C15852">
        <v>1</v>
      </c>
      <c r="D15852">
        <v>0</v>
      </c>
    </row>
    <row r="15853" spans="1:4" x14ac:dyDescent="0.25">
      <c r="A15853" t="s">
        <v>24871</v>
      </c>
      <c r="B15853" t="s">
        <v>24873</v>
      </c>
      <c r="C15853">
        <v>2</v>
      </c>
      <c r="D15853">
        <v>0</v>
      </c>
    </row>
    <row r="15854" spans="1:4" x14ac:dyDescent="0.25">
      <c r="A15854" t="s">
        <v>24874</v>
      </c>
      <c r="B15854" t="s">
        <v>24875</v>
      </c>
      <c r="C15854">
        <v>1</v>
      </c>
      <c r="D15854">
        <v>0</v>
      </c>
    </row>
    <row r="15855" spans="1:4" x14ac:dyDescent="0.25">
      <c r="A15855" t="s">
        <v>24876</v>
      </c>
      <c r="B15855" t="s">
        <v>24877</v>
      </c>
      <c r="C15855">
        <v>1</v>
      </c>
      <c r="D15855">
        <v>0</v>
      </c>
    </row>
    <row r="15856" spans="1:4" x14ac:dyDescent="0.25">
      <c r="A15856" t="s">
        <v>24878</v>
      </c>
      <c r="B15856" t="s">
        <v>24879</v>
      </c>
      <c r="C15856">
        <v>1</v>
      </c>
      <c r="D15856">
        <v>0</v>
      </c>
    </row>
    <row r="15857" spans="1:4" x14ac:dyDescent="0.25">
      <c r="A15857" t="s">
        <v>24880</v>
      </c>
      <c r="B15857" t="s">
        <v>24881</v>
      </c>
      <c r="C15857">
        <v>1</v>
      </c>
      <c r="D15857">
        <v>0</v>
      </c>
    </row>
    <row r="15858" spans="1:4" x14ac:dyDescent="0.25">
      <c r="A15858" t="s">
        <v>24882</v>
      </c>
      <c r="B15858" t="s">
        <v>24883</v>
      </c>
      <c r="C15858">
        <v>0</v>
      </c>
      <c r="D15858">
        <v>0</v>
      </c>
    </row>
    <row r="15859" spans="1:4" x14ac:dyDescent="0.25">
      <c r="A15859" t="s">
        <v>24882</v>
      </c>
      <c r="B15859" t="s">
        <v>24884</v>
      </c>
      <c r="C15859">
        <v>2</v>
      </c>
      <c r="D15859">
        <v>0</v>
      </c>
    </row>
    <row r="15860" spans="1:4" x14ac:dyDescent="0.25">
      <c r="A15860" t="s">
        <v>24885</v>
      </c>
      <c r="B15860" t="s">
        <v>24886</v>
      </c>
      <c r="C15860">
        <v>1</v>
      </c>
      <c r="D15860">
        <v>0</v>
      </c>
    </row>
    <row r="15861" spans="1:4" x14ac:dyDescent="0.25">
      <c r="A15861" t="s">
        <v>24887</v>
      </c>
      <c r="B15861" t="s">
        <v>24888</v>
      </c>
      <c r="C15861">
        <v>1</v>
      </c>
      <c r="D15861">
        <v>0</v>
      </c>
    </row>
    <row r="15862" spans="1:4" x14ac:dyDescent="0.25">
      <c r="A15862" t="s">
        <v>24887</v>
      </c>
      <c r="B15862" t="s">
        <v>24889</v>
      </c>
      <c r="C15862">
        <v>0</v>
      </c>
      <c r="D15862">
        <v>0</v>
      </c>
    </row>
    <row r="15863" spans="1:4" x14ac:dyDescent="0.25">
      <c r="A15863" t="s">
        <v>24887</v>
      </c>
      <c r="B15863" t="s">
        <v>24890</v>
      </c>
      <c r="C15863">
        <v>2</v>
      </c>
      <c r="D15863">
        <v>0</v>
      </c>
    </row>
    <row r="15864" spans="1:4" x14ac:dyDescent="0.25">
      <c r="A15864" t="s">
        <v>24887</v>
      </c>
      <c r="B15864" t="s">
        <v>24891</v>
      </c>
      <c r="C15864">
        <v>2</v>
      </c>
      <c r="D15864">
        <v>0</v>
      </c>
    </row>
    <row r="15865" spans="1:4" x14ac:dyDescent="0.25">
      <c r="A15865" t="s">
        <v>24887</v>
      </c>
      <c r="B15865" t="s">
        <v>24892</v>
      </c>
      <c r="C15865">
        <v>2</v>
      </c>
      <c r="D15865">
        <v>0</v>
      </c>
    </row>
    <row r="15866" spans="1:4" x14ac:dyDescent="0.25">
      <c r="A15866" t="s">
        <v>24893</v>
      </c>
      <c r="B15866" t="s">
        <v>24894</v>
      </c>
      <c r="C15866">
        <v>1</v>
      </c>
      <c r="D15866">
        <v>0</v>
      </c>
    </row>
    <row r="15867" spans="1:4" x14ac:dyDescent="0.25">
      <c r="A15867" t="s">
        <v>24895</v>
      </c>
      <c r="B15867" t="s">
        <v>24896</v>
      </c>
      <c r="C15867">
        <v>1</v>
      </c>
      <c r="D15867">
        <v>0</v>
      </c>
    </row>
    <row r="15868" spans="1:4" x14ac:dyDescent="0.25">
      <c r="A15868" t="s">
        <v>24897</v>
      </c>
      <c r="B15868" t="s">
        <v>24898</v>
      </c>
      <c r="C15868">
        <v>1</v>
      </c>
      <c r="D15868">
        <v>0</v>
      </c>
    </row>
    <row r="15869" spans="1:4" x14ac:dyDescent="0.25">
      <c r="A15869" t="s">
        <v>24899</v>
      </c>
      <c r="B15869" t="s">
        <v>24900</v>
      </c>
      <c r="C15869">
        <v>0</v>
      </c>
      <c r="D15869">
        <v>0</v>
      </c>
    </row>
    <row r="15870" spans="1:4" x14ac:dyDescent="0.25">
      <c r="A15870" t="s">
        <v>24901</v>
      </c>
      <c r="B15870" t="s">
        <v>24902</v>
      </c>
      <c r="C15870">
        <v>0</v>
      </c>
      <c r="D15870">
        <v>0</v>
      </c>
    </row>
    <row r="15871" spans="1:4" x14ac:dyDescent="0.25">
      <c r="A15871" t="s">
        <v>24903</v>
      </c>
      <c r="B15871" t="s">
        <v>24904</v>
      </c>
      <c r="C15871">
        <v>2</v>
      </c>
      <c r="D15871">
        <v>0</v>
      </c>
    </row>
    <row r="15872" spans="1:4" x14ac:dyDescent="0.25">
      <c r="A15872" t="s">
        <v>24905</v>
      </c>
      <c r="B15872" t="s">
        <v>24906</v>
      </c>
      <c r="C15872">
        <v>1</v>
      </c>
      <c r="D15872">
        <v>0</v>
      </c>
    </row>
    <row r="15873" spans="1:4" x14ac:dyDescent="0.25">
      <c r="A15873" t="s">
        <v>24905</v>
      </c>
      <c r="B15873" t="s">
        <v>24907</v>
      </c>
      <c r="C15873">
        <v>1</v>
      </c>
      <c r="D15873">
        <v>0</v>
      </c>
    </row>
    <row r="15874" spans="1:4" x14ac:dyDescent="0.25">
      <c r="A15874" t="s">
        <v>24905</v>
      </c>
      <c r="B15874" t="s">
        <v>24908</v>
      </c>
      <c r="C15874">
        <v>0</v>
      </c>
      <c r="D15874">
        <v>0</v>
      </c>
    </row>
    <row r="15875" spans="1:4" x14ac:dyDescent="0.25">
      <c r="A15875" t="s">
        <v>24909</v>
      </c>
      <c r="B15875" t="s">
        <v>24910</v>
      </c>
      <c r="C15875">
        <v>0</v>
      </c>
      <c r="D15875">
        <v>0</v>
      </c>
    </row>
    <row r="15876" spans="1:4" x14ac:dyDescent="0.25">
      <c r="A15876" t="s">
        <v>24911</v>
      </c>
      <c r="B15876" t="s">
        <v>24912</v>
      </c>
      <c r="C15876">
        <v>1</v>
      </c>
      <c r="D15876">
        <v>0</v>
      </c>
    </row>
    <row r="15877" spans="1:4" x14ac:dyDescent="0.25">
      <c r="A15877" t="s">
        <v>24913</v>
      </c>
      <c r="B15877" t="s">
        <v>24914</v>
      </c>
      <c r="C15877">
        <v>2</v>
      </c>
      <c r="D15877">
        <v>0</v>
      </c>
    </row>
    <row r="15878" spans="1:4" x14ac:dyDescent="0.25">
      <c r="A15878" t="s">
        <v>24915</v>
      </c>
      <c r="B15878" t="s">
        <v>24916</v>
      </c>
      <c r="C15878">
        <v>1</v>
      </c>
      <c r="D15878">
        <v>0</v>
      </c>
    </row>
    <row r="15879" spans="1:4" x14ac:dyDescent="0.25">
      <c r="A15879" t="s">
        <v>24915</v>
      </c>
      <c r="B15879" t="s">
        <v>24917</v>
      </c>
      <c r="C15879">
        <v>2</v>
      </c>
      <c r="D15879">
        <v>0</v>
      </c>
    </row>
    <row r="15880" spans="1:4" x14ac:dyDescent="0.25">
      <c r="A15880" t="s">
        <v>24918</v>
      </c>
      <c r="B15880" t="s">
        <v>24919</v>
      </c>
      <c r="C15880">
        <v>1</v>
      </c>
      <c r="D15880">
        <v>0</v>
      </c>
    </row>
    <row r="15881" spans="1:4" x14ac:dyDescent="0.25">
      <c r="A15881" t="s">
        <v>24920</v>
      </c>
      <c r="B15881" t="s">
        <v>24921</v>
      </c>
      <c r="C15881">
        <v>1</v>
      </c>
      <c r="D15881">
        <v>0</v>
      </c>
    </row>
    <row r="15882" spans="1:4" x14ac:dyDescent="0.25">
      <c r="A15882" t="s">
        <v>24922</v>
      </c>
      <c r="B15882" t="s">
        <v>24923</v>
      </c>
      <c r="C15882">
        <v>0</v>
      </c>
      <c r="D15882">
        <v>0</v>
      </c>
    </row>
    <row r="15883" spans="1:4" x14ac:dyDescent="0.25">
      <c r="A15883" t="s">
        <v>24924</v>
      </c>
      <c r="B15883" t="s">
        <v>24925</v>
      </c>
      <c r="C15883">
        <v>1</v>
      </c>
      <c r="D15883">
        <v>0</v>
      </c>
    </row>
    <row r="15884" spans="1:4" x14ac:dyDescent="0.25">
      <c r="A15884" t="s">
        <v>24926</v>
      </c>
      <c r="B15884" t="s">
        <v>24927</v>
      </c>
      <c r="C15884">
        <v>1</v>
      </c>
      <c r="D15884">
        <v>0</v>
      </c>
    </row>
    <row r="15885" spans="1:4" x14ac:dyDescent="0.25">
      <c r="A15885" t="s">
        <v>24928</v>
      </c>
      <c r="B15885" t="s">
        <v>24929</v>
      </c>
      <c r="C15885">
        <v>0</v>
      </c>
      <c r="D15885">
        <v>0</v>
      </c>
    </row>
    <row r="15886" spans="1:4" x14ac:dyDescent="0.25">
      <c r="A15886" t="s">
        <v>24928</v>
      </c>
      <c r="B15886" t="s">
        <v>2651</v>
      </c>
      <c r="C15886">
        <v>2</v>
      </c>
      <c r="D15886">
        <v>0</v>
      </c>
    </row>
    <row r="15887" spans="1:4" x14ac:dyDescent="0.25">
      <c r="A15887" t="s">
        <v>24928</v>
      </c>
      <c r="B15887" t="s">
        <v>24930</v>
      </c>
      <c r="C15887">
        <v>2</v>
      </c>
      <c r="D15887">
        <v>0</v>
      </c>
    </row>
    <row r="15888" spans="1:4" x14ac:dyDescent="0.25">
      <c r="A15888" t="s">
        <v>24931</v>
      </c>
      <c r="B15888" t="s">
        <v>24932</v>
      </c>
      <c r="C15888">
        <v>1</v>
      </c>
      <c r="D15888">
        <v>0</v>
      </c>
    </row>
    <row r="15889" spans="1:4" x14ac:dyDescent="0.25">
      <c r="A15889" t="s">
        <v>24931</v>
      </c>
      <c r="B15889" t="s">
        <v>24933</v>
      </c>
      <c r="C15889">
        <v>0</v>
      </c>
      <c r="D15889">
        <v>0</v>
      </c>
    </row>
    <row r="15890" spans="1:4" x14ac:dyDescent="0.25">
      <c r="A15890" t="s">
        <v>24931</v>
      </c>
      <c r="B15890" t="s">
        <v>24934</v>
      </c>
      <c r="C15890">
        <v>2</v>
      </c>
      <c r="D15890">
        <v>0</v>
      </c>
    </row>
    <row r="15891" spans="1:4" x14ac:dyDescent="0.25">
      <c r="A15891" t="s">
        <v>24935</v>
      </c>
      <c r="B15891" t="s">
        <v>24936</v>
      </c>
      <c r="C15891">
        <v>0</v>
      </c>
      <c r="D15891">
        <v>0</v>
      </c>
    </row>
    <row r="15892" spans="1:4" x14ac:dyDescent="0.25">
      <c r="A15892" t="s">
        <v>24937</v>
      </c>
      <c r="B15892" t="s">
        <v>24938</v>
      </c>
      <c r="C15892">
        <v>1</v>
      </c>
      <c r="D15892">
        <v>0</v>
      </c>
    </row>
    <row r="15893" spans="1:4" x14ac:dyDescent="0.25">
      <c r="A15893" t="s">
        <v>24939</v>
      </c>
      <c r="B15893" t="s">
        <v>24940</v>
      </c>
      <c r="C15893">
        <v>0</v>
      </c>
      <c r="D15893">
        <v>0</v>
      </c>
    </row>
    <row r="15894" spans="1:4" x14ac:dyDescent="0.25">
      <c r="A15894" t="s">
        <v>24941</v>
      </c>
      <c r="B15894" t="s">
        <v>12472</v>
      </c>
      <c r="C15894">
        <v>1</v>
      </c>
      <c r="D15894">
        <v>0</v>
      </c>
    </row>
    <row r="15895" spans="1:4" x14ac:dyDescent="0.25">
      <c r="A15895" t="s">
        <v>24942</v>
      </c>
      <c r="B15895" t="s">
        <v>24943</v>
      </c>
      <c r="C15895">
        <v>1</v>
      </c>
      <c r="D15895">
        <v>0</v>
      </c>
    </row>
    <row r="15896" spans="1:4" x14ac:dyDescent="0.25">
      <c r="A15896" t="s">
        <v>24944</v>
      </c>
      <c r="B15896" t="s">
        <v>24945</v>
      </c>
      <c r="C15896">
        <v>0</v>
      </c>
      <c r="D15896">
        <v>0</v>
      </c>
    </row>
    <row r="15897" spans="1:4" x14ac:dyDescent="0.25">
      <c r="A15897" t="s">
        <v>24946</v>
      </c>
      <c r="B15897" t="s">
        <v>24947</v>
      </c>
      <c r="C15897">
        <v>0</v>
      </c>
      <c r="D15897">
        <v>0</v>
      </c>
    </row>
    <row r="15898" spans="1:4" x14ac:dyDescent="0.25">
      <c r="A15898" t="s">
        <v>24948</v>
      </c>
      <c r="B15898" t="s">
        <v>24949</v>
      </c>
      <c r="C15898">
        <v>1</v>
      </c>
      <c r="D15898">
        <v>0</v>
      </c>
    </row>
    <row r="15899" spans="1:4" x14ac:dyDescent="0.25">
      <c r="A15899" t="s">
        <v>24950</v>
      </c>
      <c r="B15899" t="s">
        <v>24951</v>
      </c>
      <c r="C15899">
        <v>0</v>
      </c>
      <c r="D15899">
        <v>0</v>
      </c>
    </row>
    <row r="15900" spans="1:4" x14ac:dyDescent="0.25">
      <c r="A15900" t="s">
        <v>24952</v>
      </c>
      <c r="B15900" t="s">
        <v>24953</v>
      </c>
      <c r="C15900">
        <v>1</v>
      </c>
      <c r="D15900">
        <v>0</v>
      </c>
    </row>
    <row r="15901" spans="1:4" x14ac:dyDescent="0.25">
      <c r="A15901" t="s">
        <v>24954</v>
      </c>
      <c r="B15901" t="s">
        <v>24955</v>
      </c>
      <c r="C15901">
        <v>1</v>
      </c>
      <c r="D15901">
        <v>0</v>
      </c>
    </row>
    <row r="15902" spans="1:4" x14ac:dyDescent="0.25">
      <c r="A15902" t="s">
        <v>24956</v>
      </c>
      <c r="B15902" t="s">
        <v>24957</v>
      </c>
      <c r="C15902">
        <v>0</v>
      </c>
      <c r="D15902">
        <v>0</v>
      </c>
    </row>
    <row r="15903" spans="1:4" x14ac:dyDescent="0.25">
      <c r="A15903" t="s">
        <v>24958</v>
      </c>
      <c r="B15903" t="s">
        <v>24959</v>
      </c>
      <c r="C15903">
        <v>0</v>
      </c>
      <c r="D15903">
        <v>0</v>
      </c>
    </row>
    <row r="15904" spans="1:4" x14ac:dyDescent="0.25">
      <c r="A15904" t="s">
        <v>24960</v>
      </c>
      <c r="B15904" t="s">
        <v>24961</v>
      </c>
      <c r="C15904">
        <v>1</v>
      </c>
      <c r="D15904">
        <v>0</v>
      </c>
    </row>
    <row r="15905" spans="1:4" x14ac:dyDescent="0.25">
      <c r="A15905" t="s">
        <v>24962</v>
      </c>
      <c r="B15905" t="s">
        <v>24963</v>
      </c>
      <c r="C15905">
        <v>0</v>
      </c>
      <c r="D15905">
        <v>0</v>
      </c>
    </row>
    <row r="15906" spans="1:4" x14ac:dyDescent="0.25">
      <c r="A15906" t="s">
        <v>24964</v>
      </c>
      <c r="B15906" t="s">
        <v>24965</v>
      </c>
      <c r="C15906">
        <v>2</v>
      </c>
      <c r="D15906">
        <v>0</v>
      </c>
    </row>
    <row r="15907" spans="1:4" x14ac:dyDescent="0.25">
      <c r="A15907" t="s">
        <v>24966</v>
      </c>
      <c r="B15907" t="s">
        <v>24967</v>
      </c>
      <c r="C15907">
        <v>1</v>
      </c>
      <c r="D15907">
        <v>0</v>
      </c>
    </row>
    <row r="15908" spans="1:4" x14ac:dyDescent="0.25">
      <c r="A15908" t="s">
        <v>24968</v>
      </c>
      <c r="B15908" t="s">
        <v>24969</v>
      </c>
      <c r="C15908">
        <v>1</v>
      </c>
      <c r="D15908">
        <v>0</v>
      </c>
    </row>
    <row r="15909" spans="1:4" x14ac:dyDescent="0.25">
      <c r="A15909" t="s">
        <v>24968</v>
      </c>
      <c r="B15909" t="s">
        <v>24970</v>
      </c>
      <c r="C15909">
        <v>0</v>
      </c>
      <c r="D15909">
        <v>0</v>
      </c>
    </row>
    <row r="15910" spans="1:4" x14ac:dyDescent="0.25">
      <c r="A15910" t="s">
        <v>24971</v>
      </c>
      <c r="B15910" t="s">
        <v>24972</v>
      </c>
      <c r="C15910">
        <v>2</v>
      </c>
      <c r="D15910">
        <v>0</v>
      </c>
    </row>
    <row r="15911" spans="1:4" x14ac:dyDescent="0.25">
      <c r="A15911" t="s">
        <v>24973</v>
      </c>
      <c r="B15911" t="s">
        <v>24974</v>
      </c>
      <c r="C15911">
        <v>1</v>
      </c>
      <c r="D15911">
        <v>0</v>
      </c>
    </row>
    <row r="15912" spans="1:4" x14ac:dyDescent="0.25">
      <c r="A15912" t="s">
        <v>24975</v>
      </c>
      <c r="B15912" t="s">
        <v>24976</v>
      </c>
      <c r="C15912">
        <v>1</v>
      </c>
      <c r="D15912">
        <v>0</v>
      </c>
    </row>
    <row r="15913" spans="1:4" x14ac:dyDescent="0.25">
      <c r="A15913" t="s">
        <v>24977</v>
      </c>
      <c r="B15913" t="s">
        <v>24978</v>
      </c>
      <c r="C15913">
        <v>1</v>
      </c>
      <c r="D15913">
        <v>0</v>
      </c>
    </row>
    <row r="15914" spans="1:4" x14ac:dyDescent="0.25">
      <c r="A15914" t="s">
        <v>24977</v>
      </c>
      <c r="B15914" t="s">
        <v>24979</v>
      </c>
      <c r="C15914">
        <v>0</v>
      </c>
      <c r="D15914">
        <v>0</v>
      </c>
    </row>
    <row r="15915" spans="1:4" x14ac:dyDescent="0.25">
      <c r="A15915" t="s">
        <v>24980</v>
      </c>
      <c r="B15915" t="s">
        <v>24981</v>
      </c>
      <c r="C15915">
        <v>2</v>
      </c>
      <c r="D15915">
        <v>0</v>
      </c>
    </row>
    <row r="15916" spans="1:4" x14ac:dyDescent="0.25">
      <c r="A15916" t="s">
        <v>24982</v>
      </c>
      <c r="B15916" t="s">
        <v>24983</v>
      </c>
      <c r="C15916">
        <v>1</v>
      </c>
      <c r="D15916">
        <v>0</v>
      </c>
    </row>
    <row r="15917" spans="1:4" x14ac:dyDescent="0.25">
      <c r="A15917" t="s">
        <v>24984</v>
      </c>
      <c r="B15917" t="s">
        <v>24985</v>
      </c>
      <c r="C15917">
        <v>1</v>
      </c>
      <c r="D15917">
        <v>0</v>
      </c>
    </row>
    <row r="15918" spans="1:4" x14ac:dyDescent="0.25">
      <c r="A15918" t="s">
        <v>24986</v>
      </c>
      <c r="B15918" t="s">
        <v>24987</v>
      </c>
      <c r="C15918">
        <v>1</v>
      </c>
      <c r="D15918">
        <v>0</v>
      </c>
    </row>
    <row r="15919" spans="1:4" x14ac:dyDescent="0.25">
      <c r="A15919" t="s">
        <v>24988</v>
      </c>
      <c r="B15919" t="s">
        <v>24989</v>
      </c>
      <c r="C15919">
        <v>2</v>
      </c>
      <c r="D15919">
        <v>0</v>
      </c>
    </row>
    <row r="15920" spans="1:4" x14ac:dyDescent="0.25">
      <c r="A15920" t="s">
        <v>24990</v>
      </c>
      <c r="B15920" t="s">
        <v>24991</v>
      </c>
      <c r="C15920">
        <v>1</v>
      </c>
      <c r="D15920">
        <v>0</v>
      </c>
    </row>
    <row r="15921" spans="1:4" x14ac:dyDescent="0.25">
      <c r="A15921" t="s">
        <v>24992</v>
      </c>
      <c r="B15921" t="s">
        <v>24993</v>
      </c>
      <c r="C15921">
        <v>2</v>
      </c>
      <c r="D15921">
        <v>0</v>
      </c>
    </row>
    <row r="15922" spans="1:4" x14ac:dyDescent="0.25">
      <c r="A15922" t="s">
        <v>24994</v>
      </c>
      <c r="B15922" t="s">
        <v>24995</v>
      </c>
      <c r="C15922">
        <v>1</v>
      </c>
      <c r="D15922">
        <v>0</v>
      </c>
    </row>
    <row r="15923" spans="1:4" x14ac:dyDescent="0.25">
      <c r="A15923" t="s">
        <v>24996</v>
      </c>
      <c r="B15923" t="s">
        <v>24997</v>
      </c>
      <c r="C15923">
        <v>1</v>
      </c>
      <c r="D15923">
        <v>0</v>
      </c>
    </row>
    <row r="15924" spans="1:4" x14ac:dyDescent="0.25">
      <c r="A15924" t="s">
        <v>24998</v>
      </c>
      <c r="B15924" t="s">
        <v>24999</v>
      </c>
      <c r="C15924">
        <v>1</v>
      </c>
      <c r="D15924">
        <v>0</v>
      </c>
    </row>
    <row r="15925" spans="1:4" x14ac:dyDescent="0.25">
      <c r="A15925" t="s">
        <v>25000</v>
      </c>
      <c r="B15925" t="s">
        <v>25001</v>
      </c>
      <c r="C15925">
        <v>1</v>
      </c>
      <c r="D15925">
        <v>0</v>
      </c>
    </row>
    <row r="15926" spans="1:4" x14ac:dyDescent="0.25">
      <c r="A15926" t="s">
        <v>25002</v>
      </c>
      <c r="B15926" t="s">
        <v>25003</v>
      </c>
      <c r="C15926">
        <v>1</v>
      </c>
      <c r="D15926">
        <v>0</v>
      </c>
    </row>
    <row r="15927" spans="1:4" x14ac:dyDescent="0.25">
      <c r="A15927" t="s">
        <v>25002</v>
      </c>
      <c r="B15927" t="s">
        <v>25004</v>
      </c>
      <c r="C15927">
        <v>0</v>
      </c>
      <c r="D15927">
        <v>0</v>
      </c>
    </row>
    <row r="15928" spans="1:4" x14ac:dyDescent="0.25">
      <c r="A15928" t="s">
        <v>25005</v>
      </c>
      <c r="B15928" t="s">
        <v>25006</v>
      </c>
      <c r="C15928">
        <v>0</v>
      </c>
      <c r="D15928">
        <v>0</v>
      </c>
    </row>
    <row r="15929" spans="1:4" x14ac:dyDescent="0.25">
      <c r="A15929" t="s">
        <v>25007</v>
      </c>
      <c r="B15929" t="s">
        <v>25008</v>
      </c>
      <c r="C15929">
        <v>1</v>
      </c>
      <c r="D15929">
        <v>0</v>
      </c>
    </row>
    <row r="15930" spans="1:4" x14ac:dyDescent="0.25">
      <c r="A15930" t="s">
        <v>25007</v>
      </c>
      <c r="B15930" t="s">
        <v>25009</v>
      </c>
      <c r="C15930">
        <v>2</v>
      </c>
      <c r="D15930">
        <v>0</v>
      </c>
    </row>
    <row r="15931" spans="1:4" x14ac:dyDescent="0.25">
      <c r="A15931" t="s">
        <v>25010</v>
      </c>
      <c r="B15931" t="s">
        <v>25011</v>
      </c>
      <c r="C15931">
        <v>1</v>
      </c>
      <c r="D15931">
        <v>0</v>
      </c>
    </row>
    <row r="15932" spans="1:4" x14ac:dyDescent="0.25">
      <c r="A15932" t="s">
        <v>25012</v>
      </c>
      <c r="B15932" t="s">
        <v>25013</v>
      </c>
      <c r="C15932">
        <v>1</v>
      </c>
      <c r="D15932">
        <v>0</v>
      </c>
    </row>
    <row r="15933" spans="1:4" x14ac:dyDescent="0.25">
      <c r="A15933" t="s">
        <v>25014</v>
      </c>
      <c r="B15933" t="s">
        <v>25015</v>
      </c>
      <c r="C15933">
        <v>2</v>
      </c>
      <c r="D15933">
        <v>0</v>
      </c>
    </row>
    <row r="15934" spans="1:4" x14ac:dyDescent="0.25">
      <c r="A15934" t="s">
        <v>25014</v>
      </c>
      <c r="B15934" t="s">
        <v>25016</v>
      </c>
      <c r="C15934">
        <v>2</v>
      </c>
      <c r="D15934">
        <v>0</v>
      </c>
    </row>
    <row r="15935" spans="1:4" x14ac:dyDescent="0.25">
      <c r="A15935" t="s">
        <v>25017</v>
      </c>
      <c r="B15935" t="s">
        <v>25018</v>
      </c>
      <c r="C15935">
        <v>1</v>
      </c>
      <c r="D15935">
        <v>0</v>
      </c>
    </row>
    <row r="15936" spans="1:4" x14ac:dyDescent="0.25">
      <c r="A15936" t="s">
        <v>25017</v>
      </c>
      <c r="B15936" t="s">
        <v>25019</v>
      </c>
      <c r="C15936">
        <v>0</v>
      </c>
      <c r="D15936">
        <v>0</v>
      </c>
    </row>
    <row r="15937" spans="1:4" x14ac:dyDescent="0.25">
      <c r="A15937" t="s">
        <v>25020</v>
      </c>
      <c r="B15937" t="s">
        <v>25021</v>
      </c>
      <c r="C15937">
        <v>0</v>
      </c>
      <c r="D15937">
        <v>0</v>
      </c>
    </row>
    <row r="15938" spans="1:4" x14ac:dyDescent="0.25">
      <c r="A15938" t="s">
        <v>25020</v>
      </c>
      <c r="B15938" t="s">
        <v>25022</v>
      </c>
      <c r="C15938">
        <v>2</v>
      </c>
      <c r="D15938">
        <v>0</v>
      </c>
    </row>
    <row r="15939" spans="1:4" x14ac:dyDescent="0.25">
      <c r="A15939" t="s">
        <v>25023</v>
      </c>
      <c r="B15939" t="s">
        <v>25024</v>
      </c>
      <c r="C15939">
        <v>1</v>
      </c>
      <c r="D15939">
        <v>0</v>
      </c>
    </row>
    <row r="15940" spans="1:4" x14ac:dyDescent="0.25">
      <c r="A15940" t="s">
        <v>25025</v>
      </c>
      <c r="B15940" t="s">
        <v>25026</v>
      </c>
      <c r="C15940">
        <v>1</v>
      </c>
      <c r="D15940">
        <v>0</v>
      </c>
    </row>
    <row r="15941" spans="1:4" x14ac:dyDescent="0.25">
      <c r="A15941" t="s">
        <v>25027</v>
      </c>
      <c r="B15941" t="s">
        <v>25028</v>
      </c>
      <c r="C15941">
        <v>1</v>
      </c>
      <c r="D15941">
        <v>0</v>
      </c>
    </row>
    <row r="15942" spans="1:4" x14ac:dyDescent="0.25">
      <c r="A15942" t="s">
        <v>25029</v>
      </c>
      <c r="B15942" t="s">
        <v>25030</v>
      </c>
      <c r="C15942">
        <v>1</v>
      </c>
      <c r="D15942">
        <v>0</v>
      </c>
    </row>
    <row r="15943" spans="1:4" x14ac:dyDescent="0.25">
      <c r="A15943" t="s">
        <v>25031</v>
      </c>
      <c r="B15943" t="s">
        <v>25032</v>
      </c>
      <c r="C15943">
        <v>1</v>
      </c>
      <c r="D15943">
        <v>0</v>
      </c>
    </row>
    <row r="15944" spans="1:4" x14ac:dyDescent="0.25">
      <c r="A15944" t="s">
        <v>25033</v>
      </c>
      <c r="B15944" t="s">
        <v>25034</v>
      </c>
      <c r="C15944">
        <v>1</v>
      </c>
      <c r="D15944">
        <v>0</v>
      </c>
    </row>
    <row r="15945" spans="1:4" x14ac:dyDescent="0.25">
      <c r="A15945" t="s">
        <v>25035</v>
      </c>
      <c r="B15945" t="s">
        <v>25036</v>
      </c>
      <c r="C15945">
        <v>1</v>
      </c>
      <c r="D15945">
        <v>0</v>
      </c>
    </row>
    <row r="15946" spans="1:4" x14ac:dyDescent="0.25">
      <c r="A15946" t="s">
        <v>25035</v>
      </c>
      <c r="B15946" t="s">
        <v>25037</v>
      </c>
      <c r="C15946">
        <v>0</v>
      </c>
      <c r="D15946">
        <v>0</v>
      </c>
    </row>
    <row r="15947" spans="1:4" x14ac:dyDescent="0.25">
      <c r="A15947" t="s">
        <v>25035</v>
      </c>
      <c r="B15947" t="s">
        <v>25038</v>
      </c>
      <c r="C15947">
        <v>2</v>
      </c>
      <c r="D15947">
        <v>0</v>
      </c>
    </row>
    <row r="15948" spans="1:4" x14ac:dyDescent="0.25">
      <c r="A15948" t="s">
        <v>25039</v>
      </c>
      <c r="B15948" t="s">
        <v>25040</v>
      </c>
      <c r="C15948">
        <v>1</v>
      </c>
      <c r="D15948">
        <v>0</v>
      </c>
    </row>
    <row r="15949" spans="1:4" x14ac:dyDescent="0.25">
      <c r="A15949" t="s">
        <v>25041</v>
      </c>
      <c r="B15949" t="s">
        <v>25042</v>
      </c>
      <c r="C15949">
        <v>0</v>
      </c>
      <c r="D15949">
        <v>0</v>
      </c>
    </row>
    <row r="15950" spans="1:4" x14ac:dyDescent="0.25">
      <c r="A15950" t="s">
        <v>25043</v>
      </c>
      <c r="B15950" t="s">
        <v>25044</v>
      </c>
      <c r="C15950">
        <v>1</v>
      </c>
      <c r="D15950">
        <v>0</v>
      </c>
    </row>
    <row r="15951" spans="1:4" x14ac:dyDescent="0.25">
      <c r="A15951" t="s">
        <v>25045</v>
      </c>
      <c r="B15951" t="s">
        <v>25046</v>
      </c>
      <c r="C15951">
        <v>2</v>
      </c>
      <c r="D15951">
        <v>0</v>
      </c>
    </row>
    <row r="15952" spans="1:4" x14ac:dyDescent="0.25">
      <c r="A15952" t="s">
        <v>25047</v>
      </c>
      <c r="B15952" t="s">
        <v>25048</v>
      </c>
      <c r="C15952">
        <v>2</v>
      </c>
      <c r="D15952">
        <v>0</v>
      </c>
    </row>
    <row r="15953" spans="1:4" x14ac:dyDescent="0.25">
      <c r="A15953" t="s">
        <v>25049</v>
      </c>
      <c r="B15953" t="s">
        <v>25050</v>
      </c>
      <c r="C15953">
        <v>1</v>
      </c>
      <c r="D15953">
        <v>0</v>
      </c>
    </row>
    <row r="15954" spans="1:4" x14ac:dyDescent="0.25">
      <c r="A15954" t="s">
        <v>25051</v>
      </c>
      <c r="B15954" t="s">
        <v>25052</v>
      </c>
      <c r="C15954">
        <v>1</v>
      </c>
      <c r="D15954">
        <v>0</v>
      </c>
    </row>
    <row r="15955" spans="1:4" x14ac:dyDescent="0.25">
      <c r="A15955" t="s">
        <v>25051</v>
      </c>
      <c r="B15955" t="s">
        <v>25053</v>
      </c>
      <c r="C15955">
        <v>1</v>
      </c>
      <c r="D15955">
        <v>0</v>
      </c>
    </row>
    <row r="15956" spans="1:4" x14ac:dyDescent="0.25">
      <c r="A15956" t="s">
        <v>25054</v>
      </c>
      <c r="B15956" t="s">
        <v>25055</v>
      </c>
      <c r="C15956">
        <v>1</v>
      </c>
      <c r="D15956">
        <v>0</v>
      </c>
    </row>
    <row r="15957" spans="1:4" x14ac:dyDescent="0.25">
      <c r="A15957" t="s">
        <v>25056</v>
      </c>
      <c r="B15957" t="s">
        <v>25057</v>
      </c>
      <c r="C15957">
        <v>0</v>
      </c>
      <c r="D15957">
        <v>0</v>
      </c>
    </row>
    <row r="15958" spans="1:4" x14ac:dyDescent="0.25">
      <c r="A15958" t="s">
        <v>25056</v>
      </c>
      <c r="B15958" t="s">
        <v>25058</v>
      </c>
      <c r="C15958">
        <v>2</v>
      </c>
      <c r="D15958">
        <v>0</v>
      </c>
    </row>
    <row r="15959" spans="1:4" x14ac:dyDescent="0.25">
      <c r="A15959" t="s">
        <v>25059</v>
      </c>
      <c r="B15959" t="s">
        <v>25060</v>
      </c>
      <c r="C15959">
        <v>1</v>
      </c>
      <c r="D15959">
        <v>0</v>
      </c>
    </row>
    <row r="15960" spans="1:4" x14ac:dyDescent="0.25">
      <c r="A15960" t="s">
        <v>25061</v>
      </c>
      <c r="B15960" t="s">
        <v>25062</v>
      </c>
      <c r="C15960">
        <v>1</v>
      </c>
      <c r="D15960">
        <v>0</v>
      </c>
    </row>
    <row r="15961" spans="1:4" x14ac:dyDescent="0.25">
      <c r="A15961" t="s">
        <v>25063</v>
      </c>
      <c r="B15961" t="s">
        <v>25064</v>
      </c>
      <c r="C15961">
        <v>1</v>
      </c>
      <c r="D15961">
        <v>0</v>
      </c>
    </row>
    <row r="15962" spans="1:4" x14ac:dyDescent="0.25">
      <c r="A15962" t="s">
        <v>25063</v>
      </c>
      <c r="B15962" t="s">
        <v>25065</v>
      </c>
      <c r="C15962">
        <v>0</v>
      </c>
      <c r="D15962">
        <v>0</v>
      </c>
    </row>
    <row r="15963" spans="1:4" x14ac:dyDescent="0.25">
      <c r="A15963" t="s">
        <v>25063</v>
      </c>
      <c r="B15963" t="s">
        <v>25064</v>
      </c>
      <c r="C15963">
        <v>2</v>
      </c>
      <c r="D15963">
        <v>0</v>
      </c>
    </row>
    <row r="15964" spans="1:4" x14ac:dyDescent="0.25">
      <c r="A15964" t="s">
        <v>25066</v>
      </c>
      <c r="B15964" t="s">
        <v>25067</v>
      </c>
      <c r="C15964">
        <v>1</v>
      </c>
      <c r="D15964">
        <v>0</v>
      </c>
    </row>
    <row r="15965" spans="1:4" x14ac:dyDescent="0.25">
      <c r="A15965" t="s">
        <v>25068</v>
      </c>
      <c r="B15965" t="s">
        <v>25069</v>
      </c>
      <c r="C15965">
        <v>1</v>
      </c>
      <c r="D15965">
        <v>0</v>
      </c>
    </row>
    <row r="15966" spans="1:4" x14ac:dyDescent="0.25">
      <c r="A15966" t="s">
        <v>25068</v>
      </c>
      <c r="B15966" t="s">
        <v>25070</v>
      </c>
      <c r="C15966">
        <v>0</v>
      </c>
      <c r="D15966">
        <v>0</v>
      </c>
    </row>
    <row r="15967" spans="1:4" x14ac:dyDescent="0.25">
      <c r="A15967" t="s">
        <v>25071</v>
      </c>
      <c r="B15967" t="s">
        <v>25072</v>
      </c>
      <c r="C15967">
        <v>1</v>
      </c>
      <c r="D15967">
        <v>0</v>
      </c>
    </row>
    <row r="15968" spans="1:4" x14ac:dyDescent="0.25">
      <c r="A15968" t="s">
        <v>25073</v>
      </c>
      <c r="B15968" t="s">
        <v>25074</v>
      </c>
      <c r="C15968">
        <v>1</v>
      </c>
      <c r="D15968">
        <v>0</v>
      </c>
    </row>
    <row r="15969" spans="1:4" x14ac:dyDescent="0.25">
      <c r="A15969" t="s">
        <v>25075</v>
      </c>
      <c r="B15969" t="s">
        <v>25076</v>
      </c>
      <c r="C15969">
        <v>1</v>
      </c>
      <c r="D15969">
        <v>0</v>
      </c>
    </row>
    <row r="15970" spans="1:4" x14ac:dyDescent="0.25">
      <c r="A15970" t="s">
        <v>25077</v>
      </c>
      <c r="B15970" t="s">
        <v>25078</v>
      </c>
      <c r="C15970">
        <v>2</v>
      </c>
      <c r="D15970">
        <v>0</v>
      </c>
    </row>
    <row r="15971" spans="1:4" x14ac:dyDescent="0.25">
      <c r="A15971" t="s">
        <v>25079</v>
      </c>
      <c r="B15971" t="s">
        <v>25080</v>
      </c>
      <c r="C15971">
        <v>1</v>
      </c>
      <c r="D15971">
        <v>0</v>
      </c>
    </row>
    <row r="15972" spans="1:4" x14ac:dyDescent="0.25">
      <c r="A15972" t="s">
        <v>25079</v>
      </c>
      <c r="B15972" t="s">
        <v>25081</v>
      </c>
      <c r="C15972">
        <v>0</v>
      </c>
      <c r="D15972">
        <v>0</v>
      </c>
    </row>
    <row r="15973" spans="1:4" x14ac:dyDescent="0.25">
      <c r="A15973" t="s">
        <v>25082</v>
      </c>
      <c r="B15973" t="s">
        <v>25083</v>
      </c>
      <c r="C15973">
        <v>1</v>
      </c>
      <c r="D15973">
        <v>0</v>
      </c>
    </row>
    <row r="15974" spans="1:4" x14ac:dyDescent="0.25">
      <c r="A15974" t="s">
        <v>25082</v>
      </c>
      <c r="B15974" t="s">
        <v>25084</v>
      </c>
      <c r="C15974">
        <v>0</v>
      </c>
      <c r="D15974">
        <v>0</v>
      </c>
    </row>
    <row r="15975" spans="1:4" x14ac:dyDescent="0.25">
      <c r="A15975" t="s">
        <v>25082</v>
      </c>
      <c r="B15975" t="s">
        <v>25085</v>
      </c>
      <c r="C15975">
        <v>2</v>
      </c>
      <c r="D15975">
        <v>0</v>
      </c>
    </row>
    <row r="15976" spans="1:4" x14ac:dyDescent="0.25">
      <c r="A15976" t="s">
        <v>25086</v>
      </c>
      <c r="B15976" t="s">
        <v>25087</v>
      </c>
      <c r="C15976">
        <v>1</v>
      </c>
      <c r="D15976">
        <v>0</v>
      </c>
    </row>
    <row r="15977" spans="1:4" x14ac:dyDescent="0.25">
      <c r="A15977" t="s">
        <v>25088</v>
      </c>
      <c r="B15977" t="s">
        <v>25089</v>
      </c>
      <c r="C15977">
        <v>2</v>
      </c>
      <c r="D15977">
        <v>0</v>
      </c>
    </row>
    <row r="15978" spans="1:4" x14ac:dyDescent="0.25">
      <c r="A15978" t="s">
        <v>25090</v>
      </c>
      <c r="B15978" t="s">
        <v>25091</v>
      </c>
      <c r="C15978">
        <v>1</v>
      </c>
      <c r="D15978">
        <v>0</v>
      </c>
    </row>
    <row r="15979" spans="1:4" x14ac:dyDescent="0.25">
      <c r="A15979" t="s">
        <v>25092</v>
      </c>
      <c r="B15979" t="s">
        <v>25093</v>
      </c>
      <c r="C15979">
        <v>1</v>
      </c>
      <c r="D15979">
        <v>0</v>
      </c>
    </row>
    <row r="15980" spans="1:4" x14ac:dyDescent="0.25">
      <c r="A15980" t="s">
        <v>25094</v>
      </c>
      <c r="B15980" t="s">
        <v>25095</v>
      </c>
      <c r="C15980">
        <v>1</v>
      </c>
      <c r="D15980">
        <v>0</v>
      </c>
    </row>
    <row r="15981" spans="1:4" x14ac:dyDescent="0.25">
      <c r="A15981" t="s">
        <v>25094</v>
      </c>
      <c r="B15981" t="s">
        <v>25096</v>
      </c>
      <c r="C15981">
        <v>1</v>
      </c>
      <c r="D15981">
        <v>0</v>
      </c>
    </row>
    <row r="15982" spans="1:4" x14ac:dyDescent="0.25">
      <c r="A15982" t="s">
        <v>25097</v>
      </c>
      <c r="B15982" t="s">
        <v>25098</v>
      </c>
      <c r="C15982">
        <v>1</v>
      </c>
      <c r="D15982">
        <v>0</v>
      </c>
    </row>
    <row r="15983" spans="1:4" x14ac:dyDescent="0.25">
      <c r="A15983" t="s">
        <v>25097</v>
      </c>
      <c r="B15983" t="s">
        <v>25099</v>
      </c>
      <c r="C15983">
        <v>0</v>
      </c>
      <c r="D15983">
        <v>0</v>
      </c>
    </row>
    <row r="15984" spans="1:4" x14ac:dyDescent="0.25">
      <c r="A15984" t="s">
        <v>25097</v>
      </c>
      <c r="B15984" t="s">
        <v>25100</v>
      </c>
      <c r="C15984">
        <v>2</v>
      </c>
      <c r="D15984">
        <v>0</v>
      </c>
    </row>
    <row r="15985" spans="1:4" x14ac:dyDescent="0.25">
      <c r="A15985" t="s">
        <v>25101</v>
      </c>
      <c r="B15985" t="s">
        <v>25102</v>
      </c>
      <c r="C15985">
        <v>1</v>
      </c>
      <c r="D15985">
        <v>0</v>
      </c>
    </row>
    <row r="15986" spans="1:4" x14ac:dyDescent="0.25">
      <c r="A15986" t="s">
        <v>25103</v>
      </c>
      <c r="B15986" t="s">
        <v>25104</v>
      </c>
      <c r="C15986">
        <v>2</v>
      </c>
      <c r="D15986">
        <v>0</v>
      </c>
    </row>
    <row r="15987" spans="1:4" x14ac:dyDescent="0.25">
      <c r="A15987" t="s">
        <v>25105</v>
      </c>
      <c r="B15987" t="s">
        <v>25106</v>
      </c>
      <c r="C15987">
        <v>1</v>
      </c>
      <c r="D15987">
        <v>0</v>
      </c>
    </row>
    <row r="15988" spans="1:4" x14ac:dyDescent="0.25">
      <c r="A15988" t="s">
        <v>25105</v>
      </c>
      <c r="B15988" t="s">
        <v>25107</v>
      </c>
      <c r="C15988">
        <v>1</v>
      </c>
      <c r="D15988">
        <v>0</v>
      </c>
    </row>
    <row r="15989" spans="1:4" x14ac:dyDescent="0.25">
      <c r="A15989" t="s">
        <v>25105</v>
      </c>
      <c r="B15989" t="s">
        <v>25108</v>
      </c>
      <c r="C15989">
        <v>1</v>
      </c>
      <c r="D15989">
        <v>0</v>
      </c>
    </row>
    <row r="15990" spans="1:4" x14ac:dyDescent="0.25">
      <c r="A15990" t="s">
        <v>25105</v>
      </c>
      <c r="B15990" t="s">
        <v>25109</v>
      </c>
      <c r="C15990">
        <v>0</v>
      </c>
      <c r="D15990">
        <v>0</v>
      </c>
    </row>
    <row r="15991" spans="1:4" x14ac:dyDescent="0.25">
      <c r="A15991" t="s">
        <v>25110</v>
      </c>
      <c r="B15991" t="s">
        <v>25111</v>
      </c>
      <c r="C15991">
        <v>1</v>
      </c>
      <c r="D15991">
        <v>0</v>
      </c>
    </row>
    <row r="15992" spans="1:4" x14ac:dyDescent="0.25">
      <c r="A15992" t="s">
        <v>25112</v>
      </c>
      <c r="B15992" t="s">
        <v>25113</v>
      </c>
      <c r="C15992">
        <v>1</v>
      </c>
      <c r="D15992">
        <v>0</v>
      </c>
    </row>
    <row r="15993" spans="1:4" x14ac:dyDescent="0.25">
      <c r="A15993" t="s">
        <v>25114</v>
      </c>
      <c r="B15993" t="s">
        <v>25115</v>
      </c>
      <c r="C15993">
        <v>1</v>
      </c>
      <c r="D15993">
        <v>0</v>
      </c>
    </row>
    <row r="15994" spans="1:4" x14ac:dyDescent="0.25">
      <c r="A15994" t="s">
        <v>25114</v>
      </c>
      <c r="B15994" t="s">
        <v>25116</v>
      </c>
      <c r="C15994">
        <v>0</v>
      </c>
      <c r="D15994">
        <v>0</v>
      </c>
    </row>
    <row r="15995" spans="1:4" x14ac:dyDescent="0.25">
      <c r="A15995" t="s">
        <v>25117</v>
      </c>
      <c r="B15995" t="s">
        <v>25118</v>
      </c>
      <c r="C15995">
        <v>1</v>
      </c>
      <c r="D15995">
        <v>0</v>
      </c>
    </row>
    <row r="15996" spans="1:4" x14ac:dyDescent="0.25">
      <c r="A15996" t="s">
        <v>25119</v>
      </c>
      <c r="B15996" t="s">
        <v>25120</v>
      </c>
      <c r="C15996">
        <v>1</v>
      </c>
      <c r="D15996">
        <v>0</v>
      </c>
    </row>
    <row r="15997" spans="1:4" x14ac:dyDescent="0.25">
      <c r="A15997" t="s">
        <v>25121</v>
      </c>
      <c r="B15997" t="s">
        <v>25122</v>
      </c>
      <c r="C15997">
        <v>1</v>
      </c>
      <c r="D15997">
        <v>0</v>
      </c>
    </row>
    <row r="15998" spans="1:4" x14ac:dyDescent="0.25">
      <c r="A15998" t="s">
        <v>25123</v>
      </c>
      <c r="B15998" t="s">
        <v>25124</v>
      </c>
      <c r="C15998">
        <v>1</v>
      </c>
      <c r="D15998">
        <v>0</v>
      </c>
    </row>
    <row r="15999" spans="1:4" x14ac:dyDescent="0.25">
      <c r="A15999" t="s">
        <v>25123</v>
      </c>
      <c r="B15999" t="s">
        <v>25125</v>
      </c>
      <c r="C15999">
        <v>1</v>
      </c>
      <c r="D15999">
        <v>0</v>
      </c>
    </row>
    <row r="16000" spans="1:4" x14ac:dyDescent="0.25">
      <c r="A16000" t="s">
        <v>25123</v>
      </c>
      <c r="B16000" t="s">
        <v>25126</v>
      </c>
      <c r="C16000">
        <v>0</v>
      </c>
      <c r="D16000">
        <v>0</v>
      </c>
    </row>
    <row r="16001" spans="1:4" x14ac:dyDescent="0.25">
      <c r="A16001" t="s">
        <v>25127</v>
      </c>
      <c r="B16001" t="s">
        <v>25128</v>
      </c>
      <c r="C16001">
        <v>1</v>
      </c>
      <c r="D16001">
        <v>0</v>
      </c>
    </row>
    <row r="16002" spans="1:4" x14ac:dyDescent="0.25">
      <c r="A16002" t="s">
        <v>25129</v>
      </c>
      <c r="B16002" t="s">
        <v>25130</v>
      </c>
      <c r="C16002">
        <v>0</v>
      </c>
      <c r="D16002">
        <v>0</v>
      </c>
    </row>
    <row r="16003" spans="1:4" x14ac:dyDescent="0.25">
      <c r="A16003" t="s">
        <v>25131</v>
      </c>
      <c r="B16003" t="s">
        <v>25132</v>
      </c>
      <c r="C16003">
        <v>1</v>
      </c>
      <c r="D16003">
        <v>0</v>
      </c>
    </row>
    <row r="16004" spans="1:4" x14ac:dyDescent="0.25">
      <c r="A16004" t="s">
        <v>25131</v>
      </c>
      <c r="B16004" t="s">
        <v>25133</v>
      </c>
      <c r="C16004">
        <v>1</v>
      </c>
      <c r="D16004">
        <v>0</v>
      </c>
    </row>
    <row r="16005" spans="1:4" x14ac:dyDescent="0.25">
      <c r="A16005" t="s">
        <v>25134</v>
      </c>
      <c r="B16005" t="s">
        <v>25135</v>
      </c>
      <c r="C16005">
        <v>0</v>
      </c>
      <c r="D16005">
        <v>0</v>
      </c>
    </row>
    <row r="16006" spans="1:4" x14ac:dyDescent="0.25">
      <c r="A16006" t="s">
        <v>25136</v>
      </c>
      <c r="B16006" t="s">
        <v>25137</v>
      </c>
      <c r="C16006">
        <v>1</v>
      </c>
      <c r="D16006">
        <v>0</v>
      </c>
    </row>
    <row r="16007" spans="1:4" x14ac:dyDescent="0.25">
      <c r="A16007" t="s">
        <v>25136</v>
      </c>
      <c r="B16007" t="s">
        <v>25138</v>
      </c>
      <c r="C16007">
        <v>0</v>
      </c>
      <c r="D16007">
        <v>0</v>
      </c>
    </row>
    <row r="16008" spans="1:4" x14ac:dyDescent="0.25">
      <c r="A16008" t="s">
        <v>25139</v>
      </c>
      <c r="B16008" t="s">
        <v>25140</v>
      </c>
      <c r="C16008">
        <v>1</v>
      </c>
      <c r="D16008">
        <v>0</v>
      </c>
    </row>
    <row r="16009" spans="1:4" x14ac:dyDescent="0.25">
      <c r="A16009" t="s">
        <v>25141</v>
      </c>
      <c r="B16009" t="s">
        <v>25142</v>
      </c>
      <c r="C16009">
        <v>2</v>
      </c>
      <c r="D16009">
        <v>0</v>
      </c>
    </row>
    <row r="16010" spans="1:4" x14ac:dyDescent="0.25">
      <c r="A16010" t="s">
        <v>25143</v>
      </c>
      <c r="B16010" t="s">
        <v>25144</v>
      </c>
      <c r="C16010">
        <v>1</v>
      </c>
      <c r="D16010">
        <v>0</v>
      </c>
    </row>
    <row r="16011" spans="1:4" x14ac:dyDescent="0.25">
      <c r="A16011" t="s">
        <v>25145</v>
      </c>
      <c r="B16011" t="s">
        <v>5713</v>
      </c>
      <c r="C16011">
        <v>1</v>
      </c>
      <c r="D16011">
        <v>0</v>
      </c>
    </row>
    <row r="16012" spans="1:4" x14ac:dyDescent="0.25">
      <c r="A16012" t="s">
        <v>25146</v>
      </c>
      <c r="B16012" t="s">
        <v>25147</v>
      </c>
      <c r="C16012">
        <v>2</v>
      </c>
      <c r="D16012">
        <v>0</v>
      </c>
    </row>
    <row r="16013" spans="1:4" x14ac:dyDescent="0.25">
      <c r="A16013" t="s">
        <v>25148</v>
      </c>
      <c r="B16013" t="s">
        <v>25149</v>
      </c>
      <c r="C16013">
        <v>1</v>
      </c>
      <c r="D16013">
        <v>0</v>
      </c>
    </row>
    <row r="16014" spans="1:4" x14ac:dyDescent="0.25">
      <c r="A16014" t="s">
        <v>25150</v>
      </c>
      <c r="B16014" t="s">
        <v>25151</v>
      </c>
      <c r="C16014">
        <v>1</v>
      </c>
      <c r="D16014">
        <v>0</v>
      </c>
    </row>
    <row r="16015" spans="1:4" x14ac:dyDescent="0.25">
      <c r="A16015" t="s">
        <v>25152</v>
      </c>
      <c r="B16015" t="s">
        <v>25153</v>
      </c>
      <c r="C16015">
        <v>1</v>
      </c>
      <c r="D16015">
        <v>0</v>
      </c>
    </row>
    <row r="16016" spans="1:4" x14ac:dyDescent="0.25">
      <c r="A16016" t="s">
        <v>25154</v>
      </c>
      <c r="B16016" t="s">
        <v>25155</v>
      </c>
      <c r="C16016">
        <v>0</v>
      </c>
      <c r="D16016">
        <v>0</v>
      </c>
    </row>
    <row r="16017" spans="1:4" x14ac:dyDescent="0.25">
      <c r="A16017" t="s">
        <v>25156</v>
      </c>
      <c r="B16017" t="s">
        <v>25157</v>
      </c>
      <c r="C16017">
        <v>1</v>
      </c>
      <c r="D16017">
        <v>0</v>
      </c>
    </row>
    <row r="16018" spans="1:4" x14ac:dyDescent="0.25">
      <c r="A16018" t="s">
        <v>25156</v>
      </c>
      <c r="B16018" t="s">
        <v>25158</v>
      </c>
      <c r="C16018">
        <v>0</v>
      </c>
      <c r="D16018">
        <v>0</v>
      </c>
    </row>
    <row r="16019" spans="1:4" x14ac:dyDescent="0.25">
      <c r="A16019" t="s">
        <v>25159</v>
      </c>
      <c r="B16019" t="s">
        <v>25160</v>
      </c>
      <c r="C16019">
        <v>1</v>
      </c>
      <c r="D16019">
        <v>0</v>
      </c>
    </row>
    <row r="16020" spans="1:4" x14ac:dyDescent="0.25">
      <c r="A16020" t="s">
        <v>25159</v>
      </c>
      <c r="B16020" t="s">
        <v>25161</v>
      </c>
      <c r="C16020">
        <v>1</v>
      </c>
      <c r="D16020">
        <v>0</v>
      </c>
    </row>
    <row r="16021" spans="1:4" x14ac:dyDescent="0.25">
      <c r="A16021" t="s">
        <v>25162</v>
      </c>
      <c r="B16021" t="s">
        <v>25163</v>
      </c>
      <c r="C16021">
        <v>1</v>
      </c>
      <c r="D16021">
        <v>0</v>
      </c>
    </row>
    <row r="16022" spans="1:4" x14ac:dyDescent="0.25">
      <c r="A16022" t="s">
        <v>25164</v>
      </c>
      <c r="B16022" t="s">
        <v>25165</v>
      </c>
      <c r="C16022">
        <v>2</v>
      </c>
      <c r="D16022">
        <v>0</v>
      </c>
    </row>
    <row r="16023" spans="1:4" x14ac:dyDescent="0.25">
      <c r="A16023" t="s">
        <v>25166</v>
      </c>
      <c r="B16023" t="s">
        <v>25167</v>
      </c>
      <c r="C16023">
        <v>1</v>
      </c>
      <c r="D16023">
        <v>0</v>
      </c>
    </row>
    <row r="16024" spans="1:4" x14ac:dyDescent="0.25">
      <c r="A16024" t="s">
        <v>25168</v>
      </c>
      <c r="B16024" t="s">
        <v>25169</v>
      </c>
      <c r="C16024">
        <v>1</v>
      </c>
      <c r="D16024">
        <v>0</v>
      </c>
    </row>
    <row r="16025" spans="1:4" x14ac:dyDescent="0.25">
      <c r="A16025" t="s">
        <v>25170</v>
      </c>
      <c r="B16025" t="s">
        <v>25171</v>
      </c>
      <c r="C16025">
        <v>1</v>
      </c>
      <c r="D16025">
        <v>0</v>
      </c>
    </row>
    <row r="16026" spans="1:4" x14ac:dyDescent="0.25">
      <c r="A16026" t="s">
        <v>25172</v>
      </c>
      <c r="B16026" t="s">
        <v>25173</v>
      </c>
      <c r="C16026">
        <v>2</v>
      </c>
      <c r="D16026">
        <v>0</v>
      </c>
    </row>
    <row r="16027" spans="1:4" x14ac:dyDescent="0.25">
      <c r="A16027" t="s">
        <v>25174</v>
      </c>
      <c r="B16027" t="s">
        <v>25175</v>
      </c>
      <c r="C16027">
        <v>1</v>
      </c>
      <c r="D16027">
        <v>0</v>
      </c>
    </row>
    <row r="16028" spans="1:4" x14ac:dyDescent="0.25">
      <c r="A16028" t="s">
        <v>25176</v>
      </c>
      <c r="B16028" t="s">
        <v>25177</v>
      </c>
      <c r="C16028">
        <v>1</v>
      </c>
      <c r="D16028">
        <v>0</v>
      </c>
    </row>
    <row r="16029" spans="1:4" x14ac:dyDescent="0.25">
      <c r="A16029" t="s">
        <v>25178</v>
      </c>
      <c r="B16029" t="s">
        <v>25179</v>
      </c>
      <c r="C16029">
        <v>1</v>
      </c>
      <c r="D16029">
        <v>0</v>
      </c>
    </row>
    <row r="16030" spans="1:4" x14ac:dyDescent="0.25">
      <c r="A16030" t="s">
        <v>25180</v>
      </c>
      <c r="B16030" t="s">
        <v>25181</v>
      </c>
      <c r="C16030">
        <v>1</v>
      </c>
      <c r="D16030">
        <v>0</v>
      </c>
    </row>
    <row r="16031" spans="1:4" x14ac:dyDescent="0.25">
      <c r="A16031" t="s">
        <v>25182</v>
      </c>
      <c r="B16031" t="s">
        <v>25183</v>
      </c>
      <c r="C16031">
        <v>0</v>
      </c>
      <c r="D16031">
        <v>0</v>
      </c>
    </row>
    <row r="16032" spans="1:4" x14ac:dyDescent="0.25">
      <c r="A16032" t="s">
        <v>25184</v>
      </c>
      <c r="B16032" t="s">
        <v>25185</v>
      </c>
      <c r="C16032">
        <v>1</v>
      </c>
      <c r="D16032">
        <v>0</v>
      </c>
    </row>
    <row r="16033" spans="1:4" x14ac:dyDescent="0.25">
      <c r="A16033" t="s">
        <v>25184</v>
      </c>
      <c r="B16033" t="s">
        <v>25186</v>
      </c>
      <c r="C16033">
        <v>1</v>
      </c>
      <c r="D16033">
        <v>0</v>
      </c>
    </row>
    <row r="16034" spans="1:4" x14ac:dyDescent="0.25">
      <c r="A16034" t="s">
        <v>25187</v>
      </c>
      <c r="B16034" t="s">
        <v>25188</v>
      </c>
      <c r="C16034">
        <v>1</v>
      </c>
      <c r="D16034">
        <v>0</v>
      </c>
    </row>
    <row r="16035" spans="1:4" x14ac:dyDescent="0.25">
      <c r="A16035" t="s">
        <v>25189</v>
      </c>
      <c r="B16035" t="s">
        <v>25190</v>
      </c>
      <c r="C16035">
        <v>1</v>
      </c>
      <c r="D16035">
        <v>0</v>
      </c>
    </row>
    <row r="16036" spans="1:4" x14ac:dyDescent="0.25">
      <c r="A16036" t="s">
        <v>25189</v>
      </c>
      <c r="B16036" t="s">
        <v>25191</v>
      </c>
      <c r="C16036">
        <v>1</v>
      </c>
      <c r="D16036">
        <v>0</v>
      </c>
    </row>
    <row r="16037" spans="1:4" x14ac:dyDescent="0.25">
      <c r="A16037" t="s">
        <v>25192</v>
      </c>
      <c r="B16037" t="s">
        <v>25193</v>
      </c>
      <c r="C16037">
        <v>2</v>
      </c>
      <c r="D16037">
        <v>0</v>
      </c>
    </row>
    <row r="16038" spans="1:4" x14ac:dyDescent="0.25">
      <c r="A16038" t="s">
        <v>25194</v>
      </c>
      <c r="B16038" t="s">
        <v>25195</v>
      </c>
      <c r="C16038">
        <v>2</v>
      </c>
      <c r="D16038">
        <v>0</v>
      </c>
    </row>
    <row r="16039" spans="1:4" x14ac:dyDescent="0.25">
      <c r="A16039" t="s">
        <v>25196</v>
      </c>
      <c r="B16039" t="s">
        <v>25197</v>
      </c>
      <c r="C16039">
        <v>2</v>
      </c>
      <c r="D16039">
        <v>0</v>
      </c>
    </row>
    <row r="16040" spans="1:4" x14ac:dyDescent="0.25">
      <c r="A16040" t="s">
        <v>25198</v>
      </c>
      <c r="B16040" t="s">
        <v>25199</v>
      </c>
      <c r="C16040">
        <v>1</v>
      </c>
      <c r="D16040">
        <v>0</v>
      </c>
    </row>
    <row r="16041" spans="1:4" x14ac:dyDescent="0.25">
      <c r="A16041" t="s">
        <v>25200</v>
      </c>
      <c r="B16041" t="s">
        <v>25201</v>
      </c>
      <c r="C16041">
        <v>0</v>
      </c>
      <c r="D16041">
        <v>0</v>
      </c>
    </row>
    <row r="16042" spans="1:4" x14ac:dyDescent="0.25">
      <c r="A16042" t="s">
        <v>25202</v>
      </c>
      <c r="B16042" t="s">
        <v>25203</v>
      </c>
      <c r="C16042">
        <v>0</v>
      </c>
      <c r="D16042">
        <v>0</v>
      </c>
    </row>
    <row r="16043" spans="1:4" x14ac:dyDescent="0.25">
      <c r="A16043" t="s">
        <v>25204</v>
      </c>
      <c r="B16043" t="s">
        <v>25205</v>
      </c>
      <c r="C16043">
        <v>1</v>
      </c>
      <c r="D16043">
        <v>0</v>
      </c>
    </row>
    <row r="16044" spans="1:4" x14ac:dyDescent="0.25">
      <c r="A16044" t="s">
        <v>25206</v>
      </c>
      <c r="B16044" t="s">
        <v>25207</v>
      </c>
      <c r="C16044">
        <v>2</v>
      </c>
      <c r="D16044">
        <v>0</v>
      </c>
    </row>
    <row r="16045" spans="1:4" x14ac:dyDescent="0.25">
      <c r="A16045" t="s">
        <v>25208</v>
      </c>
      <c r="B16045" t="s">
        <v>25209</v>
      </c>
      <c r="C16045">
        <v>1</v>
      </c>
      <c r="D16045">
        <v>0</v>
      </c>
    </row>
    <row r="16046" spans="1:4" x14ac:dyDescent="0.25">
      <c r="A16046" t="s">
        <v>25210</v>
      </c>
      <c r="B16046" t="s">
        <v>25211</v>
      </c>
      <c r="C16046">
        <v>0</v>
      </c>
      <c r="D16046">
        <v>0</v>
      </c>
    </row>
    <row r="16047" spans="1:4" x14ac:dyDescent="0.25">
      <c r="A16047" t="s">
        <v>25212</v>
      </c>
      <c r="B16047" t="s">
        <v>25213</v>
      </c>
      <c r="C16047">
        <v>1</v>
      </c>
      <c r="D16047">
        <v>0</v>
      </c>
    </row>
    <row r="16048" spans="1:4" x14ac:dyDescent="0.25">
      <c r="A16048" t="s">
        <v>25214</v>
      </c>
      <c r="B16048" t="s">
        <v>25215</v>
      </c>
      <c r="C16048">
        <v>2</v>
      </c>
      <c r="D16048">
        <v>0</v>
      </c>
    </row>
    <row r="16049" spans="1:4" x14ac:dyDescent="0.25">
      <c r="A16049" t="s">
        <v>25216</v>
      </c>
      <c r="B16049" t="s">
        <v>25217</v>
      </c>
      <c r="C16049">
        <v>2</v>
      </c>
      <c r="D16049">
        <v>0</v>
      </c>
    </row>
    <row r="16050" spans="1:4" x14ac:dyDescent="0.25">
      <c r="A16050" t="s">
        <v>25218</v>
      </c>
      <c r="B16050" t="s">
        <v>25219</v>
      </c>
      <c r="C16050">
        <v>1</v>
      </c>
      <c r="D16050">
        <v>0</v>
      </c>
    </row>
    <row r="16051" spans="1:4" x14ac:dyDescent="0.25">
      <c r="A16051" t="s">
        <v>25218</v>
      </c>
      <c r="B16051" t="s">
        <v>25220</v>
      </c>
      <c r="C16051">
        <v>0</v>
      </c>
      <c r="D16051">
        <v>0</v>
      </c>
    </row>
    <row r="16052" spans="1:4" x14ac:dyDescent="0.25">
      <c r="A16052" t="s">
        <v>25221</v>
      </c>
      <c r="B16052" t="s">
        <v>25222</v>
      </c>
      <c r="C16052">
        <v>1</v>
      </c>
      <c r="D16052">
        <v>0</v>
      </c>
    </row>
    <row r="16053" spans="1:4" x14ac:dyDescent="0.25">
      <c r="A16053" t="s">
        <v>25223</v>
      </c>
      <c r="B16053" t="s">
        <v>25224</v>
      </c>
      <c r="C16053">
        <v>2</v>
      </c>
      <c r="D16053">
        <v>0</v>
      </c>
    </row>
    <row r="16054" spans="1:4" x14ac:dyDescent="0.25">
      <c r="A16054" t="s">
        <v>25225</v>
      </c>
      <c r="B16054" t="s">
        <v>25226</v>
      </c>
      <c r="C16054">
        <v>0</v>
      </c>
      <c r="D16054">
        <v>0</v>
      </c>
    </row>
    <row r="16055" spans="1:4" x14ac:dyDescent="0.25">
      <c r="A16055" t="s">
        <v>25227</v>
      </c>
      <c r="B16055" t="s">
        <v>25228</v>
      </c>
      <c r="C16055">
        <v>1</v>
      </c>
      <c r="D16055">
        <v>0</v>
      </c>
    </row>
    <row r="16056" spans="1:4" x14ac:dyDescent="0.25">
      <c r="A16056" t="s">
        <v>25229</v>
      </c>
      <c r="B16056" t="s">
        <v>25230</v>
      </c>
      <c r="C16056">
        <v>1</v>
      </c>
      <c r="D16056">
        <v>0</v>
      </c>
    </row>
    <row r="16057" spans="1:4" x14ac:dyDescent="0.25">
      <c r="A16057" t="s">
        <v>25231</v>
      </c>
      <c r="B16057" t="s">
        <v>25232</v>
      </c>
      <c r="C16057">
        <v>1</v>
      </c>
      <c r="D16057">
        <v>0</v>
      </c>
    </row>
    <row r="16058" spans="1:4" x14ac:dyDescent="0.25">
      <c r="A16058" t="s">
        <v>25233</v>
      </c>
      <c r="B16058" t="s">
        <v>25234</v>
      </c>
      <c r="C16058">
        <v>2</v>
      </c>
      <c r="D16058">
        <v>0</v>
      </c>
    </row>
    <row r="16059" spans="1:4" x14ac:dyDescent="0.25">
      <c r="A16059" t="s">
        <v>25235</v>
      </c>
      <c r="B16059" t="s">
        <v>25236</v>
      </c>
      <c r="C16059">
        <v>1</v>
      </c>
      <c r="D16059">
        <v>0</v>
      </c>
    </row>
    <row r="16060" spans="1:4" x14ac:dyDescent="0.25">
      <c r="A16060" t="s">
        <v>25237</v>
      </c>
      <c r="B16060" t="s">
        <v>25238</v>
      </c>
      <c r="C16060">
        <v>0</v>
      </c>
      <c r="D16060">
        <v>0</v>
      </c>
    </row>
    <row r="16061" spans="1:4" x14ac:dyDescent="0.25">
      <c r="A16061" t="s">
        <v>25239</v>
      </c>
      <c r="B16061" t="s">
        <v>25240</v>
      </c>
      <c r="C16061">
        <v>1</v>
      </c>
      <c r="D16061">
        <v>0</v>
      </c>
    </row>
    <row r="16062" spans="1:4" x14ac:dyDescent="0.25">
      <c r="A16062" t="s">
        <v>25241</v>
      </c>
      <c r="B16062" t="s">
        <v>25242</v>
      </c>
      <c r="C16062">
        <v>1</v>
      </c>
      <c r="D16062">
        <v>0</v>
      </c>
    </row>
    <row r="16063" spans="1:4" x14ac:dyDescent="0.25">
      <c r="A16063" t="s">
        <v>25241</v>
      </c>
      <c r="B16063" t="s">
        <v>25243</v>
      </c>
      <c r="C16063">
        <v>1</v>
      </c>
      <c r="D16063">
        <v>0</v>
      </c>
    </row>
    <row r="16064" spans="1:4" x14ac:dyDescent="0.25">
      <c r="A16064" t="s">
        <v>25244</v>
      </c>
      <c r="B16064" t="s">
        <v>25245</v>
      </c>
      <c r="C16064">
        <v>1</v>
      </c>
      <c r="D16064">
        <v>0</v>
      </c>
    </row>
    <row r="16065" spans="1:4" x14ac:dyDescent="0.25">
      <c r="A16065" t="s">
        <v>25246</v>
      </c>
      <c r="B16065" t="s">
        <v>25247</v>
      </c>
      <c r="C16065">
        <v>1</v>
      </c>
      <c r="D16065">
        <v>0</v>
      </c>
    </row>
    <row r="16066" spans="1:4" x14ac:dyDescent="0.25">
      <c r="A16066" t="s">
        <v>25248</v>
      </c>
      <c r="B16066" t="s">
        <v>25249</v>
      </c>
      <c r="C16066">
        <v>1</v>
      </c>
      <c r="D16066">
        <v>0</v>
      </c>
    </row>
    <row r="16067" spans="1:4" x14ac:dyDescent="0.25">
      <c r="A16067" t="s">
        <v>25250</v>
      </c>
      <c r="B16067" t="s">
        <v>25251</v>
      </c>
      <c r="C16067">
        <v>0</v>
      </c>
      <c r="D16067">
        <v>0</v>
      </c>
    </row>
    <row r="16068" spans="1:4" x14ac:dyDescent="0.25">
      <c r="A16068" t="s">
        <v>25250</v>
      </c>
      <c r="B16068" t="s">
        <v>25252</v>
      </c>
      <c r="C16068">
        <v>2</v>
      </c>
      <c r="D16068">
        <v>0</v>
      </c>
    </row>
    <row r="16069" spans="1:4" x14ac:dyDescent="0.25">
      <c r="A16069" t="s">
        <v>25253</v>
      </c>
      <c r="B16069" t="s">
        <v>25254</v>
      </c>
      <c r="C16069">
        <v>1</v>
      </c>
      <c r="D16069">
        <v>0</v>
      </c>
    </row>
    <row r="16070" spans="1:4" x14ac:dyDescent="0.25">
      <c r="A16070" t="s">
        <v>25255</v>
      </c>
      <c r="B16070" t="s">
        <v>25256</v>
      </c>
      <c r="C16070">
        <v>1</v>
      </c>
      <c r="D16070">
        <v>0</v>
      </c>
    </row>
    <row r="16071" spans="1:4" x14ac:dyDescent="0.25">
      <c r="A16071" t="s">
        <v>25257</v>
      </c>
      <c r="B16071" t="s">
        <v>25258</v>
      </c>
      <c r="C16071">
        <v>2</v>
      </c>
      <c r="D16071">
        <v>0</v>
      </c>
    </row>
    <row r="16072" spans="1:4" x14ac:dyDescent="0.25">
      <c r="A16072" t="s">
        <v>25259</v>
      </c>
      <c r="B16072" t="s">
        <v>25260</v>
      </c>
      <c r="C16072">
        <v>1</v>
      </c>
      <c r="D16072">
        <v>0</v>
      </c>
    </row>
    <row r="16073" spans="1:4" x14ac:dyDescent="0.25">
      <c r="A16073" t="s">
        <v>25261</v>
      </c>
      <c r="B16073" t="s">
        <v>5713</v>
      </c>
      <c r="C16073">
        <v>1</v>
      </c>
      <c r="D16073">
        <v>0</v>
      </c>
    </row>
    <row r="16074" spans="1:4" x14ac:dyDescent="0.25">
      <c r="A16074" t="s">
        <v>25261</v>
      </c>
      <c r="B16074" t="s">
        <v>25262</v>
      </c>
      <c r="C16074">
        <v>2</v>
      </c>
      <c r="D16074">
        <v>0</v>
      </c>
    </row>
    <row r="16075" spans="1:4" x14ac:dyDescent="0.25">
      <c r="A16075" t="s">
        <v>25263</v>
      </c>
      <c r="B16075" t="s">
        <v>25264</v>
      </c>
      <c r="C16075">
        <v>1</v>
      </c>
      <c r="D16075">
        <v>0</v>
      </c>
    </row>
    <row r="16076" spans="1:4" x14ac:dyDescent="0.25">
      <c r="A16076" t="s">
        <v>25265</v>
      </c>
      <c r="B16076" t="s">
        <v>25266</v>
      </c>
      <c r="C16076">
        <v>0</v>
      </c>
      <c r="D16076">
        <v>0</v>
      </c>
    </row>
    <row r="16077" spans="1:4" x14ac:dyDescent="0.25">
      <c r="A16077" t="s">
        <v>25267</v>
      </c>
      <c r="B16077" t="s">
        <v>25268</v>
      </c>
      <c r="C16077">
        <v>1</v>
      </c>
      <c r="D16077">
        <v>0</v>
      </c>
    </row>
    <row r="16078" spans="1:4" x14ac:dyDescent="0.25">
      <c r="A16078" t="s">
        <v>25269</v>
      </c>
      <c r="B16078" t="s">
        <v>25270</v>
      </c>
      <c r="C16078">
        <v>1</v>
      </c>
      <c r="D16078">
        <v>0</v>
      </c>
    </row>
    <row r="16079" spans="1:4" x14ac:dyDescent="0.25">
      <c r="A16079" t="s">
        <v>25271</v>
      </c>
      <c r="B16079" t="s">
        <v>25272</v>
      </c>
      <c r="C16079">
        <v>1</v>
      </c>
      <c r="D16079">
        <v>0</v>
      </c>
    </row>
    <row r="16080" spans="1:4" x14ac:dyDescent="0.25">
      <c r="A16080" t="s">
        <v>25273</v>
      </c>
      <c r="B16080" t="s">
        <v>25274</v>
      </c>
      <c r="C16080">
        <v>1</v>
      </c>
      <c r="D16080">
        <v>0</v>
      </c>
    </row>
    <row r="16081" spans="1:4" x14ac:dyDescent="0.25">
      <c r="A16081" t="s">
        <v>25275</v>
      </c>
      <c r="B16081" t="s">
        <v>25276</v>
      </c>
      <c r="C16081">
        <v>0</v>
      </c>
      <c r="D16081">
        <v>0</v>
      </c>
    </row>
    <row r="16082" spans="1:4" x14ac:dyDescent="0.25">
      <c r="A16082" t="s">
        <v>25277</v>
      </c>
      <c r="B16082" t="s">
        <v>25278</v>
      </c>
      <c r="C16082">
        <v>2</v>
      </c>
      <c r="D16082">
        <v>0</v>
      </c>
    </row>
    <row r="16083" spans="1:4" x14ac:dyDescent="0.25">
      <c r="A16083" t="s">
        <v>25279</v>
      </c>
      <c r="B16083" t="s">
        <v>25280</v>
      </c>
      <c r="C16083">
        <v>1</v>
      </c>
      <c r="D16083">
        <v>0</v>
      </c>
    </row>
    <row r="16084" spans="1:4" x14ac:dyDescent="0.25">
      <c r="A16084" t="s">
        <v>25279</v>
      </c>
      <c r="B16084" t="s">
        <v>25281</v>
      </c>
      <c r="C16084">
        <v>0</v>
      </c>
      <c r="D16084">
        <v>0</v>
      </c>
    </row>
    <row r="16085" spans="1:4" x14ac:dyDescent="0.25">
      <c r="A16085" t="s">
        <v>25282</v>
      </c>
      <c r="B16085" t="s">
        <v>25283</v>
      </c>
      <c r="C16085">
        <v>2</v>
      </c>
      <c r="D16085">
        <v>0</v>
      </c>
    </row>
    <row r="16086" spans="1:4" x14ac:dyDescent="0.25">
      <c r="A16086" t="s">
        <v>25284</v>
      </c>
      <c r="B16086" t="s">
        <v>25285</v>
      </c>
      <c r="C16086">
        <v>1</v>
      </c>
      <c r="D16086">
        <v>0</v>
      </c>
    </row>
    <row r="16087" spans="1:4" x14ac:dyDescent="0.25">
      <c r="A16087" t="s">
        <v>25286</v>
      </c>
      <c r="B16087" t="s">
        <v>25287</v>
      </c>
      <c r="C16087">
        <v>1</v>
      </c>
      <c r="D16087">
        <v>0</v>
      </c>
    </row>
    <row r="16088" spans="1:4" x14ac:dyDescent="0.25">
      <c r="A16088" t="s">
        <v>25286</v>
      </c>
      <c r="B16088" t="s">
        <v>25288</v>
      </c>
      <c r="C16088">
        <v>0</v>
      </c>
      <c r="D16088">
        <v>0</v>
      </c>
    </row>
    <row r="16089" spans="1:4" x14ac:dyDescent="0.25">
      <c r="A16089" t="s">
        <v>25289</v>
      </c>
      <c r="B16089" t="s">
        <v>25290</v>
      </c>
      <c r="C16089">
        <v>1</v>
      </c>
      <c r="D16089">
        <v>0</v>
      </c>
    </row>
    <row r="16090" spans="1:4" x14ac:dyDescent="0.25">
      <c r="A16090" t="s">
        <v>25291</v>
      </c>
      <c r="B16090" t="s">
        <v>25292</v>
      </c>
      <c r="C16090">
        <v>1</v>
      </c>
      <c r="D16090">
        <v>0</v>
      </c>
    </row>
    <row r="16091" spans="1:4" x14ac:dyDescent="0.25">
      <c r="A16091" t="s">
        <v>25293</v>
      </c>
      <c r="B16091" t="s">
        <v>25294</v>
      </c>
      <c r="C16091">
        <v>0</v>
      </c>
      <c r="D16091">
        <v>0</v>
      </c>
    </row>
    <row r="16092" spans="1:4" x14ac:dyDescent="0.25">
      <c r="A16092" t="s">
        <v>25295</v>
      </c>
      <c r="B16092" t="s">
        <v>25296</v>
      </c>
      <c r="C16092">
        <v>0</v>
      </c>
      <c r="D16092">
        <v>0</v>
      </c>
    </row>
    <row r="16093" spans="1:4" x14ac:dyDescent="0.25">
      <c r="A16093" t="s">
        <v>25297</v>
      </c>
      <c r="B16093" t="s">
        <v>25298</v>
      </c>
      <c r="C16093">
        <v>1</v>
      </c>
      <c r="D16093">
        <v>0</v>
      </c>
    </row>
    <row r="16094" spans="1:4" x14ac:dyDescent="0.25">
      <c r="A16094" t="s">
        <v>25297</v>
      </c>
      <c r="B16094" t="s">
        <v>25299</v>
      </c>
      <c r="C16094">
        <v>1</v>
      </c>
      <c r="D16094">
        <v>0</v>
      </c>
    </row>
    <row r="16095" spans="1:4" x14ac:dyDescent="0.25">
      <c r="A16095" t="s">
        <v>25297</v>
      </c>
      <c r="B16095" t="s">
        <v>25300</v>
      </c>
      <c r="C16095">
        <v>1</v>
      </c>
      <c r="D16095">
        <v>0</v>
      </c>
    </row>
    <row r="16096" spans="1:4" x14ac:dyDescent="0.25">
      <c r="A16096" t="s">
        <v>25301</v>
      </c>
      <c r="B16096" t="s">
        <v>25302</v>
      </c>
      <c r="C16096">
        <v>1</v>
      </c>
      <c r="D16096">
        <v>0</v>
      </c>
    </row>
    <row r="16097" spans="1:4" x14ac:dyDescent="0.25">
      <c r="A16097" t="s">
        <v>25303</v>
      </c>
      <c r="B16097" t="s">
        <v>25304</v>
      </c>
      <c r="C16097">
        <v>1</v>
      </c>
      <c r="D16097">
        <v>0</v>
      </c>
    </row>
    <row r="16098" spans="1:4" x14ac:dyDescent="0.25">
      <c r="A16098" t="s">
        <v>25303</v>
      </c>
      <c r="B16098" t="s">
        <v>25305</v>
      </c>
      <c r="C16098">
        <v>0</v>
      </c>
      <c r="D16098">
        <v>0</v>
      </c>
    </row>
    <row r="16099" spans="1:4" x14ac:dyDescent="0.25">
      <c r="A16099" t="s">
        <v>25306</v>
      </c>
      <c r="B16099" t="s">
        <v>25307</v>
      </c>
      <c r="C16099">
        <v>1</v>
      </c>
      <c r="D16099">
        <v>0</v>
      </c>
    </row>
    <row r="16100" spans="1:4" x14ac:dyDescent="0.25">
      <c r="A16100" t="s">
        <v>25308</v>
      </c>
      <c r="B16100" t="s">
        <v>25309</v>
      </c>
      <c r="C16100">
        <v>1</v>
      </c>
      <c r="D16100">
        <v>0</v>
      </c>
    </row>
    <row r="16101" spans="1:4" x14ac:dyDescent="0.25">
      <c r="A16101" t="s">
        <v>25310</v>
      </c>
      <c r="B16101" t="s">
        <v>25311</v>
      </c>
      <c r="C16101">
        <v>0</v>
      </c>
      <c r="D16101">
        <v>0</v>
      </c>
    </row>
    <row r="16102" spans="1:4" x14ac:dyDescent="0.25">
      <c r="A16102" t="s">
        <v>25312</v>
      </c>
      <c r="B16102" t="s">
        <v>25313</v>
      </c>
      <c r="C16102">
        <v>1</v>
      </c>
      <c r="D16102">
        <v>0</v>
      </c>
    </row>
    <row r="16103" spans="1:4" x14ac:dyDescent="0.25">
      <c r="A16103" t="s">
        <v>25314</v>
      </c>
      <c r="B16103" t="s">
        <v>25315</v>
      </c>
      <c r="C16103">
        <v>1</v>
      </c>
      <c r="D16103">
        <v>0</v>
      </c>
    </row>
    <row r="16104" spans="1:4" x14ac:dyDescent="0.25">
      <c r="A16104" t="s">
        <v>25314</v>
      </c>
      <c r="B16104" t="s">
        <v>25316</v>
      </c>
      <c r="C16104">
        <v>0</v>
      </c>
      <c r="D16104">
        <v>0</v>
      </c>
    </row>
    <row r="16105" spans="1:4" x14ac:dyDescent="0.25">
      <c r="A16105" t="s">
        <v>25314</v>
      </c>
      <c r="B16105" t="s">
        <v>25317</v>
      </c>
      <c r="C16105">
        <v>2</v>
      </c>
      <c r="D16105">
        <v>0</v>
      </c>
    </row>
    <row r="16106" spans="1:4" x14ac:dyDescent="0.25">
      <c r="A16106" t="s">
        <v>25318</v>
      </c>
      <c r="B16106" t="s">
        <v>25319</v>
      </c>
      <c r="C16106">
        <v>0</v>
      </c>
      <c r="D16106">
        <v>0</v>
      </c>
    </row>
    <row r="16107" spans="1:4" x14ac:dyDescent="0.25">
      <c r="A16107" t="s">
        <v>25320</v>
      </c>
      <c r="B16107" t="s">
        <v>25321</v>
      </c>
      <c r="C16107">
        <v>0</v>
      </c>
      <c r="D16107">
        <v>0</v>
      </c>
    </row>
    <row r="16108" spans="1:4" x14ac:dyDescent="0.25">
      <c r="A16108" t="s">
        <v>25322</v>
      </c>
      <c r="B16108" t="s">
        <v>25323</v>
      </c>
      <c r="C16108">
        <v>1</v>
      </c>
      <c r="D16108">
        <v>0</v>
      </c>
    </row>
    <row r="16109" spans="1:4" x14ac:dyDescent="0.25">
      <c r="A16109" t="s">
        <v>25322</v>
      </c>
      <c r="B16109" t="s">
        <v>25324</v>
      </c>
      <c r="C16109">
        <v>0</v>
      </c>
      <c r="D16109">
        <v>0</v>
      </c>
    </row>
    <row r="16110" spans="1:4" x14ac:dyDescent="0.25">
      <c r="A16110" t="s">
        <v>25325</v>
      </c>
      <c r="B16110" t="s">
        <v>25326</v>
      </c>
      <c r="C16110">
        <v>1</v>
      </c>
      <c r="D16110">
        <v>0</v>
      </c>
    </row>
    <row r="16111" spans="1:4" x14ac:dyDescent="0.25">
      <c r="A16111" t="s">
        <v>25327</v>
      </c>
      <c r="B16111" t="s">
        <v>25328</v>
      </c>
      <c r="C16111">
        <v>2</v>
      </c>
      <c r="D16111">
        <v>0</v>
      </c>
    </row>
    <row r="16112" spans="1:4" x14ac:dyDescent="0.25">
      <c r="A16112" t="s">
        <v>25329</v>
      </c>
      <c r="B16112" t="s">
        <v>25330</v>
      </c>
      <c r="C16112">
        <v>0</v>
      </c>
      <c r="D16112">
        <v>0</v>
      </c>
    </row>
    <row r="16113" spans="1:4" x14ac:dyDescent="0.25">
      <c r="A16113" t="s">
        <v>25331</v>
      </c>
      <c r="B16113" t="s">
        <v>25332</v>
      </c>
      <c r="C16113">
        <v>0</v>
      </c>
      <c r="D16113">
        <v>0</v>
      </c>
    </row>
    <row r="16114" spans="1:4" x14ac:dyDescent="0.25">
      <c r="A16114" t="s">
        <v>25333</v>
      </c>
      <c r="B16114" t="s">
        <v>25334</v>
      </c>
      <c r="C16114">
        <v>1</v>
      </c>
      <c r="D16114">
        <v>0</v>
      </c>
    </row>
    <row r="16115" spans="1:4" x14ac:dyDescent="0.25">
      <c r="A16115" t="s">
        <v>25335</v>
      </c>
      <c r="B16115" t="s">
        <v>25336</v>
      </c>
      <c r="C16115">
        <v>1</v>
      </c>
      <c r="D16115">
        <v>0</v>
      </c>
    </row>
    <row r="16116" spans="1:4" x14ac:dyDescent="0.25">
      <c r="A16116" t="s">
        <v>25337</v>
      </c>
      <c r="B16116" t="s">
        <v>25338</v>
      </c>
      <c r="C16116">
        <v>1</v>
      </c>
      <c r="D16116">
        <v>0</v>
      </c>
    </row>
    <row r="16117" spans="1:4" x14ac:dyDescent="0.25">
      <c r="A16117" t="s">
        <v>25339</v>
      </c>
      <c r="B16117" t="s">
        <v>25340</v>
      </c>
      <c r="C16117">
        <v>1</v>
      </c>
      <c r="D16117">
        <v>0</v>
      </c>
    </row>
    <row r="16118" spans="1:4" x14ac:dyDescent="0.25">
      <c r="A16118" t="s">
        <v>25339</v>
      </c>
      <c r="B16118" t="s">
        <v>25341</v>
      </c>
      <c r="C16118">
        <v>1</v>
      </c>
      <c r="D16118">
        <v>0</v>
      </c>
    </row>
    <row r="16119" spans="1:4" x14ac:dyDescent="0.25">
      <c r="A16119" t="s">
        <v>25339</v>
      </c>
      <c r="B16119" t="s">
        <v>25342</v>
      </c>
      <c r="C16119">
        <v>0</v>
      </c>
      <c r="D16119">
        <v>0</v>
      </c>
    </row>
    <row r="16120" spans="1:4" x14ac:dyDescent="0.25">
      <c r="A16120" t="s">
        <v>25343</v>
      </c>
      <c r="B16120" t="s">
        <v>25344</v>
      </c>
      <c r="C16120">
        <v>0</v>
      </c>
      <c r="D16120">
        <v>0</v>
      </c>
    </row>
    <row r="16121" spans="1:4" x14ac:dyDescent="0.25">
      <c r="A16121" t="s">
        <v>25345</v>
      </c>
      <c r="B16121" t="s">
        <v>25346</v>
      </c>
      <c r="C16121">
        <v>1</v>
      </c>
      <c r="D16121">
        <v>0</v>
      </c>
    </row>
    <row r="16122" spans="1:4" x14ac:dyDescent="0.25">
      <c r="A16122" t="s">
        <v>25347</v>
      </c>
      <c r="B16122" t="s">
        <v>25348</v>
      </c>
      <c r="C16122">
        <v>1</v>
      </c>
      <c r="D16122">
        <v>0</v>
      </c>
    </row>
    <row r="16123" spans="1:4" x14ac:dyDescent="0.25">
      <c r="A16123" t="s">
        <v>25349</v>
      </c>
      <c r="B16123" t="s">
        <v>25350</v>
      </c>
      <c r="C16123">
        <v>1</v>
      </c>
      <c r="D16123">
        <v>0</v>
      </c>
    </row>
    <row r="16124" spans="1:4" x14ac:dyDescent="0.25">
      <c r="A16124" t="s">
        <v>25349</v>
      </c>
      <c r="B16124" t="s">
        <v>25351</v>
      </c>
      <c r="C16124">
        <v>1</v>
      </c>
      <c r="D16124">
        <v>0</v>
      </c>
    </row>
    <row r="16125" spans="1:4" x14ac:dyDescent="0.25">
      <c r="A16125" t="s">
        <v>25349</v>
      </c>
      <c r="B16125" t="s">
        <v>25352</v>
      </c>
      <c r="C16125">
        <v>1</v>
      </c>
      <c r="D16125">
        <v>0</v>
      </c>
    </row>
    <row r="16126" spans="1:4" x14ac:dyDescent="0.25">
      <c r="A16126" t="s">
        <v>25349</v>
      </c>
      <c r="B16126" t="s">
        <v>25353</v>
      </c>
      <c r="C16126">
        <v>0</v>
      </c>
      <c r="D16126">
        <v>0</v>
      </c>
    </row>
    <row r="16127" spans="1:4" x14ac:dyDescent="0.25">
      <c r="A16127" t="s">
        <v>25354</v>
      </c>
      <c r="B16127" t="s">
        <v>25355</v>
      </c>
      <c r="C16127">
        <v>1</v>
      </c>
      <c r="D16127">
        <v>0</v>
      </c>
    </row>
    <row r="16128" spans="1:4" x14ac:dyDescent="0.25">
      <c r="A16128" t="s">
        <v>25356</v>
      </c>
      <c r="B16128" t="s">
        <v>25357</v>
      </c>
      <c r="C16128">
        <v>1</v>
      </c>
      <c r="D16128">
        <v>0</v>
      </c>
    </row>
    <row r="16129" spans="1:4" x14ac:dyDescent="0.25">
      <c r="A16129" t="s">
        <v>25356</v>
      </c>
      <c r="B16129" t="s">
        <v>25358</v>
      </c>
      <c r="C16129">
        <v>1</v>
      </c>
      <c r="D16129">
        <v>0</v>
      </c>
    </row>
    <row r="16130" spans="1:4" x14ac:dyDescent="0.25">
      <c r="A16130" t="s">
        <v>25359</v>
      </c>
      <c r="B16130" t="s">
        <v>25360</v>
      </c>
      <c r="C16130">
        <v>1</v>
      </c>
      <c r="D16130">
        <v>0</v>
      </c>
    </row>
    <row r="16131" spans="1:4" x14ac:dyDescent="0.25">
      <c r="A16131" t="s">
        <v>25359</v>
      </c>
      <c r="B16131" t="s">
        <v>25361</v>
      </c>
      <c r="C16131">
        <v>2</v>
      </c>
      <c r="D16131">
        <v>0</v>
      </c>
    </row>
    <row r="16132" spans="1:4" x14ac:dyDescent="0.25">
      <c r="A16132" t="s">
        <v>25362</v>
      </c>
      <c r="B16132" t="s">
        <v>25363</v>
      </c>
      <c r="C16132">
        <v>1</v>
      </c>
      <c r="D16132">
        <v>0</v>
      </c>
    </row>
    <row r="16133" spans="1:4" x14ac:dyDescent="0.25">
      <c r="A16133" t="s">
        <v>25364</v>
      </c>
      <c r="B16133" t="s">
        <v>25365</v>
      </c>
      <c r="C16133">
        <v>1</v>
      </c>
      <c r="D16133">
        <v>0</v>
      </c>
    </row>
    <row r="16134" spans="1:4" x14ac:dyDescent="0.25">
      <c r="A16134" t="s">
        <v>25366</v>
      </c>
      <c r="B16134" t="s">
        <v>25367</v>
      </c>
      <c r="C16134">
        <v>2</v>
      </c>
      <c r="D16134">
        <v>0</v>
      </c>
    </row>
    <row r="16135" spans="1:4" x14ac:dyDescent="0.25">
      <c r="A16135" t="s">
        <v>25368</v>
      </c>
      <c r="B16135" t="s">
        <v>25369</v>
      </c>
      <c r="C16135">
        <v>1</v>
      </c>
      <c r="D16135">
        <v>0</v>
      </c>
    </row>
    <row r="16136" spans="1:4" x14ac:dyDescent="0.25">
      <c r="A16136" t="s">
        <v>25370</v>
      </c>
      <c r="B16136" t="s">
        <v>25371</v>
      </c>
      <c r="C16136">
        <v>1</v>
      </c>
      <c r="D16136">
        <v>0</v>
      </c>
    </row>
    <row r="16137" spans="1:4" x14ac:dyDescent="0.25">
      <c r="A16137" t="s">
        <v>25372</v>
      </c>
      <c r="B16137" t="s">
        <v>25373</v>
      </c>
      <c r="C16137">
        <v>1</v>
      </c>
      <c r="D16137">
        <v>0</v>
      </c>
    </row>
    <row r="16138" spans="1:4" x14ac:dyDescent="0.25">
      <c r="A16138" t="s">
        <v>25372</v>
      </c>
      <c r="B16138" t="s">
        <v>25374</v>
      </c>
      <c r="C16138">
        <v>0</v>
      </c>
      <c r="D16138">
        <v>0</v>
      </c>
    </row>
    <row r="16139" spans="1:4" x14ac:dyDescent="0.25">
      <c r="A16139" t="s">
        <v>25372</v>
      </c>
      <c r="B16139" t="s">
        <v>25375</v>
      </c>
      <c r="C16139">
        <v>2</v>
      </c>
      <c r="D16139">
        <v>0</v>
      </c>
    </row>
    <row r="16140" spans="1:4" x14ac:dyDescent="0.25">
      <c r="A16140" t="s">
        <v>25376</v>
      </c>
      <c r="B16140" t="s">
        <v>25377</v>
      </c>
      <c r="C16140">
        <v>1</v>
      </c>
      <c r="D16140">
        <v>0</v>
      </c>
    </row>
    <row r="16141" spans="1:4" x14ac:dyDescent="0.25">
      <c r="A16141" t="s">
        <v>25378</v>
      </c>
      <c r="B16141" t="s">
        <v>25379</v>
      </c>
      <c r="C16141">
        <v>0</v>
      </c>
      <c r="D16141">
        <v>0</v>
      </c>
    </row>
    <row r="16142" spans="1:4" x14ac:dyDescent="0.25">
      <c r="A16142" t="s">
        <v>25380</v>
      </c>
      <c r="B16142" t="s">
        <v>25381</v>
      </c>
      <c r="C16142">
        <v>1</v>
      </c>
      <c r="D16142">
        <v>0</v>
      </c>
    </row>
    <row r="16143" spans="1:4" x14ac:dyDescent="0.25">
      <c r="A16143" t="s">
        <v>25382</v>
      </c>
      <c r="B16143" t="s">
        <v>25383</v>
      </c>
      <c r="C16143">
        <v>1</v>
      </c>
      <c r="D16143">
        <v>0</v>
      </c>
    </row>
    <row r="16144" spans="1:4" x14ac:dyDescent="0.25">
      <c r="A16144" t="s">
        <v>25384</v>
      </c>
      <c r="B16144" t="s">
        <v>25385</v>
      </c>
      <c r="C16144">
        <v>0</v>
      </c>
      <c r="D16144">
        <v>0</v>
      </c>
    </row>
    <row r="16145" spans="1:4" x14ac:dyDescent="0.25">
      <c r="A16145" t="s">
        <v>25386</v>
      </c>
      <c r="B16145" t="s">
        <v>25387</v>
      </c>
      <c r="C16145">
        <v>1</v>
      </c>
      <c r="D16145">
        <v>0</v>
      </c>
    </row>
    <row r="16146" spans="1:4" x14ac:dyDescent="0.25">
      <c r="A16146" t="s">
        <v>25388</v>
      </c>
      <c r="B16146" t="s">
        <v>25389</v>
      </c>
      <c r="C16146">
        <v>0</v>
      </c>
      <c r="D16146">
        <v>0</v>
      </c>
    </row>
    <row r="16147" spans="1:4" x14ac:dyDescent="0.25">
      <c r="A16147" t="s">
        <v>25390</v>
      </c>
      <c r="B16147" t="s">
        <v>25391</v>
      </c>
      <c r="C16147">
        <v>1</v>
      </c>
      <c r="D16147">
        <v>0</v>
      </c>
    </row>
    <row r="16148" spans="1:4" x14ac:dyDescent="0.25">
      <c r="A16148" t="s">
        <v>25392</v>
      </c>
      <c r="B16148" t="s">
        <v>25393</v>
      </c>
      <c r="C16148">
        <v>0</v>
      </c>
      <c r="D16148">
        <v>0</v>
      </c>
    </row>
    <row r="16149" spans="1:4" x14ac:dyDescent="0.25">
      <c r="A16149" t="s">
        <v>25394</v>
      </c>
      <c r="B16149" t="s">
        <v>25395</v>
      </c>
      <c r="C16149">
        <v>2</v>
      </c>
      <c r="D16149">
        <v>0</v>
      </c>
    </row>
    <row r="16150" spans="1:4" x14ac:dyDescent="0.25">
      <c r="A16150" t="s">
        <v>25396</v>
      </c>
      <c r="B16150" t="s">
        <v>25397</v>
      </c>
      <c r="C16150">
        <v>1</v>
      </c>
      <c r="D16150">
        <v>0</v>
      </c>
    </row>
    <row r="16151" spans="1:4" x14ac:dyDescent="0.25">
      <c r="A16151" t="s">
        <v>25398</v>
      </c>
      <c r="B16151" t="s">
        <v>25399</v>
      </c>
      <c r="C16151">
        <v>1</v>
      </c>
      <c r="D16151">
        <v>0</v>
      </c>
    </row>
    <row r="16152" spans="1:4" x14ac:dyDescent="0.25">
      <c r="A16152" t="s">
        <v>25398</v>
      </c>
      <c r="B16152" t="s">
        <v>25400</v>
      </c>
      <c r="C16152">
        <v>2</v>
      </c>
      <c r="D16152">
        <v>0</v>
      </c>
    </row>
    <row r="16153" spans="1:4" x14ac:dyDescent="0.25">
      <c r="A16153" t="s">
        <v>25401</v>
      </c>
      <c r="B16153" t="s">
        <v>25402</v>
      </c>
      <c r="C16153">
        <v>0</v>
      </c>
      <c r="D16153">
        <v>0</v>
      </c>
    </row>
    <row r="16154" spans="1:4" x14ac:dyDescent="0.25">
      <c r="A16154" t="s">
        <v>25403</v>
      </c>
      <c r="B16154" t="s">
        <v>25404</v>
      </c>
      <c r="C16154">
        <v>1</v>
      </c>
      <c r="D16154">
        <v>0</v>
      </c>
    </row>
    <row r="16155" spans="1:4" x14ac:dyDescent="0.25">
      <c r="A16155" t="s">
        <v>25405</v>
      </c>
      <c r="B16155" t="s">
        <v>25406</v>
      </c>
      <c r="C16155">
        <v>1</v>
      </c>
      <c r="D16155">
        <v>0</v>
      </c>
    </row>
    <row r="16156" spans="1:4" x14ac:dyDescent="0.25">
      <c r="A16156" t="s">
        <v>25407</v>
      </c>
      <c r="B16156" t="s">
        <v>25408</v>
      </c>
      <c r="C16156">
        <v>1</v>
      </c>
      <c r="D16156">
        <v>0</v>
      </c>
    </row>
    <row r="16157" spans="1:4" x14ac:dyDescent="0.25">
      <c r="A16157" t="s">
        <v>25409</v>
      </c>
      <c r="B16157" t="s">
        <v>25410</v>
      </c>
      <c r="C16157">
        <v>1</v>
      </c>
      <c r="D16157">
        <v>0</v>
      </c>
    </row>
    <row r="16158" spans="1:4" x14ac:dyDescent="0.25">
      <c r="A16158" t="s">
        <v>25411</v>
      </c>
      <c r="B16158" t="s">
        <v>25412</v>
      </c>
      <c r="C16158">
        <v>1</v>
      </c>
      <c r="D16158">
        <v>0</v>
      </c>
    </row>
    <row r="16159" spans="1:4" x14ac:dyDescent="0.25">
      <c r="A16159" t="s">
        <v>25413</v>
      </c>
      <c r="B16159" t="s">
        <v>25414</v>
      </c>
      <c r="C16159">
        <v>0</v>
      </c>
      <c r="D16159">
        <v>0</v>
      </c>
    </row>
    <row r="16160" spans="1:4" x14ac:dyDescent="0.25">
      <c r="A16160" t="s">
        <v>25415</v>
      </c>
      <c r="B16160" t="s">
        <v>25416</v>
      </c>
      <c r="C16160">
        <v>0</v>
      </c>
      <c r="D16160">
        <v>0</v>
      </c>
    </row>
    <row r="16161" spans="1:4" x14ac:dyDescent="0.25">
      <c r="A16161" t="s">
        <v>25417</v>
      </c>
      <c r="B16161" t="s">
        <v>25418</v>
      </c>
      <c r="C16161">
        <v>2</v>
      </c>
      <c r="D16161">
        <v>0</v>
      </c>
    </row>
    <row r="16162" spans="1:4" x14ac:dyDescent="0.25">
      <c r="A16162" t="s">
        <v>25419</v>
      </c>
      <c r="B16162" t="s">
        <v>25420</v>
      </c>
      <c r="C16162">
        <v>0</v>
      </c>
      <c r="D16162">
        <v>0</v>
      </c>
    </row>
    <row r="16163" spans="1:4" x14ac:dyDescent="0.25">
      <c r="A16163" t="s">
        <v>25421</v>
      </c>
      <c r="B16163" t="s">
        <v>25422</v>
      </c>
      <c r="C16163">
        <v>1</v>
      </c>
      <c r="D16163">
        <v>0</v>
      </c>
    </row>
    <row r="16164" spans="1:4" x14ac:dyDescent="0.25">
      <c r="A16164" t="s">
        <v>25423</v>
      </c>
      <c r="B16164" t="s">
        <v>25424</v>
      </c>
      <c r="C16164">
        <v>1</v>
      </c>
      <c r="D16164">
        <v>0</v>
      </c>
    </row>
    <row r="16165" spans="1:4" x14ac:dyDescent="0.25">
      <c r="A16165" t="s">
        <v>25425</v>
      </c>
      <c r="B16165" t="s">
        <v>25426</v>
      </c>
      <c r="C16165">
        <v>1</v>
      </c>
      <c r="D16165">
        <v>0</v>
      </c>
    </row>
    <row r="16166" spans="1:4" x14ac:dyDescent="0.25">
      <c r="A16166" t="s">
        <v>25425</v>
      </c>
      <c r="B16166" t="s">
        <v>25427</v>
      </c>
      <c r="C16166">
        <v>0</v>
      </c>
      <c r="D16166">
        <v>0</v>
      </c>
    </row>
    <row r="16167" spans="1:4" x14ac:dyDescent="0.25">
      <c r="A16167" t="s">
        <v>25428</v>
      </c>
      <c r="B16167" t="s">
        <v>25429</v>
      </c>
      <c r="C16167">
        <v>1</v>
      </c>
      <c r="D16167">
        <v>0</v>
      </c>
    </row>
    <row r="16168" spans="1:4" x14ac:dyDescent="0.25">
      <c r="A16168" t="s">
        <v>25430</v>
      </c>
      <c r="B16168" t="s">
        <v>25431</v>
      </c>
      <c r="C16168">
        <v>1</v>
      </c>
      <c r="D16168">
        <v>0</v>
      </c>
    </row>
    <row r="16169" spans="1:4" x14ac:dyDescent="0.25">
      <c r="A16169" t="s">
        <v>25432</v>
      </c>
      <c r="B16169" t="s">
        <v>25433</v>
      </c>
      <c r="C16169">
        <v>0</v>
      </c>
      <c r="D16169">
        <v>0</v>
      </c>
    </row>
    <row r="16170" spans="1:4" x14ac:dyDescent="0.25">
      <c r="A16170" t="s">
        <v>25434</v>
      </c>
      <c r="B16170" t="s">
        <v>25435</v>
      </c>
      <c r="C16170">
        <v>1</v>
      </c>
      <c r="D16170">
        <v>0</v>
      </c>
    </row>
    <row r="16171" spans="1:4" x14ac:dyDescent="0.25">
      <c r="A16171" t="s">
        <v>25436</v>
      </c>
      <c r="B16171" t="s">
        <v>25437</v>
      </c>
      <c r="C16171">
        <v>1</v>
      </c>
      <c r="D16171">
        <v>0</v>
      </c>
    </row>
    <row r="16172" spans="1:4" x14ac:dyDescent="0.25">
      <c r="A16172" t="s">
        <v>25438</v>
      </c>
      <c r="B16172" t="s">
        <v>25439</v>
      </c>
      <c r="C16172">
        <v>1</v>
      </c>
      <c r="D16172">
        <v>0</v>
      </c>
    </row>
    <row r="16173" spans="1:4" x14ac:dyDescent="0.25">
      <c r="A16173" t="s">
        <v>25440</v>
      </c>
      <c r="B16173" t="s">
        <v>25441</v>
      </c>
      <c r="C16173">
        <v>2</v>
      </c>
      <c r="D16173">
        <v>0</v>
      </c>
    </row>
    <row r="16174" spans="1:4" x14ac:dyDescent="0.25">
      <c r="A16174" t="s">
        <v>25442</v>
      </c>
      <c r="B16174" t="s">
        <v>25443</v>
      </c>
      <c r="C16174">
        <v>0</v>
      </c>
      <c r="D16174">
        <v>0</v>
      </c>
    </row>
    <row r="16175" spans="1:4" x14ac:dyDescent="0.25">
      <c r="A16175" t="s">
        <v>25444</v>
      </c>
      <c r="B16175" t="s">
        <v>25445</v>
      </c>
      <c r="C16175">
        <v>1</v>
      </c>
      <c r="D16175">
        <v>0</v>
      </c>
    </row>
    <row r="16176" spans="1:4" x14ac:dyDescent="0.25">
      <c r="A16176" t="s">
        <v>25446</v>
      </c>
      <c r="B16176" t="s">
        <v>25447</v>
      </c>
      <c r="C16176">
        <v>1</v>
      </c>
      <c r="D16176">
        <v>0</v>
      </c>
    </row>
    <row r="16177" spans="1:4" x14ac:dyDescent="0.25">
      <c r="A16177" t="s">
        <v>25448</v>
      </c>
      <c r="B16177" t="s">
        <v>25449</v>
      </c>
      <c r="C16177">
        <v>1</v>
      </c>
      <c r="D16177">
        <v>0</v>
      </c>
    </row>
    <row r="16178" spans="1:4" x14ac:dyDescent="0.25">
      <c r="A16178" t="s">
        <v>25450</v>
      </c>
      <c r="B16178" t="s">
        <v>25451</v>
      </c>
      <c r="C16178">
        <v>2</v>
      </c>
      <c r="D16178">
        <v>0</v>
      </c>
    </row>
    <row r="16179" spans="1:4" x14ac:dyDescent="0.25">
      <c r="A16179" t="s">
        <v>25452</v>
      </c>
      <c r="B16179" t="s">
        <v>25453</v>
      </c>
      <c r="C16179">
        <v>1</v>
      </c>
      <c r="D16179">
        <v>0</v>
      </c>
    </row>
    <row r="16180" spans="1:4" x14ac:dyDescent="0.25">
      <c r="A16180" t="s">
        <v>25454</v>
      </c>
      <c r="B16180" t="s">
        <v>25455</v>
      </c>
      <c r="C16180">
        <v>1</v>
      </c>
      <c r="D16180">
        <v>0</v>
      </c>
    </row>
    <row r="16181" spans="1:4" x14ac:dyDescent="0.25">
      <c r="A16181" t="s">
        <v>25454</v>
      </c>
      <c r="B16181" t="s">
        <v>25456</v>
      </c>
      <c r="C16181">
        <v>0</v>
      </c>
      <c r="D16181">
        <v>0</v>
      </c>
    </row>
    <row r="16182" spans="1:4" x14ac:dyDescent="0.25">
      <c r="A16182" t="s">
        <v>25457</v>
      </c>
      <c r="B16182" t="s">
        <v>25458</v>
      </c>
      <c r="C16182">
        <v>2</v>
      </c>
      <c r="D16182">
        <v>0</v>
      </c>
    </row>
    <row r="16183" spans="1:4" x14ac:dyDescent="0.25">
      <c r="A16183" t="s">
        <v>25459</v>
      </c>
      <c r="B16183" t="s">
        <v>25460</v>
      </c>
      <c r="C16183">
        <v>1</v>
      </c>
      <c r="D16183">
        <v>0</v>
      </c>
    </row>
    <row r="16184" spans="1:4" x14ac:dyDescent="0.25">
      <c r="A16184" t="s">
        <v>25461</v>
      </c>
      <c r="B16184" t="s">
        <v>25462</v>
      </c>
      <c r="C16184">
        <v>2</v>
      </c>
      <c r="D16184">
        <v>0</v>
      </c>
    </row>
    <row r="16185" spans="1:4" x14ac:dyDescent="0.25">
      <c r="A16185" t="s">
        <v>25463</v>
      </c>
      <c r="B16185" t="s">
        <v>25464</v>
      </c>
      <c r="C16185">
        <v>1</v>
      </c>
      <c r="D16185">
        <v>0</v>
      </c>
    </row>
    <row r="16186" spans="1:4" x14ac:dyDescent="0.25">
      <c r="A16186" t="s">
        <v>25463</v>
      </c>
      <c r="B16186" t="s">
        <v>25465</v>
      </c>
      <c r="C16186">
        <v>1</v>
      </c>
      <c r="D16186">
        <v>0</v>
      </c>
    </row>
    <row r="16187" spans="1:4" x14ac:dyDescent="0.25">
      <c r="A16187" t="s">
        <v>25466</v>
      </c>
      <c r="B16187" t="s">
        <v>25467</v>
      </c>
      <c r="C16187">
        <v>2</v>
      </c>
      <c r="D16187">
        <v>0</v>
      </c>
    </row>
    <row r="16188" spans="1:4" x14ac:dyDescent="0.25">
      <c r="A16188" t="s">
        <v>25468</v>
      </c>
      <c r="B16188" t="s">
        <v>25469</v>
      </c>
      <c r="C16188">
        <v>2</v>
      </c>
      <c r="D16188">
        <v>0</v>
      </c>
    </row>
    <row r="16189" spans="1:4" x14ac:dyDescent="0.25">
      <c r="A16189" t="s">
        <v>25470</v>
      </c>
      <c r="B16189" t="s">
        <v>25471</v>
      </c>
      <c r="C16189">
        <v>1</v>
      </c>
      <c r="D16189">
        <v>0</v>
      </c>
    </row>
    <row r="16190" spans="1:4" x14ac:dyDescent="0.25">
      <c r="A16190" t="s">
        <v>25472</v>
      </c>
      <c r="B16190" t="s">
        <v>25473</v>
      </c>
      <c r="C16190">
        <v>1</v>
      </c>
      <c r="D16190">
        <v>0</v>
      </c>
    </row>
    <row r="16191" spans="1:4" x14ac:dyDescent="0.25">
      <c r="A16191" t="s">
        <v>25472</v>
      </c>
      <c r="B16191" t="s">
        <v>25474</v>
      </c>
      <c r="C16191">
        <v>1</v>
      </c>
      <c r="D16191">
        <v>0</v>
      </c>
    </row>
    <row r="16192" spans="1:4" x14ac:dyDescent="0.25">
      <c r="A16192" t="s">
        <v>25475</v>
      </c>
      <c r="B16192" t="s">
        <v>25476</v>
      </c>
      <c r="C16192">
        <v>0</v>
      </c>
      <c r="D16192">
        <v>0</v>
      </c>
    </row>
    <row r="16193" spans="1:4" x14ac:dyDescent="0.25">
      <c r="A16193" t="s">
        <v>25477</v>
      </c>
      <c r="B16193" t="s">
        <v>25478</v>
      </c>
      <c r="C16193">
        <v>1</v>
      </c>
      <c r="D16193">
        <v>0</v>
      </c>
    </row>
    <row r="16194" spans="1:4" x14ac:dyDescent="0.25">
      <c r="A16194" t="s">
        <v>25479</v>
      </c>
      <c r="B16194" t="s">
        <v>25480</v>
      </c>
      <c r="C16194">
        <v>2</v>
      </c>
      <c r="D16194">
        <v>0</v>
      </c>
    </row>
    <row r="16195" spans="1:4" x14ac:dyDescent="0.25">
      <c r="A16195" t="s">
        <v>25481</v>
      </c>
      <c r="B16195" t="s">
        <v>25482</v>
      </c>
      <c r="C16195">
        <v>1</v>
      </c>
      <c r="D16195">
        <v>0</v>
      </c>
    </row>
    <row r="16196" spans="1:4" x14ac:dyDescent="0.25">
      <c r="A16196" t="s">
        <v>25483</v>
      </c>
      <c r="B16196" t="s">
        <v>25484</v>
      </c>
      <c r="C16196">
        <v>1</v>
      </c>
      <c r="D16196">
        <v>0</v>
      </c>
    </row>
    <row r="16197" spans="1:4" x14ac:dyDescent="0.25">
      <c r="A16197" t="s">
        <v>25483</v>
      </c>
      <c r="B16197" t="s">
        <v>25485</v>
      </c>
      <c r="C16197">
        <v>0</v>
      </c>
      <c r="D16197">
        <v>0</v>
      </c>
    </row>
    <row r="16198" spans="1:4" x14ac:dyDescent="0.25">
      <c r="A16198" t="s">
        <v>25486</v>
      </c>
      <c r="B16198" t="s">
        <v>25487</v>
      </c>
      <c r="C16198">
        <v>1</v>
      </c>
      <c r="D16198">
        <v>0</v>
      </c>
    </row>
    <row r="16199" spans="1:4" x14ac:dyDescent="0.25">
      <c r="A16199" t="s">
        <v>25486</v>
      </c>
      <c r="B16199" t="s">
        <v>25488</v>
      </c>
      <c r="C16199">
        <v>0</v>
      </c>
      <c r="D16199">
        <v>0</v>
      </c>
    </row>
    <row r="16200" spans="1:4" x14ac:dyDescent="0.25">
      <c r="A16200" t="s">
        <v>25489</v>
      </c>
      <c r="B16200" t="s">
        <v>25490</v>
      </c>
      <c r="C16200">
        <v>2</v>
      </c>
      <c r="D16200">
        <v>0</v>
      </c>
    </row>
    <row r="16201" spans="1:4" x14ac:dyDescent="0.25">
      <c r="A16201" t="s">
        <v>25491</v>
      </c>
      <c r="B16201" t="s">
        <v>25492</v>
      </c>
      <c r="C16201">
        <v>2</v>
      </c>
      <c r="D16201">
        <v>0</v>
      </c>
    </row>
    <row r="16202" spans="1:4" x14ac:dyDescent="0.25">
      <c r="A16202" t="s">
        <v>25493</v>
      </c>
      <c r="B16202" t="s">
        <v>25494</v>
      </c>
      <c r="C16202">
        <v>0</v>
      </c>
      <c r="D16202">
        <v>0</v>
      </c>
    </row>
    <row r="16203" spans="1:4" x14ac:dyDescent="0.25">
      <c r="A16203" t="s">
        <v>25495</v>
      </c>
      <c r="B16203" t="s">
        <v>25496</v>
      </c>
      <c r="C16203">
        <v>1</v>
      </c>
      <c r="D16203">
        <v>0</v>
      </c>
    </row>
    <row r="16204" spans="1:4" x14ac:dyDescent="0.25">
      <c r="A16204" t="s">
        <v>25495</v>
      </c>
      <c r="B16204" t="s">
        <v>25497</v>
      </c>
      <c r="C16204">
        <v>2</v>
      </c>
      <c r="D16204">
        <v>0</v>
      </c>
    </row>
    <row r="16205" spans="1:4" x14ac:dyDescent="0.25">
      <c r="A16205" t="s">
        <v>25498</v>
      </c>
      <c r="B16205" t="s">
        <v>25499</v>
      </c>
      <c r="C16205">
        <v>1</v>
      </c>
      <c r="D16205">
        <v>0</v>
      </c>
    </row>
    <row r="16206" spans="1:4" x14ac:dyDescent="0.25">
      <c r="A16206" t="s">
        <v>25500</v>
      </c>
      <c r="B16206" t="s">
        <v>25501</v>
      </c>
      <c r="C16206">
        <v>1</v>
      </c>
      <c r="D16206">
        <v>0</v>
      </c>
    </row>
    <row r="16207" spans="1:4" x14ac:dyDescent="0.25">
      <c r="A16207" t="s">
        <v>25502</v>
      </c>
      <c r="B16207" t="s">
        <v>25503</v>
      </c>
      <c r="C16207">
        <v>1</v>
      </c>
      <c r="D16207">
        <v>0</v>
      </c>
    </row>
    <row r="16208" spans="1:4" x14ac:dyDescent="0.25">
      <c r="A16208" t="s">
        <v>25504</v>
      </c>
      <c r="B16208" t="s">
        <v>25505</v>
      </c>
      <c r="C16208">
        <v>0</v>
      </c>
      <c r="D16208">
        <v>0</v>
      </c>
    </row>
    <row r="16209" spans="1:4" x14ac:dyDescent="0.25">
      <c r="A16209" t="s">
        <v>25506</v>
      </c>
      <c r="B16209" t="s">
        <v>25507</v>
      </c>
      <c r="C16209">
        <v>2</v>
      </c>
      <c r="D16209">
        <v>0</v>
      </c>
    </row>
    <row r="16210" spans="1:4" x14ac:dyDescent="0.25">
      <c r="A16210" t="s">
        <v>25508</v>
      </c>
      <c r="B16210" t="s">
        <v>25509</v>
      </c>
      <c r="C16210">
        <v>1</v>
      </c>
      <c r="D16210">
        <v>0</v>
      </c>
    </row>
    <row r="16211" spans="1:4" x14ac:dyDescent="0.25">
      <c r="A16211" t="s">
        <v>25510</v>
      </c>
      <c r="B16211" t="s">
        <v>25511</v>
      </c>
      <c r="C16211">
        <v>1</v>
      </c>
      <c r="D16211">
        <v>0</v>
      </c>
    </row>
    <row r="16212" spans="1:4" x14ac:dyDescent="0.25">
      <c r="A16212" t="s">
        <v>25510</v>
      </c>
      <c r="B16212" t="s">
        <v>25512</v>
      </c>
      <c r="C16212">
        <v>0</v>
      </c>
      <c r="D16212">
        <v>0</v>
      </c>
    </row>
    <row r="16213" spans="1:4" x14ac:dyDescent="0.25">
      <c r="A16213" t="s">
        <v>25513</v>
      </c>
      <c r="B16213" t="s">
        <v>25514</v>
      </c>
      <c r="C16213">
        <v>1</v>
      </c>
      <c r="D16213">
        <v>0</v>
      </c>
    </row>
    <row r="16214" spans="1:4" x14ac:dyDescent="0.25">
      <c r="A16214" t="s">
        <v>25515</v>
      </c>
      <c r="B16214" t="s">
        <v>25516</v>
      </c>
      <c r="C16214">
        <v>1</v>
      </c>
      <c r="D16214">
        <v>0</v>
      </c>
    </row>
    <row r="16215" spans="1:4" x14ac:dyDescent="0.25">
      <c r="A16215" t="s">
        <v>25517</v>
      </c>
      <c r="B16215" t="s">
        <v>25518</v>
      </c>
      <c r="C16215">
        <v>2</v>
      </c>
      <c r="D16215">
        <v>0</v>
      </c>
    </row>
    <row r="16216" spans="1:4" x14ac:dyDescent="0.25">
      <c r="A16216" t="s">
        <v>25519</v>
      </c>
      <c r="B16216" t="s">
        <v>25520</v>
      </c>
      <c r="C16216">
        <v>1</v>
      </c>
      <c r="D16216">
        <v>0</v>
      </c>
    </row>
    <row r="16217" spans="1:4" x14ac:dyDescent="0.25">
      <c r="A16217" t="s">
        <v>25521</v>
      </c>
      <c r="B16217" t="s">
        <v>25522</v>
      </c>
      <c r="C16217">
        <v>1</v>
      </c>
      <c r="D16217">
        <v>0</v>
      </c>
    </row>
    <row r="16218" spans="1:4" x14ac:dyDescent="0.25">
      <c r="A16218" t="s">
        <v>25521</v>
      </c>
      <c r="B16218" t="s">
        <v>25523</v>
      </c>
      <c r="C16218">
        <v>1</v>
      </c>
      <c r="D16218">
        <v>0</v>
      </c>
    </row>
    <row r="16219" spans="1:4" x14ac:dyDescent="0.25">
      <c r="A16219" t="s">
        <v>25524</v>
      </c>
      <c r="B16219" t="s">
        <v>25525</v>
      </c>
      <c r="C16219">
        <v>0</v>
      </c>
      <c r="D16219">
        <v>0</v>
      </c>
    </row>
    <row r="16220" spans="1:4" x14ac:dyDescent="0.25">
      <c r="A16220" t="s">
        <v>25526</v>
      </c>
      <c r="B16220" t="s">
        <v>25527</v>
      </c>
      <c r="C16220">
        <v>2</v>
      </c>
      <c r="D16220">
        <v>0</v>
      </c>
    </row>
    <row r="16221" spans="1:4" x14ac:dyDescent="0.25">
      <c r="A16221" t="s">
        <v>25528</v>
      </c>
      <c r="B16221" t="s">
        <v>25529</v>
      </c>
      <c r="C16221">
        <v>0</v>
      </c>
      <c r="D16221">
        <v>0</v>
      </c>
    </row>
    <row r="16222" spans="1:4" x14ac:dyDescent="0.25">
      <c r="A16222" t="s">
        <v>25528</v>
      </c>
      <c r="B16222" t="s">
        <v>25530</v>
      </c>
      <c r="C16222">
        <v>2</v>
      </c>
      <c r="D16222">
        <v>0</v>
      </c>
    </row>
    <row r="16223" spans="1:4" x14ac:dyDescent="0.25">
      <c r="A16223" t="s">
        <v>25531</v>
      </c>
      <c r="B16223" t="s">
        <v>25532</v>
      </c>
      <c r="C16223">
        <v>1</v>
      </c>
      <c r="D16223">
        <v>0</v>
      </c>
    </row>
    <row r="16224" spans="1:4" x14ac:dyDescent="0.25">
      <c r="A16224" t="s">
        <v>25531</v>
      </c>
      <c r="B16224" t="s">
        <v>25533</v>
      </c>
      <c r="C16224">
        <v>0</v>
      </c>
      <c r="D16224">
        <v>0</v>
      </c>
    </row>
    <row r="16225" spans="1:4" x14ac:dyDescent="0.25">
      <c r="A16225" t="s">
        <v>25534</v>
      </c>
      <c r="B16225" t="s">
        <v>25535</v>
      </c>
      <c r="C16225">
        <v>2</v>
      </c>
      <c r="D16225">
        <v>0</v>
      </c>
    </row>
    <row r="16226" spans="1:4" x14ac:dyDescent="0.25">
      <c r="A16226" t="s">
        <v>25536</v>
      </c>
      <c r="B16226" t="s">
        <v>25537</v>
      </c>
      <c r="C16226">
        <v>1</v>
      </c>
      <c r="D16226">
        <v>0</v>
      </c>
    </row>
    <row r="16227" spans="1:4" x14ac:dyDescent="0.25">
      <c r="A16227" t="s">
        <v>25538</v>
      </c>
      <c r="B16227" t="s">
        <v>25539</v>
      </c>
      <c r="C16227">
        <v>1</v>
      </c>
      <c r="D16227">
        <v>0</v>
      </c>
    </row>
    <row r="16228" spans="1:4" x14ac:dyDescent="0.25">
      <c r="A16228" t="s">
        <v>25540</v>
      </c>
      <c r="B16228" t="s">
        <v>25541</v>
      </c>
      <c r="C16228">
        <v>1</v>
      </c>
      <c r="D16228">
        <v>0</v>
      </c>
    </row>
    <row r="16229" spans="1:4" x14ac:dyDescent="0.25">
      <c r="A16229" t="s">
        <v>25542</v>
      </c>
      <c r="B16229" t="s">
        <v>25543</v>
      </c>
      <c r="C16229">
        <v>1</v>
      </c>
      <c r="D16229">
        <v>0</v>
      </c>
    </row>
    <row r="16230" spans="1:4" x14ac:dyDescent="0.25">
      <c r="A16230" t="s">
        <v>25544</v>
      </c>
      <c r="B16230" t="s">
        <v>25545</v>
      </c>
      <c r="C16230">
        <v>2</v>
      </c>
      <c r="D16230">
        <v>0</v>
      </c>
    </row>
    <row r="16231" spans="1:4" x14ac:dyDescent="0.25">
      <c r="A16231" t="s">
        <v>25546</v>
      </c>
      <c r="B16231" t="s">
        <v>25547</v>
      </c>
      <c r="C16231">
        <v>1</v>
      </c>
      <c r="D16231">
        <v>0</v>
      </c>
    </row>
    <row r="16232" spans="1:4" x14ac:dyDescent="0.25">
      <c r="A16232" t="s">
        <v>25548</v>
      </c>
      <c r="B16232" t="s">
        <v>25549</v>
      </c>
      <c r="C16232">
        <v>2</v>
      </c>
      <c r="D16232">
        <v>0</v>
      </c>
    </row>
    <row r="16233" spans="1:4" x14ac:dyDescent="0.25">
      <c r="A16233" t="s">
        <v>25550</v>
      </c>
      <c r="B16233" t="s">
        <v>25551</v>
      </c>
      <c r="C16233">
        <v>2</v>
      </c>
      <c r="D16233">
        <v>0</v>
      </c>
    </row>
    <row r="16234" spans="1:4" x14ac:dyDescent="0.25">
      <c r="A16234" t="s">
        <v>25552</v>
      </c>
      <c r="B16234" t="s">
        <v>25553</v>
      </c>
      <c r="C16234">
        <v>2</v>
      </c>
      <c r="D16234">
        <v>0</v>
      </c>
    </row>
    <row r="16235" spans="1:4" x14ac:dyDescent="0.25">
      <c r="A16235" t="s">
        <v>25554</v>
      </c>
      <c r="B16235" t="s">
        <v>25555</v>
      </c>
      <c r="C16235">
        <v>0</v>
      </c>
      <c r="D16235">
        <v>0</v>
      </c>
    </row>
    <row r="16236" spans="1:4" x14ac:dyDescent="0.25">
      <c r="A16236" t="s">
        <v>25556</v>
      </c>
      <c r="B16236" t="s">
        <v>25557</v>
      </c>
      <c r="C16236">
        <v>1</v>
      </c>
      <c r="D16236">
        <v>0</v>
      </c>
    </row>
    <row r="16237" spans="1:4" x14ac:dyDescent="0.25">
      <c r="A16237" t="s">
        <v>25558</v>
      </c>
      <c r="B16237" t="s">
        <v>25559</v>
      </c>
      <c r="C16237">
        <v>1</v>
      </c>
      <c r="D16237">
        <v>0</v>
      </c>
    </row>
    <row r="16238" spans="1:4" x14ac:dyDescent="0.25">
      <c r="A16238" t="s">
        <v>25560</v>
      </c>
      <c r="B16238" t="s">
        <v>25561</v>
      </c>
      <c r="C16238">
        <v>1</v>
      </c>
      <c r="D16238">
        <v>0</v>
      </c>
    </row>
    <row r="16239" spans="1:4" x14ac:dyDescent="0.25">
      <c r="A16239" t="s">
        <v>25562</v>
      </c>
      <c r="B16239" t="s">
        <v>25563</v>
      </c>
      <c r="C16239">
        <v>1</v>
      </c>
      <c r="D16239">
        <v>0</v>
      </c>
    </row>
    <row r="16240" spans="1:4" x14ac:dyDescent="0.25">
      <c r="A16240" t="s">
        <v>25564</v>
      </c>
      <c r="B16240" t="s">
        <v>25565</v>
      </c>
      <c r="C16240">
        <v>1</v>
      </c>
      <c r="D16240">
        <v>0</v>
      </c>
    </row>
    <row r="16241" spans="1:4" x14ac:dyDescent="0.25">
      <c r="A16241" t="s">
        <v>25566</v>
      </c>
      <c r="B16241" t="s">
        <v>25567</v>
      </c>
      <c r="C16241">
        <v>1</v>
      </c>
      <c r="D16241">
        <v>0</v>
      </c>
    </row>
    <row r="16242" spans="1:4" x14ac:dyDescent="0.25">
      <c r="A16242" t="s">
        <v>25568</v>
      </c>
      <c r="B16242" t="s">
        <v>25569</v>
      </c>
      <c r="C16242">
        <v>1</v>
      </c>
      <c r="D16242">
        <v>0</v>
      </c>
    </row>
    <row r="16243" spans="1:4" x14ac:dyDescent="0.25">
      <c r="A16243" t="s">
        <v>25570</v>
      </c>
      <c r="B16243" t="s">
        <v>25571</v>
      </c>
      <c r="C16243">
        <v>0</v>
      </c>
      <c r="D16243">
        <v>0</v>
      </c>
    </row>
    <row r="16244" spans="1:4" x14ac:dyDescent="0.25">
      <c r="A16244" t="s">
        <v>25572</v>
      </c>
      <c r="B16244" t="s">
        <v>25573</v>
      </c>
      <c r="C16244">
        <v>1</v>
      </c>
      <c r="D16244">
        <v>0</v>
      </c>
    </row>
    <row r="16245" spans="1:4" x14ac:dyDescent="0.25">
      <c r="A16245" t="s">
        <v>25574</v>
      </c>
      <c r="B16245" t="s">
        <v>25575</v>
      </c>
      <c r="C16245">
        <v>1</v>
      </c>
      <c r="D16245">
        <v>0</v>
      </c>
    </row>
    <row r="16246" spans="1:4" x14ac:dyDescent="0.25">
      <c r="A16246" t="s">
        <v>25576</v>
      </c>
      <c r="B16246" t="s">
        <v>25577</v>
      </c>
      <c r="C16246">
        <v>1</v>
      </c>
      <c r="D16246">
        <v>0</v>
      </c>
    </row>
    <row r="16247" spans="1:4" x14ac:dyDescent="0.25">
      <c r="A16247" t="s">
        <v>25578</v>
      </c>
      <c r="B16247" t="s">
        <v>25579</v>
      </c>
      <c r="C16247">
        <v>2</v>
      </c>
      <c r="D16247">
        <v>0</v>
      </c>
    </row>
    <row r="16248" spans="1:4" x14ac:dyDescent="0.25">
      <c r="A16248" t="s">
        <v>25580</v>
      </c>
      <c r="B16248" t="s">
        <v>25581</v>
      </c>
      <c r="C16248">
        <v>1</v>
      </c>
      <c r="D16248">
        <v>0</v>
      </c>
    </row>
    <row r="16249" spans="1:4" x14ac:dyDescent="0.25">
      <c r="A16249" t="s">
        <v>25582</v>
      </c>
      <c r="B16249" t="s">
        <v>25583</v>
      </c>
      <c r="C16249">
        <v>1</v>
      </c>
      <c r="D16249">
        <v>0</v>
      </c>
    </row>
    <row r="16250" spans="1:4" x14ac:dyDescent="0.25">
      <c r="A16250" t="s">
        <v>25582</v>
      </c>
      <c r="B16250" t="s">
        <v>25584</v>
      </c>
      <c r="C16250">
        <v>0</v>
      </c>
      <c r="D16250">
        <v>0</v>
      </c>
    </row>
    <row r="16251" spans="1:4" x14ac:dyDescent="0.25">
      <c r="A16251" t="s">
        <v>25585</v>
      </c>
      <c r="B16251" t="s">
        <v>25586</v>
      </c>
      <c r="C16251">
        <v>1</v>
      </c>
      <c r="D16251">
        <v>0</v>
      </c>
    </row>
    <row r="16252" spans="1:4" x14ac:dyDescent="0.25">
      <c r="A16252" t="s">
        <v>25587</v>
      </c>
      <c r="B16252" t="s">
        <v>25588</v>
      </c>
      <c r="C16252">
        <v>1</v>
      </c>
      <c r="D16252">
        <v>0</v>
      </c>
    </row>
    <row r="16253" spans="1:4" x14ac:dyDescent="0.25">
      <c r="A16253" t="s">
        <v>25589</v>
      </c>
      <c r="B16253" t="s">
        <v>25590</v>
      </c>
      <c r="C16253">
        <v>0</v>
      </c>
      <c r="D16253">
        <v>0</v>
      </c>
    </row>
    <row r="16254" spans="1:4" x14ac:dyDescent="0.25">
      <c r="A16254" t="s">
        <v>25591</v>
      </c>
      <c r="B16254" t="s">
        <v>25592</v>
      </c>
      <c r="C16254">
        <v>1</v>
      </c>
      <c r="D16254">
        <v>0</v>
      </c>
    </row>
    <row r="16255" spans="1:4" x14ac:dyDescent="0.25">
      <c r="A16255" t="s">
        <v>25593</v>
      </c>
      <c r="B16255" t="s">
        <v>25594</v>
      </c>
      <c r="C16255">
        <v>1</v>
      </c>
      <c r="D16255">
        <v>0</v>
      </c>
    </row>
    <row r="16256" spans="1:4" x14ac:dyDescent="0.25">
      <c r="A16256" t="s">
        <v>25595</v>
      </c>
      <c r="B16256" t="s">
        <v>25596</v>
      </c>
      <c r="C16256">
        <v>1</v>
      </c>
      <c r="D16256">
        <v>0</v>
      </c>
    </row>
    <row r="16257" spans="1:4" x14ac:dyDescent="0.25">
      <c r="A16257" t="s">
        <v>25597</v>
      </c>
      <c r="B16257" t="s">
        <v>25598</v>
      </c>
      <c r="C16257">
        <v>1</v>
      </c>
      <c r="D16257">
        <v>0</v>
      </c>
    </row>
    <row r="16258" spans="1:4" x14ac:dyDescent="0.25">
      <c r="A16258" t="s">
        <v>25599</v>
      </c>
      <c r="B16258" t="s">
        <v>25600</v>
      </c>
      <c r="C16258">
        <v>1</v>
      </c>
      <c r="D16258">
        <v>0</v>
      </c>
    </row>
    <row r="16259" spans="1:4" x14ac:dyDescent="0.25">
      <c r="A16259" t="s">
        <v>25601</v>
      </c>
      <c r="B16259" t="s">
        <v>25602</v>
      </c>
      <c r="C16259">
        <v>0</v>
      </c>
      <c r="D16259">
        <v>0</v>
      </c>
    </row>
    <row r="16260" spans="1:4" x14ac:dyDescent="0.25">
      <c r="A16260" t="s">
        <v>25603</v>
      </c>
      <c r="B16260" t="s">
        <v>25604</v>
      </c>
      <c r="C16260">
        <v>1</v>
      </c>
      <c r="D16260">
        <v>0</v>
      </c>
    </row>
    <row r="16261" spans="1:4" x14ac:dyDescent="0.25">
      <c r="A16261" t="s">
        <v>25605</v>
      </c>
      <c r="B16261" t="s">
        <v>25606</v>
      </c>
      <c r="C16261">
        <v>2</v>
      </c>
      <c r="D16261">
        <v>0</v>
      </c>
    </row>
    <row r="16262" spans="1:4" x14ac:dyDescent="0.25">
      <c r="A16262" t="s">
        <v>25605</v>
      </c>
      <c r="B16262" t="s">
        <v>25607</v>
      </c>
      <c r="C16262">
        <v>2</v>
      </c>
      <c r="D16262">
        <v>0</v>
      </c>
    </row>
    <row r="16263" spans="1:4" x14ac:dyDescent="0.25">
      <c r="A16263" t="s">
        <v>25608</v>
      </c>
      <c r="B16263" t="s">
        <v>25609</v>
      </c>
      <c r="C16263">
        <v>1</v>
      </c>
      <c r="D16263">
        <v>0</v>
      </c>
    </row>
    <row r="16264" spans="1:4" x14ac:dyDescent="0.25">
      <c r="A16264" t="s">
        <v>25610</v>
      </c>
      <c r="B16264" t="s">
        <v>25611</v>
      </c>
      <c r="C16264">
        <v>1</v>
      </c>
      <c r="D16264">
        <v>0</v>
      </c>
    </row>
    <row r="16265" spans="1:4" x14ac:dyDescent="0.25">
      <c r="A16265" t="s">
        <v>25612</v>
      </c>
      <c r="B16265" t="s">
        <v>5434</v>
      </c>
      <c r="C16265">
        <v>1</v>
      </c>
      <c r="D16265">
        <v>0</v>
      </c>
    </row>
    <row r="16266" spans="1:4" x14ac:dyDescent="0.25">
      <c r="A16266" t="s">
        <v>25613</v>
      </c>
      <c r="B16266" t="s">
        <v>25614</v>
      </c>
      <c r="C16266">
        <v>1</v>
      </c>
      <c r="D16266">
        <v>0</v>
      </c>
    </row>
    <row r="16267" spans="1:4" x14ac:dyDescent="0.25">
      <c r="A16267" t="s">
        <v>25615</v>
      </c>
      <c r="B16267" t="s">
        <v>25616</v>
      </c>
      <c r="C16267">
        <v>0</v>
      </c>
      <c r="D16267">
        <v>0</v>
      </c>
    </row>
    <row r="16268" spans="1:4" x14ac:dyDescent="0.25">
      <c r="A16268" t="s">
        <v>25617</v>
      </c>
      <c r="B16268" t="s">
        <v>25618</v>
      </c>
      <c r="C16268">
        <v>1</v>
      </c>
      <c r="D16268">
        <v>0</v>
      </c>
    </row>
    <row r="16269" spans="1:4" x14ac:dyDescent="0.25">
      <c r="A16269" t="s">
        <v>25617</v>
      </c>
      <c r="B16269" t="s">
        <v>25619</v>
      </c>
      <c r="C16269">
        <v>0</v>
      </c>
      <c r="D16269">
        <v>0</v>
      </c>
    </row>
    <row r="16270" spans="1:4" x14ac:dyDescent="0.25">
      <c r="A16270" t="s">
        <v>25617</v>
      </c>
      <c r="B16270" t="s">
        <v>25620</v>
      </c>
      <c r="C16270">
        <v>2</v>
      </c>
      <c r="D16270">
        <v>0</v>
      </c>
    </row>
    <row r="16271" spans="1:4" x14ac:dyDescent="0.25">
      <c r="A16271" t="s">
        <v>25621</v>
      </c>
      <c r="B16271" t="s">
        <v>25622</v>
      </c>
      <c r="C16271">
        <v>0</v>
      </c>
      <c r="D16271">
        <v>0</v>
      </c>
    </row>
    <row r="16272" spans="1:4" x14ac:dyDescent="0.25">
      <c r="A16272" t="s">
        <v>25623</v>
      </c>
      <c r="B16272" t="s">
        <v>25624</v>
      </c>
      <c r="C16272">
        <v>2</v>
      </c>
      <c r="D16272">
        <v>0</v>
      </c>
    </row>
    <row r="16273" spans="1:4" x14ac:dyDescent="0.25">
      <c r="A16273" t="s">
        <v>25625</v>
      </c>
      <c r="B16273" t="s">
        <v>25626</v>
      </c>
      <c r="C16273">
        <v>2</v>
      </c>
      <c r="D16273">
        <v>0</v>
      </c>
    </row>
    <row r="16274" spans="1:4" x14ac:dyDescent="0.25">
      <c r="A16274" t="s">
        <v>25627</v>
      </c>
      <c r="B16274" t="s">
        <v>25628</v>
      </c>
      <c r="C16274">
        <v>2</v>
      </c>
      <c r="D16274">
        <v>0</v>
      </c>
    </row>
    <row r="16275" spans="1:4" x14ac:dyDescent="0.25">
      <c r="A16275" t="s">
        <v>25629</v>
      </c>
      <c r="B16275" t="s">
        <v>25630</v>
      </c>
      <c r="C16275">
        <v>2</v>
      </c>
      <c r="D16275">
        <v>0</v>
      </c>
    </row>
    <row r="16276" spans="1:4" x14ac:dyDescent="0.25">
      <c r="A16276" t="s">
        <v>25631</v>
      </c>
      <c r="B16276" t="s">
        <v>25632</v>
      </c>
      <c r="C16276">
        <v>1</v>
      </c>
      <c r="D16276">
        <v>0</v>
      </c>
    </row>
    <row r="16277" spans="1:4" x14ac:dyDescent="0.25">
      <c r="A16277" t="s">
        <v>25633</v>
      </c>
      <c r="B16277" t="s">
        <v>25634</v>
      </c>
      <c r="C16277">
        <v>1</v>
      </c>
      <c r="D16277">
        <v>0</v>
      </c>
    </row>
    <row r="16278" spans="1:4" x14ac:dyDescent="0.25">
      <c r="A16278" t="s">
        <v>25633</v>
      </c>
      <c r="B16278" t="s">
        <v>25635</v>
      </c>
      <c r="C16278">
        <v>0</v>
      </c>
      <c r="D16278">
        <v>0</v>
      </c>
    </row>
    <row r="16279" spans="1:4" x14ac:dyDescent="0.25">
      <c r="A16279" t="s">
        <v>25636</v>
      </c>
      <c r="B16279" t="s">
        <v>25637</v>
      </c>
      <c r="C16279">
        <v>1</v>
      </c>
      <c r="D16279">
        <v>0</v>
      </c>
    </row>
    <row r="16280" spans="1:4" x14ac:dyDescent="0.25">
      <c r="A16280" t="s">
        <v>25638</v>
      </c>
      <c r="B16280" t="s">
        <v>25639</v>
      </c>
      <c r="C16280">
        <v>1</v>
      </c>
      <c r="D16280">
        <v>0</v>
      </c>
    </row>
    <row r="16281" spans="1:4" x14ac:dyDescent="0.25">
      <c r="A16281" t="s">
        <v>25640</v>
      </c>
      <c r="B16281" t="s">
        <v>25641</v>
      </c>
      <c r="C16281">
        <v>1</v>
      </c>
      <c r="D16281">
        <v>0</v>
      </c>
    </row>
    <row r="16282" spans="1:4" x14ac:dyDescent="0.25">
      <c r="A16282" t="s">
        <v>25642</v>
      </c>
      <c r="B16282" t="s">
        <v>25643</v>
      </c>
      <c r="C16282">
        <v>1</v>
      </c>
      <c r="D16282">
        <v>0</v>
      </c>
    </row>
    <row r="16283" spans="1:4" x14ac:dyDescent="0.25">
      <c r="A16283" t="s">
        <v>25644</v>
      </c>
      <c r="B16283" t="s">
        <v>25645</v>
      </c>
      <c r="C16283">
        <v>0</v>
      </c>
      <c r="D16283">
        <v>0</v>
      </c>
    </row>
    <row r="16284" spans="1:4" x14ac:dyDescent="0.25">
      <c r="A16284" t="s">
        <v>25646</v>
      </c>
      <c r="B16284" t="s">
        <v>25647</v>
      </c>
      <c r="C16284">
        <v>1</v>
      </c>
      <c r="D16284">
        <v>0</v>
      </c>
    </row>
    <row r="16285" spans="1:4" x14ac:dyDescent="0.25">
      <c r="A16285" t="s">
        <v>25646</v>
      </c>
      <c r="B16285" t="s">
        <v>25648</v>
      </c>
      <c r="C16285">
        <v>0</v>
      </c>
      <c r="D16285">
        <v>0</v>
      </c>
    </row>
    <row r="16286" spans="1:4" x14ac:dyDescent="0.25">
      <c r="A16286" t="s">
        <v>25649</v>
      </c>
      <c r="B16286" t="s">
        <v>25650</v>
      </c>
      <c r="C16286">
        <v>0</v>
      </c>
      <c r="D16286">
        <v>0</v>
      </c>
    </row>
    <row r="16287" spans="1:4" x14ac:dyDescent="0.25">
      <c r="A16287" t="s">
        <v>25651</v>
      </c>
      <c r="B16287" t="s">
        <v>25652</v>
      </c>
      <c r="C16287">
        <v>1</v>
      </c>
      <c r="D16287">
        <v>0</v>
      </c>
    </row>
    <row r="16288" spans="1:4" x14ac:dyDescent="0.25">
      <c r="A16288" t="s">
        <v>25651</v>
      </c>
      <c r="B16288" t="s">
        <v>25653</v>
      </c>
      <c r="C16288">
        <v>0</v>
      </c>
      <c r="D16288">
        <v>0</v>
      </c>
    </row>
    <row r="16289" spans="1:4" x14ac:dyDescent="0.25">
      <c r="A16289" t="s">
        <v>25654</v>
      </c>
      <c r="B16289" t="s">
        <v>25655</v>
      </c>
      <c r="C16289">
        <v>0</v>
      </c>
      <c r="D16289">
        <v>0</v>
      </c>
    </row>
    <row r="16290" spans="1:4" x14ac:dyDescent="0.25">
      <c r="A16290" t="s">
        <v>25656</v>
      </c>
      <c r="B16290" t="s">
        <v>25657</v>
      </c>
      <c r="C16290">
        <v>0</v>
      </c>
      <c r="D16290">
        <v>0</v>
      </c>
    </row>
    <row r="16291" spans="1:4" x14ac:dyDescent="0.25">
      <c r="A16291" t="s">
        <v>25658</v>
      </c>
      <c r="B16291" t="s">
        <v>25659</v>
      </c>
      <c r="C16291">
        <v>0</v>
      </c>
      <c r="D16291">
        <v>0</v>
      </c>
    </row>
    <row r="16292" spans="1:4" x14ac:dyDescent="0.25">
      <c r="A16292" t="s">
        <v>25660</v>
      </c>
      <c r="B16292" t="s">
        <v>25661</v>
      </c>
      <c r="C16292">
        <v>1</v>
      </c>
      <c r="D16292">
        <v>0</v>
      </c>
    </row>
    <row r="16293" spans="1:4" x14ac:dyDescent="0.25">
      <c r="A16293" t="s">
        <v>25662</v>
      </c>
      <c r="B16293" t="s">
        <v>25663</v>
      </c>
      <c r="C16293">
        <v>0</v>
      </c>
      <c r="D16293">
        <v>0</v>
      </c>
    </row>
    <row r="16294" spans="1:4" x14ac:dyDescent="0.25">
      <c r="A16294" t="s">
        <v>25664</v>
      </c>
      <c r="B16294" t="s">
        <v>25665</v>
      </c>
      <c r="C16294">
        <v>1</v>
      </c>
      <c r="D16294">
        <v>0</v>
      </c>
    </row>
    <row r="16295" spans="1:4" x14ac:dyDescent="0.25">
      <c r="A16295" t="s">
        <v>25666</v>
      </c>
      <c r="B16295" t="s">
        <v>25667</v>
      </c>
      <c r="C16295">
        <v>1</v>
      </c>
      <c r="D16295">
        <v>0</v>
      </c>
    </row>
    <row r="16296" spans="1:4" x14ac:dyDescent="0.25">
      <c r="A16296" t="s">
        <v>25666</v>
      </c>
      <c r="B16296" t="s">
        <v>25668</v>
      </c>
      <c r="C16296">
        <v>1</v>
      </c>
      <c r="D16296">
        <v>0</v>
      </c>
    </row>
    <row r="16297" spans="1:4" x14ac:dyDescent="0.25">
      <c r="A16297" t="s">
        <v>25669</v>
      </c>
      <c r="B16297" t="s">
        <v>11948</v>
      </c>
      <c r="C16297">
        <v>0</v>
      </c>
      <c r="D16297">
        <v>0</v>
      </c>
    </row>
    <row r="16298" spans="1:4" x14ac:dyDescent="0.25">
      <c r="A16298" t="s">
        <v>25670</v>
      </c>
      <c r="B16298" t="s">
        <v>25671</v>
      </c>
      <c r="C16298">
        <v>1</v>
      </c>
      <c r="D16298">
        <v>0</v>
      </c>
    </row>
    <row r="16299" spans="1:4" x14ac:dyDescent="0.25">
      <c r="A16299" t="s">
        <v>25672</v>
      </c>
      <c r="B16299" t="s">
        <v>25673</v>
      </c>
      <c r="C16299">
        <v>0</v>
      </c>
      <c r="D16299">
        <v>0</v>
      </c>
    </row>
    <row r="16300" spans="1:4" x14ac:dyDescent="0.25">
      <c r="A16300" t="s">
        <v>25674</v>
      </c>
      <c r="B16300" t="s">
        <v>25675</v>
      </c>
      <c r="C16300">
        <v>1</v>
      </c>
      <c r="D16300">
        <v>0</v>
      </c>
    </row>
    <row r="16301" spans="1:4" x14ac:dyDescent="0.25">
      <c r="A16301" t="s">
        <v>25674</v>
      </c>
      <c r="B16301" t="s">
        <v>25676</v>
      </c>
      <c r="C16301">
        <v>0</v>
      </c>
      <c r="D16301">
        <v>0</v>
      </c>
    </row>
    <row r="16302" spans="1:4" x14ac:dyDescent="0.25">
      <c r="A16302" t="s">
        <v>25677</v>
      </c>
      <c r="B16302" t="s">
        <v>25678</v>
      </c>
      <c r="C16302">
        <v>1</v>
      </c>
      <c r="D16302">
        <v>0</v>
      </c>
    </row>
    <row r="16303" spans="1:4" x14ac:dyDescent="0.25">
      <c r="A16303" t="s">
        <v>25679</v>
      </c>
      <c r="B16303" t="s">
        <v>25680</v>
      </c>
      <c r="C16303">
        <v>1</v>
      </c>
      <c r="D16303">
        <v>0</v>
      </c>
    </row>
    <row r="16304" spans="1:4" x14ac:dyDescent="0.25">
      <c r="A16304" t="s">
        <v>25679</v>
      </c>
      <c r="B16304" t="s">
        <v>25681</v>
      </c>
      <c r="C16304">
        <v>0</v>
      </c>
      <c r="D16304">
        <v>0</v>
      </c>
    </row>
    <row r="16305" spans="1:4" x14ac:dyDescent="0.25">
      <c r="A16305" t="s">
        <v>25682</v>
      </c>
      <c r="B16305" t="s">
        <v>25683</v>
      </c>
      <c r="C16305">
        <v>1</v>
      </c>
      <c r="D16305">
        <v>0</v>
      </c>
    </row>
    <row r="16306" spans="1:4" x14ac:dyDescent="0.25">
      <c r="A16306" t="s">
        <v>25682</v>
      </c>
      <c r="B16306" t="s">
        <v>25684</v>
      </c>
      <c r="C16306">
        <v>0</v>
      </c>
      <c r="D16306">
        <v>0</v>
      </c>
    </row>
    <row r="16307" spans="1:4" x14ac:dyDescent="0.25">
      <c r="A16307" t="s">
        <v>25685</v>
      </c>
      <c r="B16307" t="s">
        <v>9783</v>
      </c>
      <c r="C16307">
        <v>1</v>
      </c>
      <c r="D16307">
        <v>0</v>
      </c>
    </row>
    <row r="16308" spans="1:4" x14ac:dyDescent="0.25">
      <c r="A16308" t="s">
        <v>25686</v>
      </c>
      <c r="B16308" t="s">
        <v>25687</v>
      </c>
      <c r="C16308">
        <v>0</v>
      </c>
      <c r="D16308">
        <v>0</v>
      </c>
    </row>
    <row r="16309" spans="1:4" x14ac:dyDescent="0.25">
      <c r="A16309" t="s">
        <v>25688</v>
      </c>
      <c r="B16309" t="s">
        <v>25689</v>
      </c>
      <c r="C16309">
        <v>2</v>
      </c>
      <c r="D16309">
        <v>0</v>
      </c>
    </row>
    <row r="16310" spans="1:4" x14ac:dyDescent="0.25">
      <c r="A16310" t="s">
        <v>25690</v>
      </c>
      <c r="B16310" t="s">
        <v>25691</v>
      </c>
      <c r="C16310">
        <v>2</v>
      </c>
      <c r="D16310">
        <v>0</v>
      </c>
    </row>
    <row r="16311" spans="1:4" x14ac:dyDescent="0.25">
      <c r="A16311" t="s">
        <v>25692</v>
      </c>
      <c r="B16311" t="s">
        <v>25693</v>
      </c>
      <c r="C16311">
        <v>0</v>
      </c>
      <c r="D16311">
        <v>0</v>
      </c>
    </row>
    <row r="16312" spans="1:4" x14ac:dyDescent="0.25">
      <c r="A16312" t="s">
        <v>25692</v>
      </c>
      <c r="B16312" t="s">
        <v>25694</v>
      </c>
      <c r="C16312">
        <v>2</v>
      </c>
      <c r="D16312">
        <v>0</v>
      </c>
    </row>
    <row r="16313" spans="1:4" x14ac:dyDescent="0.25">
      <c r="A16313" t="s">
        <v>25695</v>
      </c>
      <c r="B16313" t="s">
        <v>25696</v>
      </c>
      <c r="C16313">
        <v>1</v>
      </c>
      <c r="D16313">
        <v>0</v>
      </c>
    </row>
    <row r="16314" spans="1:4" x14ac:dyDescent="0.25">
      <c r="A16314" t="s">
        <v>25697</v>
      </c>
      <c r="B16314" t="s">
        <v>25698</v>
      </c>
      <c r="C16314">
        <v>1</v>
      </c>
      <c r="D16314">
        <v>0</v>
      </c>
    </row>
    <row r="16315" spans="1:4" x14ac:dyDescent="0.25">
      <c r="A16315" t="s">
        <v>25697</v>
      </c>
      <c r="B16315" t="s">
        <v>25699</v>
      </c>
      <c r="C16315">
        <v>1</v>
      </c>
      <c r="D16315">
        <v>0</v>
      </c>
    </row>
    <row r="16316" spans="1:4" x14ac:dyDescent="0.25">
      <c r="A16316" t="s">
        <v>25697</v>
      </c>
      <c r="B16316" t="s">
        <v>25700</v>
      </c>
      <c r="C16316">
        <v>2</v>
      </c>
      <c r="D16316">
        <v>0</v>
      </c>
    </row>
    <row r="16317" spans="1:4" x14ac:dyDescent="0.25">
      <c r="A16317" t="s">
        <v>25701</v>
      </c>
      <c r="B16317" t="s">
        <v>25702</v>
      </c>
      <c r="C16317">
        <v>1</v>
      </c>
      <c r="D16317">
        <v>0</v>
      </c>
    </row>
    <row r="16318" spans="1:4" x14ac:dyDescent="0.25">
      <c r="A16318" t="s">
        <v>25703</v>
      </c>
      <c r="B16318" t="s">
        <v>25704</v>
      </c>
      <c r="C16318">
        <v>0</v>
      </c>
      <c r="D16318">
        <v>0</v>
      </c>
    </row>
    <row r="16319" spans="1:4" x14ac:dyDescent="0.25">
      <c r="A16319" t="s">
        <v>25705</v>
      </c>
      <c r="B16319" t="s">
        <v>25706</v>
      </c>
      <c r="C16319">
        <v>1</v>
      </c>
      <c r="D16319">
        <v>0</v>
      </c>
    </row>
    <row r="16320" spans="1:4" x14ac:dyDescent="0.25">
      <c r="A16320" t="s">
        <v>25707</v>
      </c>
      <c r="B16320" t="s">
        <v>25708</v>
      </c>
      <c r="C16320">
        <v>1</v>
      </c>
      <c r="D16320">
        <v>0</v>
      </c>
    </row>
    <row r="16321" spans="1:4" x14ac:dyDescent="0.25">
      <c r="A16321" t="s">
        <v>25707</v>
      </c>
      <c r="B16321" t="s">
        <v>25709</v>
      </c>
      <c r="C16321">
        <v>0</v>
      </c>
      <c r="D16321">
        <v>0</v>
      </c>
    </row>
    <row r="16322" spans="1:4" x14ac:dyDescent="0.25">
      <c r="A16322" t="s">
        <v>25707</v>
      </c>
      <c r="B16322" t="s">
        <v>25710</v>
      </c>
      <c r="C16322">
        <v>2</v>
      </c>
      <c r="D16322">
        <v>0</v>
      </c>
    </row>
    <row r="16323" spans="1:4" x14ac:dyDescent="0.25">
      <c r="A16323" t="s">
        <v>25711</v>
      </c>
      <c r="B16323" t="s">
        <v>25712</v>
      </c>
      <c r="C16323">
        <v>1</v>
      </c>
      <c r="D16323">
        <v>0</v>
      </c>
    </row>
    <row r="16324" spans="1:4" x14ac:dyDescent="0.25">
      <c r="A16324" t="s">
        <v>25711</v>
      </c>
      <c r="B16324" t="s">
        <v>25713</v>
      </c>
      <c r="C16324">
        <v>2</v>
      </c>
      <c r="D16324">
        <v>0</v>
      </c>
    </row>
    <row r="16325" spans="1:4" x14ac:dyDescent="0.25">
      <c r="A16325" t="s">
        <v>25714</v>
      </c>
      <c r="B16325" t="s">
        <v>25715</v>
      </c>
      <c r="C16325">
        <v>0</v>
      </c>
      <c r="D16325">
        <v>0</v>
      </c>
    </row>
    <row r="16326" spans="1:4" x14ac:dyDescent="0.25">
      <c r="A16326" t="s">
        <v>25716</v>
      </c>
      <c r="B16326" t="s">
        <v>25717</v>
      </c>
      <c r="C16326">
        <v>1</v>
      </c>
      <c r="D16326">
        <v>0</v>
      </c>
    </row>
    <row r="16327" spans="1:4" x14ac:dyDescent="0.25">
      <c r="A16327" t="s">
        <v>25718</v>
      </c>
      <c r="B16327" t="s">
        <v>25719</v>
      </c>
      <c r="C16327">
        <v>1</v>
      </c>
      <c r="D16327">
        <v>0</v>
      </c>
    </row>
    <row r="16328" spans="1:4" x14ac:dyDescent="0.25">
      <c r="A16328" t="s">
        <v>25720</v>
      </c>
      <c r="B16328" t="s">
        <v>25721</v>
      </c>
      <c r="C16328">
        <v>1</v>
      </c>
      <c r="D16328">
        <v>0</v>
      </c>
    </row>
    <row r="16329" spans="1:4" x14ac:dyDescent="0.25">
      <c r="A16329" t="s">
        <v>25722</v>
      </c>
      <c r="B16329" t="s">
        <v>25723</v>
      </c>
      <c r="C16329">
        <v>1</v>
      </c>
      <c r="D16329">
        <v>0</v>
      </c>
    </row>
    <row r="16330" spans="1:4" x14ac:dyDescent="0.25">
      <c r="A16330" t="s">
        <v>25724</v>
      </c>
      <c r="B16330" t="s">
        <v>25725</v>
      </c>
      <c r="C16330">
        <v>2</v>
      </c>
      <c r="D16330">
        <v>0</v>
      </c>
    </row>
    <row r="16331" spans="1:4" x14ac:dyDescent="0.25">
      <c r="A16331" t="s">
        <v>25726</v>
      </c>
      <c r="B16331" t="s">
        <v>25727</v>
      </c>
      <c r="C16331">
        <v>1</v>
      </c>
      <c r="D16331">
        <v>0</v>
      </c>
    </row>
    <row r="16332" spans="1:4" x14ac:dyDescent="0.25">
      <c r="A16332" t="s">
        <v>25728</v>
      </c>
      <c r="B16332" t="s">
        <v>25729</v>
      </c>
      <c r="C16332">
        <v>0</v>
      </c>
      <c r="D16332">
        <v>0</v>
      </c>
    </row>
    <row r="16333" spans="1:4" x14ac:dyDescent="0.25">
      <c r="A16333" t="s">
        <v>25730</v>
      </c>
      <c r="B16333" t="s">
        <v>25731</v>
      </c>
      <c r="C16333">
        <v>0</v>
      </c>
      <c r="D16333">
        <v>0</v>
      </c>
    </row>
    <row r="16334" spans="1:4" x14ac:dyDescent="0.25">
      <c r="A16334" t="s">
        <v>25732</v>
      </c>
      <c r="B16334" t="s">
        <v>25733</v>
      </c>
      <c r="C16334">
        <v>2</v>
      </c>
      <c r="D16334">
        <v>0</v>
      </c>
    </row>
    <row r="16335" spans="1:4" x14ac:dyDescent="0.25">
      <c r="A16335" t="s">
        <v>25734</v>
      </c>
      <c r="B16335" t="s">
        <v>25735</v>
      </c>
      <c r="C16335">
        <v>1</v>
      </c>
      <c r="D16335">
        <v>0</v>
      </c>
    </row>
    <row r="16336" spans="1:4" x14ac:dyDescent="0.25">
      <c r="A16336" t="s">
        <v>25736</v>
      </c>
      <c r="B16336" t="s">
        <v>25737</v>
      </c>
      <c r="C16336">
        <v>0</v>
      </c>
      <c r="D16336">
        <v>0</v>
      </c>
    </row>
    <row r="16337" spans="1:4" x14ac:dyDescent="0.25">
      <c r="A16337" t="s">
        <v>25738</v>
      </c>
      <c r="B16337" t="s">
        <v>25739</v>
      </c>
      <c r="C16337">
        <v>2</v>
      </c>
      <c r="D16337">
        <v>0</v>
      </c>
    </row>
    <row r="16338" spans="1:4" x14ac:dyDescent="0.25">
      <c r="A16338" t="s">
        <v>25740</v>
      </c>
      <c r="B16338" t="s">
        <v>25741</v>
      </c>
      <c r="C16338">
        <v>0</v>
      </c>
      <c r="D16338">
        <v>0</v>
      </c>
    </row>
    <row r="16339" spans="1:4" x14ac:dyDescent="0.25">
      <c r="A16339" t="s">
        <v>25742</v>
      </c>
      <c r="B16339" t="s">
        <v>25743</v>
      </c>
      <c r="C16339">
        <v>1</v>
      </c>
      <c r="D16339">
        <v>0</v>
      </c>
    </row>
    <row r="16340" spans="1:4" x14ac:dyDescent="0.25">
      <c r="A16340" t="s">
        <v>25742</v>
      </c>
      <c r="B16340" t="s">
        <v>25744</v>
      </c>
      <c r="C16340">
        <v>0</v>
      </c>
      <c r="D16340">
        <v>0</v>
      </c>
    </row>
    <row r="16341" spans="1:4" x14ac:dyDescent="0.25">
      <c r="A16341" t="s">
        <v>25745</v>
      </c>
      <c r="B16341" t="s">
        <v>25746</v>
      </c>
      <c r="C16341">
        <v>1</v>
      </c>
      <c r="D16341">
        <v>0</v>
      </c>
    </row>
    <row r="16342" spans="1:4" x14ac:dyDescent="0.25">
      <c r="A16342" t="s">
        <v>25747</v>
      </c>
      <c r="B16342" t="s">
        <v>25748</v>
      </c>
      <c r="C16342">
        <v>1</v>
      </c>
      <c r="D16342">
        <v>0</v>
      </c>
    </row>
    <row r="16343" spans="1:4" x14ac:dyDescent="0.25">
      <c r="A16343" t="s">
        <v>25747</v>
      </c>
      <c r="B16343" t="s">
        <v>25749</v>
      </c>
      <c r="C16343">
        <v>0</v>
      </c>
      <c r="D16343">
        <v>0</v>
      </c>
    </row>
    <row r="16344" spans="1:4" x14ac:dyDescent="0.25">
      <c r="A16344" t="s">
        <v>25750</v>
      </c>
      <c r="B16344" t="s">
        <v>25751</v>
      </c>
      <c r="C16344">
        <v>0</v>
      </c>
      <c r="D16344">
        <v>0</v>
      </c>
    </row>
    <row r="16345" spans="1:4" x14ac:dyDescent="0.25">
      <c r="A16345" t="s">
        <v>25752</v>
      </c>
      <c r="B16345" t="s">
        <v>25753</v>
      </c>
      <c r="C16345">
        <v>0</v>
      </c>
      <c r="D16345">
        <v>0</v>
      </c>
    </row>
    <row r="16346" spans="1:4" x14ac:dyDescent="0.25">
      <c r="A16346" t="s">
        <v>25754</v>
      </c>
      <c r="B16346" t="s">
        <v>25755</v>
      </c>
      <c r="C16346">
        <v>1</v>
      </c>
      <c r="D16346">
        <v>0</v>
      </c>
    </row>
    <row r="16347" spans="1:4" x14ac:dyDescent="0.25">
      <c r="A16347" t="s">
        <v>25756</v>
      </c>
      <c r="B16347" t="s">
        <v>25757</v>
      </c>
      <c r="C16347">
        <v>1</v>
      </c>
      <c r="D16347">
        <v>0</v>
      </c>
    </row>
    <row r="16348" spans="1:4" x14ac:dyDescent="0.25">
      <c r="A16348" t="s">
        <v>25758</v>
      </c>
      <c r="B16348" t="s">
        <v>25759</v>
      </c>
      <c r="C16348">
        <v>2</v>
      </c>
      <c r="D16348">
        <v>0</v>
      </c>
    </row>
    <row r="16349" spans="1:4" x14ac:dyDescent="0.25">
      <c r="A16349" t="s">
        <v>25760</v>
      </c>
      <c r="B16349" t="s">
        <v>25761</v>
      </c>
      <c r="C16349">
        <v>1</v>
      </c>
      <c r="D16349">
        <v>0</v>
      </c>
    </row>
    <row r="16350" spans="1:4" x14ac:dyDescent="0.25">
      <c r="A16350" t="s">
        <v>25760</v>
      </c>
      <c r="B16350" t="s">
        <v>25762</v>
      </c>
      <c r="C16350">
        <v>1</v>
      </c>
      <c r="D16350">
        <v>0</v>
      </c>
    </row>
    <row r="16351" spans="1:4" x14ac:dyDescent="0.25">
      <c r="A16351" t="s">
        <v>25763</v>
      </c>
      <c r="B16351" t="s">
        <v>25764</v>
      </c>
      <c r="C16351">
        <v>2</v>
      </c>
      <c r="D16351">
        <v>0</v>
      </c>
    </row>
    <row r="16352" spans="1:4" x14ac:dyDescent="0.25">
      <c r="A16352" t="s">
        <v>25765</v>
      </c>
      <c r="B16352" t="s">
        <v>25766</v>
      </c>
      <c r="C16352">
        <v>2</v>
      </c>
      <c r="D16352">
        <v>0</v>
      </c>
    </row>
    <row r="16353" spans="1:4" x14ac:dyDescent="0.25">
      <c r="A16353" t="s">
        <v>25767</v>
      </c>
      <c r="B16353" t="s">
        <v>25768</v>
      </c>
      <c r="C16353">
        <v>1</v>
      </c>
      <c r="D16353">
        <v>0</v>
      </c>
    </row>
    <row r="16354" spans="1:4" x14ac:dyDescent="0.25">
      <c r="A16354" t="s">
        <v>25769</v>
      </c>
      <c r="B16354" t="s">
        <v>25770</v>
      </c>
      <c r="C16354">
        <v>1</v>
      </c>
      <c r="D16354">
        <v>0</v>
      </c>
    </row>
    <row r="16355" spans="1:4" x14ac:dyDescent="0.25">
      <c r="A16355" t="s">
        <v>25771</v>
      </c>
      <c r="B16355" t="s">
        <v>25772</v>
      </c>
      <c r="C16355">
        <v>1</v>
      </c>
      <c r="D16355">
        <v>0</v>
      </c>
    </row>
    <row r="16356" spans="1:4" x14ac:dyDescent="0.25">
      <c r="A16356" t="s">
        <v>25773</v>
      </c>
      <c r="B16356" t="s">
        <v>25774</v>
      </c>
      <c r="C16356">
        <v>1</v>
      </c>
      <c r="D16356">
        <v>0</v>
      </c>
    </row>
    <row r="16357" spans="1:4" x14ac:dyDescent="0.25">
      <c r="A16357" t="s">
        <v>25775</v>
      </c>
      <c r="B16357" t="s">
        <v>25776</v>
      </c>
      <c r="C16357">
        <v>2</v>
      </c>
      <c r="D16357">
        <v>0</v>
      </c>
    </row>
    <row r="16358" spans="1:4" x14ac:dyDescent="0.25">
      <c r="A16358" t="s">
        <v>25777</v>
      </c>
      <c r="B16358" t="s">
        <v>25778</v>
      </c>
      <c r="C16358">
        <v>1</v>
      </c>
      <c r="D16358">
        <v>0</v>
      </c>
    </row>
    <row r="16359" spans="1:4" x14ac:dyDescent="0.25">
      <c r="A16359" t="s">
        <v>25777</v>
      </c>
      <c r="B16359" t="s">
        <v>25779</v>
      </c>
      <c r="C16359">
        <v>0</v>
      </c>
      <c r="D16359">
        <v>0</v>
      </c>
    </row>
    <row r="16360" spans="1:4" x14ac:dyDescent="0.25">
      <c r="A16360" t="s">
        <v>25780</v>
      </c>
      <c r="B16360" t="s">
        <v>25781</v>
      </c>
      <c r="C16360">
        <v>1</v>
      </c>
      <c r="D16360">
        <v>0</v>
      </c>
    </row>
    <row r="16361" spans="1:4" x14ac:dyDescent="0.25">
      <c r="A16361" t="s">
        <v>25782</v>
      </c>
      <c r="B16361" t="s">
        <v>25783</v>
      </c>
      <c r="C16361">
        <v>2</v>
      </c>
      <c r="D16361">
        <v>0</v>
      </c>
    </row>
    <row r="16362" spans="1:4" x14ac:dyDescent="0.25">
      <c r="A16362" t="s">
        <v>25784</v>
      </c>
      <c r="B16362" t="s">
        <v>25785</v>
      </c>
      <c r="C16362">
        <v>1</v>
      </c>
      <c r="D16362">
        <v>0</v>
      </c>
    </row>
    <row r="16363" spans="1:4" x14ac:dyDescent="0.25">
      <c r="A16363" t="s">
        <v>25786</v>
      </c>
      <c r="B16363" t="s">
        <v>25787</v>
      </c>
      <c r="C16363">
        <v>1</v>
      </c>
      <c r="D16363">
        <v>0</v>
      </c>
    </row>
    <row r="16364" spans="1:4" x14ac:dyDescent="0.25">
      <c r="A16364" t="s">
        <v>25788</v>
      </c>
      <c r="B16364" t="s">
        <v>25789</v>
      </c>
      <c r="C16364">
        <v>0</v>
      </c>
      <c r="D16364">
        <v>0</v>
      </c>
    </row>
    <row r="16365" spans="1:4" x14ac:dyDescent="0.25">
      <c r="A16365" t="s">
        <v>25790</v>
      </c>
      <c r="B16365" t="s">
        <v>17257</v>
      </c>
      <c r="C16365">
        <v>1</v>
      </c>
      <c r="D16365">
        <v>0</v>
      </c>
    </row>
    <row r="16366" spans="1:4" x14ac:dyDescent="0.25">
      <c r="A16366" t="s">
        <v>25791</v>
      </c>
      <c r="B16366" t="s">
        <v>25792</v>
      </c>
      <c r="C16366">
        <v>2</v>
      </c>
      <c r="D16366">
        <v>0</v>
      </c>
    </row>
    <row r="16367" spans="1:4" x14ac:dyDescent="0.25">
      <c r="A16367" t="s">
        <v>25793</v>
      </c>
      <c r="B16367" t="s">
        <v>25794</v>
      </c>
      <c r="C16367">
        <v>0</v>
      </c>
      <c r="D16367">
        <v>0</v>
      </c>
    </row>
    <row r="16368" spans="1:4" x14ac:dyDescent="0.25">
      <c r="A16368" t="s">
        <v>25795</v>
      </c>
      <c r="B16368" t="s">
        <v>25796</v>
      </c>
      <c r="C16368">
        <v>2</v>
      </c>
      <c r="D16368">
        <v>0</v>
      </c>
    </row>
    <row r="16369" spans="1:4" x14ac:dyDescent="0.25">
      <c r="A16369" t="s">
        <v>25797</v>
      </c>
      <c r="B16369" t="s">
        <v>25798</v>
      </c>
      <c r="C16369">
        <v>1</v>
      </c>
      <c r="D16369">
        <v>0</v>
      </c>
    </row>
    <row r="16370" spans="1:4" x14ac:dyDescent="0.25">
      <c r="A16370" t="s">
        <v>25799</v>
      </c>
      <c r="B16370" t="s">
        <v>25800</v>
      </c>
      <c r="C16370">
        <v>1</v>
      </c>
      <c r="D16370">
        <v>0</v>
      </c>
    </row>
    <row r="16371" spans="1:4" x14ac:dyDescent="0.25">
      <c r="A16371" t="s">
        <v>25801</v>
      </c>
      <c r="B16371" t="s">
        <v>25802</v>
      </c>
      <c r="C16371">
        <v>1</v>
      </c>
      <c r="D16371">
        <v>0</v>
      </c>
    </row>
    <row r="16372" spans="1:4" x14ac:dyDescent="0.25">
      <c r="A16372" t="s">
        <v>25803</v>
      </c>
      <c r="B16372" t="s">
        <v>25804</v>
      </c>
      <c r="C16372">
        <v>1</v>
      </c>
      <c r="D16372">
        <v>0</v>
      </c>
    </row>
    <row r="16373" spans="1:4" x14ac:dyDescent="0.25">
      <c r="A16373" t="s">
        <v>25803</v>
      </c>
      <c r="B16373" t="s">
        <v>25805</v>
      </c>
      <c r="C16373">
        <v>0</v>
      </c>
      <c r="D16373">
        <v>0</v>
      </c>
    </row>
    <row r="16374" spans="1:4" x14ac:dyDescent="0.25">
      <c r="A16374" t="s">
        <v>25806</v>
      </c>
      <c r="B16374" t="s">
        <v>25807</v>
      </c>
      <c r="C16374">
        <v>1</v>
      </c>
      <c r="D16374">
        <v>0</v>
      </c>
    </row>
    <row r="16375" spans="1:4" x14ac:dyDescent="0.25">
      <c r="A16375" t="s">
        <v>25808</v>
      </c>
      <c r="B16375" t="s">
        <v>25809</v>
      </c>
      <c r="C16375">
        <v>0</v>
      </c>
      <c r="D16375">
        <v>0</v>
      </c>
    </row>
    <row r="16376" spans="1:4" x14ac:dyDescent="0.25">
      <c r="A16376" t="s">
        <v>25808</v>
      </c>
      <c r="B16376" t="s">
        <v>25810</v>
      </c>
      <c r="C16376">
        <v>2</v>
      </c>
      <c r="D16376">
        <v>0</v>
      </c>
    </row>
    <row r="16377" spans="1:4" x14ac:dyDescent="0.25">
      <c r="A16377" t="s">
        <v>25811</v>
      </c>
      <c r="B16377" t="s">
        <v>25812</v>
      </c>
      <c r="C16377">
        <v>1</v>
      </c>
      <c r="D16377">
        <v>0</v>
      </c>
    </row>
    <row r="16378" spans="1:4" x14ac:dyDescent="0.25">
      <c r="A16378" t="s">
        <v>25813</v>
      </c>
      <c r="B16378" t="s">
        <v>25814</v>
      </c>
      <c r="C16378">
        <v>1</v>
      </c>
      <c r="D16378">
        <v>0</v>
      </c>
    </row>
    <row r="16379" spans="1:4" x14ac:dyDescent="0.25">
      <c r="A16379" t="s">
        <v>25815</v>
      </c>
      <c r="B16379" t="s">
        <v>25816</v>
      </c>
      <c r="C16379">
        <v>1</v>
      </c>
      <c r="D16379">
        <v>0</v>
      </c>
    </row>
    <row r="16380" spans="1:4" x14ac:dyDescent="0.25">
      <c r="A16380" t="s">
        <v>25817</v>
      </c>
      <c r="B16380" t="s">
        <v>25818</v>
      </c>
      <c r="C16380">
        <v>1</v>
      </c>
      <c r="D16380">
        <v>0</v>
      </c>
    </row>
    <row r="16381" spans="1:4" x14ac:dyDescent="0.25">
      <c r="A16381" t="s">
        <v>25819</v>
      </c>
      <c r="B16381" t="s">
        <v>25820</v>
      </c>
      <c r="C16381">
        <v>2</v>
      </c>
      <c r="D16381">
        <v>0</v>
      </c>
    </row>
    <row r="16382" spans="1:4" x14ac:dyDescent="0.25">
      <c r="A16382" t="s">
        <v>25821</v>
      </c>
      <c r="B16382" t="s">
        <v>25822</v>
      </c>
      <c r="C16382">
        <v>0</v>
      </c>
      <c r="D16382">
        <v>0</v>
      </c>
    </row>
    <row r="16383" spans="1:4" x14ac:dyDescent="0.25">
      <c r="A16383" t="s">
        <v>25823</v>
      </c>
      <c r="B16383" t="s">
        <v>25824</v>
      </c>
      <c r="C16383">
        <v>1</v>
      </c>
      <c r="D16383">
        <v>0</v>
      </c>
    </row>
    <row r="16384" spans="1:4" x14ac:dyDescent="0.25">
      <c r="A16384" t="s">
        <v>25823</v>
      </c>
      <c r="B16384" t="s">
        <v>25825</v>
      </c>
      <c r="C16384">
        <v>0</v>
      </c>
      <c r="D16384">
        <v>0</v>
      </c>
    </row>
    <row r="16385" spans="1:4" x14ac:dyDescent="0.25">
      <c r="A16385" t="s">
        <v>25826</v>
      </c>
      <c r="B16385" t="s">
        <v>25827</v>
      </c>
      <c r="C16385">
        <v>2</v>
      </c>
      <c r="D16385">
        <v>0</v>
      </c>
    </row>
    <row r="16386" spans="1:4" x14ac:dyDescent="0.25">
      <c r="A16386" t="s">
        <v>25828</v>
      </c>
      <c r="B16386" t="s">
        <v>25829</v>
      </c>
      <c r="C16386">
        <v>1</v>
      </c>
      <c r="D16386">
        <v>0</v>
      </c>
    </row>
    <row r="16387" spans="1:4" x14ac:dyDescent="0.25">
      <c r="A16387" t="s">
        <v>25830</v>
      </c>
      <c r="B16387" t="s">
        <v>25831</v>
      </c>
      <c r="C16387">
        <v>1</v>
      </c>
      <c r="D16387">
        <v>0</v>
      </c>
    </row>
    <row r="16388" spans="1:4" x14ac:dyDescent="0.25">
      <c r="A16388" t="s">
        <v>25832</v>
      </c>
      <c r="B16388" t="s">
        <v>25833</v>
      </c>
      <c r="C16388">
        <v>1</v>
      </c>
      <c r="D16388">
        <v>0</v>
      </c>
    </row>
    <row r="16389" spans="1:4" x14ac:dyDescent="0.25">
      <c r="A16389" t="s">
        <v>25834</v>
      </c>
      <c r="B16389" t="s">
        <v>25835</v>
      </c>
      <c r="C16389">
        <v>0</v>
      </c>
      <c r="D16389">
        <v>0</v>
      </c>
    </row>
    <row r="16390" spans="1:4" x14ac:dyDescent="0.25">
      <c r="A16390" t="s">
        <v>25836</v>
      </c>
      <c r="B16390" t="s">
        <v>25837</v>
      </c>
      <c r="C16390">
        <v>2</v>
      </c>
      <c r="D16390">
        <v>0</v>
      </c>
    </row>
    <row r="16391" spans="1:4" x14ac:dyDescent="0.25">
      <c r="A16391" t="s">
        <v>25836</v>
      </c>
      <c r="B16391" t="s">
        <v>25838</v>
      </c>
      <c r="C16391">
        <v>2</v>
      </c>
      <c r="D16391">
        <v>0</v>
      </c>
    </row>
    <row r="16392" spans="1:4" x14ac:dyDescent="0.25">
      <c r="A16392" t="s">
        <v>25839</v>
      </c>
      <c r="B16392" t="s">
        <v>25840</v>
      </c>
      <c r="C16392">
        <v>2</v>
      </c>
      <c r="D16392">
        <v>0</v>
      </c>
    </row>
    <row r="16393" spans="1:4" x14ac:dyDescent="0.25">
      <c r="A16393" t="s">
        <v>25841</v>
      </c>
      <c r="B16393" t="s">
        <v>25842</v>
      </c>
      <c r="C16393">
        <v>1</v>
      </c>
      <c r="D16393">
        <v>0</v>
      </c>
    </row>
    <row r="16394" spans="1:4" x14ac:dyDescent="0.25">
      <c r="A16394" t="s">
        <v>25841</v>
      </c>
      <c r="B16394" t="s">
        <v>18079</v>
      </c>
      <c r="C16394">
        <v>0</v>
      </c>
      <c r="D16394">
        <v>0</v>
      </c>
    </row>
    <row r="16395" spans="1:4" x14ac:dyDescent="0.25">
      <c r="A16395" t="s">
        <v>25841</v>
      </c>
      <c r="B16395" t="s">
        <v>25843</v>
      </c>
      <c r="C16395">
        <v>2</v>
      </c>
      <c r="D16395">
        <v>0</v>
      </c>
    </row>
    <row r="16396" spans="1:4" x14ac:dyDescent="0.25">
      <c r="A16396" t="s">
        <v>25844</v>
      </c>
      <c r="B16396" t="s">
        <v>25845</v>
      </c>
      <c r="C16396">
        <v>2</v>
      </c>
      <c r="D16396">
        <v>0</v>
      </c>
    </row>
    <row r="16397" spans="1:4" x14ac:dyDescent="0.25">
      <c r="A16397" t="s">
        <v>25846</v>
      </c>
      <c r="B16397" t="s">
        <v>25847</v>
      </c>
      <c r="C16397">
        <v>1</v>
      </c>
      <c r="D16397">
        <v>0</v>
      </c>
    </row>
    <row r="16398" spans="1:4" x14ac:dyDescent="0.25">
      <c r="A16398" t="s">
        <v>25846</v>
      </c>
      <c r="B16398" t="s">
        <v>25848</v>
      </c>
      <c r="C16398">
        <v>0</v>
      </c>
      <c r="D16398">
        <v>0</v>
      </c>
    </row>
    <row r="16399" spans="1:4" x14ac:dyDescent="0.25">
      <c r="A16399" t="s">
        <v>25849</v>
      </c>
      <c r="B16399" t="s">
        <v>25850</v>
      </c>
      <c r="C16399">
        <v>1</v>
      </c>
      <c r="D16399">
        <v>0</v>
      </c>
    </row>
    <row r="16400" spans="1:4" x14ac:dyDescent="0.25">
      <c r="A16400" t="s">
        <v>25851</v>
      </c>
      <c r="B16400" t="s">
        <v>25852</v>
      </c>
      <c r="C16400">
        <v>1</v>
      </c>
      <c r="D16400">
        <v>0</v>
      </c>
    </row>
    <row r="16401" spans="1:4" x14ac:dyDescent="0.25">
      <c r="A16401" t="s">
        <v>25853</v>
      </c>
      <c r="B16401" t="s">
        <v>25854</v>
      </c>
      <c r="C16401">
        <v>0</v>
      </c>
      <c r="D16401">
        <v>0</v>
      </c>
    </row>
    <row r="16402" spans="1:4" x14ac:dyDescent="0.25">
      <c r="A16402" t="s">
        <v>25853</v>
      </c>
      <c r="B16402" t="s">
        <v>25855</v>
      </c>
      <c r="C16402">
        <v>0</v>
      </c>
      <c r="D16402">
        <v>0</v>
      </c>
    </row>
    <row r="16403" spans="1:4" x14ac:dyDescent="0.25">
      <c r="A16403" t="s">
        <v>25856</v>
      </c>
      <c r="B16403" t="s">
        <v>21395</v>
      </c>
      <c r="C16403">
        <v>1</v>
      </c>
      <c r="D16403">
        <v>0</v>
      </c>
    </row>
    <row r="16404" spans="1:4" x14ac:dyDescent="0.25">
      <c r="A16404" t="s">
        <v>25857</v>
      </c>
      <c r="B16404" t="s">
        <v>25858</v>
      </c>
      <c r="C16404">
        <v>1</v>
      </c>
      <c r="D16404">
        <v>0</v>
      </c>
    </row>
    <row r="16405" spans="1:4" x14ac:dyDescent="0.25">
      <c r="A16405" t="s">
        <v>25859</v>
      </c>
      <c r="B16405" t="s">
        <v>25860</v>
      </c>
      <c r="C16405">
        <v>1</v>
      </c>
      <c r="D16405">
        <v>0</v>
      </c>
    </row>
    <row r="16406" spans="1:4" x14ac:dyDescent="0.25">
      <c r="A16406" t="s">
        <v>25861</v>
      </c>
      <c r="B16406" t="s">
        <v>7595</v>
      </c>
      <c r="C16406">
        <v>0</v>
      </c>
      <c r="D16406">
        <v>0</v>
      </c>
    </row>
    <row r="16407" spans="1:4" x14ac:dyDescent="0.25">
      <c r="A16407" t="s">
        <v>25862</v>
      </c>
      <c r="B16407" t="s">
        <v>25863</v>
      </c>
      <c r="C16407">
        <v>1</v>
      </c>
      <c r="D16407">
        <v>0</v>
      </c>
    </row>
    <row r="16408" spans="1:4" x14ac:dyDescent="0.25">
      <c r="A16408" t="s">
        <v>25864</v>
      </c>
      <c r="B16408" t="s">
        <v>25865</v>
      </c>
      <c r="C16408">
        <v>1</v>
      </c>
      <c r="D16408">
        <v>0</v>
      </c>
    </row>
    <row r="16409" spans="1:4" x14ac:dyDescent="0.25">
      <c r="A16409" t="s">
        <v>25866</v>
      </c>
      <c r="B16409" t="s">
        <v>25867</v>
      </c>
      <c r="C16409">
        <v>1</v>
      </c>
      <c r="D16409">
        <v>0</v>
      </c>
    </row>
    <row r="16410" spans="1:4" x14ac:dyDescent="0.25">
      <c r="A16410" t="s">
        <v>25866</v>
      </c>
      <c r="B16410" t="s">
        <v>25868</v>
      </c>
      <c r="C16410">
        <v>0</v>
      </c>
      <c r="D16410">
        <v>0</v>
      </c>
    </row>
    <row r="16411" spans="1:4" x14ac:dyDescent="0.25">
      <c r="A16411" t="s">
        <v>25869</v>
      </c>
      <c r="B16411" t="s">
        <v>25870</v>
      </c>
      <c r="C16411">
        <v>1</v>
      </c>
      <c r="D16411">
        <v>0</v>
      </c>
    </row>
    <row r="16412" spans="1:4" x14ac:dyDescent="0.25">
      <c r="A16412" t="s">
        <v>25871</v>
      </c>
      <c r="B16412" t="s">
        <v>25872</v>
      </c>
      <c r="C16412">
        <v>1</v>
      </c>
      <c r="D16412">
        <v>0</v>
      </c>
    </row>
    <row r="16413" spans="1:4" x14ac:dyDescent="0.25">
      <c r="A16413" t="s">
        <v>25873</v>
      </c>
      <c r="B16413" t="s">
        <v>25874</v>
      </c>
      <c r="C16413">
        <v>0</v>
      </c>
      <c r="D16413">
        <v>0</v>
      </c>
    </row>
    <row r="16414" spans="1:4" x14ac:dyDescent="0.25">
      <c r="A16414" t="s">
        <v>25873</v>
      </c>
      <c r="B16414" t="s">
        <v>25875</v>
      </c>
      <c r="C16414">
        <v>2</v>
      </c>
      <c r="D16414">
        <v>0</v>
      </c>
    </row>
    <row r="16415" spans="1:4" x14ac:dyDescent="0.25">
      <c r="A16415" t="s">
        <v>25876</v>
      </c>
      <c r="B16415" t="s">
        <v>25877</v>
      </c>
      <c r="C16415">
        <v>2</v>
      </c>
      <c r="D16415">
        <v>0</v>
      </c>
    </row>
    <row r="16416" spans="1:4" x14ac:dyDescent="0.25">
      <c r="A16416" t="s">
        <v>25878</v>
      </c>
      <c r="B16416" t="s">
        <v>25879</v>
      </c>
      <c r="C16416">
        <v>1</v>
      </c>
      <c r="D16416">
        <v>0</v>
      </c>
    </row>
    <row r="16417" spans="1:4" x14ac:dyDescent="0.25">
      <c r="A16417" t="s">
        <v>25880</v>
      </c>
      <c r="B16417" t="s">
        <v>25881</v>
      </c>
      <c r="C16417">
        <v>1</v>
      </c>
      <c r="D16417">
        <v>0</v>
      </c>
    </row>
    <row r="16418" spans="1:4" x14ac:dyDescent="0.25">
      <c r="A16418" t="s">
        <v>25882</v>
      </c>
      <c r="B16418" t="s">
        <v>25883</v>
      </c>
      <c r="C16418">
        <v>1</v>
      </c>
      <c r="D16418">
        <v>0</v>
      </c>
    </row>
    <row r="16419" spans="1:4" x14ac:dyDescent="0.25">
      <c r="A16419" t="s">
        <v>25882</v>
      </c>
      <c r="B16419" t="s">
        <v>25884</v>
      </c>
      <c r="C16419">
        <v>1</v>
      </c>
      <c r="D16419">
        <v>0</v>
      </c>
    </row>
    <row r="16420" spans="1:4" x14ac:dyDescent="0.25">
      <c r="A16420" t="s">
        <v>25885</v>
      </c>
      <c r="B16420" t="s">
        <v>25886</v>
      </c>
      <c r="C16420">
        <v>1</v>
      </c>
      <c r="D16420">
        <v>0</v>
      </c>
    </row>
    <row r="16421" spans="1:4" x14ac:dyDescent="0.25">
      <c r="A16421" t="s">
        <v>25887</v>
      </c>
      <c r="B16421" t="s">
        <v>25888</v>
      </c>
      <c r="C16421">
        <v>1</v>
      </c>
      <c r="D16421">
        <v>0</v>
      </c>
    </row>
    <row r="16422" spans="1:4" x14ac:dyDescent="0.25">
      <c r="A16422" t="s">
        <v>25889</v>
      </c>
      <c r="B16422" t="s">
        <v>25890</v>
      </c>
      <c r="C16422">
        <v>1</v>
      </c>
      <c r="D16422">
        <v>0</v>
      </c>
    </row>
    <row r="16423" spans="1:4" x14ac:dyDescent="0.25">
      <c r="A16423" t="s">
        <v>25891</v>
      </c>
      <c r="B16423" t="s">
        <v>25892</v>
      </c>
      <c r="C16423">
        <v>1</v>
      </c>
      <c r="D16423">
        <v>0</v>
      </c>
    </row>
    <row r="16424" spans="1:4" x14ac:dyDescent="0.25">
      <c r="A16424" t="s">
        <v>25891</v>
      </c>
      <c r="B16424" t="s">
        <v>25893</v>
      </c>
      <c r="C16424">
        <v>2</v>
      </c>
      <c r="D16424">
        <v>0</v>
      </c>
    </row>
    <row r="16425" spans="1:4" x14ac:dyDescent="0.25">
      <c r="A16425" t="s">
        <v>25894</v>
      </c>
      <c r="B16425" t="s">
        <v>25895</v>
      </c>
      <c r="C16425">
        <v>2</v>
      </c>
      <c r="D16425">
        <v>0</v>
      </c>
    </row>
    <row r="16426" spans="1:4" x14ac:dyDescent="0.25">
      <c r="A16426" t="s">
        <v>25896</v>
      </c>
      <c r="B16426" t="s">
        <v>25897</v>
      </c>
      <c r="C16426">
        <v>1</v>
      </c>
      <c r="D16426">
        <v>0</v>
      </c>
    </row>
    <row r="16427" spans="1:4" x14ac:dyDescent="0.25">
      <c r="A16427" t="s">
        <v>25898</v>
      </c>
      <c r="B16427" t="s">
        <v>25899</v>
      </c>
      <c r="C16427">
        <v>1</v>
      </c>
      <c r="D16427">
        <v>0</v>
      </c>
    </row>
    <row r="16428" spans="1:4" x14ac:dyDescent="0.25">
      <c r="A16428" t="s">
        <v>25900</v>
      </c>
      <c r="B16428" t="s">
        <v>25901</v>
      </c>
      <c r="C16428">
        <v>1</v>
      </c>
      <c r="D16428">
        <v>0</v>
      </c>
    </row>
    <row r="16429" spans="1:4" x14ac:dyDescent="0.25">
      <c r="A16429" t="s">
        <v>25902</v>
      </c>
      <c r="B16429" t="s">
        <v>25903</v>
      </c>
      <c r="C16429">
        <v>1</v>
      </c>
      <c r="D16429">
        <v>0</v>
      </c>
    </row>
    <row r="16430" spans="1:4" x14ac:dyDescent="0.25">
      <c r="A16430" t="s">
        <v>25904</v>
      </c>
      <c r="B16430" t="s">
        <v>6837</v>
      </c>
      <c r="C16430">
        <v>1</v>
      </c>
      <c r="D16430">
        <v>0</v>
      </c>
    </row>
    <row r="16431" spans="1:4" x14ac:dyDescent="0.25">
      <c r="A16431" t="s">
        <v>25905</v>
      </c>
      <c r="B16431" t="s">
        <v>25906</v>
      </c>
      <c r="C16431">
        <v>1</v>
      </c>
      <c r="D16431">
        <v>0</v>
      </c>
    </row>
    <row r="16432" spans="1:4" x14ac:dyDescent="0.25">
      <c r="A16432" t="s">
        <v>25907</v>
      </c>
      <c r="B16432" t="s">
        <v>25908</v>
      </c>
      <c r="C16432">
        <v>0</v>
      </c>
      <c r="D16432">
        <v>0</v>
      </c>
    </row>
    <row r="16433" spans="1:4" x14ac:dyDescent="0.25">
      <c r="A16433" t="s">
        <v>25909</v>
      </c>
      <c r="B16433" t="s">
        <v>25910</v>
      </c>
      <c r="C16433">
        <v>1</v>
      </c>
      <c r="D16433">
        <v>0</v>
      </c>
    </row>
    <row r="16434" spans="1:4" x14ac:dyDescent="0.25">
      <c r="A16434" t="s">
        <v>25911</v>
      </c>
      <c r="B16434" t="s">
        <v>25912</v>
      </c>
      <c r="C16434">
        <v>1</v>
      </c>
      <c r="D16434">
        <v>0</v>
      </c>
    </row>
    <row r="16435" spans="1:4" x14ac:dyDescent="0.25">
      <c r="A16435" t="s">
        <v>25913</v>
      </c>
      <c r="B16435" t="s">
        <v>25914</v>
      </c>
      <c r="C16435">
        <v>1</v>
      </c>
      <c r="D16435">
        <v>0</v>
      </c>
    </row>
    <row r="16436" spans="1:4" x14ac:dyDescent="0.25">
      <c r="A16436" t="s">
        <v>25915</v>
      </c>
      <c r="B16436" t="s">
        <v>25916</v>
      </c>
      <c r="C16436">
        <v>1</v>
      </c>
      <c r="D16436">
        <v>0</v>
      </c>
    </row>
    <row r="16437" spans="1:4" x14ac:dyDescent="0.25">
      <c r="A16437" t="s">
        <v>25915</v>
      </c>
      <c r="B16437" t="s">
        <v>25917</v>
      </c>
      <c r="C16437">
        <v>0</v>
      </c>
      <c r="D16437">
        <v>0</v>
      </c>
    </row>
    <row r="16438" spans="1:4" x14ac:dyDescent="0.25">
      <c r="A16438" t="s">
        <v>25918</v>
      </c>
      <c r="B16438" t="s">
        <v>25919</v>
      </c>
      <c r="C16438">
        <v>1</v>
      </c>
      <c r="D16438">
        <v>0</v>
      </c>
    </row>
    <row r="16439" spans="1:4" x14ac:dyDescent="0.25">
      <c r="A16439" t="s">
        <v>25920</v>
      </c>
      <c r="B16439" t="s">
        <v>25921</v>
      </c>
      <c r="C16439">
        <v>1</v>
      </c>
      <c r="D16439">
        <v>0</v>
      </c>
    </row>
    <row r="16440" spans="1:4" x14ac:dyDescent="0.25">
      <c r="A16440" t="s">
        <v>25922</v>
      </c>
      <c r="B16440" t="s">
        <v>25923</v>
      </c>
      <c r="C16440">
        <v>1</v>
      </c>
      <c r="D16440">
        <v>0</v>
      </c>
    </row>
    <row r="16441" spans="1:4" x14ac:dyDescent="0.25">
      <c r="A16441" t="s">
        <v>25922</v>
      </c>
      <c r="B16441" t="s">
        <v>25924</v>
      </c>
      <c r="C16441">
        <v>0</v>
      </c>
      <c r="D16441">
        <v>0</v>
      </c>
    </row>
    <row r="16442" spans="1:4" x14ac:dyDescent="0.25">
      <c r="A16442" t="s">
        <v>25922</v>
      </c>
      <c r="B16442" t="s">
        <v>25925</v>
      </c>
      <c r="C16442">
        <v>2</v>
      </c>
      <c r="D16442">
        <v>0</v>
      </c>
    </row>
    <row r="16443" spans="1:4" x14ac:dyDescent="0.25">
      <c r="A16443" t="s">
        <v>25926</v>
      </c>
      <c r="B16443" t="s">
        <v>25927</v>
      </c>
      <c r="C16443">
        <v>0</v>
      </c>
      <c r="D16443">
        <v>0</v>
      </c>
    </row>
    <row r="16444" spans="1:4" x14ac:dyDescent="0.25">
      <c r="A16444" t="s">
        <v>25928</v>
      </c>
      <c r="B16444" t="s">
        <v>25929</v>
      </c>
      <c r="C16444">
        <v>0</v>
      </c>
      <c r="D16444">
        <v>0</v>
      </c>
    </row>
    <row r="16445" spans="1:4" x14ac:dyDescent="0.25">
      <c r="A16445" t="s">
        <v>25930</v>
      </c>
      <c r="B16445" t="s">
        <v>25931</v>
      </c>
      <c r="C16445">
        <v>0</v>
      </c>
      <c r="D16445">
        <v>0</v>
      </c>
    </row>
    <row r="16446" spans="1:4" x14ac:dyDescent="0.25">
      <c r="A16446" t="s">
        <v>25932</v>
      </c>
      <c r="B16446" t="s">
        <v>25933</v>
      </c>
      <c r="C16446">
        <v>1</v>
      </c>
      <c r="D16446">
        <v>0</v>
      </c>
    </row>
    <row r="16447" spans="1:4" x14ac:dyDescent="0.25">
      <c r="A16447" t="s">
        <v>25934</v>
      </c>
      <c r="B16447" t="s">
        <v>25935</v>
      </c>
      <c r="C16447">
        <v>0</v>
      </c>
      <c r="D16447">
        <v>0</v>
      </c>
    </row>
    <row r="16448" spans="1:4" x14ac:dyDescent="0.25">
      <c r="A16448" t="s">
        <v>25936</v>
      </c>
      <c r="B16448" t="s">
        <v>25937</v>
      </c>
      <c r="C16448">
        <v>0</v>
      </c>
      <c r="D16448">
        <v>0</v>
      </c>
    </row>
    <row r="16449" spans="1:4" x14ac:dyDescent="0.25">
      <c r="A16449" t="s">
        <v>25938</v>
      </c>
      <c r="B16449" t="s">
        <v>25939</v>
      </c>
      <c r="C16449">
        <v>1</v>
      </c>
      <c r="D16449">
        <v>0</v>
      </c>
    </row>
    <row r="16450" spans="1:4" x14ac:dyDescent="0.25">
      <c r="A16450" t="s">
        <v>25938</v>
      </c>
      <c r="B16450" t="s">
        <v>25940</v>
      </c>
      <c r="C16450">
        <v>1</v>
      </c>
      <c r="D16450">
        <v>0</v>
      </c>
    </row>
    <row r="16451" spans="1:4" x14ac:dyDescent="0.25">
      <c r="A16451" t="s">
        <v>25941</v>
      </c>
      <c r="B16451" t="s">
        <v>25942</v>
      </c>
      <c r="C16451">
        <v>1</v>
      </c>
      <c r="D16451">
        <v>0</v>
      </c>
    </row>
    <row r="16452" spans="1:4" x14ac:dyDescent="0.25">
      <c r="A16452" t="s">
        <v>25943</v>
      </c>
      <c r="B16452" t="s">
        <v>25944</v>
      </c>
      <c r="C16452">
        <v>2</v>
      </c>
      <c r="D16452">
        <v>0</v>
      </c>
    </row>
    <row r="16453" spans="1:4" x14ac:dyDescent="0.25">
      <c r="A16453" t="s">
        <v>25945</v>
      </c>
      <c r="B16453" t="s">
        <v>25946</v>
      </c>
      <c r="C16453">
        <v>1</v>
      </c>
      <c r="D16453">
        <v>0</v>
      </c>
    </row>
    <row r="16454" spans="1:4" x14ac:dyDescent="0.25">
      <c r="A16454" t="s">
        <v>25947</v>
      </c>
      <c r="B16454" t="s">
        <v>25948</v>
      </c>
      <c r="C16454">
        <v>1</v>
      </c>
      <c r="D16454">
        <v>0</v>
      </c>
    </row>
    <row r="16455" spans="1:4" x14ac:dyDescent="0.25">
      <c r="A16455" t="s">
        <v>25949</v>
      </c>
      <c r="B16455" t="s">
        <v>25950</v>
      </c>
      <c r="C16455">
        <v>1</v>
      </c>
      <c r="D16455">
        <v>0</v>
      </c>
    </row>
    <row r="16456" spans="1:4" x14ac:dyDescent="0.25">
      <c r="A16456" t="s">
        <v>25949</v>
      </c>
      <c r="B16456" t="s">
        <v>25951</v>
      </c>
      <c r="C16456">
        <v>1</v>
      </c>
      <c r="D16456">
        <v>0</v>
      </c>
    </row>
    <row r="16457" spans="1:4" x14ac:dyDescent="0.25">
      <c r="A16457" t="s">
        <v>25952</v>
      </c>
      <c r="B16457" t="s">
        <v>25953</v>
      </c>
      <c r="C16457">
        <v>1</v>
      </c>
      <c r="D16457">
        <v>0</v>
      </c>
    </row>
    <row r="16458" spans="1:4" x14ac:dyDescent="0.25">
      <c r="A16458" t="s">
        <v>25952</v>
      </c>
      <c r="B16458" t="s">
        <v>25954</v>
      </c>
      <c r="C16458">
        <v>1</v>
      </c>
      <c r="D16458">
        <v>0</v>
      </c>
    </row>
    <row r="16459" spans="1:4" x14ac:dyDescent="0.25">
      <c r="A16459" t="s">
        <v>25955</v>
      </c>
      <c r="B16459" t="s">
        <v>25956</v>
      </c>
      <c r="C16459">
        <v>1</v>
      </c>
      <c r="D16459">
        <v>0</v>
      </c>
    </row>
    <row r="16460" spans="1:4" x14ac:dyDescent="0.25">
      <c r="A16460" t="s">
        <v>25957</v>
      </c>
      <c r="B16460" t="s">
        <v>25958</v>
      </c>
      <c r="C16460">
        <v>1</v>
      </c>
      <c r="D16460">
        <v>0</v>
      </c>
    </row>
    <row r="16461" spans="1:4" x14ac:dyDescent="0.25">
      <c r="A16461" t="s">
        <v>25959</v>
      </c>
      <c r="B16461" t="s">
        <v>25960</v>
      </c>
      <c r="C16461">
        <v>2</v>
      </c>
      <c r="D16461">
        <v>0</v>
      </c>
    </row>
    <row r="16462" spans="1:4" x14ac:dyDescent="0.25">
      <c r="A16462" t="s">
        <v>25961</v>
      </c>
      <c r="B16462" t="s">
        <v>25962</v>
      </c>
      <c r="C16462">
        <v>1</v>
      </c>
      <c r="D16462">
        <v>0</v>
      </c>
    </row>
    <row r="16463" spans="1:4" x14ac:dyDescent="0.25">
      <c r="A16463" t="s">
        <v>25963</v>
      </c>
      <c r="B16463" t="s">
        <v>25964</v>
      </c>
      <c r="C16463">
        <v>1</v>
      </c>
      <c r="D16463">
        <v>0</v>
      </c>
    </row>
    <row r="16464" spans="1:4" x14ac:dyDescent="0.25">
      <c r="A16464" t="s">
        <v>25965</v>
      </c>
      <c r="B16464" t="s">
        <v>25966</v>
      </c>
      <c r="C16464">
        <v>1</v>
      </c>
      <c r="D16464">
        <v>0</v>
      </c>
    </row>
    <row r="16465" spans="1:4" x14ac:dyDescent="0.25">
      <c r="A16465" t="s">
        <v>25967</v>
      </c>
      <c r="B16465" t="s">
        <v>25968</v>
      </c>
      <c r="C16465">
        <v>1</v>
      </c>
      <c r="D16465">
        <v>0</v>
      </c>
    </row>
    <row r="16466" spans="1:4" x14ac:dyDescent="0.25">
      <c r="A16466" t="s">
        <v>25969</v>
      </c>
      <c r="B16466" t="s">
        <v>25970</v>
      </c>
      <c r="C16466">
        <v>1</v>
      </c>
      <c r="D16466">
        <v>0</v>
      </c>
    </row>
    <row r="16467" spans="1:4" x14ac:dyDescent="0.25">
      <c r="A16467" t="s">
        <v>25971</v>
      </c>
      <c r="B16467" t="s">
        <v>25972</v>
      </c>
      <c r="C16467">
        <v>1</v>
      </c>
      <c r="D16467">
        <v>0</v>
      </c>
    </row>
    <row r="16468" spans="1:4" x14ac:dyDescent="0.25">
      <c r="A16468" t="s">
        <v>25973</v>
      </c>
      <c r="B16468" t="s">
        <v>25974</v>
      </c>
      <c r="C16468">
        <v>1</v>
      </c>
      <c r="D16468">
        <v>0</v>
      </c>
    </row>
    <row r="16469" spans="1:4" x14ac:dyDescent="0.25">
      <c r="A16469" t="s">
        <v>25975</v>
      </c>
      <c r="B16469" t="s">
        <v>25976</v>
      </c>
      <c r="C16469">
        <v>1</v>
      </c>
      <c r="D16469">
        <v>0</v>
      </c>
    </row>
    <row r="16470" spans="1:4" x14ac:dyDescent="0.25">
      <c r="A16470" t="s">
        <v>25975</v>
      </c>
      <c r="B16470" t="s">
        <v>25977</v>
      </c>
      <c r="C16470">
        <v>2</v>
      </c>
      <c r="D16470">
        <v>0</v>
      </c>
    </row>
    <row r="16471" spans="1:4" x14ac:dyDescent="0.25">
      <c r="A16471" t="s">
        <v>25978</v>
      </c>
      <c r="B16471" t="s">
        <v>25979</v>
      </c>
      <c r="C16471">
        <v>1</v>
      </c>
      <c r="D16471">
        <v>0</v>
      </c>
    </row>
    <row r="16472" spans="1:4" x14ac:dyDescent="0.25">
      <c r="A16472" t="s">
        <v>25980</v>
      </c>
      <c r="B16472" t="s">
        <v>25981</v>
      </c>
      <c r="C16472">
        <v>2</v>
      </c>
      <c r="D16472">
        <v>0</v>
      </c>
    </row>
    <row r="16473" spans="1:4" x14ac:dyDescent="0.25">
      <c r="A16473" t="s">
        <v>25982</v>
      </c>
      <c r="B16473" t="s">
        <v>25983</v>
      </c>
      <c r="C16473">
        <v>2</v>
      </c>
      <c r="D16473">
        <v>0</v>
      </c>
    </row>
    <row r="16474" spans="1:4" x14ac:dyDescent="0.25">
      <c r="A16474" t="s">
        <v>25984</v>
      </c>
      <c r="B16474" t="s">
        <v>25985</v>
      </c>
      <c r="C16474">
        <v>1</v>
      </c>
      <c r="D16474">
        <v>0</v>
      </c>
    </row>
    <row r="16475" spans="1:4" x14ac:dyDescent="0.25">
      <c r="A16475" t="s">
        <v>25986</v>
      </c>
      <c r="B16475" t="s">
        <v>25987</v>
      </c>
      <c r="C16475">
        <v>0</v>
      </c>
      <c r="D16475">
        <v>0</v>
      </c>
    </row>
    <row r="16476" spans="1:4" x14ac:dyDescent="0.25">
      <c r="A16476" t="s">
        <v>25988</v>
      </c>
      <c r="B16476" t="s">
        <v>25989</v>
      </c>
      <c r="C16476">
        <v>1</v>
      </c>
      <c r="D16476">
        <v>0</v>
      </c>
    </row>
    <row r="16477" spans="1:4" x14ac:dyDescent="0.25">
      <c r="A16477" t="s">
        <v>25990</v>
      </c>
      <c r="B16477" t="s">
        <v>25991</v>
      </c>
      <c r="C16477">
        <v>1</v>
      </c>
      <c r="D16477">
        <v>0</v>
      </c>
    </row>
    <row r="16478" spans="1:4" x14ac:dyDescent="0.25">
      <c r="A16478" t="s">
        <v>25992</v>
      </c>
      <c r="B16478" t="s">
        <v>25993</v>
      </c>
      <c r="C16478">
        <v>2</v>
      </c>
      <c r="D16478">
        <v>0</v>
      </c>
    </row>
    <row r="16479" spans="1:4" x14ac:dyDescent="0.25">
      <c r="A16479" t="s">
        <v>25994</v>
      </c>
      <c r="B16479" t="s">
        <v>25995</v>
      </c>
      <c r="C16479">
        <v>1</v>
      </c>
      <c r="D16479">
        <v>0</v>
      </c>
    </row>
    <row r="16480" spans="1:4" x14ac:dyDescent="0.25">
      <c r="A16480" t="s">
        <v>25996</v>
      </c>
      <c r="B16480" t="s">
        <v>25997</v>
      </c>
      <c r="C16480">
        <v>0</v>
      </c>
      <c r="D16480">
        <v>0</v>
      </c>
    </row>
    <row r="16481" spans="1:4" x14ac:dyDescent="0.25">
      <c r="A16481" t="s">
        <v>25998</v>
      </c>
      <c r="B16481" t="s">
        <v>25999</v>
      </c>
      <c r="C16481">
        <v>0</v>
      </c>
      <c r="D16481">
        <v>0</v>
      </c>
    </row>
    <row r="16482" spans="1:4" x14ac:dyDescent="0.25">
      <c r="A16482" t="s">
        <v>26000</v>
      </c>
      <c r="B16482" t="s">
        <v>26001</v>
      </c>
      <c r="C16482">
        <v>0</v>
      </c>
      <c r="D16482">
        <v>0</v>
      </c>
    </row>
    <row r="16483" spans="1:4" x14ac:dyDescent="0.25">
      <c r="A16483" t="s">
        <v>26002</v>
      </c>
      <c r="B16483" t="s">
        <v>26003</v>
      </c>
      <c r="C16483">
        <v>2</v>
      </c>
      <c r="D16483">
        <v>0</v>
      </c>
    </row>
    <row r="16484" spans="1:4" x14ac:dyDescent="0.25">
      <c r="A16484" t="s">
        <v>26004</v>
      </c>
      <c r="B16484" t="s">
        <v>26005</v>
      </c>
      <c r="C16484">
        <v>1</v>
      </c>
      <c r="D16484">
        <v>0</v>
      </c>
    </row>
    <row r="16485" spans="1:4" x14ac:dyDescent="0.25">
      <c r="A16485" t="s">
        <v>26006</v>
      </c>
      <c r="B16485" t="s">
        <v>26007</v>
      </c>
      <c r="C16485">
        <v>1</v>
      </c>
      <c r="D16485">
        <v>0</v>
      </c>
    </row>
    <row r="16486" spans="1:4" x14ac:dyDescent="0.25">
      <c r="A16486" t="s">
        <v>26008</v>
      </c>
      <c r="B16486" t="s">
        <v>26009</v>
      </c>
      <c r="C16486">
        <v>1</v>
      </c>
      <c r="D16486">
        <v>0</v>
      </c>
    </row>
    <row r="16487" spans="1:4" x14ac:dyDescent="0.25">
      <c r="A16487" t="s">
        <v>26010</v>
      </c>
      <c r="B16487" t="s">
        <v>22578</v>
      </c>
      <c r="C16487">
        <v>1</v>
      </c>
      <c r="D16487">
        <v>0</v>
      </c>
    </row>
    <row r="16488" spans="1:4" x14ac:dyDescent="0.25">
      <c r="A16488" t="s">
        <v>26011</v>
      </c>
      <c r="B16488" t="s">
        <v>26012</v>
      </c>
      <c r="C16488">
        <v>2</v>
      </c>
      <c r="D16488">
        <v>0</v>
      </c>
    </row>
    <row r="16489" spans="1:4" x14ac:dyDescent="0.25">
      <c r="A16489" t="s">
        <v>26013</v>
      </c>
      <c r="B16489" t="s">
        <v>26014</v>
      </c>
      <c r="C16489">
        <v>2</v>
      </c>
      <c r="D16489">
        <v>0</v>
      </c>
    </row>
    <row r="16490" spans="1:4" x14ac:dyDescent="0.25">
      <c r="A16490" t="s">
        <v>26013</v>
      </c>
      <c r="B16490" t="s">
        <v>26015</v>
      </c>
      <c r="C16490">
        <v>2</v>
      </c>
      <c r="D16490">
        <v>0</v>
      </c>
    </row>
    <row r="16491" spans="1:4" x14ac:dyDescent="0.25">
      <c r="A16491" t="s">
        <v>26016</v>
      </c>
      <c r="B16491" t="s">
        <v>26017</v>
      </c>
      <c r="C16491">
        <v>1</v>
      </c>
      <c r="D16491">
        <v>0</v>
      </c>
    </row>
    <row r="16492" spans="1:4" x14ac:dyDescent="0.25">
      <c r="A16492" t="s">
        <v>26018</v>
      </c>
      <c r="B16492" t="s">
        <v>26019</v>
      </c>
      <c r="C16492">
        <v>1</v>
      </c>
      <c r="D16492">
        <v>0</v>
      </c>
    </row>
    <row r="16493" spans="1:4" x14ac:dyDescent="0.25">
      <c r="A16493" t="s">
        <v>26020</v>
      </c>
      <c r="B16493" t="s">
        <v>26021</v>
      </c>
      <c r="C16493">
        <v>1</v>
      </c>
      <c r="D16493">
        <v>0</v>
      </c>
    </row>
    <row r="16494" spans="1:4" x14ac:dyDescent="0.25">
      <c r="A16494" t="s">
        <v>26020</v>
      </c>
      <c r="B16494" t="s">
        <v>26022</v>
      </c>
      <c r="C16494">
        <v>0</v>
      </c>
      <c r="D16494">
        <v>0</v>
      </c>
    </row>
    <row r="16495" spans="1:4" x14ac:dyDescent="0.25">
      <c r="A16495" t="s">
        <v>26020</v>
      </c>
      <c r="B16495" t="s">
        <v>26023</v>
      </c>
      <c r="C16495">
        <v>2</v>
      </c>
      <c r="D16495">
        <v>0</v>
      </c>
    </row>
    <row r="16496" spans="1:4" x14ac:dyDescent="0.25">
      <c r="A16496" t="s">
        <v>26024</v>
      </c>
      <c r="B16496" t="s">
        <v>26025</v>
      </c>
      <c r="C16496">
        <v>2</v>
      </c>
      <c r="D16496">
        <v>0</v>
      </c>
    </row>
    <row r="16497" spans="1:4" x14ac:dyDescent="0.25">
      <c r="A16497" t="s">
        <v>26026</v>
      </c>
      <c r="B16497" t="s">
        <v>19309</v>
      </c>
      <c r="C16497">
        <v>1</v>
      </c>
      <c r="D16497">
        <v>0</v>
      </c>
    </row>
    <row r="16498" spans="1:4" x14ac:dyDescent="0.25">
      <c r="A16498" t="s">
        <v>26027</v>
      </c>
      <c r="B16498" t="s">
        <v>26028</v>
      </c>
      <c r="C16498">
        <v>1</v>
      </c>
      <c r="D16498">
        <v>0</v>
      </c>
    </row>
    <row r="16499" spans="1:4" x14ac:dyDescent="0.25">
      <c r="A16499" t="s">
        <v>26029</v>
      </c>
      <c r="B16499" t="s">
        <v>26030</v>
      </c>
      <c r="C16499">
        <v>1</v>
      </c>
      <c r="D16499">
        <v>0</v>
      </c>
    </row>
    <row r="16500" spans="1:4" x14ac:dyDescent="0.25">
      <c r="A16500" t="s">
        <v>26031</v>
      </c>
      <c r="B16500" t="s">
        <v>26032</v>
      </c>
      <c r="C16500">
        <v>1</v>
      </c>
      <c r="D16500">
        <v>0</v>
      </c>
    </row>
    <row r="16501" spans="1:4" x14ac:dyDescent="0.25">
      <c r="A16501" t="s">
        <v>26033</v>
      </c>
      <c r="B16501" t="s">
        <v>26034</v>
      </c>
      <c r="C16501">
        <v>1</v>
      </c>
      <c r="D16501">
        <v>0</v>
      </c>
    </row>
    <row r="16502" spans="1:4" x14ac:dyDescent="0.25">
      <c r="A16502" t="s">
        <v>26035</v>
      </c>
      <c r="B16502" t="s">
        <v>26036</v>
      </c>
      <c r="C16502">
        <v>1</v>
      </c>
      <c r="D16502">
        <v>0</v>
      </c>
    </row>
    <row r="16503" spans="1:4" x14ac:dyDescent="0.25">
      <c r="A16503" t="s">
        <v>26037</v>
      </c>
      <c r="B16503" t="s">
        <v>26038</v>
      </c>
      <c r="C16503">
        <v>1</v>
      </c>
      <c r="D16503">
        <v>0</v>
      </c>
    </row>
    <row r="16504" spans="1:4" x14ac:dyDescent="0.25">
      <c r="A16504" t="s">
        <v>26039</v>
      </c>
      <c r="B16504" t="s">
        <v>26040</v>
      </c>
      <c r="C16504">
        <v>1</v>
      </c>
      <c r="D16504">
        <v>0</v>
      </c>
    </row>
    <row r="16505" spans="1:4" x14ac:dyDescent="0.25">
      <c r="A16505" t="s">
        <v>26039</v>
      </c>
      <c r="B16505" t="s">
        <v>26041</v>
      </c>
      <c r="C16505">
        <v>2</v>
      </c>
      <c r="D16505">
        <v>0</v>
      </c>
    </row>
    <row r="16506" spans="1:4" x14ac:dyDescent="0.25">
      <c r="A16506" t="s">
        <v>26042</v>
      </c>
      <c r="B16506" t="s">
        <v>26043</v>
      </c>
      <c r="C16506">
        <v>1</v>
      </c>
      <c r="D16506">
        <v>0</v>
      </c>
    </row>
    <row r="16507" spans="1:4" x14ac:dyDescent="0.25">
      <c r="A16507" t="s">
        <v>26044</v>
      </c>
      <c r="B16507" t="s">
        <v>26045</v>
      </c>
      <c r="C16507">
        <v>2</v>
      </c>
      <c r="D16507">
        <v>0</v>
      </c>
    </row>
    <row r="16508" spans="1:4" x14ac:dyDescent="0.25">
      <c r="A16508" t="s">
        <v>26046</v>
      </c>
      <c r="B16508" t="s">
        <v>26047</v>
      </c>
      <c r="C16508">
        <v>1</v>
      </c>
      <c r="D16508">
        <v>0</v>
      </c>
    </row>
    <row r="16509" spans="1:4" x14ac:dyDescent="0.25">
      <c r="A16509" t="s">
        <v>26046</v>
      </c>
      <c r="B16509" t="s">
        <v>26048</v>
      </c>
      <c r="C16509">
        <v>0</v>
      </c>
      <c r="D16509">
        <v>0</v>
      </c>
    </row>
    <row r="16510" spans="1:4" x14ac:dyDescent="0.25">
      <c r="A16510" t="s">
        <v>26049</v>
      </c>
      <c r="B16510" t="s">
        <v>26050</v>
      </c>
      <c r="C16510">
        <v>1</v>
      </c>
      <c r="D16510">
        <v>0</v>
      </c>
    </row>
    <row r="16511" spans="1:4" x14ac:dyDescent="0.25">
      <c r="A16511" t="s">
        <v>26051</v>
      </c>
      <c r="B16511" t="s">
        <v>26052</v>
      </c>
      <c r="C16511">
        <v>1</v>
      </c>
      <c r="D16511">
        <v>0</v>
      </c>
    </row>
    <row r="16512" spans="1:4" x14ac:dyDescent="0.25">
      <c r="A16512" t="s">
        <v>26053</v>
      </c>
      <c r="B16512" t="s">
        <v>26054</v>
      </c>
      <c r="C16512">
        <v>1</v>
      </c>
      <c r="D16512">
        <v>0</v>
      </c>
    </row>
    <row r="16513" spans="1:4" x14ac:dyDescent="0.25">
      <c r="A16513" t="s">
        <v>26053</v>
      </c>
      <c r="B16513" t="s">
        <v>26055</v>
      </c>
      <c r="C16513">
        <v>2</v>
      </c>
      <c r="D16513">
        <v>0</v>
      </c>
    </row>
    <row r="16514" spans="1:4" x14ac:dyDescent="0.25">
      <c r="A16514" t="s">
        <v>26056</v>
      </c>
      <c r="B16514" t="s">
        <v>26057</v>
      </c>
      <c r="C16514">
        <v>1</v>
      </c>
      <c r="D16514">
        <v>0</v>
      </c>
    </row>
    <row r="16515" spans="1:4" x14ac:dyDescent="0.25">
      <c r="A16515" t="s">
        <v>26058</v>
      </c>
      <c r="B16515" t="s">
        <v>26059</v>
      </c>
      <c r="C16515">
        <v>1</v>
      </c>
      <c r="D16515">
        <v>0</v>
      </c>
    </row>
    <row r="16516" spans="1:4" x14ac:dyDescent="0.25">
      <c r="A16516" t="s">
        <v>26060</v>
      </c>
      <c r="B16516" t="s">
        <v>26061</v>
      </c>
      <c r="C16516">
        <v>2</v>
      </c>
      <c r="D16516">
        <v>0</v>
      </c>
    </row>
    <row r="16517" spans="1:4" x14ac:dyDescent="0.25">
      <c r="A16517" t="s">
        <v>26062</v>
      </c>
      <c r="B16517" t="s">
        <v>26063</v>
      </c>
      <c r="C16517">
        <v>1</v>
      </c>
      <c r="D16517">
        <v>0</v>
      </c>
    </row>
    <row r="16518" spans="1:4" x14ac:dyDescent="0.25">
      <c r="A16518" t="s">
        <v>26062</v>
      </c>
      <c r="B16518" t="s">
        <v>26064</v>
      </c>
      <c r="C16518">
        <v>0</v>
      </c>
      <c r="D16518">
        <v>0</v>
      </c>
    </row>
    <row r="16519" spans="1:4" x14ac:dyDescent="0.25">
      <c r="A16519" t="s">
        <v>26065</v>
      </c>
      <c r="B16519" t="s">
        <v>26066</v>
      </c>
      <c r="C16519">
        <v>1</v>
      </c>
      <c r="D16519">
        <v>0</v>
      </c>
    </row>
    <row r="16520" spans="1:4" x14ac:dyDescent="0.25">
      <c r="A16520" t="s">
        <v>26065</v>
      </c>
      <c r="B16520" t="s">
        <v>26067</v>
      </c>
      <c r="C16520">
        <v>1</v>
      </c>
      <c r="D16520">
        <v>0</v>
      </c>
    </row>
    <row r="16521" spans="1:4" x14ac:dyDescent="0.25">
      <c r="A16521" t="s">
        <v>26068</v>
      </c>
      <c r="B16521" t="s">
        <v>26069</v>
      </c>
      <c r="C16521">
        <v>0</v>
      </c>
      <c r="D16521">
        <v>0</v>
      </c>
    </row>
    <row r="16522" spans="1:4" x14ac:dyDescent="0.25">
      <c r="A16522" t="s">
        <v>26070</v>
      </c>
      <c r="B16522" t="s">
        <v>26071</v>
      </c>
      <c r="C16522">
        <v>1</v>
      </c>
      <c r="D16522">
        <v>0</v>
      </c>
    </row>
    <row r="16523" spans="1:4" x14ac:dyDescent="0.25">
      <c r="A16523" t="s">
        <v>26072</v>
      </c>
      <c r="B16523" t="s">
        <v>26073</v>
      </c>
      <c r="C16523">
        <v>0</v>
      </c>
      <c r="D16523">
        <v>0</v>
      </c>
    </row>
    <row r="16524" spans="1:4" x14ac:dyDescent="0.25">
      <c r="A16524" t="s">
        <v>26074</v>
      </c>
      <c r="B16524" t="s">
        <v>26075</v>
      </c>
      <c r="C16524">
        <v>2</v>
      </c>
      <c r="D16524">
        <v>0</v>
      </c>
    </row>
    <row r="16525" spans="1:4" x14ac:dyDescent="0.25">
      <c r="A16525" t="s">
        <v>26076</v>
      </c>
      <c r="B16525" t="s">
        <v>26077</v>
      </c>
      <c r="C16525">
        <v>1</v>
      </c>
      <c r="D16525">
        <v>0</v>
      </c>
    </row>
    <row r="16526" spans="1:4" x14ac:dyDescent="0.25">
      <c r="A16526" t="s">
        <v>26078</v>
      </c>
      <c r="B16526" t="s">
        <v>26079</v>
      </c>
      <c r="C16526">
        <v>0</v>
      </c>
      <c r="D16526">
        <v>0</v>
      </c>
    </row>
    <row r="16527" spans="1:4" x14ac:dyDescent="0.25">
      <c r="A16527" t="s">
        <v>26080</v>
      </c>
      <c r="B16527" t="s">
        <v>26081</v>
      </c>
      <c r="C16527">
        <v>2</v>
      </c>
      <c r="D16527">
        <v>0</v>
      </c>
    </row>
    <row r="16528" spans="1:4" x14ac:dyDescent="0.25">
      <c r="A16528" t="s">
        <v>26082</v>
      </c>
      <c r="B16528" t="s">
        <v>26083</v>
      </c>
      <c r="C16528">
        <v>0</v>
      </c>
      <c r="D16528">
        <v>0</v>
      </c>
    </row>
    <row r="16529" spans="1:4" x14ac:dyDescent="0.25">
      <c r="A16529" t="s">
        <v>26084</v>
      </c>
      <c r="B16529" t="s">
        <v>26085</v>
      </c>
      <c r="C16529">
        <v>1</v>
      </c>
      <c r="D16529">
        <v>0</v>
      </c>
    </row>
    <row r="16530" spans="1:4" x14ac:dyDescent="0.25">
      <c r="A16530" t="s">
        <v>26086</v>
      </c>
      <c r="B16530" t="s">
        <v>26087</v>
      </c>
      <c r="C16530">
        <v>1</v>
      </c>
      <c r="D16530">
        <v>0</v>
      </c>
    </row>
    <row r="16531" spans="1:4" x14ac:dyDescent="0.25">
      <c r="A16531" t="s">
        <v>26088</v>
      </c>
      <c r="B16531" t="s">
        <v>26089</v>
      </c>
      <c r="C16531">
        <v>2</v>
      </c>
      <c r="D16531">
        <v>0</v>
      </c>
    </row>
    <row r="16532" spans="1:4" x14ac:dyDescent="0.25">
      <c r="A16532" t="s">
        <v>26090</v>
      </c>
      <c r="B16532" t="s">
        <v>26091</v>
      </c>
      <c r="C16532">
        <v>1</v>
      </c>
      <c r="D16532">
        <v>0</v>
      </c>
    </row>
    <row r="16533" spans="1:4" x14ac:dyDescent="0.25">
      <c r="A16533" t="s">
        <v>26092</v>
      </c>
      <c r="B16533" t="s">
        <v>26093</v>
      </c>
      <c r="C16533">
        <v>1</v>
      </c>
      <c r="D16533">
        <v>0</v>
      </c>
    </row>
    <row r="16534" spans="1:4" x14ac:dyDescent="0.25">
      <c r="A16534" t="s">
        <v>26094</v>
      </c>
      <c r="B16534" t="s">
        <v>26095</v>
      </c>
      <c r="C16534">
        <v>1</v>
      </c>
      <c r="D16534">
        <v>0</v>
      </c>
    </row>
    <row r="16535" spans="1:4" x14ac:dyDescent="0.25">
      <c r="A16535" t="s">
        <v>26094</v>
      </c>
      <c r="B16535" t="s">
        <v>26096</v>
      </c>
      <c r="C16535">
        <v>0</v>
      </c>
      <c r="D16535">
        <v>0</v>
      </c>
    </row>
    <row r="16536" spans="1:4" x14ac:dyDescent="0.25">
      <c r="A16536" t="s">
        <v>26097</v>
      </c>
      <c r="B16536" t="s">
        <v>26098</v>
      </c>
      <c r="C16536">
        <v>1</v>
      </c>
      <c r="D16536">
        <v>0</v>
      </c>
    </row>
    <row r="16537" spans="1:4" x14ac:dyDescent="0.25">
      <c r="A16537" t="s">
        <v>26099</v>
      </c>
      <c r="B16537" t="s">
        <v>26100</v>
      </c>
      <c r="C16537">
        <v>1</v>
      </c>
      <c r="D16537">
        <v>0</v>
      </c>
    </row>
    <row r="16538" spans="1:4" x14ac:dyDescent="0.25">
      <c r="A16538" t="s">
        <v>26101</v>
      </c>
      <c r="B16538" t="s">
        <v>26102</v>
      </c>
      <c r="C16538">
        <v>1</v>
      </c>
      <c r="D16538">
        <v>0</v>
      </c>
    </row>
    <row r="16539" spans="1:4" x14ac:dyDescent="0.25">
      <c r="A16539" t="s">
        <v>26103</v>
      </c>
      <c r="B16539" t="s">
        <v>26104</v>
      </c>
      <c r="C16539">
        <v>0</v>
      </c>
      <c r="D16539">
        <v>0</v>
      </c>
    </row>
    <row r="16540" spans="1:4" x14ac:dyDescent="0.25">
      <c r="A16540" t="s">
        <v>26105</v>
      </c>
      <c r="B16540" t="s">
        <v>26106</v>
      </c>
      <c r="C16540">
        <v>1</v>
      </c>
      <c r="D16540">
        <v>0</v>
      </c>
    </row>
    <row r="16541" spans="1:4" x14ac:dyDescent="0.25">
      <c r="A16541" t="s">
        <v>26105</v>
      </c>
      <c r="B16541" t="s">
        <v>26107</v>
      </c>
      <c r="C16541">
        <v>2</v>
      </c>
      <c r="D16541">
        <v>0</v>
      </c>
    </row>
    <row r="16542" spans="1:4" x14ac:dyDescent="0.25">
      <c r="A16542" t="s">
        <v>26108</v>
      </c>
      <c r="B16542" t="s">
        <v>26109</v>
      </c>
      <c r="C16542">
        <v>1</v>
      </c>
      <c r="D16542">
        <v>0</v>
      </c>
    </row>
    <row r="16543" spans="1:4" x14ac:dyDescent="0.25">
      <c r="A16543" t="s">
        <v>26110</v>
      </c>
      <c r="B16543" t="s">
        <v>26111</v>
      </c>
      <c r="C16543">
        <v>1</v>
      </c>
      <c r="D16543">
        <v>0</v>
      </c>
    </row>
    <row r="16544" spans="1:4" x14ac:dyDescent="0.25">
      <c r="A16544" t="s">
        <v>26112</v>
      </c>
      <c r="B16544" t="s">
        <v>26113</v>
      </c>
      <c r="C16544">
        <v>1</v>
      </c>
      <c r="D16544">
        <v>0</v>
      </c>
    </row>
    <row r="16545" spans="1:4" x14ac:dyDescent="0.25">
      <c r="A16545" t="s">
        <v>26114</v>
      </c>
      <c r="B16545" t="s">
        <v>26115</v>
      </c>
      <c r="C16545">
        <v>1</v>
      </c>
      <c r="D16545">
        <v>0</v>
      </c>
    </row>
    <row r="16546" spans="1:4" x14ac:dyDescent="0.25">
      <c r="A16546" t="s">
        <v>26114</v>
      </c>
      <c r="B16546" t="s">
        <v>26116</v>
      </c>
      <c r="C16546">
        <v>0</v>
      </c>
      <c r="D16546">
        <v>0</v>
      </c>
    </row>
    <row r="16547" spans="1:4" x14ac:dyDescent="0.25">
      <c r="A16547" t="s">
        <v>26117</v>
      </c>
      <c r="B16547" t="s">
        <v>26118</v>
      </c>
      <c r="C16547">
        <v>1</v>
      </c>
      <c r="D16547">
        <v>0</v>
      </c>
    </row>
    <row r="16548" spans="1:4" x14ac:dyDescent="0.25">
      <c r="A16548" t="s">
        <v>26119</v>
      </c>
      <c r="B16548" t="s">
        <v>26120</v>
      </c>
      <c r="C16548">
        <v>2</v>
      </c>
      <c r="D16548">
        <v>0</v>
      </c>
    </row>
    <row r="16549" spans="1:4" x14ac:dyDescent="0.25">
      <c r="A16549" t="s">
        <v>26121</v>
      </c>
      <c r="B16549" t="s">
        <v>26122</v>
      </c>
      <c r="C16549">
        <v>2</v>
      </c>
      <c r="D16549">
        <v>0</v>
      </c>
    </row>
    <row r="16550" spans="1:4" x14ac:dyDescent="0.25">
      <c r="A16550" t="s">
        <v>26121</v>
      </c>
      <c r="B16550" t="s">
        <v>26123</v>
      </c>
      <c r="C16550">
        <v>2</v>
      </c>
      <c r="D16550">
        <v>0</v>
      </c>
    </row>
    <row r="16551" spans="1:4" x14ac:dyDescent="0.25">
      <c r="A16551" t="s">
        <v>26121</v>
      </c>
      <c r="B16551" t="s">
        <v>26124</v>
      </c>
      <c r="C16551">
        <v>2</v>
      </c>
      <c r="D16551">
        <v>0</v>
      </c>
    </row>
    <row r="16552" spans="1:4" x14ac:dyDescent="0.25">
      <c r="A16552" t="s">
        <v>26125</v>
      </c>
      <c r="B16552" t="s">
        <v>26126</v>
      </c>
      <c r="C16552">
        <v>1</v>
      </c>
      <c r="D16552">
        <v>0</v>
      </c>
    </row>
    <row r="16553" spans="1:4" x14ac:dyDescent="0.25">
      <c r="A16553" t="s">
        <v>26125</v>
      </c>
      <c r="B16553" t="s">
        <v>26127</v>
      </c>
      <c r="C16553">
        <v>0</v>
      </c>
      <c r="D16553">
        <v>0</v>
      </c>
    </row>
    <row r="16554" spans="1:4" x14ac:dyDescent="0.25">
      <c r="A16554" t="s">
        <v>26125</v>
      </c>
      <c r="B16554" t="s">
        <v>26128</v>
      </c>
      <c r="C16554">
        <v>2</v>
      </c>
      <c r="D16554">
        <v>0</v>
      </c>
    </row>
    <row r="16555" spans="1:4" x14ac:dyDescent="0.25">
      <c r="A16555" t="s">
        <v>26129</v>
      </c>
      <c r="B16555" t="s">
        <v>26130</v>
      </c>
      <c r="C16555">
        <v>1</v>
      </c>
      <c r="D16555">
        <v>0</v>
      </c>
    </row>
    <row r="16556" spans="1:4" x14ac:dyDescent="0.25">
      <c r="A16556" t="s">
        <v>26131</v>
      </c>
      <c r="B16556" t="s">
        <v>26132</v>
      </c>
      <c r="C16556">
        <v>1</v>
      </c>
      <c r="D16556">
        <v>0</v>
      </c>
    </row>
    <row r="16557" spans="1:4" x14ac:dyDescent="0.25">
      <c r="A16557" t="s">
        <v>26133</v>
      </c>
      <c r="B16557" t="s">
        <v>26134</v>
      </c>
      <c r="C16557">
        <v>1</v>
      </c>
      <c r="D16557">
        <v>0</v>
      </c>
    </row>
    <row r="16558" spans="1:4" x14ac:dyDescent="0.25">
      <c r="A16558" t="s">
        <v>26135</v>
      </c>
      <c r="B16558" t="s">
        <v>26136</v>
      </c>
      <c r="C16558">
        <v>0</v>
      </c>
      <c r="D16558">
        <v>0</v>
      </c>
    </row>
    <row r="16559" spans="1:4" x14ac:dyDescent="0.25">
      <c r="A16559" t="s">
        <v>26137</v>
      </c>
      <c r="B16559" t="s">
        <v>26138</v>
      </c>
      <c r="C16559">
        <v>0</v>
      </c>
      <c r="D16559">
        <v>0</v>
      </c>
    </row>
    <row r="16560" spans="1:4" x14ac:dyDescent="0.25">
      <c r="A16560" t="s">
        <v>26137</v>
      </c>
      <c r="B16560" t="s">
        <v>26139</v>
      </c>
      <c r="C16560">
        <v>0</v>
      </c>
      <c r="D16560">
        <v>0</v>
      </c>
    </row>
    <row r="16561" spans="1:4" x14ac:dyDescent="0.25">
      <c r="A16561" t="s">
        <v>26140</v>
      </c>
      <c r="B16561" t="s">
        <v>26141</v>
      </c>
      <c r="C16561">
        <v>1</v>
      </c>
      <c r="D16561">
        <v>0</v>
      </c>
    </row>
    <row r="16562" spans="1:4" x14ac:dyDescent="0.25">
      <c r="A16562" t="s">
        <v>26140</v>
      </c>
      <c r="B16562" t="s">
        <v>26142</v>
      </c>
      <c r="C16562">
        <v>1</v>
      </c>
      <c r="D16562">
        <v>0</v>
      </c>
    </row>
    <row r="16563" spans="1:4" x14ac:dyDescent="0.25">
      <c r="A16563" t="s">
        <v>26140</v>
      </c>
      <c r="B16563" t="s">
        <v>26143</v>
      </c>
      <c r="C16563">
        <v>0</v>
      </c>
      <c r="D16563">
        <v>0</v>
      </c>
    </row>
    <row r="16564" spans="1:4" x14ac:dyDescent="0.25">
      <c r="A16564" t="s">
        <v>26144</v>
      </c>
      <c r="B16564" t="s">
        <v>26145</v>
      </c>
      <c r="C16564">
        <v>1</v>
      </c>
      <c r="D16564">
        <v>0</v>
      </c>
    </row>
    <row r="16565" spans="1:4" x14ac:dyDescent="0.25">
      <c r="A16565" t="s">
        <v>26144</v>
      </c>
      <c r="B16565" t="s">
        <v>26146</v>
      </c>
      <c r="C16565">
        <v>0</v>
      </c>
      <c r="D16565">
        <v>0</v>
      </c>
    </row>
    <row r="16566" spans="1:4" x14ac:dyDescent="0.25">
      <c r="A16566" t="s">
        <v>26147</v>
      </c>
      <c r="B16566" t="s">
        <v>26148</v>
      </c>
      <c r="C16566">
        <v>1</v>
      </c>
      <c r="D16566">
        <v>0</v>
      </c>
    </row>
    <row r="16567" spans="1:4" x14ac:dyDescent="0.25">
      <c r="A16567" t="s">
        <v>26149</v>
      </c>
      <c r="B16567" t="s">
        <v>26150</v>
      </c>
      <c r="C16567">
        <v>0</v>
      </c>
      <c r="D16567">
        <v>0</v>
      </c>
    </row>
    <row r="16568" spans="1:4" x14ac:dyDescent="0.25">
      <c r="A16568" t="s">
        <v>26151</v>
      </c>
      <c r="B16568" t="s">
        <v>26152</v>
      </c>
      <c r="C16568">
        <v>1</v>
      </c>
      <c r="D16568">
        <v>0</v>
      </c>
    </row>
    <row r="16569" spans="1:4" x14ac:dyDescent="0.25">
      <c r="A16569" t="s">
        <v>26151</v>
      </c>
      <c r="B16569" t="s">
        <v>26153</v>
      </c>
      <c r="C16569">
        <v>0</v>
      </c>
      <c r="D16569">
        <v>0</v>
      </c>
    </row>
    <row r="16570" spans="1:4" x14ac:dyDescent="0.25">
      <c r="A16570" t="s">
        <v>26151</v>
      </c>
      <c r="B16570" t="s">
        <v>26154</v>
      </c>
      <c r="C16570">
        <v>0</v>
      </c>
      <c r="D16570">
        <v>0</v>
      </c>
    </row>
    <row r="16571" spans="1:4" x14ac:dyDescent="0.25">
      <c r="A16571" t="s">
        <v>26155</v>
      </c>
      <c r="B16571" t="s">
        <v>26156</v>
      </c>
      <c r="C16571">
        <v>1</v>
      </c>
      <c r="D16571">
        <v>0</v>
      </c>
    </row>
    <row r="16572" spans="1:4" x14ac:dyDescent="0.25">
      <c r="A16572" t="s">
        <v>26155</v>
      </c>
      <c r="B16572" t="s">
        <v>26157</v>
      </c>
      <c r="C16572">
        <v>1</v>
      </c>
      <c r="D16572">
        <v>0</v>
      </c>
    </row>
    <row r="16573" spans="1:4" x14ac:dyDescent="0.25">
      <c r="A16573" t="s">
        <v>26158</v>
      </c>
      <c r="B16573" t="s">
        <v>26159</v>
      </c>
      <c r="C16573">
        <v>1</v>
      </c>
      <c r="D16573">
        <v>0</v>
      </c>
    </row>
    <row r="16574" spans="1:4" x14ac:dyDescent="0.25">
      <c r="A16574" t="s">
        <v>26158</v>
      </c>
      <c r="B16574" t="s">
        <v>26160</v>
      </c>
      <c r="C16574">
        <v>2</v>
      </c>
      <c r="D16574">
        <v>0</v>
      </c>
    </row>
    <row r="16575" spans="1:4" x14ac:dyDescent="0.25">
      <c r="A16575" t="s">
        <v>26161</v>
      </c>
      <c r="B16575" t="s">
        <v>26162</v>
      </c>
      <c r="C16575">
        <v>1</v>
      </c>
      <c r="D16575">
        <v>0</v>
      </c>
    </row>
    <row r="16576" spans="1:4" x14ac:dyDescent="0.25">
      <c r="A16576" t="s">
        <v>26163</v>
      </c>
      <c r="B16576" t="s">
        <v>26164</v>
      </c>
      <c r="C16576">
        <v>1</v>
      </c>
      <c r="D16576">
        <v>0</v>
      </c>
    </row>
    <row r="16577" spans="1:4" x14ac:dyDescent="0.25">
      <c r="A16577" t="s">
        <v>26165</v>
      </c>
      <c r="B16577" t="s">
        <v>26166</v>
      </c>
      <c r="C16577">
        <v>1</v>
      </c>
      <c r="D16577">
        <v>0</v>
      </c>
    </row>
    <row r="16578" spans="1:4" x14ac:dyDescent="0.25">
      <c r="A16578" t="s">
        <v>26165</v>
      </c>
      <c r="B16578" t="s">
        <v>26167</v>
      </c>
      <c r="C16578">
        <v>0</v>
      </c>
      <c r="D16578">
        <v>0</v>
      </c>
    </row>
    <row r="16579" spans="1:4" x14ac:dyDescent="0.25">
      <c r="A16579" t="s">
        <v>26168</v>
      </c>
      <c r="B16579" t="s">
        <v>26169</v>
      </c>
      <c r="C16579">
        <v>1</v>
      </c>
      <c r="D16579">
        <v>0</v>
      </c>
    </row>
    <row r="16580" spans="1:4" x14ac:dyDescent="0.25">
      <c r="A16580" t="s">
        <v>26170</v>
      </c>
      <c r="B16580" t="s">
        <v>26171</v>
      </c>
      <c r="C16580">
        <v>2</v>
      </c>
      <c r="D16580">
        <v>0</v>
      </c>
    </row>
    <row r="16581" spans="1:4" x14ac:dyDescent="0.25">
      <c r="A16581" t="s">
        <v>26172</v>
      </c>
      <c r="B16581" t="s">
        <v>26173</v>
      </c>
      <c r="C16581">
        <v>2</v>
      </c>
      <c r="D16581">
        <v>0</v>
      </c>
    </row>
    <row r="16582" spans="1:4" x14ac:dyDescent="0.25">
      <c r="A16582" t="s">
        <v>26174</v>
      </c>
      <c r="B16582" t="s">
        <v>26175</v>
      </c>
      <c r="C16582">
        <v>1</v>
      </c>
      <c r="D16582">
        <v>0</v>
      </c>
    </row>
    <row r="16583" spans="1:4" x14ac:dyDescent="0.25">
      <c r="A16583" t="s">
        <v>26176</v>
      </c>
      <c r="B16583" t="s">
        <v>26177</v>
      </c>
      <c r="C16583">
        <v>1</v>
      </c>
      <c r="D16583">
        <v>0</v>
      </c>
    </row>
    <row r="16584" spans="1:4" x14ac:dyDescent="0.25">
      <c r="A16584" t="s">
        <v>26178</v>
      </c>
      <c r="B16584" t="s">
        <v>26179</v>
      </c>
      <c r="C16584">
        <v>2</v>
      </c>
      <c r="D16584">
        <v>0</v>
      </c>
    </row>
    <row r="16585" spans="1:4" x14ac:dyDescent="0.25">
      <c r="A16585" t="s">
        <v>26180</v>
      </c>
      <c r="B16585" t="s">
        <v>26181</v>
      </c>
      <c r="C16585">
        <v>1</v>
      </c>
      <c r="D16585">
        <v>0</v>
      </c>
    </row>
    <row r="16586" spans="1:4" x14ac:dyDescent="0.25">
      <c r="A16586" t="s">
        <v>26182</v>
      </c>
      <c r="B16586" t="s">
        <v>26183</v>
      </c>
      <c r="C16586">
        <v>1</v>
      </c>
      <c r="D16586">
        <v>0</v>
      </c>
    </row>
    <row r="16587" spans="1:4" x14ac:dyDescent="0.25">
      <c r="A16587" t="s">
        <v>26184</v>
      </c>
      <c r="B16587" t="s">
        <v>26185</v>
      </c>
      <c r="C16587">
        <v>1</v>
      </c>
      <c r="D16587">
        <v>0</v>
      </c>
    </row>
    <row r="16588" spans="1:4" x14ac:dyDescent="0.25">
      <c r="A16588" t="s">
        <v>26186</v>
      </c>
      <c r="B16588" t="s">
        <v>26187</v>
      </c>
      <c r="C16588">
        <v>2</v>
      </c>
      <c r="D16588">
        <v>0</v>
      </c>
    </row>
    <row r="16589" spans="1:4" x14ac:dyDescent="0.25">
      <c r="A16589" t="s">
        <v>26188</v>
      </c>
      <c r="B16589" t="s">
        <v>26189</v>
      </c>
      <c r="C16589">
        <v>2</v>
      </c>
      <c r="D16589">
        <v>0</v>
      </c>
    </row>
    <row r="16590" spans="1:4" x14ac:dyDescent="0.25">
      <c r="A16590" t="s">
        <v>26190</v>
      </c>
      <c r="B16590" t="s">
        <v>26191</v>
      </c>
      <c r="C16590">
        <v>0</v>
      </c>
      <c r="D16590">
        <v>0</v>
      </c>
    </row>
    <row r="16591" spans="1:4" x14ac:dyDescent="0.25">
      <c r="A16591" t="s">
        <v>26192</v>
      </c>
      <c r="B16591" t="s">
        <v>26193</v>
      </c>
      <c r="C16591">
        <v>1</v>
      </c>
      <c r="D16591">
        <v>0</v>
      </c>
    </row>
    <row r="16592" spans="1:4" x14ac:dyDescent="0.25">
      <c r="A16592" t="s">
        <v>26194</v>
      </c>
      <c r="B16592" t="s">
        <v>26195</v>
      </c>
      <c r="C16592">
        <v>1</v>
      </c>
      <c r="D16592">
        <v>0</v>
      </c>
    </row>
    <row r="16593" spans="1:4" x14ac:dyDescent="0.25">
      <c r="A16593" t="s">
        <v>26194</v>
      </c>
      <c r="B16593" t="s">
        <v>26196</v>
      </c>
      <c r="C16593">
        <v>0</v>
      </c>
      <c r="D16593">
        <v>0</v>
      </c>
    </row>
    <row r="16594" spans="1:4" x14ac:dyDescent="0.25">
      <c r="A16594" t="s">
        <v>26197</v>
      </c>
      <c r="B16594" t="s">
        <v>26198</v>
      </c>
      <c r="C16594">
        <v>0</v>
      </c>
      <c r="D16594">
        <v>0</v>
      </c>
    </row>
    <row r="16595" spans="1:4" x14ac:dyDescent="0.25">
      <c r="A16595" t="s">
        <v>26199</v>
      </c>
      <c r="B16595" t="s">
        <v>26200</v>
      </c>
      <c r="C16595">
        <v>2</v>
      </c>
      <c r="D16595">
        <v>0</v>
      </c>
    </row>
    <row r="16596" spans="1:4" x14ac:dyDescent="0.25">
      <c r="A16596" t="s">
        <v>26201</v>
      </c>
      <c r="B16596" t="s">
        <v>26202</v>
      </c>
      <c r="C16596">
        <v>1</v>
      </c>
      <c r="D16596">
        <v>0</v>
      </c>
    </row>
    <row r="16597" spans="1:4" x14ac:dyDescent="0.25">
      <c r="A16597" t="s">
        <v>26203</v>
      </c>
      <c r="B16597" t="s">
        <v>26204</v>
      </c>
      <c r="C16597">
        <v>1</v>
      </c>
      <c r="D16597">
        <v>0</v>
      </c>
    </row>
    <row r="16598" spans="1:4" x14ac:dyDescent="0.25">
      <c r="A16598" t="s">
        <v>26203</v>
      </c>
      <c r="B16598" t="s">
        <v>26205</v>
      </c>
      <c r="C16598">
        <v>0</v>
      </c>
      <c r="D16598">
        <v>0</v>
      </c>
    </row>
    <row r="16599" spans="1:4" x14ac:dyDescent="0.25">
      <c r="A16599" t="s">
        <v>26206</v>
      </c>
      <c r="B16599" t="s">
        <v>26207</v>
      </c>
      <c r="C16599">
        <v>1</v>
      </c>
      <c r="D16599">
        <v>0</v>
      </c>
    </row>
    <row r="16600" spans="1:4" x14ac:dyDescent="0.25">
      <c r="A16600" t="s">
        <v>26206</v>
      </c>
      <c r="B16600" t="s">
        <v>26208</v>
      </c>
      <c r="C16600">
        <v>0</v>
      </c>
      <c r="D16600">
        <v>0</v>
      </c>
    </row>
    <row r="16601" spans="1:4" x14ac:dyDescent="0.25">
      <c r="A16601" t="s">
        <v>26209</v>
      </c>
      <c r="B16601" t="s">
        <v>26210</v>
      </c>
      <c r="C16601">
        <v>2</v>
      </c>
      <c r="D16601">
        <v>0</v>
      </c>
    </row>
    <row r="16602" spans="1:4" x14ac:dyDescent="0.25">
      <c r="A16602" t="s">
        <v>26211</v>
      </c>
      <c r="B16602" t="s">
        <v>26212</v>
      </c>
      <c r="C16602">
        <v>1</v>
      </c>
      <c r="D16602">
        <v>0</v>
      </c>
    </row>
    <row r="16603" spans="1:4" x14ac:dyDescent="0.25">
      <c r="A16603" t="s">
        <v>26213</v>
      </c>
      <c r="B16603" t="s">
        <v>26214</v>
      </c>
      <c r="C16603">
        <v>1</v>
      </c>
      <c r="D16603">
        <v>0</v>
      </c>
    </row>
    <row r="16604" spans="1:4" x14ac:dyDescent="0.25">
      <c r="A16604" t="s">
        <v>26215</v>
      </c>
      <c r="B16604" t="s">
        <v>26216</v>
      </c>
      <c r="C16604">
        <v>1</v>
      </c>
      <c r="D16604">
        <v>0</v>
      </c>
    </row>
    <row r="16605" spans="1:4" x14ac:dyDescent="0.25">
      <c r="A16605" t="s">
        <v>26217</v>
      </c>
      <c r="B16605" t="s">
        <v>26218</v>
      </c>
      <c r="C16605">
        <v>1</v>
      </c>
      <c r="D16605">
        <v>0</v>
      </c>
    </row>
    <row r="16606" spans="1:4" x14ac:dyDescent="0.25">
      <c r="A16606" t="s">
        <v>26219</v>
      </c>
      <c r="B16606" t="s">
        <v>6548</v>
      </c>
      <c r="C16606">
        <v>1</v>
      </c>
      <c r="D16606">
        <v>0</v>
      </c>
    </row>
    <row r="16607" spans="1:4" x14ac:dyDescent="0.25">
      <c r="A16607" t="s">
        <v>26220</v>
      </c>
      <c r="B16607" t="s">
        <v>26221</v>
      </c>
      <c r="C16607">
        <v>1</v>
      </c>
      <c r="D16607">
        <v>0</v>
      </c>
    </row>
    <row r="16608" spans="1:4" x14ac:dyDescent="0.25">
      <c r="A16608" t="s">
        <v>26222</v>
      </c>
      <c r="B16608" t="s">
        <v>26223</v>
      </c>
      <c r="C16608">
        <v>1</v>
      </c>
      <c r="D16608">
        <v>0</v>
      </c>
    </row>
    <row r="16609" spans="1:4" x14ac:dyDescent="0.25">
      <c r="A16609" t="s">
        <v>26224</v>
      </c>
      <c r="B16609" t="s">
        <v>26225</v>
      </c>
      <c r="C16609">
        <v>1</v>
      </c>
      <c r="D16609">
        <v>0</v>
      </c>
    </row>
    <row r="16610" spans="1:4" x14ac:dyDescent="0.25">
      <c r="A16610" t="s">
        <v>26224</v>
      </c>
      <c r="B16610" t="s">
        <v>26226</v>
      </c>
      <c r="C16610">
        <v>2</v>
      </c>
      <c r="D16610">
        <v>0</v>
      </c>
    </row>
    <row r="16611" spans="1:4" x14ac:dyDescent="0.25">
      <c r="A16611" t="s">
        <v>26227</v>
      </c>
      <c r="B16611" t="s">
        <v>26228</v>
      </c>
      <c r="C16611">
        <v>1</v>
      </c>
      <c r="D16611">
        <v>0</v>
      </c>
    </row>
    <row r="16612" spans="1:4" x14ac:dyDescent="0.25">
      <c r="A16612" t="s">
        <v>26229</v>
      </c>
      <c r="B16612" t="s">
        <v>26230</v>
      </c>
      <c r="C16612">
        <v>1</v>
      </c>
      <c r="D16612">
        <v>0</v>
      </c>
    </row>
    <row r="16613" spans="1:4" x14ac:dyDescent="0.25">
      <c r="A16613" t="s">
        <v>26231</v>
      </c>
      <c r="B16613" t="s">
        <v>26232</v>
      </c>
      <c r="C16613">
        <v>1</v>
      </c>
      <c r="D16613">
        <v>0</v>
      </c>
    </row>
    <row r="16614" spans="1:4" x14ac:dyDescent="0.25">
      <c r="A16614" t="s">
        <v>26231</v>
      </c>
      <c r="B16614" t="s">
        <v>26233</v>
      </c>
      <c r="C16614">
        <v>1</v>
      </c>
      <c r="D16614">
        <v>0</v>
      </c>
    </row>
    <row r="16615" spans="1:4" x14ac:dyDescent="0.25">
      <c r="A16615" t="s">
        <v>26234</v>
      </c>
      <c r="B16615" t="s">
        <v>26235</v>
      </c>
      <c r="C16615">
        <v>1</v>
      </c>
      <c r="D16615">
        <v>0</v>
      </c>
    </row>
    <row r="16616" spans="1:4" x14ac:dyDescent="0.25">
      <c r="A16616" t="s">
        <v>26236</v>
      </c>
      <c r="B16616" t="s">
        <v>26237</v>
      </c>
      <c r="C16616">
        <v>1</v>
      </c>
      <c r="D16616">
        <v>0</v>
      </c>
    </row>
    <row r="16617" spans="1:4" x14ac:dyDescent="0.25">
      <c r="A16617" t="s">
        <v>26238</v>
      </c>
      <c r="B16617" t="s">
        <v>26239</v>
      </c>
      <c r="C16617">
        <v>1</v>
      </c>
      <c r="D16617">
        <v>0</v>
      </c>
    </row>
    <row r="16618" spans="1:4" x14ac:dyDescent="0.25">
      <c r="A16618" t="s">
        <v>26240</v>
      </c>
      <c r="B16618" t="s">
        <v>26241</v>
      </c>
      <c r="C16618">
        <v>1</v>
      </c>
      <c r="D16618">
        <v>0</v>
      </c>
    </row>
    <row r="16619" spans="1:4" x14ac:dyDescent="0.25">
      <c r="A16619" t="s">
        <v>26242</v>
      </c>
      <c r="B16619" t="s">
        <v>26243</v>
      </c>
      <c r="C16619">
        <v>1</v>
      </c>
      <c r="D16619">
        <v>0</v>
      </c>
    </row>
    <row r="16620" spans="1:4" x14ac:dyDescent="0.25">
      <c r="A16620" t="s">
        <v>26244</v>
      </c>
      <c r="B16620" t="s">
        <v>26245</v>
      </c>
      <c r="C16620">
        <v>1</v>
      </c>
      <c r="D16620">
        <v>0</v>
      </c>
    </row>
    <row r="16621" spans="1:4" x14ac:dyDescent="0.25">
      <c r="A16621" t="s">
        <v>26246</v>
      </c>
      <c r="B16621" t="s">
        <v>26247</v>
      </c>
      <c r="C16621">
        <v>1</v>
      </c>
      <c r="D16621">
        <v>0</v>
      </c>
    </row>
    <row r="16622" spans="1:4" x14ac:dyDescent="0.25">
      <c r="A16622" t="s">
        <v>26248</v>
      </c>
      <c r="B16622" t="s">
        <v>26249</v>
      </c>
      <c r="C16622">
        <v>1</v>
      </c>
      <c r="D16622">
        <v>0</v>
      </c>
    </row>
    <row r="16623" spans="1:4" x14ac:dyDescent="0.25">
      <c r="A16623" t="s">
        <v>26250</v>
      </c>
      <c r="B16623" t="s">
        <v>26251</v>
      </c>
      <c r="C16623">
        <v>1</v>
      </c>
      <c r="D16623">
        <v>0</v>
      </c>
    </row>
    <row r="16624" spans="1:4" x14ac:dyDescent="0.25">
      <c r="A16624" t="s">
        <v>26252</v>
      </c>
      <c r="B16624" t="s">
        <v>26253</v>
      </c>
      <c r="C16624">
        <v>1</v>
      </c>
      <c r="D16624">
        <v>0</v>
      </c>
    </row>
    <row r="16625" spans="1:4" x14ac:dyDescent="0.25">
      <c r="A16625" t="s">
        <v>26254</v>
      </c>
      <c r="B16625" t="s">
        <v>26255</v>
      </c>
      <c r="C16625">
        <v>1</v>
      </c>
      <c r="D16625">
        <v>0</v>
      </c>
    </row>
    <row r="16626" spans="1:4" x14ac:dyDescent="0.25">
      <c r="A16626" t="s">
        <v>26256</v>
      </c>
      <c r="B16626" t="s">
        <v>26257</v>
      </c>
      <c r="C16626">
        <v>1</v>
      </c>
      <c r="D16626">
        <v>0</v>
      </c>
    </row>
    <row r="16627" spans="1:4" x14ac:dyDescent="0.25">
      <c r="A16627" t="s">
        <v>26256</v>
      </c>
      <c r="B16627" t="s">
        <v>26258</v>
      </c>
      <c r="C16627">
        <v>2</v>
      </c>
      <c r="D16627">
        <v>0</v>
      </c>
    </row>
    <row r="16628" spans="1:4" x14ac:dyDescent="0.25">
      <c r="A16628" t="s">
        <v>26259</v>
      </c>
      <c r="B16628" t="s">
        <v>26260</v>
      </c>
      <c r="C16628">
        <v>0</v>
      </c>
      <c r="D16628">
        <v>0</v>
      </c>
    </row>
    <row r="16629" spans="1:4" x14ac:dyDescent="0.25">
      <c r="A16629" t="s">
        <v>26261</v>
      </c>
      <c r="B16629" t="s">
        <v>26262</v>
      </c>
      <c r="C16629">
        <v>1</v>
      </c>
      <c r="D16629">
        <v>0</v>
      </c>
    </row>
    <row r="16630" spans="1:4" x14ac:dyDescent="0.25">
      <c r="A16630" t="s">
        <v>26261</v>
      </c>
      <c r="B16630" t="s">
        <v>26263</v>
      </c>
      <c r="C16630">
        <v>0</v>
      </c>
      <c r="D16630">
        <v>0</v>
      </c>
    </row>
    <row r="16631" spans="1:4" x14ac:dyDescent="0.25">
      <c r="A16631" t="s">
        <v>26264</v>
      </c>
      <c r="B16631" t="s">
        <v>26265</v>
      </c>
      <c r="C16631">
        <v>1</v>
      </c>
      <c r="D16631">
        <v>0</v>
      </c>
    </row>
    <row r="16632" spans="1:4" x14ac:dyDescent="0.25">
      <c r="A16632" t="s">
        <v>26264</v>
      </c>
      <c r="B16632" t="s">
        <v>26266</v>
      </c>
      <c r="C16632">
        <v>0</v>
      </c>
      <c r="D16632">
        <v>0</v>
      </c>
    </row>
    <row r="16633" spans="1:4" x14ac:dyDescent="0.25">
      <c r="A16633" t="s">
        <v>26267</v>
      </c>
      <c r="B16633" t="s">
        <v>26268</v>
      </c>
      <c r="C16633">
        <v>1</v>
      </c>
      <c r="D16633">
        <v>0</v>
      </c>
    </row>
    <row r="16634" spans="1:4" x14ac:dyDescent="0.25">
      <c r="A16634" t="s">
        <v>26267</v>
      </c>
      <c r="B16634" t="s">
        <v>26269</v>
      </c>
      <c r="C16634">
        <v>0</v>
      </c>
      <c r="D16634">
        <v>0</v>
      </c>
    </row>
    <row r="16635" spans="1:4" x14ac:dyDescent="0.25">
      <c r="A16635" t="s">
        <v>26270</v>
      </c>
      <c r="B16635" t="s">
        <v>26271</v>
      </c>
      <c r="C16635">
        <v>2</v>
      </c>
      <c r="D16635">
        <v>0</v>
      </c>
    </row>
    <row r="16636" spans="1:4" x14ac:dyDescent="0.25">
      <c r="A16636" t="s">
        <v>26272</v>
      </c>
      <c r="B16636" t="s">
        <v>26273</v>
      </c>
      <c r="C16636">
        <v>0</v>
      </c>
      <c r="D16636">
        <v>0</v>
      </c>
    </row>
    <row r="16637" spans="1:4" x14ac:dyDescent="0.25">
      <c r="A16637" t="s">
        <v>26274</v>
      </c>
      <c r="B16637" t="s">
        <v>26275</v>
      </c>
      <c r="C16637">
        <v>0</v>
      </c>
      <c r="D16637">
        <v>0</v>
      </c>
    </row>
    <row r="16638" spans="1:4" x14ac:dyDescent="0.25">
      <c r="A16638" t="s">
        <v>26276</v>
      </c>
      <c r="B16638" t="s">
        <v>26277</v>
      </c>
      <c r="C16638">
        <v>1</v>
      </c>
      <c r="D16638">
        <v>0</v>
      </c>
    </row>
    <row r="16639" spans="1:4" x14ac:dyDescent="0.25">
      <c r="A16639" t="s">
        <v>26278</v>
      </c>
      <c r="B16639" t="s">
        <v>26279</v>
      </c>
      <c r="C16639">
        <v>1</v>
      </c>
      <c r="D16639">
        <v>0</v>
      </c>
    </row>
    <row r="16640" spans="1:4" x14ac:dyDescent="0.25">
      <c r="A16640" t="s">
        <v>26280</v>
      </c>
      <c r="B16640" t="s">
        <v>26281</v>
      </c>
      <c r="C16640">
        <v>1</v>
      </c>
      <c r="D16640">
        <v>0</v>
      </c>
    </row>
    <row r="16641" spans="1:4" x14ac:dyDescent="0.25">
      <c r="A16641" t="s">
        <v>26282</v>
      </c>
      <c r="B16641" t="s">
        <v>26283</v>
      </c>
      <c r="C16641">
        <v>2</v>
      </c>
      <c r="D16641">
        <v>0</v>
      </c>
    </row>
    <row r="16642" spans="1:4" x14ac:dyDescent="0.25">
      <c r="A16642" t="s">
        <v>26284</v>
      </c>
      <c r="B16642" t="s">
        <v>26285</v>
      </c>
      <c r="C16642">
        <v>2</v>
      </c>
      <c r="D16642">
        <v>0</v>
      </c>
    </row>
    <row r="16643" spans="1:4" x14ac:dyDescent="0.25">
      <c r="A16643" t="s">
        <v>26286</v>
      </c>
      <c r="B16643" t="s">
        <v>26287</v>
      </c>
      <c r="C16643">
        <v>1</v>
      </c>
      <c r="D16643">
        <v>0</v>
      </c>
    </row>
    <row r="16644" spans="1:4" x14ac:dyDescent="0.25">
      <c r="A16644" t="s">
        <v>26288</v>
      </c>
      <c r="B16644" t="s">
        <v>26289</v>
      </c>
      <c r="C16644">
        <v>1</v>
      </c>
      <c r="D16644">
        <v>0</v>
      </c>
    </row>
    <row r="16645" spans="1:4" x14ac:dyDescent="0.25">
      <c r="A16645" t="s">
        <v>26288</v>
      </c>
      <c r="B16645" t="s">
        <v>26290</v>
      </c>
      <c r="C16645">
        <v>0</v>
      </c>
      <c r="D16645">
        <v>0</v>
      </c>
    </row>
    <row r="16646" spans="1:4" x14ac:dyDescent="0.25">
      <c r="A16646" t="s">
        <v>26291</v>
      </c>
      <c r="B16646" t="s">
        <v>26292</v>
      </c>
      <c r="C16646">
        <v>1</v>
      </c>
      <c r="D16646">
        <v>0</v>
      </c>
    </row>
    <row r="16647" spans="1:4" x14ac:dyDescent="0.25">
      <c r="A16647" t="s">
        <v>26293</v>
      </c>
      <c r="B16647" t="s">
        <v>26294</v>
      </c>
      <c r="C16647">
        <v>1</v>
      </c>
      <c r="D16647">
        <v>0</v>
      </c>
    </row>
    <row r="16648" spans="1:4" x14ac:dyDescent="0.25">
      <c r="A16648" t="s">
        <v>26295</v>
      </c>
      <c r="B16648" t="s">
        <v>26296</v>
      </c>
      <c r="C16648">
        <v>1</v>
      </c>
      <c r="D16648">
        <v>0</v>
      </c>
    </row>
    <row r="16649" spans="1:4" x14ac:dyDescent="0.25">
      <c r="A16649" t="s">
        <v>26297</v>
      </c>
      <c r="B16649" t="s">
        <v>26298</v>
      </c>
      <c r="C16649">
        <v>1</v>
      </c>
      <c r="D16649">
        <v>0</v>
      </c>
    </row>
    <row r="16650" spans="1:4" x14ac:dyDescent="0.25">
      <c r="A16650" t="s">
        <v>26299</v>
      </c>
      <c r="B16650" t="s">
        <v>26300</v>
      </c>
      <c r="C16650">
        <v>2</v>
      </c>
      <c r="D16650">
        <v>0</v>
      </c>
    </row>
    <row r="16651" spans="1:4" x14ac:dyDescent="0.25">
      <c r="A16651" t="s">
        <v>26301</v>
      </c>
      <c r="B16651" t="s">
        <v>26302</v>
      </c>
      <c r="C16651">
        <v>1</v>
      </c>
      <c r="D16651">
        <v>0</v>
      </c>
    </row>
    <row r="16652" spans="1:4" x14ac:dyDescent="0.25">
      <c r="A16652" t="s">
        <v>26303</v>
      </c>
      <c r="B16652" t="s">
        <v>26304</v>
      </c>
      <c r="C16652">
        <v>1</v>
      </c>
      <c r="D16652">
        <v>0</v>
      </c>
    </row>
    <row r="16653" spans="1:4" x14ac:dyDescent="0.25">
      <c r="A16653" t="s">
        <v>26303</v>
      </c>
      <c r="B16653" t="s">
        <v>26305</v>
      </c>
      <c r="C16653">
        <v>0</v>
      </c>
      <c r="D16653">
        <v>0</v>
      </c>
    </row>
    <row r="16654" spans="1:4" x14ac:dyDescent="0.25">
      <c r="A16654" t="s">
        <v>26306</v>
      </c>
      <c r="B16654" t="s">
        <v>26307</v>
      </c>
      <c r="C16654">
        <v>1</v>
      </c>
      <c r="D16654">
        <v>0</v>
      </c>
    </row>
    <row r="16655" spans="1:4" x14ac:dyDescent="0.25">
      <c r="A16655" t="s">
        <v>26308</v>
      </c>
      <c r="B16655" t="s">
        <v>26309</v>
      </c>
      <c r="C16655">
        <v>0</v>
      </c>
      <c r="D16655">
        <v>0</v>
      </c>
    </row>
    <row r="16656" spans="1:4" x14ac:dyDescent="0.25">
      <c r="A16656" t="s">
        <v>26310</v>
      </c>
      <c r="B16656" t="s">
        <v>26311</v>
      </c>
      <c r="C16656">
        <v>1</v>
      </c>
      <c r="D16656">
        <v>0</v>
      </c>
    </row>
    <row r="16657" spans="1:4" x14ac:dyDescent="0.25">
      <c r="A16657" t="s">
        <v>26312</v>
      </c>
      <c r="B16657" t="s">
        <v>26313</v>
      </c>
      <c r="C16657">
        <v>1</v>
      </c>
      <c r="D16657">
        <v>0</v>
      </c>
    </row>
    <row r="16658" spans="1:4" x14ac:dyDescent="0.25">
      <c r="A16658" t="s">
        <v>26314</v>
      </c>
      <c r="B16658" t="s">
        <v>26315</v>
      </c>
      <c r="C16658">
        <v>1</v>
      </c>
      <c r="D16658">
        <v>0</v>
      </c>
    </row>
    <row r="16659" spans="1:4" x14ac:dyDescent="0.25">
      <c r="A16659" t="s">
        <v>26316</v>
      </c>
      <c r="B16659" t="s">
        <v>26317</v>
      </c>
      <c r="C16659">
        <v>2</v>
      </c>
      <c r="D16659">
        <v>0</v>
      </c>
    </row>
    <row r="16660" spans="1:4" x14ac:dyDescent="0.25">
      <c r="A16660" t="s">
        <v>26318</v>
      </c>
      <c r="B16660" t="s">
        <v>26319</v>
      </c>
      <c r="C16660">
        <v>2</v>
      </c>
      <c r="D16660">
        <v>0</v>
      </c>
    </row>
    <row r="16661" spans="1:4" x14ac:dyDescent="0.25">
      <c r="A16661" t="s">
        <v>26320</v>
      </c>
      <c r="B16661" t="s">
        <v>26321</v>
      </c>
      <c r="C16661">
        <v>0</v>
      </c>
      <c r="D16661">
        <v>0</v>
      </c>
    </row>
    <row r="16662" spans="1:4" x14ac:dyDescent="0.25">
      <c r="A16662" t="s">
        <v>26320</v>
      </c>
      <c r="B16662" t="s">
        <v>26322</v>
      </c>
      <c r="C16662">
        <v>2</v>
      </c>
      <c r="D16662">
        <v>0</v>
      </c>
    </row>
    <row r="16663" spans="1:4" x14ac:dyDescent="0.25">
      <c r="A16663" t="s">
        <v>26323</v>
      </c>
      <c r="B16663" t="s">
        <v>26324</v>
      </c>
      <c r="C16663">
        <v>1</v>
      </c>
      <c r="D16663">
        <v>0</v>
      </c>
    </row>
    <row r="16664" spans="1:4" x14ac:dyDescent="0.25">
      <c r="A16664" t="s">
        <v>26325</v>
      </c>
      <c r="B16664" t="s">
        <v>26326</v>
      </c>
      <c r="C16664">
        <v>1</v>
      </c>
      <c r="D16664">
        <v>0</v>
      </c>
    </row>
    <row r="16665" spans="1:4" x14ac:dyDescent="0.25">
      <c r="A16665" t="s">
        <v>26327</v>
      </c>
      <c r="B16665" t="s">
        <v>26328</v>
      </c>
      <c r="C16665">
        <v>0</v>
      </c>
      <c r="D16665">
        <v>0</v>
      </c>
    </row>
    <row r="16666" spans="1:4" x14ac:dyDescent="0.25">
      <c r="A16666" t="s">
        <v>26329</v>
      </c>
      <c r="B16666" t="s">
        <v>26330</v>
      </c>
      <c r="C16666">
        <v>1</v>
      </c>
      <c r="D16666">
        <v>0</v>
      </c>
    </row>
    <row r="16667" spans="1:4" x14ac:dyDescent="0.25">
      <c r="A16667" t="s">
        <v>26331</v>
      </c>
      <c r="B16667" t="s">
        <v>26332</v>
      </c>
      <c r="C16667">
        <v>1</v>
      </c>
      <c r="D16667">
        <v>0</v>
      </c>
    </row>
    <row r="16668" spans="1:4" x14ac:dyDescent="0.25">
      <c r="A16668" t="s">
        <v>26333</v>
      </c>
      <c r="B16668" t="s">
        <v>26334</v>
      </c>
      <c r="C16668">
        <v>0</v>
      </c>
      <c r="D16668">
        <v>0</v>
      </c>
    </row>
    <row r="16669" spans="1:4" x14ac:dyDescent="0.25">
      <c r="A16669" t="s">
        <v>26335</v>
      </c>
      <c r="B16669" t="s">
        <v>26336</v>
      </c>
      <c r="C16669">
        <v>2</v>
      </c>
      <c r="D16669">
        <v>0</v>
      </c>
    </row>
    <row r="16670" spans="1:4" x14ac:dyDescent="0.25">
      <c r="A16670" t="s">
        <v>26337</v>
      </c>
      <c r="B16670" t="s">
        <v>26338</v>
      </c>
      <c r="C16670">
        <v>1</v>
      </c>
      <c r="D16670">
        <v>0</v>
      </c>
    </row>
    <row r="16671" spans="1:4" x14ac:dyDescent="0.25">
      <c r="A16671" t="s">
        <v>26339</v>
      </c>
      <c r="B16671" t="s">
        <v>26340</v>
      </c>
      <c r="C16671">
        <v>1</v>
      </c>
      <c r="D16671">
        <v>0</v>
      </c>
    </row>
    <row r="16672" spans="1:4" x14ac:dyDescent="0.25">
      <c r="A16672" t="s">
        <v>26341</v>
      </c>
      <c r="B16672" t="s">
        <v>26342</v>
      </c>
      <c r="C16672">
        <v>1</v>
      </c>
      <c r="D16672">
        <v>0</v>
      </c>
    </row>
    <row r="16673" spans="1:4" x14ac:dyDescent="0.25">
      <c r="A16673" t="s">
        <v>26341</v>
      </c>
      <c r="B16673" t="s">
        <v>26343</v>
      </c>
      <c r="C16673">
        <v>0</v>
      </c>
      <c r="D16673">
        <v>0</v>
      </c>
    </row>
    <row r="16674" spans="1:4" x14ac:dyDescent="0.25">
      <c r="A16674" t="s">
        <v>26344</v>
      </c>
      <c r="B16674" t="s">
        <v>26345</v>
      </c>
      <c r="C16674">
        <v>2</v>
      </c>
      <c r="D16674">
        <v>0</v>
      </c>
    </row>
    <row r="16675" spans="1:4" x14ac:dyDescent="0.25">
      <c r="A16675" t="s">
        <v>26346</v>
      </c>
      <c r="B16675" t="s">
        <v>26347</v>
      </c>
      <c r="C16675">
        <v>1</v>
      </c>
      <c r="D16675">
        <v>0</v>
      </c>
    </row>
    <row r="16676" spans="1:4" x14ac:dyDescent="0.25">
      <c r="A16676" t="s">
        <v>26346</v>
      </c>
      <c r="B16676" t="s">
        <v>26348</v>
      </c>
      <c r="C16676">
        <v>0</v>
      </c>
      <c r="D16676">
        <v>0</v>
      </c>
    </row>
    <row r="16677" spans="1:4" x14ac:dyDescent="0.25">
      <c r="A16677" t="s">
        <v>26346</v>
      </c>
      <c r="B16677" t="s">
        <v>26349</v>
      </c>
      <c r="C16677">
        <v>2</v>
      </c>
      <c r="D16677">
        <v>0</v>
      </c>
    </row>
    <row r="16678" spans="1:4" x14ac:dyDescent="0.25">
      <c r="A16678" t="s">
        <v>26350</v>
      </c>
      <c r="B16678" t="s">
        <v>26351</v>
      </c>
      <c r="C16678">
        <v>2</v>
      </c>
      <c r="D16678">
        <v>0</v>
      </c>
    </row>
    <row r="16679" spans="1:4" x14ac:dyDescent="0.25">
      <c r="A16679" t="s">
        <v>26352</v>
      </c>
      <c r="B16679" t="s">
        <v>26353</v>
      </c>
      <c r="C16679">
        <v>1</v>
      </c>
      <c r="D16679">
        <v>0</v>
      </c>
    </row>
    <row r="16680" spans="1:4" x14ac:dyDescent="0.25">
      <c r="A16680" t="s">
        <v>26354</v>
      </c>
      <c r="B16680" t="s">
        <v>26355</v>
      </c>
      <c r="C16680">
        <v>1</v>
      </c>
      <c r="D16680">
        <v>0</v>
      </c>
    </row>
    <row r="16681" spans="1:4" x14ac:dyDescent="0.25">
      <c r="A16681" t="s">
        <v>26356</v>
      </c>
      <c r="B16681" t="s">
        <v>26357</v>
      </c>
      <c r="C16681">
        <v>1</v>
      </c>
      <c r="D16681">
        <v>0</v>
      </c>
    </row>
    <row r="16682" spans="1:4" x14ac:dyDescent="0.25">
      <c r="A16682" t="s">
        <v>26358</v>
      </c>
      <c r="B16682" t="s">
        <v>26359</v>
      </c>
      <c r="C16682">
        <v>1</v>
      </c>
      <c r="D16682">
        <v>0</v>
      </c>
    </row>
    <row r="16683" spans="1:4" x14ac:dyDescent="0.25">
      <c r="A16683" t="s">
        <v>26358</v>
      </c>
      <c r="B16683" t="s">
        <v>26360</v>
      </c>
      <c r="C16683">
        <v>0</v>
      </c>
      <c r="D16683">
        <v>0</v>
      </c>
    </row>
    <row r="16684" spans="1:4" x14ac:dyDescent="0.25">
      <c r="A16684" t="s">
        <v>26361</v>
      </c>
      <c r="B16684" t="s">
        <v>26362</v>
      </c>
      <c r="C16684">
        <v>0</v>
      </c>
      <c r="D16684">
        <v>0</v>
      </c>
    </row>
    <row r="16685" spans="1:4" x14ac:dyDescent="0.25">
      <c r="A16685" t="s">
        <v>26361</v>
      </c>
      <c r="B16685" t="s">
        <v>26363</v>
      </c>
      <c r="C16685">
        <v>2</v>
      </c>
      <c r="D16685">
        <v>0</v>
      </c>
    </row>
    <row r="16686" spans="1:4" x14ac:dyDescent="0.25">
      <c r="A16686" t="s">
        <v>26364</v>
      </c>
      <c r="B16686" t="s">
        <v>26365</v>
      </c>
      <c r="C16686">
        <v>1</v>
      </c>
      <c r="D16686">
        <v>0</v>
      </c>
    </row>
    <row r="16687" spans="1:4" x14ac:dyDescent="0.25">
      <c r="A16687" t="s">
        <v>26366</v>
      </c>
      <c r="B16687" t="s">
        <v>26367</v>
      </c>
      <c r="C16687">
        <v>1</v>
      </c>
      <c r="D16687">
        <v>0</v>
      </c>
    </row>
    <row r="16688" spans="1:4" x14ac:dyDescent="0.25">
      <c r="A16688" t="s">
        <v>26368</v>
      </c>
      <c r="B16688" t="s">
        <v>26369</v>
      </c>
      <c r="C16688">
        <v>1</v>
      </c>
      <c r="D16688">
        <v>0</v>
      </c>
    </row>
    <row r="16689" spans="1:4" x14ac:dyDescent="0.25">
      <c r="A16689" t="s">
        <v>26368</v>
      </c>
      <c r="B16689" t="s">
        <v>26370</v>
      </c>
      <c r="C16689">
        <v>0</v>
      </c>
      <c r="D16689">
        <v>0</v>
      </c>
    </row>
    <row r="16690" spans="1:4" x14ac:dyDescent="0.25">
      <c r="A16690" t="s">
        <v>26368</v>
      </c>
      <c r="B16690" t="s">
        <v>26371</v>
      </c>
      <c r="C16690">
        <v>2</v>
      </c>
      <c r="D16690">
        <v>0</v>
      </c>
    </row>
    <row r="16691" spans="1:4" x14ac:dyDescent="0.25">
      <c r="A16691" t="s">
        <v>26372</v>
      </c>
      <c r="B16691" t="s">
        <v>26373</v>
      </c>
      <c r="C16691">
        <v>1</v>
      </c>
      <c r="D16691">
        <v>0</v>
      </c>
    </row>
    <row r="16692" spans="1:4" x14ac:dyDescent="0.25">
      <c r="A16692" t="s">
        <v>26374</v>
      </c>
      <c r="B16692" t="s">
        <v>26375</v>
      </c>
      <c r="C16692">
        <v>0</v>
      </c>
      <c r="D16692">
        <v>0</v>
      </c>
    </row>
    <row r="16693" spans="1:4" x14ac:dyDescent="0.25">
      <c r="A16693" t="s">
        <v>26376</v>
      </c>
      <c r="B16693" t="s">
        <v>26377</v>
      </c>
      <c r="C16693">
        <v>2</v>
      </c>
      <c r="D16693">
        <v>0</v>
      </c>
    </row>
    <row r="16694" spans="1:4" x14ac:dyDescent="0.25">
      <c r="A16694" t="s">
        <v>26378</v>
      </c>
      <c r="B16694" t="s">
        <v>26379</v>
      </c>
      <c r="C16694">
        <v>2</v>
      </c>
      <c r="D16694">
        <v>0</v>
      </c>
    </row>
    <row r="16695" spans="1:4" x14ac:dyDescent="0.25">
      <c r="A16695" t="s">
        <v>26380</v>
      </c>
      <c r="B16695" t="s">
        <v>5434</v>
      </c>
      <c r="C16695">
        <v>1</v>
      </c>
      <c r="D16695">
        <v>0</v>
      </c>
    </row>
    <row r="16696" spans="1:4" x14ac:dyDescent="0.25">
      <c r="A16696" t="s">
        <v>26381</v>
      </c>
      <c r="B16696" t="s">
        <v>26382</v>
      </c>
      <c r="C16696">
        <v>1</v>
      </c>
      <c r="D16696">
        <v>0</v>
      </c>
    </row>
    <row r="16697" spans="1:4" x14ac:dyDescent="0.25">
      <c r="A16697" t="s">
        <v>26381</v>
      </c>
      <c r="B16697" t="s">
        <v>26383</v>
      </c>
      <c r="C16697">
        <v>0</v>
      </c>
      <c r="D16697">
        <v>0</v>
      </c>
    </row>
    <row r="16698" spans="1:4" x14ac:dyDescent="0.25">
      <c r="A16698" t="s">
        <v>26384</v>
      </c>
      <c r="B16698" t="s">
        <v>26385</v>
      </c>
      <c r="C16698">
        <v>2</v>
      </c>
      <c r="D16698">
        <v>0</v>
      </c>
    </row>
    <row r="16699" spans="1:4" x14ac:dyDescent="0.25">
      <c r="A16699" t="s">
        <v>26386</v>
      </c>
      <c r="B16699" t="s">
        <v>26387</v>
      </c>
      <c r="C16699">
        <v>2</v>
      </c>
      <c r="D16699">
        <v>0</v>
      </c>
    </row>
    <row r="16700" spans="1:4" x14ac:dyDescent="0.25">
      <c r="A16700" t="s">
        <v>26388</v>
      </c>
      <c r="B16700" t="s">
        <v>26389</v>
      </c>
      <c r="C16700">
        <v>0</v>
      </c>
      <c r="D16700">
        <v>0</v>
      </c>
    </row>
    <row r="16701" spans="1:4" x14ac:dyDescent="0.25">
      <c r="A16701" t="s">
        <v>26390</v>
      </c>
      <c r="B16701" t="s">
        <v>26391</v>
      </c>
      <c r="C16701">
        <v>2</v>
      </c>
      <c r="D16701">
        <v>0</v>
      </c>
    </row>
    <row r="16702" spans="1:4" x14ac:dyDescent="0.25">
      <c r="A16702" t="s">
        <v>26392</v>
      </c>
      <c r="B16702" t="s">
        <v>26393</v>
      </c>
      <c r="C16702">
        <v>2</v>
      </c>
      <c r="D16702">
        <v>0</v>
      </c>
    </row>
    <row r="16703" spans="1:4" x14ac:dyDescent="0.25">
      <c r="A16703" t="s">
        <v>26394</v>
      </c>
      <c r="B16703" t="s">
        <v>26395</v>
      </c>
      <c r="C16703">
        <v>1</v>
      </c>
      <c r="D16703">
        <v>0</v>
      </c>
    </row>
    <row r="16704" spans="1:4" x14ac:dyDescent="0.25">
      <c r="A16704" t="s">
        <v>26396</v>
      </c>
      <c r="B16704" t="s">
        <v>26397</v>
      </c>
      <c r="C16704">
        <v>1</v>
      </c>
      <c r="D16704">
        <v>0</v>
      </c>
    </row>
    <row r="16705" spans="1:4" x14ac:dyDescent="0.25">
      <c r="A16705" t="s">
        <v>26398</v>
      </c>
      <c r="B16705" t="s">
        <v>26399</v>
      </c>
      <c r="C16705">
        <v>1</v>
      </c>
      <c r="D16705">
        <v>0</v>
      </c>
    </row>
    <row r="16706" spans="1:4" x14ac:dyDescent="0.25">
      <c r="A16706" t="s">
        <v>26398</v>
      </c>
      <c r="B16706" t="s">
        <v>26400</v>
      </c>
      <c r="C16706">
        <v>0</v>
      </c>
      <c r="D16706">
        <v>0</v>
      </c>
    </row>
    <row r="16707" spans="1:4" x14ac:dyDescent="0.25">
      <c r="A16707" t="s">
        <v>26401</v>
      </c>
      <c r="B16707" t="s">
        <v>26402</v>
      </c>
      <c r="C16707">
        <v>1</v>
      </c>
      <c r="D16707">
        <v>0</v>
      </c>
    </row>
    <row r="16708" spans="1:4" x14ac:dyDescent="0.25">
      <c r="A16708" t="s">
        <v>26403</v>
      </c>
      <c r="B16708" t="s">
        <v>26404</v>
      </c>
      <c r="C16708">
        <v>0</v>
      </c>
      <c r="D16708">
        <v>0</v>
      </c>
    </row>
    <row r="16709" spans="1:4" x14ac:dyDescent="0.25">
      <c r="A16709" t="s">
        <v>26405</v>
      </c>
      <c r="B16709" t="s">
        <v>26406</v>
      </c>
      <c r="C16709">
        <v>1</v>
      </c>
      <c r="D16709">
        <v>0</v>
      </c>
    </row>
    <row r="16710" spans="1:4" x14ac:dyDescent="0.25">
      <c r="A16710" t="s">
        <v>26407</v>
      </c>
      <c r="B16710" t="s">
        <v>26408</v>
      </c>
      <c r="C16710">
        <v>2</v>
      </c>
      <c r="D16710">
        <v>0</v>
      </c>
    </row>
    <row r="16711" spans="1:4" x14ac:dyDescent="0.25">
      <c r="A16711" t="s">
        <v>26409</v>
      </c>
      <c r="B16711" t="s">
        <v>26410</v>
      </c>
      <c r="C16711">
        <v>1</v>
      </c>
      <c r="D16711">
        <v>0</v>
      </c>
    </row>
    <row r="16712" spans="1:4" x14ac:dyDescent="0.25">
      <c r="A16712" t="s">
        <v>26411</v>
      </c>
      <c r="B16712" t="s">
        <v>26412</v>
      </c>
      <c r="C16712">
        <v>1</v>
      </c>
      <c r="D16712">
        <v>0</v>
      </c>
    </row>
    <row r="16713" spans="1:4" x14ac:dyDescent="0.25">
      <c r="A16713" t="s">
        <v>26413</v>
      </c>
      <c r="B16713" t="s">
        <v>26414</v>
      </c>
      <c r="C16713">
        <v>1</v>
      </c>
      <c r="D16713">
        <v>0</v>
      </c>
    </row>
    <row r="16714" spans="1:4" x14ac:dyDescent="0.25">
      <c r="A16714" t="s">
        <v>26415</v>
      </c>
      <c r="B16714" t="s">
        <v>26416</v>
      </c>
      <c r="C16714">
        <v>1</v>
      </c>
      <c r="D16714">
        <v>0</v>
      </c>
    </row>
    <row r="16715" spans="1:4" x14ac:dyDescent="0.25">
      <c r="A16715" t="s">
        <v>26417</v>
      </c>
      <c r="B16715" t="s">
        <v>26418</v>
      </c>
      <c r="C16715">
        <v>0</v>
      </c>
      <c r="D16715">
        <v>0</v>
      </c>
    </row>
    <row r="16716" spans="1:4" x14ac:dyDescent="0.25">
      <c r="A16716" t="s">
        <v>26419</v>
      </c>
      <c r="B16716" t="s">
        <v>26420</v>
      </c>
      <c r="C16716">
        <v>1</v>
      </c>
      <c r="D16716">
        <v>0</v>
      </c>
    </row>
    <row r="16717" spans="1:4" x14ac:dyDescent="0.25">
      <c r="A16717" t="s">
        <v>26421</v>
      </c>
      <c r="B16717" t="s">
        <v>26422</v>
      </c>
      <c r="C16717">
        <v>0</v>
      </c>
      <c r="D16717">
        <v>0</v>
      </c>
    </row>
    <row r="16718" spans="1:4" x14ac:dyDescent="0.25">
      <c r="A16718" t="s">
        <v>26423</v>
      </c>
      <c r="B16718" t="s">
        <v>26424</v>
      </c>
      <c r="C16718">
        <v>0</v>
      </c>
      <c r="D16718">
        <v>0</v>
      </c>
    </row>
    <row r="16719" spans="1:4" x14ac:dyDescent="0.25">
      <c r="A16719" t="s">
        <v>26425</v>
      </c>
      <c r="B16719" t="s">
        <v>26426</v>
      </c>
      <c r="C16719">
        <v>1</v>
      </c>
      <c r="D16719">
        <v>0</v>
      </c>
    </row>
    <row r="16720" spans="1:4" x14ac:dyDescent="0.25">
      <c r="A16720" t="s">
        <v>26427</v>
      </c>
      <c r="B16720" t="s">
        <v>26428</v>
      </c>
      <c r="C16720">
        <v>2</v>
      </c>
      <c r="D16720">
        <v>0</v>
      </c>
    </row>
    <row r="16721" spans="1:4" x14ac:dyDescent="0.25">
      <c r="A16721" t="s">
        <v>26429</v>
      </c>
      <c r="B16721" t="s">
        <v>26430</v>
      </c>
      <c r="C16721">
        <v>2</v>
      </c>
      <c r="D16721">
        <v>0</v>
      </c>
    </row>
    <row r="16722" spans="1:4" x14ac:dyDescent="0.25">
      <c r="A16722" t="s">
        <v>26431</v>
      </c>
      <c r="B16722" t="s">
        <v>26432</v>
      </c>
      <c r="C16722">
        <v>2</v>
      </c>
      <c r="D16722">
        <v>0</v>
      </c>
    </row>
    <row r="16723" spans="1:4" x14ac:dyDescent="0.25">
      <c r="A16723" t="s">
        <v>26433</v>
      </c>
      <c r="B16723" t="s">
        <v>26434</v>
      </c>
      <c r="C16723">
        <v>1</v>
      </c>
      <c r="D16723">
        <v>0</v>
      </c>
    </row>
    <row r="16724" spans="1:4" x14ac:dyDescent="0.25">
      <c r="A16724" t="s">
        <v>26435</v>
      </c>
      <c r="B16724" t="s">
        <v>26436</v>
      </c>
      <c r="C16724">
        <v>1</v>
      </c>
      <c r="D16724">
        <v>0</v>
      </c>
    </row>
    <row r="16725" spans="1:4" x14ac:dyDescent="0.25">
      <c r="A16725" t="s">
        <v>26437</v>
      </c>
      <c r="B16725" t="s">
        <v>26438</v>
      </c>
      <c r="C16725">
        <v>1</v>
      </c>
      <c r="D16725">
        <v>0</v>
      </c>
    </row>
    <row r="16726" spans="1:4" x14ac:dyDescent="0.25">
      <c r="A16726" t="s">
        <v>26439</v>
      </c>
      <c r="B16726" t="s">
        <v>5713</v>
      </c>
      <c r="C16726">
        <v>1</v>
      </c>
      <c r="D16726">
        <v>0</v>
      </c>
    </row>
    <row r="16727" spans="1:4" x14ac:dyDescent="0.25">
      <c r="A16727" t="s">
        <v>26440</v>
      </c>
      <c r="B16727" t="s">
        <v>26441</v>
      </c>
      <c r="C16727">
        <v>1</v>
      </c>
      <c r="D16727">
        <v>0</v>
      </c>
    </row>
    <row r="16728" spans="1:4" x14ac:dyDescent="0.25">
      <c r="A16728" t="s">
        <v>26440</v>
      </c>
      <c r="B16728" t="s">
        <v>26442</v>
      </c>
      <c r="C16728">
        <v>1</v>
      </c>
      <c r="D16728">
        <v>0</v>
      </c>
    </row>
    <row r="16729" spans="1:4" x14ac:dyDescent="0.25">
      <c r="A16729" t="s">
        <v>26443</v>
      </c>
      <c r="B16729" t="s">
        <v>26444</v>
      </c>
      <c r="C16729">
        <v>0</v>
      </c>
      <c r="D16729">
        <v>0</v>
      </c>
    </row>
    <row r="16730" spans="1:4" x14ac:dyDescent="0.25">
      <c r="A16730" t="s">
        <v>26445</v>
      </c>
      <c r="B16730" t="s">
        <v>26446</v>
      </c>
      <c r="C16730">
        <v>0</v>
      </c>
      <c r="D16730">
        <v>0</v>
      </c>
    </row>
    <row r="16731" spans="1:4" x14ac:dyDescent="0.25">
      <c r="A16731" t="s">
        <v>26447</v>
      </c>
      <c r="B16731" t="s">
        <v>26448</v>
      </c>
      <c r="C16731">
        <v>0</v>
      </c>
      <c r="D16731">
        <v>0</v>
      </c>
    </row>
    <row r="16732" spans="1:4" x14ac:dyDescent="0.25">
      <c r="A16732" t="s">
        <v>26447</v>
      </c>
      <c r="B16732" t="s">
        <v>26449</v>
      </c>
      <c r="C16732">
        <v>2</v>
      </c>
      <c r="D16732">
        <v>0</v>
      </c>
    </row>
    <row r="16733" spans="1:4" x14ac:dyDescent="0.25">
      <c r="A16733" t="s">
        <v>26450</v>
      </c>
      <c r="B16733" t="s">
        <v>26451</v>
      </c>
      <c r="C16733">
        <v>1</v>
      </c>
      <c r="D16733">
        <v>0</v>
      </c>
    </row>
    <row r="16734" spans="1:4" x14ac:dyDescent="0.25">
      <c r="A16734" t="s">
        <v>26450</v>
      </c>
      <c r="B16734" t="s">
        <v>26452</v>
      </c>
      <c r="C16734">
        <v>0</v>
      </c>
      <c r="D16734">
        <v>0</v>
      </c>
    </row>
    <row r="16735" spans="1:4" x14ac:dyDescent="0.25">
      <c r="A16735" t="s">
        <v>26450</v>
      </c>
      <c r="B16735" t="s">
        <v>26453</v>
      </c>
      <c r="C16735">
        <v>2</v>
      </c>
      <c r="D16735">
        <v>0</v>
      </c>
    </row>
    <row r="16736" spans="1:4" x14ac:dyDescent="0.25">
      <c r="A16736" t="s">
        <v>26454</v>
      </c>
      <c r="B16736" t="s">
        <v>26455</v>
      </c>
      <c r="C16736">
        <v>2</v>
      </c>
      <c r="D16736">
        <v>0</v>
      </c>
    </row>
    <row r="16737" spans="1:4" x14ac:dyDescent="0.25">
      <c r="A16737" t="s">
        <v>26456</v>
      </c>
      <c r="B16737" t="s">
        <v>26457</v>
      </c>
      <c r="C16737">
        <v>1</v>
      </c>
      <c r="D16737">
        <v>0</v>
      </c>
    </row>
    <row r="16738" spans="1:4" x14ac:dyDescent="0.25">
      <c r="A16738" t="s">
        <v>26458</v>
      </c>
      <c r="B16738" t="s">
        <v>26459</v>
      </c>
      <c r="C16738">
        <v>1</v>
      </c>
      <c r="D16738">
        <v>0</v>
      </c>
    </row>
    <row r="16739" spans="1:4" x14ac:dyDescent="0.25">
      <c r="A16739" t="s">
        <v>26458</v>
      </c>
      <c r="B16739" t="s">
        <v>22565</v>
      </c>
      <c r="C16739">
        <v>2</v>
      </c>
      <c r="D16739">
        <v>0</v>
      </c>
    </row>
    <row r="16740" spans="1:4" x14ac:dyDescent="0.25">
      <c r="A16740" t="s">
        <v>26460</v>
      </c>
      <c r="B16740" t="s">
        <v>26461</v>
      </c>
      <c r="C16740">
        <v>1</v>
      </c>
      <c r="D16740">
        <v>0</v>
      </c>
    </row>
    <row r="16741" spans="1:4" x14ac:dyDescent="0.25">
      <c r="A16741" t="s">
        <v>26462</v>
      </c>
      <c r="B16741" t="s">
        <v>26463</v>
      </c>
      <c r="C16741">
        <v>1</v>
      </c>
      <c r="D16741">
        <v>0</v>
      </c>
    </row>
    <row r="16742" spans="1:4" x14ac:dyDescent="0.25">
      <c r="A16742" t="s">
        <v>26464</v>
      </c>
      <c r="B16742" t="s">
        <v>26465</v>
      </c>
      <c r="C16742">
        <v>1</v>
      </c>
      <c r="D16742">
        <v>0</v>
      </c>
    </row>
    <row r="16743" spans="1:4" x14ac:dyDescent="0.25">
      <c r="A16743" t="s">
        <v>26464</v>
      </c>
      <c r="B16743" t="s">
        <v>26466</v>
      </c>
      <c r="C16743">
        <v>1</v>
      </c>
      <c r="D16743">
        <v>0</v>
      </c>
    </row>
    <row r="16744" spans="1:4" x14ac:dyDescent="0.25">
      <c r="A16744" t="s">
        <v>26467</v>
      </c>
      <c r="B16744" t="s">
        <v>26468</v>
      </c>
      <c r="C16744">
        <v>1</v>
      </c>
      <c r="D16744">
        <v>0</v>
      </c>
    </row>
    <row r="16745" spans="1:4" x14ac:dyDescent="0.25">
      <c r="A16745" t="s">
        <v>26467</v>
      </c>
      <c r="B16745" t="s">
        <v>26469</v>
      </c>
      <c r="C16745">
        <v>0</v>
      </c>
      <c r="D16745">
        <v>0</v>
      </c>
    </row>
    <row r="16746" spans="1:4" x14ac:dyDescent="0.25">
      <c r="A16746" t="s">
        <v>26467</v>
      </c>
      <c r="B16746" t="s">
        <v>26470</v>
      </c>
      <c r="C16746">
        <v>2</v>
      </c>
      <c r="D16746">
        <v>0</v>
      </c>
    </row>
    <row r="16747" spans="1:4" x14ac:dyDescent="0.25">
      <c r="A16747" t="s">
        <v>26471</v>
      </c>
      <c r="B16747" t="s">
        <v>26472</v>
      </c>
      <c r="C16747">
        <v>1</v>
      </c>
      <c r="D16747">
        <v>0</v>
      </c>
    </row>
    <row r="16748" spans="1:4" x14ac:dyDescent="0.25">
      <c r="A16748" t="s">
        <v>26471</v>
      </c>
      <c r="B16748" t="s">
        <v>26473</v>
      </c>
      <c r="C16748">
        <v>0</v>
      </c>
      <c r="D16748">
        <v>0</v>
      </c>
    </row>
    <row r="16749" spans="1:4" x14ac:dyDescent="0.25">
      <c r="A16749" t="s">
        <v>26474</v>
      </c>
      <c r="B16749" t="s">
        <v>26475</v>
      </c>
      <c r="C16749">
        <v>1</v>
      </c>
      <c r="D16749">
        <v>0</v>
      </c>
    </row>
    <row r="16750" spans="1:4" x14ac:dyDescent="0.25">
      <c r="A16750" t="s">
        <v>26476</v>
      </c>
      <c r="B16750" t="s">
        <v>26477</v>
      </c>
      <c r="C16750">
        <v>1</v>
      </c>
      <c r="D16750">
        <v>0</v>
      </c>
    </row>
    <row r="16751" spans="1:4" x14ac:dyDescent="0.25">
      <c r="A16751" t="s">
        <v>26476</v>
      </c>
      <c r="B16751" t="s">
        <v>26478</v>
      </c>
      <c r="C16751">
        <v>2</v>
      </c>
      <c r="D16751">
        <v>0</v>
      </c>
    </row>
    <row r="16752" spans="1:4" x14ac:dyDescent="0.25">
      <c r="A16752" t="s">
        <v>26476</v>
      </c>
      <c r="B16752" t="s">
        <v>26479</v>
      </c>
      <c r="C16752">
        <v>2</v>
      </c>
      <c r="D16752">
        <v>0</v>
      </c>
    </row>
    <row r="16753" spans="1:4" x14ac:dyDescent="0.25">
      <c r="A16753" t="s">
        <v>26480</v>
      </c>
      <c r="B16753" t="s">
        <v>26481</v>
      </c>
      <c r="C16753">
        <v>1</v>
      </c>
      <c r="D16753">
        <v>0</v>
      </c>
    </row>
    <row r="16754" spans="1:4" x14ac:dyDescent="0.25">
      <c r="A16754" t="s">
        <v>26482</v>
      </c>
      <c r="B16754" t="s">
        <v>26483</v>
      </c>
      <c r="C16754">
        <v>1</v>
      </c>
      <c r="D16754">
        <v>0</v>
      </c>
    </row>
    <row r="16755" spans="1:4" x14ac:dyDescent="0.25">
      <c r="A16755" t="s">
        <v>26484</v>
      </c>
      <c r="B16755" t="s">
        <v>26485</v>
      </c>
      <c r="C16755">
        <v>1</v>
      </c>
      <c r="D16755">
        <v>0</v>
      </c>
    </row>
    <row r="16756" spans="1:4" x14ac:dyDescent="0.25">
      <c r="A16756" t="s">
        <v>26486</v>
      </c>
      <c r="B16756" t="s">
        <v>26487</v>
      </c>
      <c r="C16756">
        <v>1</v>
      </c>
      <c r="D16756">
        <v>0</v>
      </c>
    </row>
    <row r="16757" spans="1:4" x14ac:dyDescent="0.25">
      <c r="A16757" t="s">
        <v>26488</v>
      </c>
      <c r="B16757" t="s">
        <v>26489</v>
      </c>
      <c r="C16757">
        <v>0</v>
      </c>
      <c r="D16757">
        <v>0</v>
      </c>
    </row>
    <row r="16758" spans="1:4" x14ac:dyDescent="0.25">
      <c r="A16758" t="s">
        <v>26490</v>
      </c>
      <c r="B16758" t="s">
        <v>26491</v>
      </c>
      <c r="C16758">
        <v>1</v>
      </c>
      <c r="D16758">
        <v>0</v>
      </c>
    </row>
    <row r="16759" spans="1:4" x14ac:dyDescent="0.25">
      <c r="A16759" t="s">
        <v>26492</v>
      </c>
      <c r="B16759" t="s">
        <v>26493</v>
      </c>
      <c r="C16759">
        <v>1</v>
      </c>
      <c r="D16759">
        <v>0</v>
      </c>
    </row>
    <row r="16760" spans="1:4" x14ac:dyDescent="0.25">
      <c r="A16760" t="s">
        <v>26494</v>
      </c>
      <c r="B16760" t="s">
        <v>26495</v>
      </c>
      <c r="C16760">
        <v>1</v>
      </c>
      <c r="D16760">
        <v>0</v>
      </c>
    </row>
    <row r="16761" spans="1:4" x14ac:dyDescent="0.25">
      <c r="A16761" t="s">
        <v>26496</v>
      </c>
      <c r="B16761" t="s">
        <v>26497</v>
      </c>
      <c r="C16761">
        <v>0</v>
      </c>
      <c r="D16761">
        <v>0</v>
      </c>
    </row>
    <row r="16762" spans="1:4" x14ac:dyDescent="0.25">
      <c r="A16762" t="s">
        <v>26498</v>
      </c>
      <c r="B16762" t="s">
        <v>26499</v>
      </c>
      <c r="C16762">
        <v>2</v>
      </c>
      <c r="D16762">
        <v>0</v>
      </c>
    </row>
    <row r="16763" spans="1:4" x14ac:dyDescent="0.25">
      <c r="A16763" t="s">
        <v>26500</v>
      </c>
      <c r="B16763" t="s">
        <v>26501</v>
      </c>
      <c r="C16763">
        <v>1</v>
      </c>
      <c r="D16763">
        <v>0</v>
      </c>
    </row>
    <row r="16764" spans="1:4" x14ac:dyDescent="0.25">
      <c r="A16764" t="s">
        <v>26502</v>
      </c>
      <c r="B16764" t="s">
        <v>26503</v>
      </c>
      <c r="C16764">
        <v>1</v>
      </c>
      <c r="D16764">
        <v>0</v>
      </c>
    </row>
    <row r="16765" spans="1:4" x14ac:dyDescent="0.25">
      <c r="A16765" t="s">
        <v>26502</v>
      </c>
      <c r="B16765" t="s">
        <v>26504</v>
      </c>
      <c r="C16765">
        <v>0</v>
      </c>
      <c r="D16765">
        <v>0</v>
      </c>
    </row>
    <row r="16766" spans="1:4" x14ac:dyDescent="0.25">
      <c r="A16766" t="s">
        <v>26505</v>
      </c>
      <c r="B16766" t="s">
        <v>26506</v>
      </c>
      <c r="C16766">
        <v>1</v>
      </c>
      <c r="D16766">
        <v>0</v>
      </c>
    </row>
    <row r="16767" spans="1:4" x14ac:dyDescent="0.25">
      <c r="A16767" t="s">
        <v>26505</v>
      </c>
      <c r="B16767" t="s">
        <v>26507</v>
      </c>
      <c r="C16767">
        <v>0</v>
      </c>
      <c r="D16767">
        <v>0</v>
      </c>
    </row>
    <row r="16768" spans="1:4" x14ac:dyDescent="0.25">
      <c r="A16768" t="s">
        <v>26505</v>
      </c>
      <c r="B16768" t="s">
        <v>26508</v>
      </c>
      <c r="C16768">
        <v>2</v>
      </c>
      <c r="D16768">
        <v>0</v>
      </c>
    </row>
    <row r="16769" spans="1:4" x14ac:dyDescent="0.25">
      <c r="A16769" t="s">
        <v>26509</v>
      </c>
      <c r="B16769" t="s">
        <v>26510</v>
      </c>
      <c r="C16769">
        <v>1</v>
      </c>
      <c r="D16769">
        <v>0</v>
      </c>
    </row>
    <row r="16770" spans="1:4" x14ac:dyDescent="0.25">
      <c r="A16770" t="s">
        <v>26509</v>
      </c>
      <c r="B16770" t="s">
        <v>26511</v>
      </c>
      <c r="C16770">
        <v>0</v>
      </c>
      <c r="D16770">
        <v>0</v>
      </c>
    </row>
    <row r="16771" spans="1:4" x14ac:dyDescent="0.25">
      <c r="A16771" t="s">
        <v>26512</v>
      </c>
      <c r="B16771" t="s">
        <v>26513</v>
      </c>
      <c r="C16771">
        <v>2</v>
      </c>
      <c r="D16771">
        <v>0</v>
      </c>
    </row>
    <row r="16772" spans="1:4" x14ac:dyDescent="0.25">
      <c r="A16772" t="s">
        <v>26514</v>
      </c>
      <c r="B16772" t="s">
        <v>26515</v>
      </c>
      <c r="C16772">
        <v>1</v>
      </c>
      <c r="D16772">
        <v>0</v>
      </c>
    </row>
    <row r="16773" spans="1:4" x14ac:dyDescent="0.25">
      <c r="A16773" t="s">
        <v>26516</v>
      </c>
      <c r="B16773" t="s">
        <v>26517</v>
      </c>
      <c r="C16773">
        <v>1</v>
      </c>
      <c r="D16773">
        <v>0</v>
      </c>
    </row>
    <row r="16774" spans="1:4" x14ac:dyDescent="0.25">
      <c r="A16774" t="s">
        <v>26518</v>
      </c>
      <c r="B16774" t="s">
        <v>26519</v>
      </c>
      <c r="C16774">
        <v>1</v>
      </c>
      <c r="D16774">
        <v>0</v>
      </c>
    </row>
    <row r="16775" spans="1:4" x14ac:dyDescent="0.25">
      <c r="A16775" t="s">
        <v>26520</v>
      </c>
      <c r="B16775" t="s">
        <v>26521</v>
      </c>
      <c r="C16775">
        <v>2</v>
      </c>
      <c r="D16775">
        <v>0</v>
      </c>
    </row>
    <row r="16776" spans="1:4" x14ac:dyDescent="0.25">
      <c r="A16776" t="s">
        <v>26522</v>
      </c>
      <c r="B16776" t="s">
        <v>26523</v>
      </c>
      <c r="C16776">
        <v>1</v>
      </c>
      <c r="D16776">
        <v>0</v>
      </c>
    </row>
    <row r="16777" spans="1:4" x14ac:dyDescent="0.25">
      <c r="A16777" t="s">
        <v>26524</v>
      </c>
      <c r="B16777" t="s">
        <v>26525</v>
      </c>
      <c r="C16777">
        <v>2</v>
      </c>
      <c r="D16777">
        <v>0</v>
      </c>
    </row>
    <row r="16778" spans="1:4" x14ac:dyDescent="0.25">
      <c r="A16778" t="s">
        <v>26526</v>
      </c>
      <c r="B16778" t="s">
        <v>26527</v>
      </c>
      <c r="C16778">
        <v>2</v>
      </c>
      <c r="D16778">
        <v>0</v>
      </c>
    </row>
    <row r="16779" spans="1:4" x14ac:dyDescent="0.25">
      <c r="A16779" t="s">
        <v>26528</v>
      </c>
      <c r="B16779" t="s">
        <v>26529</v>
      </c>
      <c r="C16779">
        <v>1</v>
      </c>
      <c r="D16779">
        <v>0</v>
      </c>
    </row>
    <row r="16780" spans="1:4" x14ac:dyDescent="0.25">
      <c r="A16780" t="s">
        <v>26530</v>
      </c>
      <c r="B16780" t="s">
        <v>26531</v>
      </c>
      <c r="C16780">
        <v>1</v>
      </c>
      <c r="D16780">
        <v>0</v>
      </c>
    </row>
    <row r="16781" spans="1:4" x14ac:dyDescent="0.25">
      <c r="A16781" t="s">
        <v>26532</v>
      </c>
      <c r="B16781" t="s">
        <v>26533</v>
      </c>
      <c r="C16781">
        <v>2</v>
      </c>
      <c r="D16781">
        <v>0</v>
      </c>
    </row>
    <row r="16782" spans="1:4" x14ac:dyDescent="0.25">
      <c r="A16782" t="s">
        <v>26534</v>
      </c>
      <c r="B16782" t="s">
        <v>26535</v>
      </c>
      <c r="C16782">
        <v>1</v>
      </c>
      <c r="D16782">
        <v>0</v>
      </c>
    </row>
    <row r="16783" spans="1:4" x14ac:dyDescent="0.25">
      <c r="A16783" t="s">
        <v>26536</v>
      </c>
      <c r="B16783" t="s">
        <v>26537</v>
      </c>
      <c r="C16783">
        <v>0</v>
      </c>
      <c r="D16783">
        <v>0</v>
      </c>
    </row>
    <row r="16784" spans="1:4" x14ac:dyDescent="0.25">
      <c r="A16784" t="s">
        <v>26538</v>
      </c>
      <c r="B16784" t="s">
        <v>26539</v>
      </c>
      <c r="C16784">
        <v>1</v>
      </c>
      <c r="D16784">
        <v>0</v>
      </c>
    </row>
    <row r="16785" spans="1:4" x14ac:dyDescent="0.25">
      <c r="A16785" t="s">
        <v>26540</v>
      </c>
      <c r="B16785" t="s">
        <v>26541</v>
      </c>
      <c r="C16785">
        <v>1</v>
      </c>
      <c r="D16785">
        <v>0</v>
      </c>
    </row>
    <row r="16786" spans="1:4" x14ac:dyDescent="0.25">
      <c r="A16786" t="s">
        <v>26542</v>
      </c>
      <c r="B16786" t="s">
        <v>26543</v>
      </c>
      <c r="C16786">
        <v>1</v>
      </c>
      <c r="D16786">
        <v>0</v>
      </c>
    </row>
    <row r="16787" spans="1:4" x14ac:dyDescent="0.25">
      <c r="A16787" t="s">
        <v>26542</v>
      </c>
      <c r="B16787" t="s">
        <v>26544</v>
      </c>
      <c r="C16787">
        <v>0</v>
      </c>
      <c r="D16787">
        <v>0</v>
      </c>
    </row>
    <row r="16788" spans="1:4" x14ac:dyDescent="0.25">
      <c r="A16788" t="s">
        <v>26545</v>
      </c>
      <c r="B16788" t="s">
        <v>26546</v>
      </c>
      <c r="C16788">
        <v>1</v>
      </c>
      <c r="D16788">
        <v>0</v>
      </c>
    </row>
    <row r="16789" spans="1:4" x14ac:dyDescent="0.25">
      <c r="A16789" t="s">
        <v>26547</v>
      </c>
      <c r="B16789" t="s">
        <v>26548</v>
      </c>
      <c r="C16789">
        <v>1</v>
      </c>
      <c r="D16789">
        <v>0</v>
      </c>
    </row>
    <row r="16790" spans="1:4" x14ac:dyDescent="0.25">
      <c r="A16790" t="s">
        <v>26547</v>
      </c>
      <c r="B16790" t="s">
        <v>26549</v>
      </c>
      <c r="C16790">
        <v>0</v>
      </c>
      <c r="D16790">
        <v>0</v>
      </c>
    </row>
    <row r="16791" spans="1:4" x14ac:dyDescent="0.25">
      <c r="A16791" t="s">
        <v>26550</v>
      </c>
      <c r="B16791" t="s">
        <v>26551</v>
      </c>
      <c r="C16791">
        <v>1</v>
      </c>
      <c r="D16791">
        <v>0</v>
      </c>
    </row>
    <row r="16792" spans="1:4" x14ac:dyDescent="0.25">
      <c r="A16792" t="s">
        <v>26552</v>
      </c>
      <c r="B16792" t="s">
        <v>26553</v>
      </c>
      <c r="C16792">
        <v>1</v>
      </c>
      <c r="D16792">
        <v>0</v>
      </c>
    </row>
    <row r="16793" spans="1:4" x14ac:dyDescent="0.25">
      <c r="A16793" t="s">
        <v>26552</v>
      </c>
      <c r="B16793" t="s">
        <v>26554</v>
      </c>
      <c r="C16793">
        <v>2</v>
      </c>
      <c r="D16793">
        <v>0</v>
      </c>
    </row>
    <row r="16794" spans="1:4" x14ac:dyDescent="0.25">
      <c r="A16794" t="s">
        <v>26555</v>
      </c>
      <c r="B16794" t="s">
        <v>26556</v>
      </c>
      <c r="C16794">
        <v>2</v>
      </c>
      <c r="D16794">
        <v>0</v>
      </c>
    </row>
    <row r="16795" spans="1:4" x14ac:dyDescent="0.25">
      <c r="A16795" t="s">
        <v>26557</v>
      </c>
      <c r="B16795" t="s">
        <v>26558</v>
      </c>
      <c r="C16795">
        <v>0</v>
      </c>
      <c r="D16795">
        <v>0</v>
      </c>
    </row>
    <row r="16796" spans="1:4" x14ac:dyDescent="0.25">
      <c r="A16796" t="s">
        <v>26559</v>
      </c>
      <c r="B16796" t="s">
        <v>26560</v>
      </c>
      <c r="C16796">
        <v>1</v>
      </c>
      <c r="D16796">
        <v>0</v>
      </c>
    </row>
    <row r="16797" spans="1:4" x14ac:dyDescent="0.25">
      <c r="A16797" t="s">
        <v>26559</v>
      </c>
      <c r="B16797" t="s">
        <v>26561</v>
      </c>
      <c r="C16797">
        <v>2</v>
      </c>
      <c r="D16797">
        <v>0</v>
      </c>
    </row>
    <row r="16798" spans="1:4" x14ac:dyDescent="0.25">
      <c r="A16798" t="s">
        <v>26562</v>
      </c>
      <c r="B16798" t="s">
        <v>26563</v>
      </c>
      <c r="C16798">
        <v>1</v>
      </c>
      <c r="D16798">
        <v>0</v>
      </c>
    </row>
    <row r="16799" spans="1:4" x14ac:dyDescent="0.25">
      <c r="A16799" t="s">
        <v>26564</v>
      </c>
      <c r="B16799" t="s">
        <v>26565</v>
      </c>
      <c r="C16799">
        <v>1</v>
      </c>
      <c r="D16799">
        <v>0</v>
      </c>
    </row>
    <row r="16800" spans="1:4" x14ac:dyDescent="0.25">
      <c r="A16800" t="s">
        <v>26566</v>
      </c>
      <c r="B16800" t="s">
        <v>26567</v>
      </c>
      <c r="C16800">
        <v>2</v>
      </c>
      <c r="D16800">
        <v>0</v>
      </c>
    </row>
    <row r="16801" spans="1:4" x14ac:dyDescent="0.25">
      <c r="A16801" t="s">
        <v>26568</v>
      </c>
      <c r="B16801" t="s">
        <v>26569</v>
      </c>
      <c r="C16801">
        <v>1</v>
      </c>
      <c r="D16801">
        <v>0</v>
      </c>
    </row>
    <row r="16802" spans="1:4" x14ac:dyDescent="0.25">
      <c r="A16802" t="s">
        <v>26570</v>
      </c>
      <c r="B16802" t="s">
        <v>26571</v>
      </c>
      <c r="C16802">
        <v>2</v>
      </c>
      <c r="D16802">
        <v>0</v>
      </c>
    </row>
    <row r="16803" spans="1:4" x14ac:dyDescent="0.25">
      <c r="A16803" t="s">
        <v>26572</v>
      </c>
      <c r="B16803" t="s">
        <v>26573</v>
      </c>
      <c r="C16803">
        <v>1</v>
      </c>
      <c r="D16803">
        <v>0</v>
      </c>
    </row>
    <row r="16804" spans="1:4" x14ac:dyDescent="0.25">
      <c r="A16804" t="s">
        <v>26574</v>
      </c>
      <c r="B16804" t="s">
        <v>26575</v>
      </c>
      <c r="C16804">
        <v>1</v>
      </c>
      <c r="D16804">
        <v>0</v>
      </c>
    </row>
    <row r="16805" spans="1:4" x14ac:dyDescent="0.25">
      <c r="A16805" t="s">
        <v>26576</v>
      </c>
      <c r="B16805" t="s">
        <v>26577</v>
      </c>
      <c r="C16805">
        <v>0</v>
      </c>
      <c r="D16805">
        <v>0</v>
      </c>
    </row>
    <row r="16806" spans="1:4" x14ac:dyDescent="0.25">
      <c r="A16806" t="s">
        <v>26578</v>
      </c>
      <c r="B16806" t="s">
        <v>26579</v>
      </c>
      <c r="C16806">
        <v>0</v>
      </c>
      <c r="D16806">
        <v>0</v>
      </c>
    </row>
    <row r="16807" spans="1:4" x14ac:dyDescent="0.25">
      <c r="A16807" t="s">
        <v>26580</v>
      </c>
      <c r="B16807" t="s">
        <v>26581</v>
      </c>
      <c r="C16807">
        <v>0</v>
      </c>
      <c r="D16807">
        <v>0</v>
      </c>
    </row>
    <row r="16808" spans="1:4" x14ac:dyDescent="0.25">
      <c r="A16808" t="s">
        <v>26582</v>
      </c>
      <c r="B16808" t="s">
        <v>26583</v>
      </c>
      <c r="C16808">
        <v>1</v>
      </c>
      <c r="D16808">
        <v>0</v>
      </c>
    </row>
    <row r="16809" spans="1:4" x14ac:dyDescent="0.25">
      <c r="A16809" t="s">
        <v>26584</v>
      </c>
      <c r="B16809" t="s">
        <v>26585</v>
      </c>
      <c r="C16809">
        <v>1</v>
      </c>
      <c r="D16809">
        <v>0</v>
      </c>
    </row>
    <row r="16810" spans="1:4" x14ac:dyDescent="0.25">
      <c r="A16810" t="s">
        <v>26586</v>
      </c>
      <c r="B16810" t="s">
        <v>26587</v>
      </c>
      <c r="C16810">
        <v>1</v>
      </c>
      <c r="D16810">
        <v>0</v>
      </c>
    </row>
    <row r="16811" spans="1:4" x14ac:dyDescent="0.25">
      <c r="A16811" t="s">
        <v>26588</v>
      </c>
      <c r="B16811" t="s">
        <v>26589</v>
      </c>
      <c r="C16811">
        <v>2</v>
      </c>
      <c r="D16811">
        <v>0</v>
      </c>
    </row>
    <row r="16812" spans="1:4" x14ac:dyDescent="0.25">
      <c r="A16812" t="s">
        <v>26590</v>
      </c>
      <c r="B16812" t="s">
        <v>26591</v>
      </c>
      <c r="C16812">
        <v>2</v>
      </c>
      <c r="D16812">
        <v>0</v>
      </c>
    </row>
    <row r="16813" spans="1:4" x14ac:dyDescent="0.25">
      <c r="A16813" t="s">
        <v>26592</v>
      </c>
      <c r="B16813" t="s">
        <v>26593</v>
      </c>
      <c r="C16813">
        <v>1</v>
      </c>
      <c r="D16813">
        <v>0</v>
      </c>
    </row>
    <row r="16814" spans="1:4" x14ac:dyDescent="0.25">
      <c r="A16814" t="s">
        <v>26594</v>
      </c>
      <c r="B16814" t="s">
        <v>26595</v>
      </c>
      <c r="C16814">
        <v>1</v>
      </c>
      <c r="D16814">
        <v>0</v>
      </c>
    </row>
    <row r="16815" spans="1:4" x14ac:dyDescent="0.25">
      <c r="A16815" t="s">
        <v>26596</v>
      </c>
      <c r="B16815" t="s">
        <v>26597</v>
      </c>
      <c r="C16815">
        <v>1</v>
      </c>
      <c r="D16815">
        <v>0</v>
      </c>
    </row>
    <row r="16816" spans="1:4" x14ac:dyDescent="0.25">
      <c r="A16816" t="s">
        <v>26598</v>
      </c>
      <c r="B16816" t="s">
        <v>26599</v>
      </c>
      <c r="C16816">
        <v>1</v>
      </c>
      <c r="D16816">
        <v>0</v>
      </c>
    </row>
    <row r="16817" spans="1:4" x14ac:dyDescent="0.25">
      <c r="A16817" t="s">
        <v>26600</v>
      </c>
      <c r="B16817" t="s">
        <v>26601</v>
      </c>
      <c r="C16817">
        <v>1</v>
      </c>
      <c r="D16817">
        <v>0</v>
      </c>
    </row>
    <row r="16818" spans="1:4" x14ac:dyDescent="0.25">
      <c r="A16818" t="s">
        <v>26600</v>
      </c>
      <c r="B16818" t="s">
        <v>26602</v>
      </c>
      <c r="C16818">
        <v>2</v>
      </c>
      <c r="D16818">
        <v>0</v>
      </c>
    </row>
    <row r="16819" spans="1:4" x14ac:dyDescent="0.25">
      <c r="A16819" t="s">
        <v>26603</v>
      </c>
      <c r="B16819" t="s">
        <v>26604</v>
      </c>
      <c r="C16819">
        <v>1</v>
      </c>
      <c r="D16819">
        <v>0</v>
      </c>
    </row>
    <row r="16820" spans="1:4" x14ac:dyDescent="0.25">
      <c r="A16820" t="s">
        <v>26605</v>
      </c>
      <c r="B16820" t="s">
        <v>26606</v>
      </c>
      <c r="C16820">
        <v>0</v>
      </c>
      <c r="D16820">
        <v>0</v>
      </c>
    </row>
    <row r="16821" spans="1:4" x14ac:dyDescent="0.25">
      <c r="A16821" t="s">
        <v>26607</v>
      </c>
      <c r="B16821" t="s">
        <v>26608</v>
      </c>
      <c r="C16821">
        <v>0</v>
      </c>
      <c r="D16821">
        <v>0</v>
      </c>
    </row>
    <row r="16822" spans="1:4" x14ac:dyDescent="0.25">
      <c r="A16822" t="s">
        <v>26609</v>
      </c>
      <c r="B16822" t="s">
        <v>26610</v>
      </c>
      <c r="C16822">
        <v>1</v>
      </c>
      <c r="D16822">
        <v>0</v>
      </c>
    </row>
    <row r="16823" spans="1:4" x14ac:dyDescent="0.25">
      <c r="A16823" t="s">
        <v>26611</v>
      </c>
      <c r="B16823" t="s">
        <v>26612</v>
      </c>
      <c r="C16823">
        <v>0</v>
      </c>
      <c r="D16823">
        <v>0</v>
      </c>
    </row>
    <row r="16824" spans="1:4" x14ac:dyDescent="0.25">
      <c r="A16824" t="s">
        <v>26613</v>
      </c>
      <c r="B16824" t="s">
        <v>26614</v>
      </c>
      <c r="C16824">
        <v>1</v>
      </c>
      <c r="D16824">
        <v>0</v>
      </c>
    </row>
    <row r="16825" spans="1:4" x14ac:dyDescent="0.25">
      <c r="A16825" t="s">
        <v>26613</v>
      </c>
      <c r="B16825" t="s">
        <v>26615</v>
      </c>
      <c r="C16825">
        <v>1</v>
      </c>
      <c r="D16825">
        <v>0</v>
      </c>
    </row>
    <row r="16826" spans="1:4" x14ac:dyDescent="0.25">
      <c r="A16826" t="s">
        <v>26616</v>
      </c>
      <c r="B16826" t="s">
        <v>26617</v>
      </c>
      <c r="C16826">
        <v>1</v>
      </c>
      <c r="D16826">
        <v>0</v>
      </c>
    </row>
    <row r="16827" spans="1:4" x14ac:dyDescent="0.25">
      <c r="A16827" t="s">
        <v>26618</v>
      </c>
      <c r="B16827" t="s">
        <v>26619</v>
      </c>
      <c r="C16827">
        <v>0</v>
      </c>
      <c r="D16827">
        <v>0</v>
      </c>
    </row>
    <row r="16828" spans="1:4" x14ac:dyDescent="0.25">
      <c r="A16828" t="s">
        <v>26620</v>
      </c>
      <c r="B16828" t="s">
        <v>26621</v>
      </c>
      <c r="C16828">
        <v>1</v>
      </c>
      <c r="D16828">
        <v>0</v>
      </c>
    </row>
    <row r="16829" spans="1:4" x14ac:dyDescent="0.25">
      <c r="A16829" t="s">
        <v>26622</v>
      </c>
      <c r="B16829" t="s">
        <v>26623</v>
      </c>
      <c r="C16829">
        <v>1</v>
      </c>
      <c r="D16829">
        <v>0</v>
      </c>
    </row>
    <row r="16830" spans="1:4" x14ac:dyDescent="0.25">
      <c r="A16830" t="s">
        <v>26624</v>
      </c>
      <c r="B16830" t="s">
        <v>26625</v>
      </c>
      <c r="C16830">
        <v>1</v>
      </c>
      <c r="D16830">
        <v>0</v>
      </c>
    </row>
    <row r="16831" spans="1:4" x14ac:dyDescent="0.25">
      <c r="A16831" t="s">
        <v>26626</v>
      </c>
      <c r="B16831" t="s">
        <v>26627</v>
      </c>
      <c r="C16831">
        <v>1</v>
      </c>
      <c r="D16831">
        <v>0</v>
      </c>
    </row>
    <row r="16832" spans="1:4" x14ac:dyDescent="0.25">
      <c r="A16832" t="s">
        <v>26628</v>
      </c>
      <c r="B16832" t="s">
        <v>26629</v>
      </c>
      <c r="C16832">
        <v>1</v>
      </c>
      <c r="D16832">
        <v>0</v>
      </c>
    </row>
    <row r="16833" spans="1:4" x14ac:dyDescent="0.25">
      <c r="A16833" t="s">
        <v>26630</v>
      </c>
      <c r="B16833" t="s">
        <v>26631</v>
      </c>
      <c r="C16833">
        <v>0</v>
      </c>
      <c r="D16833">
        <v>0</v>
      </c>
    </row>
    <row r="16834" spans="1:4" x14ac:dyDescent="0.25">
      <c r="A16834" t="s">
        <v>26632</v>
      </c>
      <c r="B16834" t="s">
        <v>26633</v>
      </c>
      <c r="C16834">
        <v>2</v>
      </c>
      <c r="D16834">
        <v>0</v>
      </c>
    </row>
    <row r="16835" spans="1:4" x14ac:dyDescent="0.25">
      <c r="A16835" t="s">
        <v>26634</v>
      </c>
      <c r="B16835" t="s">
        <v>26635</v>
      </c>
      <c r="C16835">
        <v>1</v>
      </c>
      <c r="D16835">
        <v>0</v>
      </c>
    </row>
    <row r="16836" spans="1:4" x14ac:dyDescent="0.25">
      <c r="A16836" t="s">
        <v>26636</v>
      </c>
      <c r="B16836" t="s">
        <v>26637</v>
      </c>
      <c r="C16836">
        <v>1</v>
      </c>
      <c r="D16836">
        <v>0</v>
      </c>
    </row>
    <row r="16837" spans="1:4" x14ac:dyDescent="0.25">
      <c r="A16837" t="s">
        <v>26638</v>
      </c>
      <c r="B16837" t="s">
        <v>26639</v>
      </c>
      <c r="C16837">
        <v>1</v>
      </c>
      <c r="D16837">
        <v>0</v>
      </c>
    </row>
    <row r="16838" spans="1:4" x14ac:dyDescent="0.25">
      <c r="A16838" t="s">
        <v>26638</v>
      </c>
      <c r="B16838" t="s">
        <v>26640</v>
      </c>
      <c r="C16838">
        <v>0</v>
      </c>
      <c r="D16838">
        <v>0</v>
      </c>
    </row>
    <row r="16839" spans="1:4" x14ac:dyDescent="0.25">
      <c r="A16839" t="s">
        <v>26641</v>
      </c>
      <c r="B16839" t="s">
        <v>26642</v>
      </c>
      <c r="C16839">
        <v>2</v>
      </c>
      <c r="D16839">
        <v>0</v>
      </c>
    </row>
    <row r="16840" spans="1:4" x14ac:dyDescent="0.25">
      <c r="A16840" t="s">
        <v>26643</v>
      </c>
      <c r="B16840" t="s">
        <v>26644</v>
      </c>
      <c r="C16840">
        <v>2</v>
      </c>
      <c r="D16840">
        <v>0</v>
      </c>
    </row>
    <row r="16841" spans="1:4" x14ac:dyDescent="0.25">
      <c r="A16841" t="s">
        <v>26645</v>
      </c>
      <c r="B16841" t="s">
        <v>26646</v>
      </c>
      <c r="C16841">
        <v>0</v>
      </c>
      <c r="D16841">
        <v>0</v>
      </c>
    </row>
    <row r="16842" spans="1:4" x14ac:dyDescent="0.25">
      <c r="A16842" t="s">
        <v>26647</v>
      </c>
      <c r="B16842" t="s">
        <v>26648</v>
      </c>
      <c r="C16842">
        <v>1</v>
      </c>
      <c r="D16842">
        <v>0</v>
      </c>
    </row>
    <row r="16843" spans="1:4" x14ac:dyDescent="0.25">
      <c r="A16843" t="s">
        <v>26649</v>
      </c>
      <c r="B16843" t="s">
        <v>26650</v>
      </c>
      <c r="C16843">
        <v>0</v>
      </c>
      <c r="D16843">
        <v>0</v>
      </c>
    </row>
    <row r="16844" spans="1:4" x14ac:dyDescent="0.25">
      <c r="A16844" t="s">
        <v>26651</v>
      </c>
      <c r="B16844" t="s">
        <v>26652</v>
      </c>
      <c r="C16844">
        <v>1</v>
      </c>
      <c r="D16844">
        <v>0</v>
      </c>
    </row>
    <row r="16845" spans="1:4" x14ac:dyDescent="0.25">
      <c r="A16845" t="s">
        <v>26653</v>
      </c>
      <c r="B16845" t="s">
        <v>26654</v>
      </c>
      <c r="C16845">
        <v>1</v>
      </c>
      <c r="D16845">
        <v>0</v>
      </c>
    </row>
    <row r="16846" spans="1:4" x14ac:dyDescent="0.25">
      <c r="A16846" t="s">
        <v>26655</v>
      </c>
      <c r="B16846" t="s">
        <v>26656</v>
      </c>
      <c r="C16846">
        <v>1</v>
      </c>
      <c r="D16846">
        <v>0</v>
      </c>
    </row>
    <row r="16847" spans="1:4" x14ac:dyDescent="0.25">
      <c r="A16847" t="s">
        <v>26657</v>
      </c>
      <c r="B16847" t="s">
        <v>26658</v>
      </c>
      <c r="C16847">
        <v>1</v>
      </c>
      <c r="D16847">
        <v>0</v>
      </c>
    </row>
    <row r="16848" spans="1:4" x14ac:dyDescent="0.25">
      <c r="A16848" t="s">
        <v>26659</v>
      </c>
      <c r="B16848" t="s">
        <v>26660</v>
      </c>
      <c r="C16848">
        <v>1</v>
      </c>
      <c r="D16848">
        <v>0</v>
      </c>
    </row>
    <row r="16849" spans="1:4" x14ac:dyDescent="0.25">
      <c r="A16849" t="s">
        <v>26661</v>
      </c>
      <c r="B16849" t="s">
        <v>26662</v>
      </c>
      <c r="C16849">
        <v>1</v>
      </c>
      <c r="D16849">
        <v>0</v>
      </c>
    </row>
    <row r="16850" spans="1:4" x14ac:dyDescent="0.25">
      <c r="A16850" t="s">
        <v>26663</v>
      </c>
      <c r="B16850" t="s">
        <v>26664</v>
      </c>
      <c r="C16850">
        <v>1</v>
      </c>
      <c r="D16850">
        <v>0</v>
      </c>
    </row>
    <row r="16851" spans="1:4" x14ac:dyDescent="0.25">
      <c r="A16851" t="s">
        <v>26663</v>
      </c>
      <c r="B16851" t="s">
        <v>26665</v>
      </c>
      <c r="C16851">
        <v>0</v>
      </c>
      <c r="D16851">
        <v>0</v>
      </c>
    </row>
    <row r="16852" spans="1:4" x14ac:dyDescent="0.25">
      <c r="A16852" t="s">
        <v>26666</v>
      </c>
      <c r="B16852" t="s">
        <v>26667</v>
      </c>
      <c r="C16852">
        <v>1</v>
      </c>
      <c r="D16852">
        <v>0</v>
      </c>
    </row>
    <row r="16853" spans="1:4" x14ac:dyDescent="0.25">
      <c r="A16853" t="s">
        <v>26668</v>
      </c>
      <c r="B16853" t="s">
        <v>26669</v>
      </c>
      <c r="C16853">
        <v>1</v>
      </c>
      <c r="D16853">
        <v>0</v>
      </c>
    </row>
    <row r="16854" spans="1:4" x14ac:dyDescent="0.25">
      <c r="A16854" t="s">
        <v>26670</v>
      </c>
      <c r="B16854" t="s">
        <v>26671</v>
      </c>
      <c r="C16854">
        <v>1</v>
      </c>
      <c r="D16854">
        <v>0</v>
      </c>
    </row>
    <row r="16855" spans="1:4" x14ac:dyDescent="0.25">
      <c r="A16855" t="s">
        <v>26672</v>
      </c>
      <c r="B16855" t="s">
        <v>26673</v>
      </c>
      <c r="C16855">
        <v>1</v>
      </c>
      <c r="D16855">
        <v>0</v>
      </c>
    </row>
    <row r="16856" spans="1:4" x14ac:dyDescent="0.25">
      <c r="A16856" t="s">
        <v>26674</v>
      </c>
      <c r="B16856" t="s">
        <v>26675</v>
      </c>
      <c r="C16856">
        <v>1</v>
      </c>
      <c r="D16856">
        <v>0</v>
      </c>
    </row>
    <row r="16857" spans="1:4" x14ac:dyDescent="0.25">
      <c r="A16857" t="s">
        <v>26676</v>
      </c>
      <c r="B16857" t="s">
        <v>26677</v>
      </c>
      <c r="C16857">
        <v>1</v>
      </c>
      <c r="D16857">
        <v>0</v>
      </c>
    </row>
    <row r="16858" spans="1:4" x14ac:dyDescent="0.25">
      <c r="A16858" t="s">
        <v>26678</v>
      </c>
      <c r="B16858" t="s">
        <v>26679</v>
      </c>
      <c r="C16858">
        <v>1</v>
      </c>
      <c r="D16858">
        <v>0</v>
      </c>
    </row>
    <row r="16859" spans="1:4" x14ac:dyDescent="0.25">
      <c r="A16859" t="s">
        <v>26680</v>
      </c>
      <c r="B16859" t="s">
        <v>26681</v>
      </c>
      <c r="C16859">
        <v>1</v>
      </c>
      <c r="D16859">
        <v>0</v>
      </c>
    </row>
    <row r="16860" spans="1:4" x14ac:dyDescent="0.25">
      <c r="A16860" t="s">
        <v>26680</v>
      </c>
      <c r="B16860" t="s">
        <v>26682</v>
      </c>
      <c r="C16860">
        <v>1</v>
      </c>
      <c r="D16860">
        <v>0</v>
      </c>
    </row>
    <row r="16861" spans="1:4" x14ac:dyDescent="0.25">
      <c r="A16861" t="s">
        <v>26683</v>
      </c>
      <c r="B16861" t="s">
        <v>26684</v>
      </c>
      <c r="C16861">
        <v>1</v>
      </c>
      <c r="D16861">
        <v>0</v>
      </c>
    </row>
    <row r="16862" spans="1:4" x14ac:dyDescent="0.25">
      <c r="A16862" t="s">
        <v>26685</v>
      </c>
      <c r="B16862" t="s">
        <v>26686</v>
      </c>
      <c r="C16862">
        <v>2</v>
      </c>
      <c r="D16862">
        <v>0</v>
      </c>
    </row>
    <row r="16863" spans="1:4" x14ac:dyDescent="0.25">
      <c r="A16863" t="s">
        <v>26687</v>
      </c>
      <c r="B16863" t="s">
        <v>26688</v>
      </c>
      <c r="C16863">
        <v>1</v>
      </c>
      <c r="D16863">
        <v>0</v>
      </c>
    </row>
    <row r="16864" spans="1:4" x14ac:dyDescent="0.25">
      <c r="A16864" t="s">
        <v>26689</v>
      </c>
      <c r="B16864" t="s">
        <v>26690</v>
      </c>
      <c r="C16864">
        <v>2</v>
      </c>
      <c r="D16864">
        <v>0</v>
      </c>
    </row>
    <row r="16865" spans="1:4" x14ac:dyDescent="0.25">
      <c r="A16865" t="s">
        <v>26689</v>
      </c>
      <c r="B16865" t="s">
        <v>26691</v>
      </c>
      <c r="C16865">
        <v>2</v>
      </c>
      <c r="D16865">
        <v>0</v>
      </c>
    </row>
    <row r="16866" spans="1:4" x14ac:dyDescent="0.25">
      <c r="A16866" t="s">
        <v>26692</v>
      </c>
      <c r="B16866" t="s">
        <v>26693</v>
      </c>
      <c r="C16866">
        <v>1</v>
      </c>
      <c r="D16866">
        <v>0</v>
      </c>
    </row>
    <row r="16867" spans="1:4" x14ac:dyDescent="0.25">
      <c r="A16867" t="s">
        <v>26692</v>
      </c>
      <c r="B16867" t="s">
        <v>26694</v>
      </c>
      <c r="C16867">
        <v>1</v>
      </c>
      <c r="D16867">
        <v>0</v>
      </c>
    </row>
    <row r="16868" spans="1:4" x14ac:dyDescent="0.25">
      <c r="A16868" t="s">
        <v>26695</v>
      </c>
      <c r="B16868" t="s">
        <v>26696</v>
      </c>
      <c r="C16868">
        <v>1</v>
      </c>
      <c r="D16868">
        <v>0</v>
      </c>
    </row>
    <row r="16869" spans="1:4" x14ac:dyDescent="0.25">
      <c r="A16869" t="s">
        <v>26697</v>
      </c>
      <c r="B16869" t="s">
        <v>26698</v>
      </c>
      <c r="C16869">
        <v>1</v>
      </c>
      <c r="D16869">
        <v>0</v>
      </c>
    </row>
    <row r="16870" spans="1:4" x14ac:dyDescent="0.25">
      <c r="A16870" t="s">
        <v>26697</v>
      </c>
      <c r="B16870" t="s">
        <v>26699</v>
      </c>
      <c r="C16870">
        <v>1</v>
      </c>
      <c r="D16870">
        <v>0</v>
      </c>
    </row>
    <row r="16871" spans="1:4" x14ac:dyDescent="0.25">
      <c r="A16871" t="s">
        <v>26700</v>
      </c>
      <c r="B16871" t="s">
        <v>26701</v>
      </c>
      <c r="C16871">
        <v>1</v>
      </c>
      <c r="D16871">
        <v>0</v>
      </c>
    </row>
    <row r="16872" spans="1:4" x14ac:dyDescent="0.25">
      <c r="A16872" t="s">
        <v>26702</v>
      </c>
      <c r="B16872" t="s">
        <v>26703</v>
      </c>
      <c r="C16872">
        <v>1</v>
      </c>
      <c r="D16872">
        <v>0</v>
      </c>
    </row>
    <row r="16873" spans="1:4" x14ac:dyDescent="0.25">
      <c r="A16873" t="s">
        <v>26704</v>
      </c>
      <c r="B16873" t="s">
        <v>26705</v>
      </c>
      <c r="C16873">
        <v>1</v>
      </c>
      <c r="D16873">
        <v>0</v>
      </c>
    </row>
    <row r="16874" spans="1:4" x14ac:dyDescent="0.25">
      <c r="A16874" t="s">
        <v>26706</v>
      </c>
      <c r="B16874" t="s">
        <v>26707</v>
      </c>
      <c r="C16874">
        <v>0</v>
      </c>
      <c r="D16874">
        <v>0</v>
      </c>
    </row>
    <row r="16875" spans="1:4" x14ac:dyDescent="0.25">
      <c r="A16875" t="s">
        <v>26708</v>
      </c>
      <c r="B16875" t="s">
        <v>26709</v>
      </c>
      <c r="C16875">
        <v>1</v>
      </c>
      <c r="D16875">
        <v>0</v>
      </c>
    </row>
    <row r="16876" spans="1:4" x14ac:dyDescent="0.25">
      <c r="A16876" t="s">
        <v>26710</v>
      </c>
      <c r="B16876" t="s">
        <v>26711</v>
      </c>
      <c r="C16876">
        <v>1</v>
      </c>
      <c r="D16876">
        <v>0</v>
      </c>
    </row>
    <row r="16877" spans="1:4" x14ac:dyDescent="0.25">
      <c r="A16877" t="s">
        <v>26712</v>
      </c>
      <c r="B16877" t="s">
        <v>26713</v>
      </c>
      <c r="C16877">
        <v>1</v>
      </c>
      <c r="D16877">
        <v>0</v>
      </c>
    </row>
    <row r="16878" spans="1:4" x14ac:dyDescent="0.25">
      <c r="A16878" t="s">
        <v>26714</v>
      </c>
      <c r="B16878" t="s">
        <v>26715</v>
      </c>
      <c r="C16878">
        <v>1</v>
      </c>
      <c r="D16878">
        <v>0</v>
      </c>
    </row>
    <row r="16879" spans="1:4" x14ac:dyDescent="0.25">
      <c r="A16879" t="s">
        <v>26716</v>
      </c>
      <c r="B16879" t="s">
        <v>26717</v>
      </c>
      <c r="C16879">
        <v>1</v>
      </c>
      <c r="D16879">
        <v>0</v>
      </c>
    </row>
    <row r="16880" spans="1:4" x14ac:dyDescent="0.25">
      <c r="A16880" t="s">
        <v>26718</v>
      </c>
      <c r="B16880" t="s">
        <v>26719</v>
      </c>
      <c r="C16880">
        <v>1</v>
      </c>
      <c r="D16880">
        <v>0</v>
      </c>
    </row>
    <row r="16881" spans="1:4" x14ac:dyDescent="0.25">
      <c r="A16881" t="s">
        <v>26720</v>
      </c>
      <c r="B16881" t="s">
        <v>26721</v>
      </c>
      <c r="C16881">
        <v>0</v>
      </c>
      <c r="D16881">
        <v>0</v>
      </c>
    </row>
    <row r="16882" spans="1:4" x14ac:dyDescent="0.25">
      <c r="A16882" t="s">
        <v>26722</v>
      </c>
      <c r="B16882" t="s">
        <v>26723</v>
      </c>
      <c r="C16882">
        <v>1</v>
      </c>
      <c r="D16882">
        <v>0</v>
      </c>
    </row>
    <row r="16883" spans="1:4" x14ac:dyDescent="0.25">
      <c r="A16883" t="s">
        <v>26724</v>
      </c>
      <c r="B16883" t="s">
        <v>26725</v>
      </c>
      <c r="C16883">
        <v>2</v>
      </c>
      <c r="D16883">
        <v>0</v>
      </c>
    </row>
    <row r="16884" spans="1:4" x14ac:dyDescent="0.25">
      <c r="A16884" t="s">
        <v>26726</v>
      </c>
      <c r="B16884" t="s">
        <v>26727</v>
      </c>
      <c r="C16884">
        <v>1</v>
      </c>
      <c r="D16884">
        <v>0</v>
      </c>
    </row>
    <row r="16885" spans="1:4" x14ac:dyDescent="0.25">
      <c r="A16885" t="s">
        <v>26728</v>
      </c>
      <c r="B16885" t="s">
        <v>26729</v>
      </c>
      <c r="C16885">
        <v>1</v>
      </c>
      <c r="D16885">
        <v>0</v>
      </c>
    </row>
    <row r="16886" spans="1:4" x14ac:dyDescent="0.25">
      <c r="A16886" t="s">
        <v>26730</v>
      </c>
      <c r="B16886" t="s">
        <v>26731</v>
      </c>
      <c r="C16886">
        <v>1</v>
      </c>
      <c r="D16886">
        <v>0</v>
      </c>
    </row>
    <row r="16887" spans="1:4" x14ac:dyDescent="0.25">
      <c r="A16887" t="s">
        <v>26730</v>
      </c>
      <c r="B16887" t="s">
        <v>26732</v>
      </c>
      <c r="C16887">
        <v>1</v>
      </c>
      <c r="D16887">
        <v>0</v>
      </c>
    </row>
    <row r="16888" spans="1:4" x14ac:dyDescent="0.25">
      <c r="A16888" t="s">
        <v>26730</v>
      </c>
      <c r="B16888" t="s">
        <v>26733</v>
      </c>
      <c r="C16888">
        <v>0</v>
      </c>
      <c r="D16888">
        <v>0</v>
      </c>
    </row>
    <row r="16889" spans="1:4" x14ac:dyDescent="0.25">
      <c r="A16889" t="s">
        <v>26734</v>
      </c>
      <c r="B16889" t="s">
        <v>26735</v>
      </c>
      <c r="C16889">
        <v>2</v>
      </c>
      <c r="D16889">
        <v>0</v>
      </c>
    </row>
    <row r="16890" spans="1:4" x14ac:dyDescent="0.25">
      <c r="A16890" t="s">
        <v>26736</v>
      </c>
      <c r="B16890" t="s">
        <v>26737</v>
      </c>
      <c r="C16890">
        <v>1</v>
      </c>
      <c r="D16890">
        <v>0</v>
      </c>
    </row>
    <row r="16891" spans="1:4" x14ac:dyDescent="0.25">
      <c r="A16891" t="s">
        <v>26736</v>
      </c>
      <c r="B16891" t="s">
        <v>26738</v>
      </c>
      <c r="C16891">
        <v>1</v>
      </c>
      <c r="D16891">
        <v>0</v>
      </c>
    </row>
    <row r="16892" spans="1:4" x14ac:dyDescent="0.25">
      <c r="A16892" t="s">
        <v>26736</v>
      </c>
      <c r="B16892" t="s">
        <v>26739</v>
      </c>
      <c r="C16892">
        <v>1</v>
      </c>
      <c r="D16892">
        <v>0</v>
      </c>
    </row>
    <row r="16893" spans="1:4" x14ac:dyDescent="0.25">
      <c r="A16893" t="s">
        <v>26740</v>
      </c>
      <c r="B16893" t="s">
        <v>26741</v>
      </c>
      <c r="C16893">
        <v>0</v>
      </c>
      <c r="D16893">
        <v>0</v>
      </c>
    </row>
    <row r="16894" spans="1:4" x14ac:dyDescent="0.25">
      <c r="A16894" t="s">
        <v>26742</v>
      </c>
      <c r="B16894" t="s">
        <v>26743</v>
      </c>
      <c r="C16894">
        <v>1</v>
      </c>
      <c r="D16894">
        <v>0</v>
      </c>
    </row>
    <row r="16895" spans="1:4" x14ac:dyDescent="0.25">
      <c r="A16895" t="s">
        <v>26744</v>
      </c>
      <c r="B16895" t="s">
        <v>26745</v>
      </c>
      <c r="C16895">
        <v>1</v>
      </c>
      <c r="D16895">
        <v>0</v>
      </c>
    </row>
    <row r="16896" spans="1:4" x14ac:dyDescent="0.25">
      <c r="A16896" t="s">
        <v>26746</v>
      </c>
      <c r="B16896" t="s">
        <v>26747</v>
      </c>
      <c r="C16896">
        <v>1</v>
      </c>
      <c r="D16896">
        <v>0</v>
      </c>
    </row>
    <row r="16897" spans="1:4" x14ac:dyDescent="0.25">
      <c r="A16897" t="s">
        <v>26748</v>
      </c>
      <c r="B16897" t="s">
        <v>26749</v>
      </c>
      <c r="C16897">
        <v>1</v>
      </c>
      <c r="D16897">
        <v>0</v>
      </c>
    </row>
    <row r="16898" spans="1:4" x14ac:dyDescent="0.25">
      <c r="A16898" t="s">
        <v>26748</v>
      </c>
      <c r="B16898" t="s">
        <v>26750</v>
      </c>
      <c r="C16898">
        <v>0</v>
      </c>
      <c r="D16898">
        <v>0</v>
      </c>
    </row>
    <row r="16899" spans="1:4" x14ac:dyDescent="0.25">
      <c r="A16899" t="s">
        <v>26751</v>
      </c>
      <c r="B16899" t="s">
        <v>26752</v>
      </c>
      <c r="C16899">
        <v>1</v>
      </c>
      <c r="D16899">
        <v>0</v>
      </c>
    </row>
    <row r="16900" spans="1:4" x14ac:dyDescent="0.25">
      <c r="A16900" t="s">
        <v>26751</v>
      </c>
      <c r="B16900" t="s">
        <v>26753</v>
      </c>
      <c r="C16900">
        <v>0</v>
      </c>
      <c r="D16900">
        <v>0</v>
      </c>
    </row>
    <row r="16901" spans="1:4" x14ac:dyDescent="0.25">
      <c r="A16901" t="s">
        <v>26751</v>
      </c>
      <c r="B16901" t="s">
        <v>26754</v>
      </c>
      <c r="C16901">
        <v>2</v>
      </c>
      <c r="D16901">
        <v>0</v>
      </c>
    </row>
    <row r="16902" spans="1:4" x14ac:dyDescent="0.25">
      <c r="A16902" t="s">
        <v>26755</v>
      </c>
      <c r="B16902" t="s">
        <v>26756</v>
      </c>
      <c r="C16902">
        <v>0</v>
      </c>
      <c r="D16902">
        <v>0</v>
      </c>
    </row>
    <row r="16903" spans="1:4" x14ac:dyDescent="0.25">
      <c r="A16903" t="s">
        <v>26757</v>
      </c>
      <c r="B16903" t="s">
        <v>26758</v>
      </c>
      <c r="C16903">
        <v>1</v>
      </c>
      <c r="D16903">
        <v>0</v>
      </c>
    </row>
    <row r="16904" spans="1:4" x14ac:dyDescent="0.25">
      <c r="A16904" t="s">
        <v>26759</v>
      </c>
      <c r="B16904" t="s">
        <v>26760</v>
      </c>
      <c r="C16904">
        <v>0</v>
      </c>
      <c r="D16904">
        <v>0</v>
      </c>
    </row>
    <row r="16905" spans="1:4" x14ac:dyDescent="0.25">
      <c r="A16905" t="s">
        <v>26759</v>
      </c>
      <c r="B16905" t="s">
        <v>26761</v>
      </c>
      <c r="C16905">
        <v>0</v>
      </c>
      <c r="D16905">
        <v>0</v>
      </c>
    </row>
    <row r="16906" spans="1:4" x14ac:dyDescent="0.25">
      <c r="A16906" t="s">
        <v>26762</v>
      </c>
      <c r="B16906" t="s">
        <v>26763</v>
      </c>
      <c r="C16906">
        <v>2</v>
      </c>
      <c r="D16906">
        <v>0</v>
      </c>
    </row>
    <row r="16907" spans="1:4" x14ac:dyDescent="0.25">
      <c r="A16907" t="s">
        <v>26764</v>
      </c>
      <c r="B16907" t="s">
        <v>26765</v>
      </c>
      <c r="C16907">
        <v>1</v>
      </c>
      <c r="D16907">
        <v>0</v>
      </c>
    </row>
    <row r="16908" spans="1:4" x14ac:dyDescent="0.25">
      <c r="A16908" t="s">
        <v>26766</v>
      </c>
      <c r="B16908" t="s">
        <v>26767</v>
      </c>
      <c r="C16908">
        <v>1</v>
      </c>
      <c r="D16908">
        <v>0</v>
      </c>
    </row>
    <row r="16909" spans="1:4" x14ac:dyDescent="0.25">
      <c r="A16909" t="s">
        <v>26768</v>
      </c>
      <c r="B16909" t="s">
        <v>26769</v>
      </c>
      <c r="C16909">
        <v>1</v>
      </c>
      <c r="D16909">
        <v>0</v>
      </c>
    </row>
    <row r="16910" spans="1:4" x14ac:dyDescent="0.25">
      <c r="A16910" t="s">
        <v>26770</v>
      </c>
      <c r="B16910" t="s">
        <v>26771</v>
      </c>
      <c r="C16910">
        <v>1</v>
      </c>
      <c r="D16910">
        <v>0</v>
      </c>
    </row>
    <row r="16911" spans="1:4" x14ac:dyDescent="0.25">
      <c r="A16911" t="s">
        <v>26772</v>
      </c>
      <c r="B16911" t="s">
        <v>26773</v>
      </c>
      <c r="C16911">
        <v>1</v>
      </c>
      <c r="D16911">
        <v>0</v>
      </c>
    </row>
    <row r="16912" spans="1:4" x14ac:dyDescent="0.25">
      <c r="A16912" t="s">
        <v>26774</v>
      </c>
      <c r="B16912" t="s">
        <v>26775</v>
      </c>
      <c r="C16912">
        <v>2</v>
      </c>
      <c r="D16912">
        <v>0</v>
      </c>
    </row>
    <row r="16913" spans="1:4" x14ac:dyDescent="0.25">
      <c r="A16913" t="s">
        <v>26776</v>
      </c>
      <c r="B16913" t="s">
        <v>26777</v>
      </c>
      <c r="C16913">
        <v>2</v>
      </c>
      <c r="D16913">
        <v>0</v>
      </c>
    </row>
    <row r="16914" spans="1:4" x14ac:dyDescent="0.25">
      <c r="A16914" t="s">
        <v>26778</v>
      </c>
      <c r="B16914" t="s">
        <v>26779</v>
      </c>
      <c r="C16914">
        <v>1</v>
      </c>
      <c r="D16914">
        <v>0</v>
      </c>
    </row>
    <row r="16915" spans="1:4" x14ac:dyDescent="0.25">
      <c r="A16915" t="s">
        <v>26780</v>
      </c>
      <c r="B16915" t="s">
        <v>26781</v>
      </c>
      <c r="C16915">
        <v>2</v>
      </c>
      <c r="D16915">
        <v>0</v>
      </c>
    </row>
    <row r="16916" spans="1:4" x14ac:dyDescent="0.25">
      <c r="A16916" t="s">
        <v>26782</v>
      </c>
      <c r="B16916" t="s">
        <v>26783</v>
      </c>
      <c r="C16916">
        <v>1</v>
      </c>
      <c r="D16916">
        <v>0</v>
      </c>
    </row>
    <row r="16917" spans="1:4" x14ac:dyDescent="0.25">
      <c r="A16917" t="s">
        <v>26784</v>
      </c>
      <c r="B16917" t="s">
        <v>26785</v>
      </c>
      <c r="C16917">
        <v>1</v>
      </c>
      <c r="D16917">
        <v>0</v>
      </c>
    </row>
    <row r="16918" spans="1:4" x14ac:dyDescent="0.25">
      <c r="A16918" t="s">
        <v>26786</v>
      </c>
      <c r="B16918" t="s">
        <v>26787</v>
      </c>
      <c r="C16918">
        <v>0</v>
      </c>
      <c r="D16918">
        <v>0</v>
      </c>
    </row>
    <row r="16919" spans="1:4" x14ac:dyDescent="0.25">
      <c r="A16919" t="s">
        <v>26788</v>
      </c>
      <c r="B16919" t="s">
        <v>26789</v>
      </c>
      <c r="C16919">
        <v>2</v>
      </c>
      <c r="D16919">
        <v>0</v>
      </c>
    </row>
    <row r="16920" spans="1:4" x14ac:dyDescent="0.25">
      <c r="A16920" t="s">
        <v>26790</v>
      </c>
      <c r="B16920" t="s">
        <v>26791</v>
      </c>
      <c r="C16920">
        <v>1</v>
      </c>
      <c r="D16920">
        <v>0</v>
      </c>
    </row>
    <row r="16921" spans="1:4" x14ac:dyDescent="0.25">
      <c r="A16921" t="s">
        <v>26792</v>
      </c>
      <c r="B16921" t="s">
        <v>26793</v>
      </c>
      <c r="C16921">
        <v>1</v>
      </c>
      <c r="D16921">
        <v>0</v>
      </c>
    </row>
    <row r="16922" spans="1:4" x14ac:dyDescent="0.25">
      <c r="A16922" t="s">
        <v>26794</v>
      </c>
      <c r="B16922" t="s">
        <v>26795</v>
      </c>
      <c r="C16922">
        <v>1</v>
      </c>
      <c r="D16922">
        <v>0</v>
      </c>
    </row>
    <row r="16923" spans="1:4" x14ac:dyDescent="0.25">
      <c r="A16923" t="s">
        <v>26796</v>
      </c>
      <c r="B16923" t="s">
        <v>26797</v>
      </c>
      <c r="C16923">
        <v>0</v>
      </c>
      <c r="D16923">
        <v>0</v>
      </c>
    </row>
    <row r="16924" spans="1:4" x14ac:dyDescent="0.25">
      <c r="A16924" t="s">
        <v>26798</v>
      </c>
      <c r="B16924" t="s">
        <v>26799</v>
      </c>
      <c r="C16924">
        <v>2</v>
      </c>
      <c r="D16924">
        <v>0</v>
      </c>
    </row>
    <row r="16925" spans="1:4" x14ac:dyDescent="0.25">
      <c r="A16925" t="s">
        <v>26800</v>
      </c>
      <c r="B16925" t="s">
        <v>26801</v>
      </c>
      <c r="C16925">
        <v>0</v>
      </c>
      <c r="D16925">
        <v>0</v>
      </c>
    </row>
    <row r="16926" spans="1:4" x14ac:dyDescent="0.25">
      <c r="A16926" t="s">
        <v>26802</v>
      </c>
      <c r="B16926" t="s">
        <v>26803</v>
      </c>
      <c r="C16926">
        <v>1</v>
      </c>
      <c r="D16926">
        <v>0</v>
      </c>
    </row>
    <row r="16927" spans="1:4" x14ac:dyDescent="0.25">
      <c r="A16927" t="s">
        <v>26804</v>
      </c>
      <c r="B16927" t="s">
        <v>26805</v>
      </c>
      <c r="C16927">
        <v>1</v>
      </c>
      <c r="D16927">
        <v>0</v>
      </c>
    </row>
    <row r="16928" spans="1:4" x14ac:dyDescent="0.25">
      <c r="A16928" t="s">
        <v>26806</v>
      </c>
      <c r="B16928" t="s">
        <v>26807</v>
      </c>
      <c r="C16928">
        <v>1</v>
      </c>
      <c r="D16928">
        <v>0</v>
      </c>
    </row>
    <row r="16929" spans="1:4" x14ac:dyDescent="0.25">
      <c r="A16929" t="s">
        <v>26808</v>
      </c>
      <c r="B16929" t="s">
        <v>26809</v>
      </c>
      <c r="C16929">
        <v>1</v>
      </c>
      <c r="D16929">
        <v>0</v>
      </c>
    </row>
    <row r="16930" spans="1:4" x14ac:dyDescent="0.25">
      <c r="A16930" t="s">
        <v>26810</v>
      </c>
      <c r="B16930" t="s">
        <v>26811</v>
      </c>
      <c r="C16930">
        <v>1</v>
      </c>
      <c r="D16930">
        <v>0</v>
      </c>
    </row>
    <row r="16931" spans="1:4" x14ac:dyDescent="0.25">
      <c r="A16931" t="s">
        <v>26810</v>
      </c>
      <c r="B16931" t="s">
        <v>26812</v>
      </c>
      <c r="C16931">
        <v>2</v>
      </c>
      <c r="D16931">
        <v>0</v>
      </c>
    </row>
    <row r="16932" spans="1:4" x14ac:dyDescent="0.25">
      <c r="A16932" t="s">
        <v>26813</v>
      </c>
      <c r="B16932" t="s">
        <v>26814</v>
      </c>
      <c r="C16932">
        <v>1</v>
      </c>
      <c r="D16932">
        <v>0</v>
      </c>
    </row>
    <row r="16933" spans="1:4" x14ac:dyDescent="0.25">
      <c r="A16933" t="s">
        <v>26813</v>
      </c>
      <c r="B16933" t="s">
        <v>26815</v>
      </c>
      <c r="C16933">
        <v>0</v>
      </c>
      <c r="D16933">
        <v>0</v>
      </c>
    </row>
    <row r="16934" spans="1:4" x14ac:dyDescent="0.25">
      <c r="A16934" t="s">
        <v>26816</v>
      </c>
      <c r="B16934" t="s">
        <v>26817</v>
      </c>
      <c r="C16934">
        <v>1</v>
      </c>
      <c r="D16934">
        <v>0</v>
      </c>
    </row>
    <row r="16935" spans="1:4" x14ac:dyDescent="0.25">
      <c r="A16935" t="s">
        <v>26818</v>
      </c>
      <c r="B16935" t="s">
        <v>26819</v>
      </c>
      <c r="C16935">
        <v>0</v>
      </c>
      <c r="D16935">
        <v>0</v>
      </c>
    </row>
    <row r="16936" spans="1:4" x14ac:dyDescent="0.25">
      <c r="A16936" t="s">
        <v>26820</v>
      </c>
      <c r="B16936" t="s">
        <v>26821</v>
      </c>
      <c r="C16936">
        <v>0</v>
      </c>
      <c r="D16936">
        <v>0</v>
      </c>
    </row>
    <row r="16937" spans="1:4" x14ac:dyDescent="0.25">
      <c r="A16937" t="s">
        <v>26820</v>
      </c>
      <c r="B16937" t="s">
        <v>26822</v>
      </c>
      <c r="C16937">
        <v>2</v>
      </c>
      <c r="D16937">
        <v>0</v>
      </c>
    </row>
    <row r="16938" spans="1:4" x14ac:dyDescent="0.25">
      <c r="A16938" t="s">
        <v>26823</v>
      </c>
      <c r="B16938" t="s">
        <v>26824</v>
      </c>
      <c r="C16938">
        <v>1</v>
      </c>
      <c r="D16938">
        <v>0</v>
      </c>
    </row>
    <row r="16939" spans="1:4" x14ac:dyDescent="0.25">
      <c r="A16939" t="s">
        <v>26823</v>
      </c>
      <c r="B16939" t="s">
        <v>26825</v>
      </c>
      <c r="C16939">
        <v>0</v>
      </c>
      <c r="D16939">
        <v>0</v>
      </c>
    </row>
    <row r="16940" spans="1:4" x14ac:dyDescent="0.25">
      <c r="A16940" t="s">
        <v>26823</v>
      </c>
      <c r="B16940" t="s">
        <v>26826</v>
      </c>
      <c r="C16940">
        <v>0</v>
      </c>
      <c r="D16940">
        <v>0</v>
      </c>
    </row>
    <row r="16941" spans="1:4" x14ac:dyDescent="0.25">
      <c r="A16941" t="s">
        <v>26823</v>
      </c>
      <c r="B16941" t="s">
        <v>26827</v>
      </c>
      <c r="C16941">
        <v>0</v>
      </c>
      <c r="D16941">
        <v>0</v>
      </c>
    </row>
    <row r="16942" spans="1:4" x14ac:dyDescent="0.25">
      <c r="A16942" t="s">
        <v>26828</v>
      </c>
      <c r="B16942" t="s">
        <v>26829</v>
      </c>
      <c r="C16942">
        <v>0</v>
      </c>
      <c r="D16942">
        <v>0</v>
      </c>
    </row>
    <row r="16943" spans="1:4" x14ac:dyDescent="0.25">
      <c r="A16943" t="s">
        <v>26830</v>
      </c>
      <c r="B16943" t="s">
        <v>26831</v>
      </c>
      <c r="C16943">
        <v>1</v>
      </c>
      <c r="D16943">
        <v>0</v>
      </c>
    </row>
    <row r="16944" spans="1:4" x14ac:dyDescent="0.25">
      <c r="A16944" t="s">
        <v>26832</v>
      </c>
      <c r="B16944" t="s">
        <v>26833</v>
      </c>
      <c r="C16944">
        <v>1</v>
      </c>
      <c r="D16944">
        <v>0</v>
      </c>
    </row>
    <row r="16945" spans="1:4" x14ac:dyDescent="0.25">
      <c r="A16945" t="s">
        <v>26834</v>
      </c>
      <c r="B16945" t="s">
        <v>26835</v>
      </c>
      <c r="C16945">
        <v>1</v>
      </c>
      <c r="D16945">
        <v>0</v>
      </c>
    </row>
    <row r="16946" spans="1:4" x14ac:dyDescent="0.25">
      <c r="A16946" t="s">
        <v>26836</v>
      </c>
      <c r="B16946" t="s">
        <v>26837</v>
      </c>
      <c r="C16946">
        <v>0</v>
      </c>
      <c r="D16946">
        <v>0</v>
      </c>
    </row>
    <row r="16947" spans="1:4" x14ac:dyDescent="0.25">
      <c r="A16947" t="s">
        <v>26838</v>
      </c>
      <c r="B16947" t="s">
        <v>26839</v>
      </c>
      <c r="C16947">
        <v>1</v>
      </c>
      <c r="D16947">
        <v>0</v>
      </c>
    </row>
    <row r="16948" spans="1:4" x14ac:dyDescent="0.25">
      <c r="A16948" t="s">
        <v>26838</v>
      </c>
      <c r="B16948" t="s">
        <v>26840</v>
      </c>
      <c r="C16948">
        <v>2</v>
      </c>
      <c r="D16948">
        <v>0</v>
      </c>
    </row>
    <row r="16949" spans="1:4" x14ac:dyDescent="0.25">
      <c r="A16949" t="s">
        <v>26841</v>
      </c>
      <c r="B16949" t="s">
        <v>26842</v>
      </c>
      <c r="C16949">
        <v>1</v>
      </c>
      <c r="D16949">
        <v>0</v>
      </c>
    </row>
    <row r="16950" spans="1:4" x14ac:dyDescent="0.25">
      <c r="A16950" t="s">
        <v>26843</v>
      </c>
      <c r="B16950" t="s">
        <v>26844</v>
      </c>
      <c r="C16950">
        <v>1</v>
      </c>
      <c r="D16950">
        <v>0</v>
      </c>
    </row>
    <row r="16951" spans="1:4" x14ac:dyDescent="0.25">
      <c r="A16951" t="s">
        <v>26845</v>
      </c>
      <c r="B16951" t="s">
        <v>5713</v>
      </c>
      <c r="C16951">
        <v>1</v>
      </c>
      <c r="D16951">
        <v>0</v>
      </c>
    </row>
    <row r="16952" spans="1:4" x14ac:dyDescent="0.25">
      <c r="A16952" t="s">
        <v>26846</v>
      </c>
      <c r="B16952" t="s">
        <v>26847</v>
      </c>
      <c r="C16952">
        <v>1</v>
      </c>
      <c r="D16952">
        <v>0</v>
      </c>
    </row>
    <row r="16953" spans="1:4" x14ac:dyDescent="0.25">
      <c r="A16953" t="s">
        <v>26848</v>
      </c>
      <c r="B16953" t="s">
        <v>26849</v>
      </c>
      <c r="C16953">
        <v>2</v>
      </c>
      <c r="D16953">
        <v>0</v>
      </c>
    </row>
    <row r="16954" spans="1:4" x14ac:dyDescent="0.25">
      <c r="A16954" t="s">
        <v>26850</v>
      </c>
      <c r="B16954" t="s">
        <v>26851</v>
      </c>
      <c r="C16954">
        <v>1</v>
      </c>
      <c r="D16954">
        <v>0</v>
      </c>
    </row>
    <row r="16955" spans="1:4" x14ac:dyDescent="0.25">
      <c r="A16955" t="s">
        <v>26852</v>
      </c>
      <c r="B16955" t="s">
        <v>26853</v>
      </c>
      <c r="C16955">
        <v>1</v>
      </c>
      <c r="D16955">
        <v>0</v>
      </c>
    </row>
    <row r="16956" spans="1:4" x14ac:dyDescent="0.25">
      <c r="A16956" t="s">
        <v>26854</v>
      </c>
      <c r="B16956" t="s">
        <v>26855</v>
      </c>
      <c r="C16956">
        <v>1</v>
      </c>
      <c r="D16956">
        <v>0</v>
      </c>
    </row>
    <row r="16957" spans="1:4" x14ac:dyDescent="0.25">
      <c r="A16957" t="s">
        <v>26856</v>
      </c>
      <c r="B16957" t="s">
        <v>26857</v>
      </c>
      <c r="C16957">
        <v>1</v>
      </c>
      <c r="D16957">
        <v>0</v>
      </c>
    </row>
    <row r="16958" spans="1:4" x14ac:dyDescent="0.25">
      <c r="A16958" t="s">
        <v>26858</v>
      </c>
      <c r="B16958" t="s">
        <v>26859</v>
      </c>
      <c r="C16958">
        <v>1</v>
      </c>
      <c r="D16958">
        <v>0</v>
      </c>
    </row>
    <row r="16959" spans="1:4" x14ac:dyDescent="0.25">
      <c r="A16959" t="s">
        <v>26860</v>
      </c>
      <c r="B16959" t="s">
        <v>26861</v>
      </c>
      <c r="C16959">
        <v>1</v>
      </c>
      <c r="D16959">
        <v>0</v>
      </c>
    </row>
    <row r="16960" spans="1:4" x14ac:dyDescent="0.25">
      <c r="A16960" t="s">
        <v>26862</v>
      </c>
      <c r="B16960" t="s">
        <v>26863</v>
      </c>
      <c r="C16960">
        <v>1</v>
      </c>
      <c r="D16960">
        <v>0</v>
      </c>
    </row>
    <row r="16961" spans="1:4" x14ac:dyDescent="0.25">
      <c r="A16961" t="s">
        <v>26864</v>
      </c>
      <c r="B16961" t="s">
        <v>26865</v>
      </c>
      <c r="C16961">
        <v>1</v>
      </c>
      <c r="D16961">
        <v>0</v>
      </c>
    </row>
    <row r="16962" spans="1:4" x14ac:dyDescent="0.25">
      <c r="A16962" t="s">
        <v>26866</v>
      </c>
      <c r="B16962" t="s">
        <v>26867</v>
      </c>
      <c r="C16962">
        <v>2</v>
      </c>
      <c r="D16962">
        <v>0</v>
      </c>
    </row>
    <row r="16963" spans="1:4" x14ac:dyDescent="0.25">
      <c r="A16963" t="s">
        <v>26868</v>
      </c>
      <c r="B16963" t="s">
        <v>26869</v>
      </c>
      <c r="C16963">
        <v>1</v>
      </c>
      <c r="D16963">
        <v>0</v>
      </c>
    </row>
    <row r="16964" spans="1:4" x14ac:dyDescent="0.25">
      <c r="A16964" t="s">
        <v>26870</v>
      </c>
      <c r="B16964" t="s">
        <v>26871</v>
      </c>
      <c r="C16964">
        <v>0</v>
      </c>
      <c r="D16964">
        <v>0</v>
      </c>
    </row>
    <row r="16965" spans="1:4" x14ac:dyDescent="0.25">
      <c r="A16965" t="s">
        <v>26872</v>
      </c>
      <c r="B16965" t="s">
        <v>26873</v>
      </c>
      <c r="C16965">
        <v>2</v>
      </c>
      <c r="D16965">
        <v>0</v>
      </c>
    </row>
    <row r="16966" spans="1:4" x14ac:dyDescent="0.25">
      <c r="A16966" t="s">
        <v>26874</v>
      </c>
      <c r="B16966" t="s">
        <v>26875</v>
      </c>
      <c r="C16966">
        <v>1</v>
      </c>
      <c r="D16966">
        <v>0</v>
      </c>
    </row>
    <row r="16967" spans="1:4" x14ac:dyDescent="0.25">
      <c r="A16967" t="s">
        <v>26876</v>
      </c>
      <c r="B16967" t="s">
        <v>26877</v>
      </c>
      <c r="C16967">
        <v>1</v>
      </c>
      <c r="D16967">
        <v>0</v>
      </c>
    </row>
    <row r="16968" spans="1:4" x14ac:dyDescent="0.25">
      <c r="A16968" t="s">
        <v>26878</v>
      </c>
      <c r="B16968" t="s">
        <v>26879</v>
      </c>
      <c r="C16968">
        <v>1</v>
      </c>
      <c r="D16968">
        <v>0</v>
      </c>
    </row>
    <row r="16969" spans="1:4" x14ac:dyDescent="0.25">
      <c r="A16969" t="s">
        <v>26878</v>
      </c>
      <c r="B16969" t="s">
        <v>26880</v>
      </c>
      <c r="C16969">
        <v>0</v>
      </c>
      <c r="D16969">
        <v>0</v>
      </c>
    </row>
    <row r="16970" spans="1:4" x14ac:dyDescent="0.25">
      <c r="A16970" t="s">
        <v>26881</v>
      </c>
      <c r="B16970" t="s">
        <v>26882</v>
      </c>
      <c r="C16970">
        <v>1</v>
      </c>
      <c r="D16970">
        <v>0</v>
      </c>
    </row>
    <row r="16971" spans="1:4" x14ac:dyDescent="0.25">
      <c r="A16971" t="s">
        <v>26883</v>
      </c>
      <c r="B16971" t="s">
        <v>26884</v>
      </c>
      <c r="C16971">
        <v>1</v>
      </c>
      <c r="D16971">
        <v>0</v>
      </c>
    </row>
    <row r="16972" spans="1:4" x14ac:dyDescent="0.25">
      <c r="A16972" t="s">
        <v>26883</v>
      </c>
      <c r="B16972" t="s">
        <v>26885</v>
      </c>
      <c r="C16972">
        <v>1</v>
      </c>
      <c r="D16972">
        <v>0</v>
      </c>
    </row>
    <row r="16973" spans="1:4" x14ac:dyDescent="0.25">
      <c r="A16973" t="s">
        <v>26886</v>
      </c>
      <c r="B16973" t="s">
        <v>26887</v>
      </c>
      <c r="C16973">
        <v>1</v>
      </c>
      <c r="D16973">
        <v>0</v>
      </c>
    </row>
    <row r="16974" spans="1:4" x14ac:dyDescent="0.25">
      <c r="A16974" t="s">
        <v>26888</v>
      </c>
      <c r="B16974" t="s">
        <v>26889</v>
      </c>
      <c r="C16974">
        <v>2</v>
      </c>
      <c r="D16974">
        <v>0</v>
      </c>
    </row>
    <row r="16975" spans="1:4" x14ac:dyDescent="0.25">
      <c r="A16975" t="s">
        <v>26890</v>
      </c>
      <c r="B16975" t="s">
        <v>26891</v>
      </c>
      <c r="C16975">
        <v>1</v>
      </c>
      <c r="D16975">
        <v>0</v>
      </c>
    </row>
    <row r="16976" spans="1:4" x14ac:dyDescent="0.25">
      <c r="A16976" t="s">
        <v>26892</v>
      </c>
      <c r="B16976" t="s">
        <v>26893</v>
      </c>
      <c r="C16976">
        <v>1</v>
      </c>
      <c r="D16976">
        <v>0</v>
      </c>
    </row>
    <row r="16977" spans="1:4" x14ac:dyDescent="0.25">
      <c r="A16977" t="s">
        <v>26892</v>
      </c>
      <c r="B16977" t="s">
        <v>26894</v>
      </c>
      <c r="C16977">
        <v>0</v>
      </c>
      <c r="D16977">
        <v>0</v>
      </c>
    </row>
    <row r="16978" spans="1:4" x14ac:dyDescent="0.25">
      <c r="A16978" t="s">
        <v>26895</v>
      </c>
      <c r="B16978" t="s">
        <v>26896</v>
      </c>
      <c r="C16978">
        <v>0</v>
      </c>
      <c r="D16978">
        <v>0</v>
      </c>
    </row>
    <row r="16979" spans="1:4" x14ac:dyDescent="0.25">
      <c r="A16979" t="s">
        <v>26897</v>
      </c>
      <c r="B16979" t="s">
        <v>26898</v>
      </c>
      <c r="C16979">
        <v>2</v>
      </c>
      <c r="D16979">
        <v>0</v>
      </c>
    </row>
    <row r="16980" spans="1:4" x14ac:dyDescent="0.25">
      <c r="A16980" t="s">
        <v>26899</v>
      </c>
      <c r="B16980" t="s">
        <v>26900</v>
      </c>
      <c r="C16980">
        <v>1</v>
      </c>
      <c r="D16980">
        <v>0</v>
      </c>
    </row>
    <row r="16981" spans="1:4" x14ac:dyDescent="0.25">
      <c r="A16981" t="s">
        <v>26901</v>
      </c>
      <c r="B16981" t="s">
        <v>26902</v>
      </c>
      <c r="C16981">
        <v>2</v>
      </c>
      <c r="D16981">
        <v>0</v>
      </c>
    </row>
    <row r="16982" spans="1:4" x14ac:dyDescent="0.25">
      <c r="A16982" t="s">
        <v>26903</v>
      </c>
      <c r="B16982" t="s">
        <v>26904</v>
      </c>
      <c r="C16982">
        <v>1</v>
      </c>
      <c r="D16982">
        <v>0</v>
      </c>
    </row>
    <row r="16983" spans="1:4" x14ac:dyDescent="0.25">
      <c r="A16983" t="s">
        <v>26905</v>
      </c>
      <c r="B16983" t="s">
        <v>26906</v>
      </c>
      <c r="C16983">
        <v>1</v>
      </c>
      <c r="D16983">
        <v>0</v>
      </c>
    </row>
    <row r="16984" spans="1:4" x14ac:dyDescent="0.25">
      <c r="A16984" t="s">
        <v>26907</v>
      </c>
      <c r="B16984" t="s">
        <v>26908</v>
      </c>
      <c r="C16984">
        <v>1</v>
      </c>
      <c r="D16984">
        <v>0</v>
      </c>
    </row>
    <row r="16985" spans="1:4" x14ac:dyDescent="0.25">
      <c r="A16985" t="s">
        <v>26909</v>
      </c>
      <c r="B16985" t="s">
        <v>26910</v>
      </c>
      <c r="C16985">
        <v>2</v>
      </c>
      <c r="D16985">
        <v>0</v>
      </c>
    </row>
    <row r="16986" spans="1:4" x14ac:dyDescent="0.25">
      <c r="A16986" t="s">
        <v>26911</v>
      </c>
      <c r="B16986" t="s">
        <v>26912</v>
      </c>
      <c r="C16986">
        <v>2</v>
      </c>
      <c r="D16986">
        <v>0</v>
      </c>
    </row>
    <row r="16987" spans="1:4" x14ac:dyDescent="0.25">
      <c r="A16987" t="s">
        <v>26913</v>
      </c>
      <c r="B16987" t="s">
        <v>26914</v>
      </c>
      <c r="C16987">
        <v>1</v>
      </c>
      <c r="D16987">
        <v>0</v>
      </c>
    </row>
    <row r="16988" spans="1:4" x14ac:dyDescent="0.25">
      <c r="A16988" t="s">
        <v>26913</v>
      </c>
      <c r="B16988" t="s">
        <v>26915</v>
      </c>
      <c r="C16988">
        <v>0</v>
      </c>
      <c r="D16988">
        <v>0</v>
      </c>
    </row>
    <row r="16989" spans="1:4" x14ac:dyDescent="0.25">
      <c r="A16989" t="s">
        <v>26913</v>
      </c>
      <c r="B16989" t="s">
        <v>26916</v>
      </c>
      <c r="C16989">
        <v>2</v>
      </c>
      <c r="D16989">
        <v>0</v>
      </c>
    </row>
    <row r="16990" spans="1:4" x14ac:dyDescent="0.25">
      <c r="A16990" t="s">
        <v>26917</v>
      </c>
      <c r="B16990" t="s">
        <v>26918</v>
      </c>
      <c r="C16990">
        <v>1</v>
      </c>
      <c r="D16990">
        <v>0</v>
      </c>
    </row>
    <row r="16991" spans="1:4" x14ac:dyDescent="0.25">
      <c r="A16991" t="s">
        <v>26919</v>
      </c>
      <c r="B16991" t="s">
        <v>26920</v>
      </c>
      <c r="C16991">
        <v>0</v>
      </c>
      <c r="D16991">
        <v>0</v>
      </c>
    </row>
    <row r="16992" spans="1:4" x14ac:dyDescent="0.25">
      <c r="A16992" t="s">
        <v>26921</v>
      </c>
      <c r="B16992" t="s">
        <v>26922</v>
      </c>
      <c r="C16992">
        <v>0</v>
      </c>
      <c r="D16992">
        <v>0</v>
      </c>
    </row>
    <row r="16993" spans="1:4" x14ac:dyDescent="0.25">
      <c r="A16993" t="s">
        <v>26923</v>
      </c>
      <c r="B16993" t="s">
        <v>26924</v>
      </c>
      <c r="C16993">
        <v>1</v>
      </c>
      <c r="D16993">
        <v>0</v>
      </c>
    </row>
    <row r="16994" spans="1:4" x14ac:dyDescent="0.25">
      <c r="A16994" t="s">
        <v>26925</v>
      </c>
      <c r="B16994" t="s">
        <v>26926</v>
      </c>
      <c r="C16994">
        <v>0</v>
      </c>
      <c r="D16994">
        <v>0</v>
      </c>
    </row>
    <row r="16995" spans="1:4" x14ac:dyDescent="0.25">
      <c r="A16995" t="s">
        <v>26927</v>
      </c>
      <c r="B16995" t="s">
        <v>26928</v>
      </c>
      <c r="C16995">
        <v>2</v>
      </c>
      <c r="D16995">
        <v>0</v>
      </c>
    </row>
    <row r="16996" spans="1:4" x14ac:dyDescent="0.25">
      <c r="A16996" t="s">
        <v>26929</v>
      </c>
      <c r="B16996" t="s">
        <v>26930</v>
      </c>
      <c r="C16996">
        <v>2</v>
      </c>
      <c r="D16996">
        <v>0</v>
      </c>
    </row>
    <row r="16997" spans="1:4" x14ac:dyDescent="0.25">
      <c r="A16997" t="s">
        <v>26931</v>
      </c>
      <c r="B16997" t="s">
        <v>26932</v>
      </c>
      <c r="C16997">
        <v>2</v>
      </c>
      <c r="D16997">
        <v>0</v>
      </c>
    </row>
    <row r="16998" spans="1:4" x14ac:dyDescent="0.25">
      <c r="A16998" t="s">
        <v>26933</v>
      </c>
      <c r="B16998" t="s">
        <v>26934</v>
      </c>
      <c r="C16998">
        <v>1</v>
      </c>
      <c r="D16998">
        <v>0</v>
      </c>
    </row>
    <row r="16999" spans="1:4" x14ac:dyDescent="0.25">
      <c r="A16999" t="s">
        <v>26933</v>
      </c>
      <c r="B16999" t="s">
        <v>26935</v>
      </c>
      <c r="C16999">
        <v>0</v>
      </c>
      <c r="D16999">
        <v>0</v>
      </c>
    </row>
    <row r="17000" spans="1:4" x14ac:dyDescent="0.25">
      <c r="A17000" t="s">
        <v>26936</v>
      </c>
      <c r="B17000" t="s">
        <v>26937</v>
      </c>
      <c r="C17000">
        <v>0</v>
      </c>
      <c r="D17000">
        <v>0</v>
      </c>
    </row>
    <row r="17001" spans="1:4" x14ac:dyDescent="0.25">
      <c r="A17001" t="s">
        <v>26936</v>
      </c>
      <c r="B17001" t="s">
        <v>26938</v>
      </c>
      <c r="C17001">
        <v>2</v>
      </c>
      <c r="D17001">
        <v>0</v>
      </c>
    </row>
    <row r="17002" spans="1:4" x14ac:dyDescent="0.25">
      <c r="A17002" t="s">
        <v>26939</v>
      </c>
      <c r="B17002" t="s">
        <v>26940</v>
      </c>
      <c r="C17002">
        <v>1</v>
      </c>
      <c r="D17002">
        <v>0</v>
      </c>
    </row>
    <row r="17003" spans="1:4" x14ac:dyDescent="0.25">
      <c r="A17003" t="s">
        <v>26941</v>
      </c>
      <c r="B17003" t="s">
        <v>26942</v>
      </c>
      <c r="C17003">
        <v>1</v>
      </c>
      <c r="D17003">
        <v>0</v>
      </c>
    </row>
    <row r="17004" spans="1:4" x14ac:dyDescent="0.25">
      <c r="A17004" t="s">
        <v>26943</v>
      </c>
      <c r="B17004" t="s">
        <v>26944</v>
      </c>
      <c r="C17004">
        <v>1</v>
      </c>
      <c r="D17004">
        <v>0</v>
      </c>
    </row>
    <row r="17005" spans="1:4" x14ac:dyDescent="0.25">
      <c r="A17005" t="s">
        <v>26945</v>
      </c>
      <c r="B17005" t="s">
        <v>26946</v>
      </c>
      <c r="C17005">
        <v>1</v>
      </c>
      <c r="D17005">
        <v>0</v>
      </c>
    </row>
    <row r="17006" spans="1:4" x14ac:dyDescent="0.25">
      <c r="A17006" t="s">
        <v>26945</v>
      </c>
      <c r="B17006" t="s">
        <v>26947</v>
      </c>
      <c r="C17006">
        <v>2</v>
      </c>
      <c r="D17006">
        <v>0</v>
      </c>
    </row>
    <row r="17007" spans="1:4" x14ac:dyDescent="0.25">
      <c r="A17007" t="s">
        <v>26948</v>
      </c>
      <c r="B17007" t="s">
        <v>26949</v>
      </c>
      <c r="C17007">
        <v>0</v>
      </c>
      <c r="D17007">
        <v>0</v>
      </c>
    </row>
    <row r="17008" spans="1:4" x14ac:dyDescent="0.25">
      <c r="A17008" t="s">
        <v>26948</v>
      </c>
      <c r="B17008" t="s">
        <v>26950</v>
      </c>
      <c r="C17008">
        <v>0</v>
      </c>
      <c r="D17008">
        <v>0</v>
      </c>
    </row>
    <row r="17009" spans="1:4" x14ac:dyDescent="0.25">
      <c r="A17009" t="s">
        <v>26951</v>
      </c>
      <c r="B17009" t="s">
        <v>26952</v>
      </c>
      <c r="C17009">
        <v>1</v>
      </c>
      <c r="D17009">
        <v>0</v>
      </c>
    </row>
    <row r="17010" spans="1:4" x14ac:dyDescent="0.25">
      <c r="A17010" t="s">
        <v>26951</v>
      </c>
      <c r="B17010" t="s">
        <v>26953</v>
      </c>
      <c r="C17010">
        <v>0</v>
      </c>
      <c r="D17010">
        <v>0</v>
      </c>
    </row>
    <row r="17011" spans="1:4" x14ac:dyDescent="0.25">
      <c r="A17011" t="s">
        <v>26954</v>
      </c>
      <c r="B17011" t="s">
        <v>26955</v>
      </c>
      <c r="C17011">
        <v>0</v>
      </c>
      <c r="D17011">
        <v>0</v>
      </c>
    </row>
    <row r="17012" spans="1:4" x14ac:dyDescent="0.25">
      <c r="A17012" t="s">
        <v>26956</v>
      </c>
      <c r="B17012" t="s">
        <v>26957</v>
      </c>
      <c r="C17012">
        <v>1</v>
      </c>
      <c r="D17012">
        <v>0</v>
      </c>
    </row>
    <row r="17013" spans="1:4" x14ac:dyDescent="0.25">
      <c r="A17013" t="s">
        <v>26958</v>
      </c>
      <c r="B17013" t="s">
        <v>26959</v>
      </c>
      <c r="C17013">
        <v>2</v>
      </c>
      <c r="D17013">
        <v>0</v>
      </c>
    </row>
    <row r="17014" spans="1:4" x14ac:dyDescent="0.25">
      <c r="A17014" t="s">
        <v>26960</v>
      </c>
      <c r="B17014" t="s">
        <v>26961</v>
      </c>
      <c r="C17014">
        <v>1</v>
      </c>
      <c r="D17014">
        <v>0</v>
      </c>
    </row>
    <row r="17015" spans="1:4" x14ac:dyDescent="0.25">
      <c r="A17015" t="s">
        <v>26962</v>
      </c>
      <c r="B17015" t="s">
        <v>26963</v>
      </c>
      <c r="C17015">
        <v>1</v>
      </c>
      <c r="D17015">
        <v>0</v>
      </c>
    </row>
    <row r="17016" spans="1:4" x14ac:dyDescent="0.25">
      <c r="A17016" t="s">
        <v>26964</v>
      </c>
      <c r="B17016" t="s">
        <v>26965</v>
      </c>
      <c r="C17016">
        <v>1</v>
      </c>
      <c r="D17016">
        <v>0</v>
      </c>
    </row>
    <row r="17017" spans="1:4" x14ac:dyDescent="0.25">
      <c r="A17017" t="s">
        <v>26966</v>
      </c>
      <c r="B17017" t="s">
        <v>26967</v>
      </c>
      <c r="C17017">
        <v>1</v>
      </c>
      <c r="D17017">
        <v>0</v>
      </c>
    </row>
    <row r="17018" spans="1:4" x14ac:dyDescent="0.25">
      <c r="A17018" t="s">
        <v>26968</v>
      </c>
      <c r="B17018" t="s">
        <v>26969</v>
      </c>
      <c r="C17018">
        <v>1</v>
      </c>
      <c r="D17018">
        <v>0</v>
      </c>
    </row>
    <row r="17019" spans="1:4" x14ac:dyDescent="0.25">
      <c r="A17019" t="s">
        <v>26968</v>
      </c>
      <c r="B17019" t="s">
        <v>26970</v>
      </c>
      <c r="C17019">
        <v>2</v>
      </c>
      <c r="D17019">
        <v>0</v>
      </c>
    </row>
    <row r="17020" spans="1:4" x14ac:dyDescent="0.25">
      <c r="A17020" t="s">
        <v>26971</v>
      </c>
      <c r="B17020" t="s">
        <v>26972</v>
      </c>
      <c r="C17020">
        <v>1</v>
      </c>
      <c r="D17020">
        <v>0</v>
      </c>
    </row>
    <row r="17021" spans="1:4" x14ac:dyDescent="0.25">
      <c r="A17021" t="s">
        <v>26971</v>
      </c>
      <c r="B17021" t="s">
        <v>26973</v>
      </c>
      <c r="C17021">
        <v>2</v>
      </c>
      <c r="D17021">
        <v>0</v>
      </c>
    </row>
    <row r="17022" spans="1:4" x14ac:dyDescent="0.25">
      <c r="A17022" t="s">
        <v>26974</v>
      </c>
      <c r="B17022" t="s">
        <v>26975</v>
      </c>
      <c r="C17022">
        <v>1</v>
      </c>
      <c r="D17022">
        <v>0</v>
      </c>
    </row>
    <row r="17023" spans="1:4" x14ac:dyDescent="0.25">
      <c r="A17023" t="s">
        <v>26974</v>
      </c>
      <c r="B17023" t="s">
        <v>26976</v>
      </c>
      <c r="C17023">
        <v>0</v>
      </c>
      <c r="D17023">
        <v>0</v>
      </c>
    </row>
    <row r="17024" spans="1:4" x14ac:dyDescent="0.25">
      <c r="A17024" t="s">
        <v>26977</v>
      </c>
      <c r="B17024" t="s">
        <v>26978</v>
      </c>
      <c r="C17024">
        <v>0</v>
      </c>
      <c r="D17024">
        <v>0</v>
      </c>
    </row>
    <row r="17025" spans="1:4" x14ac:dyDescent="0.25">
      <c r="A17025" t="s">
        <v>26979</v>
      </c>
      <c r="B17025" t="s">
        <v>26980</v>
      </c>
      <c r="C17025">
        <v>1</v>
      </c>
      <c r="D17025">
        <v>0</v>
      </c>
    </row>
    <row r="17026" spans="1:4" x14ac:dyDescent="0.25">
      <c r="A17026" t="s">
        <v>26981</v>
      </c>
      <c r="B17026" t="s">
        <v>26982</v>
      </c>
      <c r="C17026">
        <v>0</v>
      </c>
      <c r="D17026">
        <v>0</v>
      </c>
    </row>
    <row r="17027" spans="1:4" x14ac:dyDescent="0.25">
      <c r="A17027" t="s">
        <v>26983</v>
      </c>
      <c r="B17027" t="s">
        <v>26984</v>
      </c>
      <c r="C17027">
        <v>1</v>
      </c>
      <c r="D17027">
        <v>0</v>
      </c>
    </row>
    <row r="17028" spans="1:4" x14ac:dyDescent="0.25">
      <c r="A17028" t="s">
        <v>26985</v>
      </c>
      <c r="B17028" t="s">
        <v>26986</v>
      </c>
      <c r="C17028">
        <v>1</v>
      </c>
      <c r="D17028">
        <v>0</v>
      </c>
    </row>
    <row r="17029" spans="1:4" x14ac:dyDescent="0.25">
      <c r="A17029" t="s">
        <v>26987</v>
      </c>
      <c r="B17029" t="s">
        <v>26988</v>
      </c>
      <c r="C17029">
        <v>1</v>
      </c>
      <c r="D17029">
        <v>0</v>
      </c>
    </row>
    <row r="17030" spans="1:4" x14ac:dyDescent="0.25">
      <c r="A17030" t="s">
        <v>26989</v>
      </c>
      <c r="B17030" t="s">
        <v>26990</v>
      </c>
      <c r="C17030">
        <v>0</v>
      </c>
      <c r="D17030">
        <v>0</v>
      </c>
    </row>
    <row r="17031" spans="1:4" x14ac:dyDescent="0.25">
      <c r="A17031" t="s">
        <v>26991</v>
      </c>
      <c r="B17031" t="s">
        <v>26992</v>
      </c>
      <c r="C17031">
        <v>1</v>
      </c>
      <c r="D17031">
        <v>0</v>
      </c>
    </row>
    <row r="17032" spans="1:4" x14ac:dyDescent="0.25">
      <c r="A17032" t="s">
        <v>26993</v>
      </c>
      <c r="B17032" t="s">
        <v>26994</v>
      </c>
      <c r="C17032">
        <v>1</v>
      </c>
      <c r="D17032">
        <v>0</v>
      </c>
    </row>
    <row r="17033" spans="1:4" x14ac:dyDescent="0.25">
      <c r="A17033" t="s">
        <v>26995</v>
      </c>
      <c r="B17033" t="s">
        <v>26996</v>
      </c>
      <c r="C17033">
        <v>1</v>
      </c>
      <c r="D17033">
        <v>0</v>
      </c>
    </row>
    <row r="17034" spans="1:4" x14ac:dyDescent="0.25">
      <c r="A17034" t="s">
        <v>26997</v>
      </c>
      <c r="B17034" t="s">
        <v>26998</v>
      </c>
      <c r="C17034">
        <v>1</v>
      </c>
      <c r="D17034">
        <v>0</v>
      </c>
    </row>
    <row r="17035" spans="1:4" x14ac:dyDescent="0.25">
      <c r="A17035" t="s">
        <v>26997</v>
      </c>
      <c r="B17035" t="s">
        <v>26999</v>
      </c>
      <c r="C17035">
        <v>1</v>
      </c>
      <c r="D17035">
        <v>0</v>
      </c>
    </row>
    <row r="17036" spans="1:4" x14ac:dyDescent="0.25">
      <c r="A17036" t="s">
        <v>27000</v>
      </c>
      <c r="B17036" t="s">
        <v>27001</v>
      </c>
      <c r="C17036">
        <v>1</v>
      </c>
      <c r="D17036">
        <v>0</v>
      </c>
    </row>
    <row r="17037" spans="1:4" x14ac:dyDescent="0.25">
      <c r="A17037" t="s">
        <v>27002</v>
      </c>
      <c r="B17037" t="s">
        <v>27003</v>
      </c>
      <c r="C17037">
        <v>1</v>
      </c>
      <c r="D17037">
        <v>0</v>
      </c>
    </row>
    <row r="17038" spans="1:4" x14ac:dyDescent="0.25">
      <c r="A17038" t="s">
        <v>27004</v>
      </c>
      <c r="B17038" t="s">
        <v>27005</v>
      </c>
      <c r="C17038">
        <v>1</v>
      </c>
      <c r="D17038">
        <v>0</v>
      </c>
    </row>
    <row r="17039" spans="1:4" x14ac:dyDescent="0.25">
      <c r="A17039" t="s">
        <v>27006</v>
      </c>
      <c r="B17039" t="s">
        <v>27007</v>
      </c>
      <c r="C17039">
        <v>1</v>
      </c>
      <c r="D17039">
        <v>0</v>
      </c>
    </row>
    <row r="17040" spans="1:4" x14ac:dyDescent="0.25">
      <c r="A17040" t="s">
        <v>27008</v>
      </c>
      <c r="B17040" t="s">
        <v>27009</v>
      </c>
      <c r="C17040">
        <v>1</v>
      </c>
      <c r="D17040">
        <v>0</v>
      </c>
    </row>
    <row r="17041" spans="1:4" x14ac:dyDescent="0.25">
      <c r="A17041" t="s">
        <v>27010</v>
      </c>
      <c r="B17041" t="s">
        <v>27011</v>
      </c>
      <c r="C17041">
        <v>1</v>
      </c>
      <c r="D17041">
        <v>0</v>
      </c>
    </row>
    <row r="17042" spans="1:4" x14ac:dyDescent="0.25">
      <c r="A17042" t="s">
        <v>27012</v>
      </c>
      <c r="B17042" t="s">
        <v>27013</v>
      </c>
      <c r="C17042">
        <v>1</v>
      </c>
      <c r="D17042">
        <v>0</v>
      </c>
    </row>
    <row r="17043" spans="1:4" x14ac:dyDescent="0.25">
      <c r="A17043" t="s">
        <v>27014</v>
      </c>
      <c r="B17043" t="s">
        <v>27015</v>
      </c>
      <c r="C17043">
        <v>1</v>
      </c>
      <c r="D17043">
        <v>0</v>
      </c>
    </row>
    <row r="17044" spans="1:4" x14ac:dyDescent="0.25">
      <c r="A17044" t="s">
        <v>27016</v>
      </c>
      <c r="B17044" t="s">
        <v>27017</v>
      </c>
      <c r="C17044">
        <v>1</v>
      </c>
      <c r="D17044">
        <v>0</v>
      </c>
    </row>
    <row r="17045" spans="1:4" x14ac:dyDescent="0.25">
      <c r="A17045" t="s">
        <v>27018</v>
      </c>
      <c r="B17045" t="s">
        <v>27019</v>
      </c>
      <c r="C17045">
        <v>1</v>
      </c>
      <c r="D17045">
        <v>0</v>
      </c>
    </row>
    <row r="17046" spans="1:4" x14ac:dyDescent="0.25">
      <c r="A17046" t="s">
        <v>27020</v>
      </c>
      <c r="B17046" t="s">
        <v>27021</v>
      </c>
      <c r="C17046">
        <v>1</v>
      </c>
      <c r="D17046">
        <v>0</v>
      </c>
    </row>
    <row r="17047" spans="1:4" x14ac:dyDescent="0.25">
      <c r="A17047" t="s">
        <v>27022</v>
      </c>
      <c r="B17047" t="s">
        <v>27023</v>
      </c>
      <c r="C17047">
        <v>1</v>
      </c>
      <c r="D17047">
        <v>0</v>
      </c>
    </row>
    <row r="17048" spans="1:4" x14ac:dyDescent="0.25">
      <c r="A17048" t="s">
        <v>27024</v>
      </c>
      <c r="B17048" t="s">
        <v>27025</v>
      </c>
      <c r="C17048">
        <v>1</v>
      </c>
      <c r="D17048">
        <v>0</v>
      </c>
    </row>
    <row r="17049" spans="1:4" x14ac:dyDescent="0.25">
      <c r="A17049" t="s">
        <v>27024</v>
      </c>
      <c r="B17049" t="s">
        <v>27026</v>
      </c>
      <c r="C17049">
        <v>0</v>
      </c>
      <c r="D17049">
        <v>0</v>
      </c>
    </row>
    <row r="17050" spans="1:4" x14ac:dyDescent="0.25">
      <c r="A17050" t="s">
        <v>27027</v>
      </c>
      <c r="B17050" t="s">
        <v>27028</v>
      </c>
      <c r="C17050">
        <v>1</v>
      </c>
      <c r="D17050">
        <v>0</v>
      </c>
    </row>
    <row r="17051" spans="1:4" x14ac:dyDescent="0.25">
      <c r="A17051" t="s">
        <v>27027</v>
      </c>
      <c r="B17051" t="s">
        <v>27029</v>
      </c>
      <c r="C17051">
        <v>0</v>
      </c>
      <c r="D17051">
        <v>0</v>
      </c>
    </row>
    <row r="17052" spans="1:4" x14ac:dyDescent="0.25">
      <c r="A17052" t="s">
        <v>27030</v>
      </c>
      <c r="B17052" t="s">
        <v>27031</v>
      </c>
      <c r="C17052">
        <v>1</v>
      </c>
      <c r="D17052">
        <v>0</v>
      </c>
    </row>
    <row r="17053" spans="1:4" x14ac:dyDescent="0.25">
      <c r="A17053" t="s">
        <v>27032</v>
      </c>
      <c r="B17053" t="s">
        <v>27033</v>
      </c>
      <c r="C17053">
        <v>1</v>
      </c>
      <c r="D17053">
        <v>0</v>
      </c>
    </row>
    <row r="17054" spans="1:4" x14ac:dyDescent="0.25">
      <c r="A17054" t="s">
        <v>27034</v>
      </c>
      <c r="B17054" t="s">
        <v>27035</v>
      </c>
      <c r="C17054">
        <v>0</v>
      </c>
      <c r="D17054">
        <v>0</v>
      </c>
    </row>
    <row r="17055" spans="1:4" x14ac:dyDescent="0.25">
      <c r="A17055" t="s">
        <v>27036</v>
      </c>
      <c r="B17055" t="s">
        <v>27037</v>
      </c>
      <c r="C17055">
        <v>1</v>
      </c>
      <c r="D17055">
        <v>0</v>
      </c>
    </row>
    <row r="17056" spans="1:4" x14ac:dyDescent="0.25">
      <c r="A17056" t="s">
        <v>27038</v>
      </c>
      <c r="B17056" t="s">
        <v>27039</v>
      </c>
      <c r="C17056">
        <v>1</v>
      </c>
      <c r="D17056">
        <v>0</v>
      </c>
    </row>
    <row r="17057" spans="1:4" x14ac:dyDescent="0.25">
      <c r="A17057" t="s">
        <v>27038</v>
      </c>
      <c r="B17057" t="s">
        <v>18079</v>
      </c>
      <c r="C17057">
        <v>0</v>
      </c>
      <c r="D17057">
        <v>0</v>
      </c>
    </row>
    <row r="17058" spans="1:4" x14ac:dyDescent="0.25">
      <c r="A17058" t="s">
        <v>27038</v>
      </c>
      <c r="B17058" t="s">
        <v>27040</v>
      </c>
      <c r="C17058">
        <v>2</v>
      </c>
      <c r="D17058">
        <v>0</v>
      </c>
    </row>
    <row r="17059" spans="1:4" x14ac:dyDescent="0.25">
      <c r="A17059" t="s">
        <v>27041</v>
      </c>
      <c r="B17059" t="s">
        <v>27042</v>
      </c>
      <c r="C17059">
        <v>1</v>
      </c>
      <c r="D17059">
        <v>0</v>
      </c>
    </row>
    <row r="17060" spans="1:4" x14ac:dyDescent="0.25">
      <c r="A17060" t="s">
        <v>27043</v>
      </c>
      <c r="B17060" t="s">
        <v>22412</v>
      </c>
      <c r="C17060">
        <v>0</v>
      </c>
      <c r="D17060">
        <v>0</v>
      </c>
    </row>
    <row r="17061" spans="1:4" x14ac:dyDescent="0.25">
      <c r="A17061" t="s">
        <v>27044</v>
      </c>
      <c r="B17061" t="s">
        <v>27045</v>
      </c>
      <c r="C17061">
        <v>2</v>
      </c>
      <c r="D17061">
        <v>0</v>
      </c>
    </row>
    <row r="17062" spans="1:4" x14ac:dyDescent="0.25">
      <c r="A17062" t="s">
        <v>27046</v>
      </c>
      <c r="B17062" t="s">
        <v>27047</v>
      </c>
      <c r="C17062">
        <v>2</v>
      </c>
      <c r="D17062">
        <v>0</v>
      </c>
    </row>
    <row r="17063" spans="1:4" x14ac:dyDescent="0.25">
      <c r="A17063" t="s">
        <v>27048</v>
      </c>
      <c r="B17063" t="s">
        <v>27049</v>
      </c>
      <c r="C17063">
        <v>0</v>
      </c>
      <c r="D17063">
        <v>0</v>
      </c>
    </row>
    <row r="17064" spans="1:4" x14ac:dyDescent="0.25">
      <c r="A17064" t="s">
        <v>27050</v>
      </c>
      <c r="B17064" t="s">
        <v>27051</v>
      </c>
      <c r="C17064">
        <v>1</v>
      </c>
      <c r="D17064">
        <v>0</v>
      </c>
    </row>
    <row r="17065" spans="1:4" x14ac:dyDescent="0.25">
      <c r="A17065" t="s">
        <v>27052</v>
      </c>
      <c r="B17065" t="s">
        <v>27053</v>
      </c>
      <c r="C17065">
        <v>1</v>
      </c>
      <c r="D17065">
        <v>0</v>
      </c>
    </row>
    <row r="17066" spans="1:4" x14ac:dyDescent="0.25">
      <c r="A17066" t="s">
        <v>27054</v>
      </c>
      <c r="B17066" t="s">
        <v>27055</v>
      </c>
      <c r="C17066">
        <v>1</v>
      </c>
      <c r="D17066">
        <v>0</v>
      </c>
    </row>
    <row r="17067" spans="1:4" x14ac:dyDescent="0.25">
      <c r="A17067" t="s">
        <v>27056</v>
      </c>
      <c r="B17067" t="s">
        <v>27057</v>
      </c>
      <c r="C17067">
        <v>1</v>
      </c>
      <c r="D17067">
        <v>0</v>
      </c>
    </row>
    <row r="17068" spans="1:4" x14ac:dyDescent="0.25">
      <c r="A17068" t="s">
        <v>27058</v>
      </c>
      <c r="B17068" t="s">
        <v>27059</v>
      </c>
      <c r="C17068">
        <v>1</v>
      </c>
      <c r="D17068">
        <v>0</v>
      </c>
    </row>
    <row r="17069" spans="1:4" x14ac:dyDescent="0.25">
      <c r="A17069" t="s">
        <v>27060</v>
      </c>
      <c r="B17069" t="s">
        <v>27061</v>
      </c>
      <c r="C17069">
        <v>1</v>
      </c>
      <c r="D17069">
        <v>0</v>
      </c>
    </row>
    <row r="17070" spans="1:4" x14ac:dyDescent="0.25">
      <c r="A17070" t="s">
        <v>27062</v>
      </c>
      <c r="B17070" t="s">
        <v>27063</v>
      </c>
      <c r="C17070">
        <v>0</v>
      </c>
      <c r="D17070">
        <v>0</v>
      </c>
    </row>
    <row r="17071" spans="1:4" x14ac:dyDescent="0.25">
      <c r="A17071" t="s">
        <v>27064</v>
      </c>
      <c r="B17071" t="s">
        <v>1001</v>
      </c>
      <c r="C17071">
        <v>1</v>
      </c>
      <c r="D17071">
        <v>0</v>
      </c>
    </row>
    <row r="17072" spans="1:4" x14ac:dyDescent="0.25">
      <c r="A17072" t="s">
        <v>27065</v>
      </c>
      <c r="B17072" t="s">
        <v>27066</v>
      </c>
      <c r="C17072">
        <v>2</v>
      </c>
      <c r="D17072">
        <v>0</v>
      </c>
    </row>
    <row r="17073" spans="1:4" x14ac:dyDescent="0.25">
      <c r="A17073" t="s">
        <v>27067</v>
      </c>
      <c r="B17073" t="s">
        <v>27068</v>
      </c>
      <c r="C17073">
        <v>1</v>
      </c>
      <c r="D17073">
        <v>0</v>
      </c>
    </row>
    <row r="17074" spans="1:4" x14ac:dyDescent="0.25">
      <c r="A17074" t="s">
        <v>27069</v>
      </c>
      <c r="B17074" t="s">
        <v>27070</v>
      </c>
      <c r="C17074">
        <v>0</v>
      </c>
      <c r="D17074">
        <v>0</v>
      </c>
    </row>
    <row r="17075" spans="1:4" x14ac:dyDescent="0.25">
      <c r="A17075" t="s">
        <v>27071</v>
      </c>
      <c r="B17075" t="s">
        <v>11948</v>
      </c>
      <c r="C17075">
        <v>1</v>
      </c>
      <c r="D17075">
        <v>0</v>
      </c>
    </row>
    <row r="17076" spans="1:4" x14ac:dyDescent="0.25">
      <c r="A17076" t="s">
        <v>27072</v>
      </c>
      <c r="B17076" t="s">
        <v>27073</v>
      </c>
      <c r="C17076">
        <v>1</v>
      </c>
      <c r="D17076">
        <v>0</v>
      </c>
    </row>
    <row r="17077" spans="1:4" x14ac:dyDescent="0.25">
      <c r="A17077" t="s">
        <v>27074</v>
      </c>
      <c r="B17077" t="s">
        <v>27075</v>
      </c>
      <c r="C17077">
        <v>0</v>
      </c>
      <c r="D17077">
        <v>0</v>
      </c>
    </row>
    <row r="17078" spans="1:4" x14ac:dyDescent="0.25">
      <c r="A17078" t="s">
        <v>27076</v>
      </c>
      <c r="B17078" t="s">
        <v>27077</v>
      </c>
      <c r="C17078">
        <v>1</v>
      </c>
      <c r="D17078">
        <v>0</v>
      </c>
    </row>
    <row r="17079" spans="1:4" x14ac:dyDescent="0.25">
      <c r="A17079" t="s">
        <v>27078</v>
      </c>
      <c r="B17079" t="s">
        <v>27079</v>
      </c>
      <c r="C17079">
        <v>1</v>
      </c>
      <c r="D17079">
        <v>0</v>
      </c>
    </row>
    <row r="17080" spans="1:4" x14ac:dyDescent="0.25">
      <c r="A17080" t="s">
        <v>27080</v>
      </c>
      <c r="B17080" t="s">
        <v>27081</v>
      </c>
      <c r="C17080">
        <v>1</v>
      </c>
      <c r="D17080">
        <v>0</v>
      </c>
    </row>
    <row r="17081" spans="1:4" x14ac:dyDescent="0.25">
      <c r="A17081" t="s">
        <v>27082</v>
      </c>
      <c r="B17081" t="s">
        <v>27083</v>
      </c>
      <c r="C17081">
        <v>2</v>
      </c>
      <c r="D17081">
        <v>0</v>
      </c>
    </row>
    <row r="17082" spans="1:4" x14ac:dyDescent="0.25">
      <c r="A17082" t="s">
        <v>27084</v>
      </c>
      <c r="B17082" t="s">
        <v>27085</v>
      </c>
      <c r="C17082">
        <v>0</v>
      </c>
      <c r="D17082">
        <v>0</v>
      </c>
    </row>
    <row r="17083" spans="1:4" x14ac:dyDescent="0.25">
      <c r="A17083" t="s">
        <v>27086</v>
      </c>
      <c r="B17083" t="s">
        <v>27087</v>
      </c>
      <c r="C17083">
        <v>2</v>
      </c>
      <c r="D17083">
        <v>0</v>
      </c>
    </row>
    <row r="17084" spans="1:4" x14ac:dyDescent="0.25">
      <c r="A17084" t="s">
        <v>27088</v>
      </c>
      <c r="B17084" t="s">
        <v>27089</v>
      </c>
      <c r="C17084">
        <v>1</v>
      </c>
      <c r="D17084">
        <v>0</v>
      </c>
    </row>
    <row r="17085" spans="1:4" x14ac:dyDescent="0.25">
      <c r="A17085" t="s">
        <v>27090</v>
      </c>
      <c r="B17085" t="s">
        <v>27091</v>
      </c>
      <c r="C17085">
        <v>1</v>
      </c>
      <c r="D17085">
        <v>0</v>
      </c>
    </row>
    <row r="17086" spans="1:4" x14ac:dyDescent="0.25">
      <c r="A17086" t="s">
        <v>27090</v>
      </c>
      <c r="B17086" t="s">
        <v>27092</v>
      </c>
      <c r="C17086">
        <v>1</v>
      </c>
      <c r="D17086">
        <v>0</v>
      </c>
    </row>
    <row r="17087" spans="1:4" x14ac:dyDescent="0.25">
      <c r="A17087" t="s">
        <v>27090</v>
      </c>
      <c r="B17087" t="s">
        <v>27093</v>
      </c>
      <c r="C17087">
        <v>2</v>
      </c>
      <c r="D17087">
        <v>0</v>
      </c>
    </row>
    <row r="17088" spans="1:4" x14ac:dyDescent="0.25">
      <c r="A17088" t="s">
        <v>27094</v>
      </c>
      <c r="B17088" t="s">
        <v>27095</v>
      </c>
      <c r="C17088">
        <v>1</v>
      </c>
      <c r="D17088">
        <v>0</v>
      </c>
    </row>
    <row r="17089" spans="1:4" x14ac:dyDescent="0.25">
      <c r="A17089" t="s">
        <v>27096</v>
      </c>
      <c r="B17089" t="s">
        <v>27097</v>
      </c>
      <c r="C17089">
        <v>2</v>
      </c>
      <c r="D17089">
        <v>0</v>
      </c>
    </row>
    <row r="17090" spans="1:4" x14ac:dyDescent="0.25">
      <c r="A17090" t="s">
        <v>27098</v>
      </c>
      <c r="B17090" t="s">
        <v>27099</v>
      </c>
      <c r="C17090">
        <v>1</v>
      </c>
      <c r="D17090">
        <v>0</v>
      </c>
    </row>
    <row r="17091" spans="1:4" x14ac:dyDescent="0.25">
      <c r="A17091" t="s">
        <v>27098</v>
      </c>
      <c r="B17091" t="s">
        <v>27100</v>
      </c>
      <c r="C17091">
        <v>0</v>
      </c>
      <c r="D17091">
        <v>0</v>
      </c>
    </row>
    <row r="17092" spans="1:4" x14ac:dyDescent="0.25">
      <c r="A17092" t="s">
        <v>27101</v>
      </c>
      <c r="B17092" t="s">
        <v>27102</v>
      </c>
      <c r="C17092">
        <v>1</v>
      </c>
      <c r="D17092">
        <v>0</v>
      </c>
    </row>
    <row r="17093" spans="1:4" x14ac:dyDescent="0.25">
      <c r="A17093" t="s">
        <v>27103</v>
      </c>
      <c r="B17093" t="s">
        <v>27104</v>
      </c>
      <c r="C17093">
        <v>1</v>
      </c>
      <c r="D17093">
        <v>0</v>
      </c>
    </row>
    <row r="17094" spans="1:4" x14ac:dyDescent="0.25">
      <c r="A17094" t="s">
        <v>27105</v>
      </c>
      <c r="B17094" t="s">
        <v>27106</v>
      </c>
      <c r="C17094">
        <v>1</v>
      </c>
      <c r="D17094">
        <v>0</v>
      </c>
    </row>
    <row r="17095" spans="1:4" x14ac:dyDescent="0.25">
      <c r="A17095" t="s">
        <v>27105</v>
      </c>
      <c r="B17095" t="s">
        <v>27107</v>
      </c>
      <c r="C17095">
        <v>0</v>
      </c>
      <c r="D17095">
        <v>0</v>
      </c>
    </row>
    <row r="17096" spans="1:4" x14ac:dyDescent="0.25">
      <c r="A17096" t="s">
        <v>27105</v>
      </c>
      <c r="B17096" t="s">
        <v>27108</v>
      </c>
      <c r="C17096">
        <v>0</v>
      </c>
      <c r="D17096">
        <v>0</v>
      </c>
    </row>
    <row r="17097" spans="1:4" x14ac:dyDescent="0.25">
      <c r="A17097" t="s">
        <v>27109</v>
      </c>
      <c r="B17097" t="s">
        <v>27110</v>
      </c>
      <c r="C17097">
        <v>0</v>
      </c>
      <c r="D17097">
        <v>0</v>
      </c>
    </row>
    <row r="17098" spans="1:4" x14ac:dyDescent="0.25">
      <c r="A17098" t="s">
        <v>27111</v>
      </c>
      <c r="B17098" t="s">
        <v>27112</v>
      </c>
      <c r="C17098">
        <v>1</v>
      </c>
      <c r="D17098">
        <v>0</v>
      </c>
    </row>
    <row r="17099" spans="1:4" x14ac:dyDescent="0.25">
      <c r="A17099" t="s">
        <v>27113</v>
      </c>
      <c r="B17099" t="s">
        <v>27114</v>
      </c>
      <c r="C17099">
        <v>1</v>
      </c>
      <c r="D17099">
        <v>0</v>
      </c>
    </row>
    <row r="17100" spans="1:4" x14ac:dyDescent="0.25">
      <c r="A17100" t="s">
        <v>27115</v>
      </c>
      <c r="B17100" t="s">
        <v>27116</v>
      </c>
      <c r="C17100">
        <v>0</v>
      </c>
      <c r="D17100">
        <v>0</v>
      </c>
    </row>
    <row r="17101" spans="1:4" x14ac:dyDescent="0.25">
      <c r="A17101" t="s">
        <v>27115</v>
      </c>
      <c r="B17101" t="s">
        <v>27117</v>
      </c>
      <c r="C17101">
        <v>2</v>
      </c>
      <c r="D17101">
        <v>0</v>
      </c>
    </row>
    <row r="17102" spans="1:4" x14ac:dyDescent="0.25">
      <c r="A17102" t="s">
        <v>27118</v>
      </c>
      <c r="B17102" t="s">
        <v>27119</v>
      </c>
      <c r="C17102">
        <v>0</v>
      </c>
      <c r="D17102">
        <v>0</v>
      </c>
    </row>
    <row r="17103" spans="1:4" x14ac:dyDescent="0.25">
      <c r="A17103" t="s">
        <v>27120</v>
      </c>
      <c r="B17103" t="s">
        <v>27121</v>
      </c>
      <c r="C17103">
        <v>0</v>
      </c>
      <c r="D17103">
        <v>0</v>
      </c>
    </row>
    <row r="17104" spans="1:4" x14ac:dyDescent="0.25">
      <c r="A17104" t="s">
        <v>27122</v>
      </c>
      <c r="B17104" t="s">
        <v>27123</v>
      </c>
      <c r="C17104">
        <v>1</v>
      </c>
      <c r="D17104">
        <v>0</v>
      </c>
    </row>
    <row r="17105" spans="1:4" x14ac:dyDescent="0.25">
      <c r="A17105" t="s">
        <v>27122</v>
      </c>
      <c r="B17105" t="s">
        <v>27124</v>
      </c>
      <c r="C17105">
        <v>0</v>
      </c>
      <c r="D17105">
        <v>0</v>
      </c>
    </row>
    <row r="17106" spans="1:4" x14ac:dyDescent="0.25">
      <c r="A17106" t="s">
        <v>27125</v>
      </c>
      <c r="B17106" t="s">
        <v>27126</v>
      </c>
      <c r="C17106">
        <v>1</v>
      </c>
      <c r="D17106">
        <v>0</v>
      </c>
    </row>
    <row r="17107" spans="1:4" x14ac:dyDescent="0.25">
      <c r="A17107" t="s">
        <v>27127</v>
      </c>
      <c r="B17107" t="s">
        <v>27128</v>
      </c>
      <c r="C17107">
        <v>1</v>
      </c>
      <c r="D17107">
        <v>0</v>
      </c>
    </row>
    <row r="17108" spans="1:4" x14ac:dyDescent="0.25">
      <c r="A17108" t="s">
        <v>27129</v>
      </c>
      <c r="B17108" t="s">
        <v>27130</v>
      </c>
      <c r="C17108">
        <v>1</v>
      </c>
      <c r="D17108">
        <v>0</v>
      </c>
    </row>
    <row r="17109" spans="1:4" x14ac:dyDescent="0.25">
      <c r="A17109" t="s">
        <v>27131</v>
      </c>
      <c r="B17109" t="s">
        <v>27132</v>
      </c>
      <c r="C17109">
        <v>1</v>
      </c>
      <c r="D17109">
        <v>0</v>
      </c>
    </row>
    <row r="17110" spans="1:4" x14ac:dyDescent="0.25">
      <c r="A17110" t="s">
        <v>27133</v>
      </c>
      <c r="B17110" t="s">
        <v>27134</v>
      </c>
      <c r="C17110">
        <v>2</v>
      </c>
      <c r="D17110">
        <v>0</v>
      </c>
    </row>
    <row r="17111" spans="1:4" x14ac:dyDescent="0.25">
      <c r="A17111" t="s">
        <v>27135</v>
      </c>
      <c r="B17111" t="s">
        <v>27136</v>
      </c>
      <c r="C17111">
        <v>1</v>
      </c>
      <c r="D17111">
        <v>0</v>
      </c>
    </row>
    <row r="17112" spans="1:4" x14ac:dyDescent="0.25">
      <c r="A17112" t="s">
        <v>27137</v>
      </c>
      <c r="B17112" t="s">
        <v>27138</v>
      </c>
      <c r="C17112">
        <v>1</v>
      </c>
      <c r="D17112">
        <v>0</v>
      </c>
    </row>
    <row r="17113" spans="1:4" x14ac:dyDescent="0.25">
      <c r="A17113" t="s">
        <v>27139</v>
      </c>
      <c r="B17113" t="s">
        <v>27140</v>
      </c>
      <c r="C17113">
        <v>1</v>
      </c>
      <c r="D17113">
        <v>0</v>
      </c>
    </row>
    <row r="17114" spans="1:4" x14ac:dyDescent="0.25">
      <c r="A17114" t="s">
        <v>27141</v>
      </c>
      <c r="B17114" t="s">
        <v>27142</v>
      </c>
      <c r="C17114">
        <v>0</v>
      </c>
      <c r="D17114">
        <v>0</v>
      </c>
    </row>
    <row r="17115" spans="1:4" x14ac:dyDescent="0.25">
      <c r="A17115" t="s">
        <v>27143</v>
      </c>
      <c r="B17115" t="s">
        <v>27144</v>
      </c>
      <c r="C17115">
        <v>1</v>
      </c>
      <c r="D17115">
        <v>0</v>
      </c>
    </row>
    <row r="17116" spans="1:4" x14ac:dyDescent="0.25">
      <c r="A17116" t="s">
        <v>27143</v>
      </c>
      <c r="B17116" t="s">
        <v>27145</v>
      </c>
      <c r="C17116">
        <v>2</v>
      </c>
      <c r="D17116">
        <v>0</v>
      </c>
    </row>
    <row r="17117" spans="1:4" x14ac:dyDescent="0.25">
      <c r="A17117" t="s">
        <v>27146</v>
      </c>
      <c r="B17117" t="s">
        <v>27147</v>
      </c>
      <c r="C17117">
        <v>0</v>
      </c>
      <c r="D17117">
        <v>0</v>
      </c>
    </row>
    <row r="17118" spans="1:4" x14ac:dyDescent="0.25">
      <c r="A17118" t="s">
        <v>27148</v>
      </c>
      <c r="B17118" t="s">
        <v>27149</v>
      </c>
      <c r="C17118">
        <v>1</v>
      </c>
      <c r="D17118">
        <v>0</v>
      </c>
    </row>
    <row r="17119" spans="1:4" x14ac:dyDescent="0.25">
      <c r="A17119" t="s">
        <v>27148</v>
      </c>
      <c r="B17119" t="s">
        <v>27150</v>
      </c>
      <c r="C17119">
        <v>2</v>
      </c>
      <c r="D17119">
        <v>0</v>
      </c>
    </row>
    <row r="17120" spans="1:4" x14ac:dyDescent="0.25">
      <c r="A17120" t="s">
        <v>27151</v>
      </c>
      <c r="B17120" t="s">
        <v>27152</v>
      </c>
      <c r="C17120">
        <v>1</v>
      </c>
      <c r="D17120">
        <v>0</v>
      </c>
    </row>
    <row r="17121" spans="1:4" x14ac:dyDescent="0.25">
      <c r="A17121" t="s">
        <v>27153</v>
      </c>
      <c r="B17121" t="s">
        <v>27154</v>
      </c>
      <c r="C17121">
        <v>1</v>
      </c>
      <c r="D17121">
        <v>0</v>
      </c>
    </row>
    <row r="17122" spans="1:4" x14ac:dyDescent="0.25">
      <c r="A17122" t="s">
        <v>27155</v>
      </c>
      <c r="B17122" t="s">
        <v>27156</v>
      </c>
      <c r="C17122">
        <v>1</v>
      </c>
      <c r="D17122">
        <v>0</v>
      </c>
    </row>
    <row r="17123" spans="1:4" x14ac:dyDescent="0.25">
      <c r="A17123" t="s">
        <v>27155</v>
      </c>
      <c r="B17123" t="s">
        <v>27157</v>
      </c>
      <c r="C17123">
        <v>2</v>
      </c>
      <c r="D17123">
        <v>0</v>
      </c>
    </row>
    <row r="17124" spans="1:4" x14ac:dyDescent="0.25">
      <c r="A17124" t="s">
        <v>27158</v>
      </c>
      <c r="B17124" t="s">
        <v>27159</v>
      </c>
      <c r="C17124">
        <v>2</v>
      </c>
      <c r="D17124">
        <v>0</v>
      </c>
    </row>
    <row r="17125" spans="1:4" x14ac:dyDescent="0.25">
      <c r="A17125" t="s">
        <v>27160</v>
      </c>
      <c r="B17125" t="s">
        <v>27161</v>
      </c>
      <c r="C17125">
        <v>1</v>
      </c>
      <c r="D17125">
        <v>0</v>
      </c>
    </row>
    <row r="17126" spans="1:4" x14ac:dyDescent="0.25">
      <c r="A17126" t="s">
        <v>27162</v>
      </c>
      <c r="B17126" t="s">
        <v>27163</v>
      </c>
      <c r="C17126">
        <v>1</v>
      </c>
      <c r="D17126">
        <v>0</v>
      </c>
    </row>
    <row r="17127" spans="1:4" x14ac:dyDescent="0.25">
      <c r="A17127" t="s">
        <v>27164</v>
      </c>
      <c r="B17127" t="s">
        <v>27165</v>
      </c>
      <c r="C17127">
        <v>1</v>
      </c>
      <c r="D17127">
        <v>0</v>
      </c>
    </row>
    <row r="17128" spans="1:4" x14ac:dyDescent="0.25">
      <c r="A17128" t="s">
        <v>27164</v>
      </c>
      <c r="B17128" t="s">
        <v>27166</v>
      </c>
      <c r="C17128">
        <v>2</v>
      </c>
      <c r="D17128">
        <v>0</v>
      </c>
    </row>
    <row r="17129" spans="1:4" x14ac:dyDescent="0.25">
      <c r="A17129" t="s">
        <v>27164</v>
      </c>
      <c r="B17129" t="s">
        <v>27167</v>
      </c>
      <c r="C17129">
        <v>2</v>
      </c>
      <c r="D17129">
        <v>0</v>
      </c>
    </row>
    <row r="17130" spans="1:4" x14ac:dyDescent="0.25">
      <c r="A17130" t="s">
        <v>27168</v>
      </c>
      <c r="B17130" t="s">
        <v>27169</v>
      </c>
      <c r="C17130">
        <v>2</v>
      </c>
      <c r="D17130">
        <v>0</v>
      </c>
    </row>
    <row r="17131" spans="1:4" x14ac:dyDescent="0.25">
      <c r="A17131" t="s">
        <v>27170</v>
      </c>
      <c r="B17131" t="s">
        <v>27171</v>
      </c>
      <c r="C17131">
        <v>0</v>
      </c>
      <c r="D17131">
        <v>0</v>
      </c>
    </row>
    <row r="17132" spans="1:4" x14ac:dyDescent="0.25">
      <c r="A17132" t="s">
        <v>27172</v>
      </c>
      <c r="B17132" t="s">
        <v>27173</v>
      </c>
      <c r="C17132">
        <v>1</v>
      </c>
      <c r="D17132">
        <v>0</v>
      </c>
    </row>
    <row r="17133" spans="1:4" x14ac:dyDescent="0.25">
      <c r="A17133" t="s">
        <v>27172</v>
      </c>
      <c r="B17133" t="s">
        <v>27174</v>
      </c>
      <c r="C17133">
        <v>1</v>
      </c>
      <c r="D17133">
        <v>0</v>
      </c>
    </row>
    <row r="17134" spans="1:4" x14ac:dyDescent="0.25">
      <c r="A17134" t="s">
        <v>27175</v>
      </c>
      <c r="B17134" t="s">
        <v>27176</v>
      </c>
      <c r="C17134">
        <v>1</v>
      </c>
      <c r="D17134">
        <v>0</v>
      </c>
    </row>
    <row r="17135" spans="1:4" x14ac:dyDescent="0.25">
      <c r="A17135" t="s">
        <v>27177</v>
      </c>
      <c r="B17135" t="s">
        <v>27178</v>
      </c>
      <c r="C17135">
        <v>1</v>
      </c>
      <c r="D17135">
        <v>0</v>
      </c>
    </row>
    <row r="17136" spans="1:4" x14ac:dyDescent="0.25">
      <c r="A17136" t="s">
        <v>27179</v>
      </c>
      <c r="B17136" t="s">
        <v>27180</v>
      </c>
      <c r="C17136">
        <v>1</v>
      </c>
      <c r="D17136">
        <v>0</v>
      </c>
    </row>
    <row r="17137" spans="1:4" x14ac:dyDescent="0.25">
      <c r="A17137" t="s">
        <v>27181</v>
      </c>
      <c r="B17137" t="s">
        <v>27182</v>
      </c>
      <c r="C17137">
        <v>1</v>
      </c>
      <c r="D17137">
        <v>0</v>
      </c>
    </row>
    <row r="17138" spans="1:4" x14ac:dyDescent="0.25">
      <c r="A17138" t="s">
        <v>27183</v>
      </c>
      <c r="B17138" t="s">
        <v>27184</v>
      </c>
      <c r="C17138">
        <v>1</v>
      </c>
      <c r="D17138">
        <v>0</v>
      </c>
    </row>
    <row r="17139" spans="1:4" x14ac:dyDescent="0.25">
      <c r="A17139" t="s">
        <v>27185</v>
      </c>
      <c r="B17139" t="s">
        <v>27186</v>
      </c>
      <c r="C17139">
        <v>1</v>
      </c>
      <c r="D17139">
        <v>0</v>
      </c>
    </row>
    <row r="17140" spans="1:4" x14ac:dyDescent="0.25">
      <c r="A17140" t="s">
        <v>27187</v>
      </c>
      <c r="B17140" t="s">
        <v>27188</v>
      </c>
      <c r="C17140">
        <v>1</v>
      </c>
      <c r="D17140">
        <v>0</v>
      </c>
    </row>
    <row r="17141" spans="1:4" x14ac:dyDescent="0.25">
      <c r="A17141" t="s">
        <v>27189</v>
      </c>
      <c r="B17141" t="s">
        <v>27190</v>
      </c>
      <c r="C17141">
        <v>1</v>
      </c>
      <c r="D17141">
        <v>0</v>
      </c>
    </row>
    <row r="17142" spans="1:4" x14ac:dyDescent="0.25">
      <c r="A17142" t="s">
        <v>27191</v>
      </c>
      <c r="B17142" t="s">
        <v>27192</v>
      </c>
      <c r="C17142">
        <v>0</v>
      </c>
      <c r="D17142">
        <v>0</v>
      </c>
    </row>
    <row r="17143" spans="1:4" x14ac:dyDescent="0.25">
      <c r="A17143" t="s">
        <v>27193</v>
      </c>
      <c r="B17143" t="s">
        <v>27194</v>
      </c>
      <c r="C17143">
        <v>1</v>
      </c>
      <c r="D17143">
        <v>0</v>
      </c>
    </row>
    <row r="17144" spans="1:4" x14ac:dyDescent="0.25">
      <c r="A17144" t="s">
        <v>27195</v>
      </c>
      <c r="B17144" t="s">
        <v>27196</v>
      </c>
      <c r="C17144">
        <v>1</v>
      </c>
      <c r="D17144">
        <v>0</v>
      </c>
    </row>
    <row r="17145" spans="1:4" x14ac:dyDescent="0.25">
      <c r="A17145" t="s">
        <v>27197</v>
      </c>
      <c r="B17145" t="s">
        <v>27198</v>
      </c>
      <c r="C17145">
        <v>1</v>
      </c>
      <c r="D17145">
        <v>0</v>
      </c>
    </row>
    <row r="17146" spans="1:4" x14ac:dyDescent="0.25">
      <c r="A17146" t="s">
        <v>27199</v>
      </c>
      <c r="B17146" t="s">
        <v>27200</v>
      </c>
      <c r="C17146">
        <v>0</v>
      </c>
      <c r="D17146">
        <v>0</v>
      </c>
    </row>
    <row r="17147" spans="1:4" x14ac:dyDescent="0.25">
      <c r="A17147" t="s">
        <v>27201</v>
      </c>
      <c r="B17147" t="s">
        <v>27202</v>
      </c>
      <c r="C17147">
        <v>1</v>
      </c>
      <c r="D17147">
        <v>0</v>
      </c>
    </row>
    <row r="17148" spans="1:4" x14ac:dyDescent="0.25">
      <c r="A17148" t="s">
        <v>27203</v>
      </c>
      <c r="B17148" t="s">
        <v>27204</v>
      </c>
      <c r="C17148">
        <v>0</v>
      </c>
      <c r="D17148">
        <v>0</v>
      </c>
    </row>
    <row r="17149" spans="1:4" x14ac:dyDescent="0.25">
      <c r="A17149" t="s">
        <v>27205</v>
      </c>
      <c r="B17149" t="s">
        <v>27206</v>
      </c>
      <c r="C17149">
        <v>1</v>
      </c>
      <c r="D17149">
        <v>0</v>
      </c>
    </row>
    <row r="17150" spans="1:4" x14ac:dyDescent="0.25">
      <c r="A17150" t="s">
        <v>27207</v>
      </c>
      <c r="B17150" t="s">
        <v>27208</v>
      </c>
      <c r="C17150">
        <v>2</v>
      </c>
      <c r="D17150">
        <v>0</v>
      </c>
    </row>
    <row r="17151" spans="1:4" x14ac:dyDescent="0.25">
      <c r="A17151" t="s">
        <v>27209</v>
      </c>
      <c r="B17151" t="s">
        <v>27210</v>
      </c>
      <c r="C17151">
        <v>0</v>
      </c>
      <c r="D17151">
        <v>0</v>
      </c>
    </row>
    <row r="17152" spans="1:4" x14ac:dyDescent="0.25">
      <c r="A17152" t="s">
        <v>27209</v>
      </c>
      <c r="B17152" t="s">
        <v>27211</v>
      </c>
      <c r="C17152">
        <v>2</v>
      </c>
      <c r="D17152">
        <v>0</v>
      </c>
    </row>
    <row r="17153" spans="1:4" x14ac:dyDescent="0.25">
      <c r="A17153" t="s">
        <v>27212</v>
      </c>
      <c r="B17153" t="s">
        <v>27213</v>
      </c>
      <c r="C17153">
        <v>1</v>
      </c>
      <c r="D17153">
        <v>0</v>
      </c>
    </row>
    <row r="17154" spans="1:4" x14ac:dyDescent="0.25">
      <c r="A17154" t="s">
        <v>27214</v>
      </c>
      <c r="B17154" t="s">
        <v>27215</v>
      </c>
      <c r="C17154">
        <v>1</v>
      </c>
      <c r="D17154">
        <v>0</v>
      </c>
    </row>
    <row r="17155" spans="1:4" x14ac:dyDescent="0.25">
      <c r="A17155" t="s">
        <v>27216</v>
      </c>
      <c r="B17155" t="s">
        <v>27217</v>
      </c>
      <c r="C17155">
        <v>1</v>
      </c>
      <c r="D17155">
        <v>0</v>
      </c>
    </row>
    <row r="17156" spans="1:4" x14ac:dyDescent="0.25">
      <c r="A17156" t="s">
        <v>27218</v>
      </c>
      <c r="B17156" t="s">
        <v>27219</v>
      </c>
      <c r="C17156">
        <v>0</v>
      </c>
      <c r="D17156">
        <v>0</v>
      </c>
    </row>
    <row r="17157" spans="1:4" x14ac:dyDescent="0.25">
      <c r="A17157" t="s">
        <v>27220</v>
      </c>
      <c r="B17157" t="s">
        <v>27221</v>
      </c>
      <c r="C17157">
        <v>0</v>
      </c>
      <c r="D17157">
        <v>0</v>
      </c>
    </row>
    <row r="17158" spans="1:4" x14ac:dyDescent="0.25">
      <c r="A17158" t="s">
        <v>27220</v>
      </c>
      <c r="B17158" t="s">
        <v>27222</v>
      </c>
      <c r="C17158">
        <v>0</v>
      </c>
      <c r="D17158">
        <v>0</v>
      </c>
    </row>
    <row r="17159" spans="1:4" x14ac:dyDescent="0.25">
      <c r="A17159" t="s">
        <v>27223</v>
      </c>
      <c r="B17159" t="s">
        <v>27224</v>
      </c>
      <c r="C17159">
        <v>1</v>
      </c>
      <c r="D17159">
        <v>0</v>
      </c>
    </row>
    <row r="17160" spans="1:4" x14ac:dyDescent="0.25">
      <c r="A17160" t="s">
        <v>27225</v>
      </c>
      <c r="B17160" t="s">
        <v>5864</v>
      </c>
      <c r="C17160">
        <v>1</v>
      </c>
      <c r="D17160">
        <v>0</v>
      </c>
    </row>
    <row r="17161" spans="1:4" x14ac:dyDescent="0.25">
      <c r="A17161" t="s">
        <v>27226</v>
      </c>
      <c r="B17161" t="s">
        <v>27227</v>
      </c>
      <c r="C17161">
        <v>2</v>
      </c>
      <c r="D17161">
        <v>0</v>
      </c>
    </row>
    <row r="17162" spans="1:4" x14ac:dyDescent="0.25">
      <c r="A17162" t="s">
        <v>27228</v>
      </c>
      <c r="B17162" t="s">
        <v>27229</v>
      </c>
      <c r="C17162">
        <v>0</v>
      </c>
      <c r="D17162">
        <v>0</v>
      </c>
    </row>
    <row r="17163" spans="1:4" x14ac:dyDescent="0.25">
      <c r="A17163" t="s">
        <v>27230</v>
      </c>
      <c r="B17163" t="s">
        <v>27231</v>
      </c>
      <c r="C17163">
        <v>1</v>
      </c>
      <c r="D17163">
        <v>0</v>
      </c>
    </row>
    <row r="17164" spans="1:4" x14ac:dyDescent="0.25">
      <c r="A17164" t="s">
        <v>27232</v>
      </c>
      <c r="B17164" t="s">
        <v>27233</v>
      </c>
      <c r="C17164">
        <v>0</v>
      </c>
      <c r="D17164">
        <v>0</v>
      </c>
    </row>
    <row r="17165" spans="1:4" x14ac:dyDescent="0.25">
      <c r="A17165" t="s">
        <v>27234</v>
      </c>
      <c r="B17165" t="s">
        <v>27235</v>
      </c>
      <c r="C17165">
        <v>1</v>
      </c>
      <c r="D17165">
        <v>0</v>
      </c>
    </row>
    <row r="17166" spans="1:4" x14ac:dyDescent="0.25">
      <c r="A17166" t="s">
        <v>27236</v>
      </c>
      <c r="B17166" t="s">
        <v>27237</v>
      </c>
      <c r="C17166">
        <v>0</v>
      </c>
      <c r="D17166">
        <v>0</v>
      </c>
    </row>
    <row r="17167" spans="1:4" x14ac:dyDescent="0.25">
      <c r="A17167" t="s">
        <v>27238</v>
      </c>
      <c r="B17167" t="s">
        <v>27239</v>
      </c>
      <c r="C17167">
        <v>1</v>
      </c>
      <c r="D17167">
        <v>0</v>
      </c>
    </row>
    <row r="17168" spans="1:4" x14ac:dyDescent="0.25">
      <c r="A17168" t="s">
        <v>27240</v>
      </c>
      <c r="B17168" t="s">
        <v>27241</v>
      </c>
      <c r="C17168">
        <v>0</v>
      </c>
      <c r="D17168">
        <v>0</v>
      </c>
    </row>
    <row r="17169" spans="1:4" x14ac:dyDescent="0.25">
      <c r="A17169" t="s">
        <v>27242</v>
      </c>
      <c r="B17169" t="s">
        <v>27243</v>
      </c>
      <c r="C17169">
        <v>1</v>
      </c>
      <c r="D17169">
        <v>0</v>
      </c>
    </row>
    <row r="17170" spans="1:4" x14ac:dyDescent="0.25">
      <c r="A17170" t="s">
        <v>27244</v>
      </c>
      <c r="B17170" t="s">
        <v>27245</v>
      </c>
      <c r="C17170">
        <v>2</v>
      </c>
      <c r="D17170">
        <v>0</v>
      </c>
    </row>
    <row r="17171" spans="1:4" x14ac:dyDescent="0.25">
      <c r="A17171" t="s">
        <v>27244</v>
      </c>
      <c r="B17171" t="s">
        <v>27246</v>
      </c>
      <c r="C17171">
        <v>2</v>
      </c>
      <c r="D17171">
        <v>0</v>
      </c>
    </row>
    <row r="17172" spans="1:4" x14ac:dyDescent="0.25">
      <c r="A17172" t="s">
        <v>27247</v>
      </c>
      <c r="B17172" t="s">
        <v>27248</v>
      </c>
      <c r="C17172">
        <v>1</v>
      </c>
      <c r="D17172">
        <v>0</v>
      </c>
    </row>
    <row r="17173" spans="1:4" x14ac:dyDescent="0.25">
      <c r="A17173" t="s">
        <v>27247</v>
      </c>
      <c r="B17173" t="s">
        <v>27249</v>
      </c>
      <c r="C17173">
        <v>0</v>
      </c>
      <c r="D17173">
        <v>0</v>
      </c>
    </row>
    <row r="17174" spans="1:4" x14ac:dyDescent="0.25">
      <c r="A17174" t="s">
        <v>27247</v>
      </c>
      <c r="B17174" t="s">
        <v>27250</v>
      </c>
      <c r="C17174">
        <v>2</v>
      </c>
      <c r="D17174">
        <v>0</v>
      </c>
    </row>
    <row r="17175" spans="1:4" x14ac:dyDescent="0.25">
      <c r="A17175" t="s">
        <v>27251</v>
      </c>
      <c r="B17175" t="s">
        <v>27252</v>
      </c>
      <c r="C17175">
        <v>1</v>
      </c>
      <c r="D17175">
        <v>0</v>
      </c>
    </row>
    <row r="17176" spans="1:4" x14ac:dyDescent="0.25">
      <c r="A17176" t="s">
        <v>27253</v>
      </c>
      <c r="B17176" t="s">
        <v>27254</v>
      </c>
      <c r="C17176">
        <v>2</v>
      </c>
      <c r="D17176">
        <v>0</v>
      </c>
    </row>
    <row r="17177" spans="1:4" x14ac:dyDescent="0.25">
      <c r="A17177" t="s">
        <v>27255</v>
      </c>
      <c r="B17177" t="s">
        <v>27256</v>
      </c>
      <c r="C17177">
        <v>0</v>
      </c>
      <c r="D17177">
        <v>0</v>
      </c>
    </row>
    <row r="17178" spans="1:4" x14ac:dyDescent="0.25">
      <c r="A17178" t="s">
        <v>27257</v>
      </c>
      <c r="B17178" t="s">
        <v>27258</v>
      </c>
      <c r="C17178">
        <v>1</v>
      </c>
      <c r="D17178">
        <v>0</v>
      </c>
    </row>
    <row r="17179" spans="1:4" x14ac:dyDescent="0.25">
      <c r="A17179" t="s">
        <v>27259</v>
      </c>
      <c r="B17179" t="s">
        <v>27260</v>
      </c>
      <c r="C17179">
        <v>1</v>
      </c>
      <c r="D17179">
        <v>0</v>
      </c>
    </row>
    <row r="17180" spans="1:4" x14ac:dyDescent="0.25">
      <c r="A17180" t="s">
        <v>27261</v>
      </c>
      <c r="B17180" t="s">
        <v>27262</v>
      </c>
      <c r="C17180">
        <v>2</v>
      </c>
      <c r="D17180">
        <v>0</v>
      </c>
    </row>
    <row r="17181" spans="1:4" x14ac:dyDescent="0.25">
      <c r="A17181" t="s">
        <v>27263</v>
      </c>
      <c r="B17181" t="s">
        <v>27264</v>
      </c>
      <c r="C17181">
        <v>1</v>
      </c>
      <c r="D17181">
        <v>0</v>
      </c>
    </row>
    <row r="17182" spans="1:4" x14ac:dyDescent="0.25">
      <c r="A17182" t="s">
        <v>27265</v>
      </c>
      <c r="B17182" t="s">
        <v>27266</v>
      </c>
      <c r="C17182">
        <v>1</v>
      </c>
      <c r="D17182">
        <v>0</v>
      </c>
    </row>
    <row r="17183" spans="1:4" x14ac:dyDescent="0.25">
      <c r="A17183" t="s">
        <v>27267</v>
      </c>
      <c r="B17183" t="s">
        <v>27268</v>
      </c>
      <c r="C17183">
        <v>0</v>
      </c>
      <c r="D17183">
        <v>0</v>
      </c>
    </row>
    <row r="17184" spans="1:4" x14ac:dyDescent="0.25">
      <c r="A17184" t="s">
        <v>27267</v>
      </c>
      <c r="B17184" t="s">
        <v>27269</v>
      </c>
      <c r="C17184">
        <v>2</v>
      </c>
      <c r="D17184">
        <v>0</v>
      </c>
    </row>
    <row r="17185" spans="1:4" x14ac:dyDescent="0.25">
      <c r="A17185" t="s">
        <v>27270</v>
      </c>
      <c r="B17185" t="s">
        <v>27271</v>
      </c>
      <c r="C17185">
        <v>1</v>
      </c>
      <c r="D17185">
        <v>0</v>
      </c>
    </row>
    <row r="17186" spans="1:4" x14ac:dyDescent="0.25">
      <c r="A17186" t="s">
        <v>27272</v>
      </c>
      <c r="B17186" t="s">
        <v>27273</v>
      </c>
      <c r="C17186">
        <v>1</v>
      </c>
      <c r="D17186">
        <v>0</v>
      </c>
    </row>
    <row r="17187" spans="1:4" x14ac:dyDescent="0.25">
      <c r="A17187" t="s">
        <v>27274</v>
      </c>
      <c r="B17187" t="s">
        <v>27275</v>
      </c>
      <c r="C17187">
        <v>0</v>
      </c>
      <c r="D17187">
        <v>0</v>
      </c>
    </row>
    <row r="17188" spans="1:4" x14ac:dyDescent="0.25">
      <c r="A17188" t="s">
        <v>27276</v>
      </c>
      <c r="B17188" t="s">
        <v>27277</v>
      </c>
      <c r="C17188">
        <v>2</v>
      </c>
      <c r="D17188">
        <v>0</v>
      </c>
    </row>
    <row r="17189" spans="1:4" x14ac:dyDescent="0.25">
      <c r="A17189" t="s">
        <v>27278</v>
      </c>
      <c r="B17189" t="s">
        <v>27279</v>
      </c>
      <c r="C17189">
        <v>1</v>
      </c>
      <c r="D17189">
        <v>0</v>
      </c>
    </row>
    <row r="17190" spans="1:4" x14ac:dyDescent="0.25">
      <c r="A17190" t="s">
        <v>27280</v>
      </c>
      <c r="B17190" t="s">
        <v>27281</v>
      </c>
      <c r="C17190">
        <v>0</v>
      </c>
      <c r="D17190">
        <v>0</v>
      </c>
    </row>
    <row r="17191" spans="1:4" x14ac:dyDescent="0.25">
      <c r="A17191" t="s">
        <v>27282</v>
      </c>
      <c r="B17191" t="s">
        <v>27283</v>
      </c>
      <c r="C17191">
        <v>0</v>
      </c>
      <c r="D17191">
        <v>0</v>
      </c>
    </row>
    <row r="17192" spans="1:4" x14ac:dyDescent="0.25">
      <c r="A17192" t="s">
        <v>27284</v>
      </c>
      <c r="B17192" t="s">
        <v>27285</v>
      </c>
      <c r="C17192">
        <v>0</v>
      </c>
      <c r="D17192">
        <v>0</v>
      </c>
    </row>
    <row r="17193" spans="1:4" x14ac:dyDescent="0.25">
      <c r="A17193" t="s">
        <v>27286</v>
      </c>
      <c r="B17193" t="s">
        <v>27287</v>
      </c>
      <c r="C17193">
        <v>1</v>
      </c>
      <c r="D17193">
        <v>0</v>
      </c>
    </row>
    <row r="17194" spans="1:4" x14ac:dyDescent="0.25">
      <c r="A17194" t="s">
        <v>27286</v>
      </c>
      <c r="B17194" t="s">
        <v>27288</v>
      </c>
      <c r="C17194">
        <v>1</v>
      </c>
      <c r="D17194">
        <v>0</v>
      </c>
    </row>
    <row r="17195" spans="1:4" x14ac:dyDescent="0.25">
      <c r="A17195" t="s">
        <v>27286</v>
      </c>
      <c r="B17195" t="s">
        <v>27289</v>
      </c>
      <c r="C17195">
        <v>1</v>
      </c>
      <c r="D17195">
        <v>0</v>
      </c>
    </row>
    <row r="17196" spans="1:4" x14ac:dyDescent="0.25">
      <c r="A17196" t="s">
        <v>27290</v>
      </c>
      <c r="B17196" t="s">
        <v>27291</v>
      </c>
      <c r="C17196">
        <v>1</v>
      </c>
      <c r="D17196">
        <v>0</v>
      </c>
    </row>
    <row r="17197" spans="1:4" x14ac:dyDescent="0.25">
      <c r="A17197" t="s">
        <v>27290</v>
      </c>
      <c r="B17197" t="s">
        <v>27292</v>
      </c>
      <c r="C17197">
        <v>0</v>
      </c>
      <c r="D17197">
        <v>0</v>
      </c>
    </row>
    <row r="17198" spans="1:4" x14ac:dyDescent="0.25">
      <c r="A17198" t="s">
        <v>27293</v>
      </c>
      <c r="B17198" t="s">
        <v>27294</v>
      </c>
      <c r="C17198">
        <v>1</v>
      </c>
      <c r="D17198">
        <v>0</v>
      </c>
    </row>
    <row r="17199" spans="1:4" x14ac:dyDescent="0.25">
      <c r="A17199" t="s">
        <v>27295</v>
      </c>
      <c r="B17199" t="s">
        <v>5047</v>
      </c>
      <c r="C17199">
        <v>1</v>
      </c>
      <c r="D17199">
        <v>0</v>
      </c>
    </row>
    <row r="17200" spans="1:4" x14ac:dyDescent="0.25">
      <c r="A17200" t="s">
        <v>27296</v>
      </c>
      <c r="B17200" t="s">
        <v>27297</v>
      </c>
      <c r="C17200">
        <v>0</v>
      </c>
      <c r="D17200">
        <v>0</v>
      </c>
    </row>
    <row r="17201" spans="1:4" x14ac:dyDescent="0.25">
      <c r="A17201" t="s">
        <v>27298</v>
      </c>
      <c r="B17201" t="s">
        <v>27299</v>
      </c>
      <c r="C17201">
        <v>1</v>
      </c>
      <c r="D17201">
        <v>0</v>
      </c>
    </row>
    <row r="17202" spans="1:4" x14ac:dyDescent="0.25">
      <c r="A17202" t="s">
        <v>27298</v>
      </c>
      <c r="B17202" t="s">
        <v>27300</v>
      </c>
      <c r="C17202">
        <v>1</v>
      </c>
      <c r="D17202">
        <v>0</v>
      </c>
    </row>
    <row r="17203" spans="1:4" x14ac:dyDescent="0.25">
      <c r="A17203" t="s">
        <v>27298</v>
      </c>
      <c r="B17203" t="s">
        <v>27301</v>
      </c>
      <c r="C17203">
        <v>1</v>
      </c>
      <c r="D17203">
        <v>0</v>
      </c>
    </row>
    <row r="17204" spans="1:4" x14ac:dyDescent="0.25">
      <c r="A17204" t="s">
        <v>27302</v>
      </c>
      <c r="B17204" t="s">
        <v>27303</v>
      </c>
      <c r="C17204">
        <v>0</v>
      </c>
      <c r="D17204">
        <v>0</v>
      </c>
    </row>
    <row r="17205" spans="1:4" x14ac:dyDescent="0.25">
      <c r="A17205" t="s">
        <v>27304</v>
      </c>
      <c r="B17205" t="s">
        <v>27305</v>
      </c>
      <c r="C17205">
        <v>0</v>
      </c>
      <c r="D17205">
        <v>0</v>
      </c>
    </row>
    <row r="17206" spans="1:4" x14ac:dyDescent="0.25">
      <c r="A17206" t="s">
        <v>27306</v>
      </c>
      <c r="B17206" t="s">
        <v>27307</v>
      </c>
      <c r="C17206">
        <v>0</v>
      </c>
      <c r="D17206">
        <v>0</v>
      </c>
    </row>
    <row r="17207" spans="1:4" x14ac:dyDescent="0.25">
      <c r="A17207" t="s">
        <v>27308</v>
      </c>
      <c r="B17207" t="s">
        <v>27309</v>
      </c>
      <c r="C17207">
        <v>2</v>
      </c>
      <c r="D17207">
        <v>0</v>
      </c>
    </row>
    <row r="17208" spans="1:4" x14ac:dyDescent="0.25">
      <c r="A17208" t="s">
        <v>27308</v>
      </c>
      <c r="B17208" t="s">
        <v>27310</v>
      </c>
      <c r="C17208">
        <v>2</v>
      </c>
      <c r="D17208">
        <v>0</v>
      </c>
    </row>
    <row r="17209" spans="1:4" x14ac:dyDescent="0.25">
      <c r="A17209" t="s">
        <v>27311</v>
      </c>
      <c r="B17209" t="s">
        <v>27312</v>
      </c>
      <c r="C17209">
        <v>1</v>
      </c>
      <c r="D17209">
        <v>0</v>
      </c>
    </row>
    <row r="17210" spans="1:4" x14ac:dyDescent="0.25">
      <c r="A17210" t="s">
        <v>27313</v>
      </c>
      <c r="B17210" t="s">
        <v>27314</v>
      </c>
      <c r="C17210">
        <v>0</v>
      </c>
      <c r="D17210">
        <v>0</v>
      </c>
    </row>
    <row r="17211" spans="1:4" x14ac:dyDescent="0.25">
      <c r="A17211" t="s">
        <v>27315</v>
      </c>
      <c r="B17211" t="s">
        <v>27316</v>
      </c>
      <c r="C17211">
        <v>1</v>
      </c>
      <c r="D17211">
        <v>0</v>
      </c>
    </row>
    <row r="17212" spans="1:4" x14ac:dyDescent="0.25">
      <c r="A17212" t="s">
        <v>27317</v>
      </c>
      <c r="B17212" t="s">
        <v>27318</v>
      </c>
      <c r="C17212">
        <v>1</v>
      </c>
      <c r="D17212">
        <v>0</v>
      </c>
    </row>
    <row r="17213" spans="1:4" x14ac:dyDescent="0.25">
      <c r="A17213" t="s">
        <v>27319</v>
      </c>
      <c r="B17213" t="s">
        <v>27320</v>
      </c>
      <c r="C17213">
        <v>1</v>
      </c>
      <c r="D17213">
        <v>0</v>
      </c>
    </row>
    <row r="17214" spans="1:4" x14ac:dyDescent="0.25">
      <c r="A17214" t="s">
        <v>27321</v>
      </c>
      <c r="B17214" t="s">
        <v>27322</v>
      </c>
      <c r="C17214">
        <v>1</v>
      </c>
      <c r="D17214">
        <v>0</v>
      </c>
    </row>
    <row r="17215" spans="1:4" x14ac:dyDescent="0.25">
      <c r="A17215" t="s">
        <v>27323</v>
      </c>
      <c r="B17215" t="s">
        <v>27324</v>
      </c>
      <c r="C17215">
        <v>1</v>
      </c>
      <c r="D17215">
        <v>0</v>
      </c>
    </row>
    <row r="17216" spans="1:4" x14ac:dyDescent="0.25">
      <c r="A17216" t="s">
        <v>27325</v>
      </c>
      <c r="B17216" t="s">
        <v>27326</v>
      </c>
      <c r="C17216">
        <v>1</v>
      </c>
      <c r="D17216">
        <v>0</v>
      </c>
    </row>
    <row r="17217" spans="1:4" x14ac:dyDescent="0.25">
      <c r="A17217" t="s">
        <v>27327</v>
      </c>
      <c r="B17217" t="s">
        <v>27328</v>
      </c>
      <c r="C17217">
        <v>0</v>
      </c>
      <c r="D17217">
        <v>0</v>
      </c>
    </row>
    <row r="17218" spans="1:4" x14ac:dyDescent="0.25">
      <c r="A17218" t="s">
        <v>27329</v>
      </c>
      <c r="B17218" t="s">
        <v>27330</v>
      </c>
      <c r="C17218">
        <v>1</v>
      </c>
      <c r="D17218">
        <v>0</v>
      </c>
    </row>
    <row r="17219" spans="1:4" x14ac:dyDescent="0.25">
      <c r="A17219" t="s">
        <v>27329</v>
      </c>
      <c r="B17219" t="s">
        <v>27331</v>
      </c>
      <c r="C17219">
        <v>1</v>
      </c>
      <c r="D17219">
        <v>0</v>
      </c>
    </row>
    <row r="17220" spans="1:4" x14ac:dyDescent="0.25">
      <c r="A17220" t="s">
        <v>27332</v>
      </c>
      <c r="B17220" t="s">
        <v>27333</v>
      </c>
      <c r="C17220">
        <v>1</v>
      </c>
      <c r="D17220">
        <v>0</v>
      </c>
    </row>
    <row r="17221" spans="1:4" x14ac:dyDescent="0.25">
      <c r="A17221" t="s">
        <v>27332</v>
      </c>
      <c r="B17221" t="s">
        <v>27334</v>
      </c>
      <c r="C17221">
        <v>0</v>
      </c>
      <c r="D17221">
        <v>0</v>
      </c>
    </row>
    <row r="17222" spans="1:4" x14ac:dyDescent="0.25">
      <c r="A17222" t="s">
        <v>27335</v>
      </c>
      <c r="B17222" t="s">
        <v>27336</v>
      </c>
      <c r="C17222">
        <v>0</v>
      </c>
      <c r="D17222">
        <v>0</v>
      </c>
    </row>
    <row r="17223" spans="1:4" x14ac:dyDescent="0.25">
      <c r="A17223" t="s">
        <v>27335</v>
      </c>
      <c r="B17223" t="s">
        <v>27337</v>
      </c>
      <c r="C17223">
        <v>2</v>
      </c>
      <c r="D17223">
        <v>0</v>
      </c>
    </row>
    <row r="17224" spans="1:4" x14ac:dyDescent="0.25">
      <c r="A17224" t="s">
        <v>27338</v>
      </c>
      <c r="B17224" t="s">
        <v>27339</v>
      </c>
      <c r="C17224">
        <v>0</v>
      </c>
      <c r="D17224">
        <v>0</v>
      </c>
    </row>
    <row r="17225" spans="1:4" x14ac:dyDescent="0.25">
      <c r="A17225" t="s">
        <v>27340</v>
      </c>
      <c r="B17225" t="s">
        <v>27341</v>
      </c>
      <c r="C17225">
        <v>2</v>
      </c>
      <c r="D17225">
        <v>0</v>
      </c>
    </row>
    <row r="17226" spans="1:4" x14ac:dyDescent="0.25">
      <c r="A17226" t="s">
        <v>27342</v>
      </c>
      <c r="B17226" t="s">
        <v>27343</v>
      </c>
      <c r="C17226">
        <v>1</v>
      </c>
      <c r="D17226">
        <v>0</v>
      </c>
    </row>
    <row r="17227" spans="1:4" x14ac:dyDescent="0.25">
      <c r="A17227" t="s">
        <v>27342</v>
      </c>
      <c r="B17227" t="s">
        <v>27344</v>
      </c>
      <c r="C17227">
        <v>0</v>
      </c>
      <c r="D17227">
        <v>0</v>
      </c>
    </row>
    <row r="17228" spans="1:4" x14ac:dyDescent="0.25">
      <c r="A17228" t="s">
        <v>27342</v>
      </c>
      <c r="B17228" t="s">
        <v>27345</v>
      </c>
      <c r="C17228">
        <v>2</v>
      </c>
      <c r="D17228">
        <v>0</v>
      </c>
    </row>
    <row r="17229" spans="1:4" x14ac:dyDescent="0.25">
      <c r="A17229" t="s">
        <v>27346</v>
      </c>
      <c r="B17229" t="s">
        <v>27347</v>
      </c>
      <c r="C17229">
        <v>1</v>
      </c>
      <c r="D17229">
        <v>0</v>
      </c>
    </row>
    <row r="17230" spans="1:4" x14ac:dyDescent="0.25">
      <c r="A17230" t="s">
        <v>27346</v>
      </c>
      <c r="B17230" t="s">
        <v>27348</v>
      </c>
      <c r="C17230">
        <v>0</v>
      </c>
      <c r="D17230">
        <v>0</v>
      </c>
    </row>
    <row r="17231" spans="1:4" x14ac:dyDescent="0.25">
      <c r="A17231" t="s">
        <v>27349</v>
      </c>
      <c r="B17231" t="s">
        <v>27350</v>
      </c>
      <c r="C17231">
        <v>1</v>
      </c>
      <c r="D17231">
        <v>0</v>
      </c>
    </row>
    <row r="17232" spans="1:4" x14ac:dyDescent="0.25">
      <c r="A17232" t="s">
        <v>27351</v>
      </c>
      <c r="B17232" t="s">
        <v>27352</v>
      </c>
      <c r="C17232">
        <v>2</v>
      </c>
      <c r="D17232">
        <v>0</v>
      </c>
    </row>
    <row r="17233" spans="1:4" x14ac:dyDescent="0.25">
      <c r="A17233" t="s">
        <v>27353</v>
      </c>
      <c r="B17233" t="s">
        <v>27354</v>
      </c>
      <c r="C17233">
        <v>1</v>
      </c>
      <c r="D17233">
        <v>0</v>
      </c>
    </row>
    <row r="17234" spans="1:4" x14ac:dyDescent="0.25">
      <c r="A17234" t="s">
        <v>27355</v>
      </c>
      <c r="B17234" t="s">
        <v>27356</v>
      </c>
      <c r="C17234">
        <v>1</v>
      </c>
      <c r="D17234">
        <v>0</v>
      </c>
    </row>
    <row r="17235" spans="1:4" x14ac:dyDescent="0.25">
      <c r="A17235" t="s">
        <v>27357</v>
      </c>
      <c r="B17235" t="s">
        <v>27358</v>
      </c>
      <c r="C17235">
        <v>1</v>
      </c>
      <c r="D17235">
        <v>0</v>
      </c>
    </row>
    <row r="17236" spans="1:4" x14ac:dyDescent="0.25">
      <c r="A17236" t="s">
        <v>27359</v>
      </c>
      <c r="B17236" t="s">
        <v>27360</v>
      </c>
      <c r="C17236">
        <v>0</v>
      </c>
      <c r="D17236">
        <v>0</v>
      </c>
    </row>
    <row r="17237" spans="1:4" x14ac:dyDescent="0.25">
      <c r="A17237" t="s">
        <v>27361</v>
      </c>
      <c r="B17237" t="s">
        <v>27362</v>
      </c>
      <c r="C17237">
        <v>1</v>
      </c>
      <c r="D17237">
        <v>0</v>
      </c>
    </row>
    <row r="17238" spans="1:4" x14ac:dyDescent="0.25">
      <c r="A17238" t="s">
        <v>27361</v>
      </c>
      <c r="B17238" t="s">
        <v>27363</v>
      </c>
      <c r="C17238">
        <v>0</v>
      </c>
      <c r="D17238">
        <v>0</v>
      </c>
    </row>
    <row r="17239" spans="1:4" x14ac:dyDescent="0.25">
      <c r="A17239" t="s">
        <v>27364</v>
      </c>
      <c r="B17239" t="s">
        <v>27365</v>
      </c>
      <c r="C17239">
        <v>1</v>
      </c>
      <c r="D17239">
        <v>0</v>
      </c>
    </row>
    <row r="17240" spans="1:4" x14ac:dyDescent="0.25">
      <c r="A17240" t="s">
        <v>27366</v>
      </c>
      <c r="B17240" t="s">
        <v>27367</v>
      </c>
      <c r="C17240">
        <v>1</v>
      </c>
      <c r="D17240">
        <v>0</v>
      </c>
    </row>
    <row r="17241" spans="1:4" x14ac:dyDescent="0.25">
      <c r="A17241" t="s">
        <v>27368</v>
      </c>
      <c r="B17241" t="s">
        <v>27369</v>
      </c>
      <c r="C17241">
        <v>0</v>
      </c>
      <c r="D17241">
        <v>0</v>
      </c>
    </row>
    <row r="17242" spans="1:4" x14ac:dyDescent="0.25">
      <c r="A17242" t="s">
        <v>27370</v>
      </c>
      <c r="B17242" t="s">
        <v>27371</v>
      </c>
      <c r="C17242">
        <v>0</v>
      </c>
      <c r="D17242">
        <v>0</v>
      </c>
    </row>
    <row r="17243" spans="1:4" x14ac:dyDescent="0.25">
      <c r="A17243" t="s">
        <v>27372</v>
      </c>
      <c r="B17243" t="s">
        <v>27373</v>
      </c>
      <c r="C17243">
        <v>1</v>
      </c>
      <c r="D17243">
        <v>0</v>
      </c>
    </row>
    <row r="17244" spans="1:4" x14ac:dyDescent="0.25">
      <c r="A17244" t="s">
        <v>27374</v>
      </c>
      <c r="B17244" t="s">
        <v>27375</v>
      </c>
      <c r="C17244">
        <v>1</v>
      </c>
      <c r="D17244">
        <v>0</v>
      </c>
    </row>
    <row r="17245" spans="1:4" x14ac:dyDescent="0.25">
      <c r="A17245" t="s">
        <v>27374</v>
      </c>
      <c r="B17245" t="s">
        <v>27376</v>
      </c>
      <c r="C17245">
        <v>0</v>
      </c>
      <c r="D17245">
        <v>0</v>
      </c>
    </row>
    <row r="17246" spans="1:4" x14ac:dyDescent="0.25">
      <c r="A17246" t="s">
        <v>27374</v>
      </c>
      <c r="B17246" t="s">
        <v>27377</v>
      </c>
      <c r="C17246">
        <v>2</v>
      </c>
      <c r="D17246">
        <v>0</v>
      </c>
    </row>
    <row r="17247" spans="1:4" x14ac:dyDescent="0.25">
      <c r="A17247" t="s">
        <v>27378</v>
      </c>
      <c r="B17247" t="s">
        <v>27379</v>
      </c>
      <c r="C17247">
        <v>1</v>
      </c>
      <c r="D17247">
        <v>0</v>
      </c>
    </row>
    <row r="17248" spans="1:4" x14ac:dyDescent="0.25">
      <c r="A17248" t="s">
        <v>27380</v>
      </c>
      <c r="B17248" t="s">
        <v>27381</v>
      </c>
      <c r="C17248">
        <v>0</v>
      </c>
      <c r="D17248">
        <v>0</v>
      </c>
    </row>
    <row r="17249" spans="1:4" x14ac:dyDescent="0.25">
      <c r="A17249" t="s">
        <v>27382</v>
      </c>
      <c r="B17249" t="s">
        <v>27383</v>
      </c>
      <c r="C17249">
        <v>1</v>
      </c>
      <c r="D17249">
        <v>0</v>
      </c>
    </row>
    <row r="17250" spans="1:4" x14ac:dyDescent="0.25">
      <c r="A17250" t="s">
        <v>27384</v>
      </c>
      <c r="B17250" t="s">
        <v>27385</v>
      </c>
      <c r="C17250">
        <v>1</v>
      </c>
      <c r="D17250">
        <v>0</v>
      </c>
    </row>
    <row r="17251" spans="1:4" x14ac:dyDescent="0.25">
      <c r="A17251" t="s">
        <v>27386</v>
      </c>
      <c r="B17251" t="s">
        <v>27387</v>
      </c>
      <c r="C17251">
        <v>1</v>
      </c>
      <c r="D17251">
        <v>0</v>
      </c>
    </row>
    <row r="17252" spans="1:4" x14ac:dyDescent="0.25">
      <c r="A17252" t="s">
        <v>27388</v>
      </c>
      <c r="B17252" t="s">
        <v>27389</v>
      </c>
      <c r="C17252">
        <v>1</v>
      </c>
      <c r="D17252">
        <v>0</v>
      </c>
    </row>
    <row r="17253" spans="1:4" x14ac:dyDescent="0.25">
      <c r="A17253" t="s">
        <v>27390</v>
      </c>
      <c r="B17253" t="s">
        <v>27391</v>
      </c>
      <c r="C17253">
        <v>1</v>
      </c>
      <c r="D17253">
        <v>0</v>
      </c>
    </row>
    <row r="17254" spans="1:4" x14ac:dyDescent="0.25">
      <c r="A17254" t="s">
        <v>27392</v>
      </c>
      <c r="B17254" t="s">
        <v>27393</v>
      </c>
      <c r="C17254">
        <v>1</v>
      </c>
      <c r="D17254">
        <v>0</v>
      </c>
    </row>
    <row r="17255" spans="1:4" x14ac:dyDescent="0.25">
      <c r="A17255" t="s">
        <v>27394</v>
      </c>
      <c r="B17255" t="s">
        <v>27395</v>
      </c>
      <c r="C17255">
        <v>0</v>
      </c>
      <c r="D17255">
        <v>0</v>
      </c>
    </row>
    <row r="17256" spans="1:4" x14ac:dyDescent="0.25">
      <c r="A17256" t="s">
        <v>27394</v>
      </c>
      <c r="B17256" t="s">
        <v>27396</v>
      </c>
      <c r="C17256">
        <v>0</v>
      </c>
      <c r="D17256">
        <v>0</v>
      </c>
    </row>
    <row r="17257" spans="1:4" x14ac:dyDescent="0.25">
      <c r="A17257" t="s">
        <v>27397</v>
      </c>
      <c r="B17257" t="s">
        <v>27398</v>
      </c>
      <c r="C17257">
        <v>1</v>
      </c>
      <c r="D17257">
        <v>0</v>
      </c>
    </row>
    <row r="17258" spans="1:4" x14ac:dyDescent="0.25">
      <c r="A17258" t="s">
        <v>27399</v>
      </c>
      <c r="B17258" t="s">
        <v>25785</v>
      </c>
      <c r="C17258">
        <v>1</v>
      </c>
      <c r="D17258">
        <v>0</v>
      </c>
    </row>
    <row r="17259" spans="1:4" x14ac:dyDescent="0.25">
      <c r="A17259" t="s">
        <v>27400</v>
      </c>
      <c r="B17259" t="s">
        <v>27401</v>
      </c>
      <c r="C17259">
        <v>0</v>
      </c>
      <c r="D17259">
        <v>0</v>
      </c>
    </row>
    <row r="17260" spans="1:4" x14ac:dyDescent="0.25">
      <c r="A17260" t="s">
        <v>27402</v>
      </c>
      <c r="B17260" t="s">
        <v>27403</v>
      </c>
      <c r="C17260">
        <v>1</v>
      </c>
      <c r="D17260">
        <v>0</v>
      </c>
    </row>
    <row r="17261" spans="1:4" x14ac:dyDescent="0.25">
      <c r="A17261" t="s">
        <v>27404</v>
      </c>
      <c r="B17261" t="s">
        <v>27405</v>
      </c>
      <c r="C17261">
        <v>1</v>
      </c>
      <c r="D17261">
        <v>0</v>
      </c>
    </row>
    <row r="17262" spans="1:4" x14ac:dyDescent="0.25">
      <c r="A17262" t="s">
        <v>27406</v>
      </c>
      <c r="B17262" t="s">
        <v>27407</v>
      </c>
      <c r="C17262">
        <v>1</v>
      </c>
      <c r="D17262">
        <v>0</v>
      </c>
    </row>
    <row r="17263" spans="1:4" x14ac:dyDescent="0.25">
      <c r="A17263" t="s">
        <v>27406</v>
      </c>
      <c r="B17263" t="s">
        <v>27408</v>
      </c>
      <c r="C17263">
        <v>2</v>
      </c>
      <c r="D17263">
        <v>0</v>
      </c>
    </row>
    <row r="17264" spans="1:4" x14ac:dyDescent="0.25">
      <c r="A17264" t="s">
        <v>27409</v>
      </c>
      <c r="B17264" t="s">
        <v>27410</v>
      </c>
      <c r="C17264">
        <v>2</v>
      </c>
      <c r="D17264">
        <v>0</v>
      </c>
    </row>
    <row r="17265" spans="1:4" x14ac:dyDescent="0.25">
      <c r="A17265" t="s">
        <v>27411</v>
      </c>
      <c r="B17265" t="s">
        <v>27412</v>
      </c>
      <c r="C17265">
        <v>2</v>
      </c>
      <c r="D17265">
        <v>0</v>
      </c>
    </row>
    <row r="17266" spans="1:4" x14ac:dyDescent="0.25">
      <c r="A17266" t="s">
        <v>27411</v>
      </c>
      <c r="B17266" t="s">
        <v>27413</v>
      </c>
      <c r="C17266">
        <v>2</v>
      </c>
      <c r="D17266">
        <v>0</v>
      </c>
    </row>
    <row r="17267" spans="1:4" x14ac:dyDescent="0.25">
      <c r="A17267" t="s">
        <v>27414</v>
      </c>
      <c r="B17267" t="s">
        <v>27415</v>
      </c>
      <c r="C17267">
        <v>0</v>
      </c>
      <c r="D17267">
        <v>0</v>
      </c>
    </row>
    <row r="17268" spans="1:4" x14ac:dyDescent="0.25">
      <c r="A17268" t="s">
        <v>27416</v>
      </c>
      <c r="B17268" t="s">
        <v>27417</v>
      </c>
      <c r="C17268">
        <v>1</v>
      </c>
      <c r="D17268">
        <v>0</v>
      </c>
    </row>
    <row r="17269" spans="1:4" x14ac:dyDescent="0.25">
      <c r="A17269" t="s">
        <v>27418</v>
      </c>
      <c r="B17269" t="s">
        <v>27419</v>
      </c>
      <c r="C17269">
        <v>2</v>
      </c>
      <c r="D17269">
        <v>0</v>
      </c>
    </row>
    <row r="17270" spans="1:4" x14ac:dyDescent="0.25">
      <c r="A17270" t="s">
        <v>27420</v>
      </c>
      <c r="B17270" t="s">
        <v>27421</v>
      </c>
      <c r="C17270">
        <v>1</v>
      </c>
      <c r="D17270">
        <v>0</v>
      </c>
    </row>
    <row r="17271" spans="1:4" x14ac:dyDescent="0.25">
      <c r="A17271" t="s">
        <v>27422</v>
      </c>
      <c r="B17271" t="s">
        <v>27423</v>
      </c>
      <c r="C17271">
        <v>0</v>
      </c>
      <c r="D17271">
        <v>0</v>
      </c>
    </row>
    <row r="17272" spans="1:4" x14ac:dyDescent="0.25">
      <c r="A17272" t="s">
        <v>27422</v>
      </c>
      <c r="B17272" t="s">
        <v>27424</v>
      </c>
      <c r="C17272">
        <v>0</v>
      </c>
      <c r="D17272">
        <v>0</v>
      </c>
    </row>
    <row r="17273" spans="1:4" x14ac:dyDescent="0.25">
      <c r="A17273" t="s">
        <v>27425</v>
      </c>
      <c r="B17273" t="s">
        <v>27426</v>
      </c>
      <c r="C17273">
        <v>1</v>
      </c>
      <c r="D17273">
        <v>0</v>
      </c>
    </row>
    <row r="17274" spans="1:4" x14ac:dyDescent="0.25">
      <c r="A17274" t="s">
        <v>27427</v>
      </c>
      <c r="B17274" t="s">
        <v>27428</v>
      </c>
      <c r="C17274">
        <v>1</v>
      </c>
      <c r="D17274">
        <v>0</v>
      </c>
    </row>
    <row r="17275" spans="1:4" x14ac:dyDescent="0.25">
      <c r="A17275" t="s">
        <v>27427</v>
      </c>
      <c r="B17275" t="s">
        <v>27429</v>
      </c>
      <c r="C17275">
        <v>1</v>
      </c>
      <c r="D17275">
        <v>0</v>
      </c>
    </row>
    <row r="17276" spans="1:4" x14ac:dyDescent="0.25">
      <c r="A17276" t="s">
        <v>27427</v>
      </c>
      <c r="B17276" t="s">
        <v>27430</v>
      </c>
      <c r="C17276">
        <v>1</v>
      </c>
      <c r="D17276">
        <v>0</v>
      </c>
    </row>
    <row r="17277" spans="1:4" x14ac:dyDescent="0.25">
      <c r="A17277" t="s">
        <v>27427</v>
      </c>
      <c r="B17277" t="s">
        <v>27431</v>
      </c>
      <c r="C17277">
        <v>0</v>
      </c>
      <c r="D17277">
        <v>0</v>
      </c>
    </row>
    <row r="17278" spans="1:4" x14ac:dyDescent="0.25">
      <c r="A17278" t="s">
        <v>27432</v>
      </c>
      <c r="B17278" t="s">
        <v>27433</v>
      </c>
      <c r="C17278">
        <v>0</v>
      </c>
      <c r="D17278">
        <v>0</v>
      </c>
    </row>
    <row r="17279" spans="1:4" x14ac:dyDescent="0.25">
      <c r="A17279" t="s">
        <v>27434</v>
      </c>
      <c r="B17279" t="s">
        <v>27435</v>
      </c>
      <c r="C17279">
        <v>1</v>
      </c>
      <c r="D17279">
        <v>0</v>
      </c>
    </row>
    <row r="17280" spans="1:4" x14ac:dyDescent="0.25">
      <c r="A17280" t="s">
        <v>27436</v>
      </c>
      <c r="B17280" t="s">
        <v>27437</v>
      </c>
      <c r="C17280">
        <v>0</v>
      </c>
      <c r="D17280">
        <v>0</v>
      </c>
    </row>
    <row r="17281" spans="1:4" x14ac:dyDescent="0.25">
      <c r="A17281" t="s">
        <v>27438</v>
      </c>
      <c r="B17281" t="s">
        <v>27439</v>
      </c>
      <c r="C17281">
        <v>0</v>
      </c>
      <c r="D17281">
        <v>0</v>
      </c>
    </row>
    <row r="17282" spans="1:4" x14ac:dyDescent="0.25">
      <c r="A17282" t="s">
        <v>27440</v>
      </c>
      <c r="B17282" t="s">
        <v>27441</v>
      </c>
      <c r="C17282">
        <v>2</v>
      </c>
      <c r="D17282">
        <v>0</v>
      </c>
    </row>
    <row r="17283" spans="1:4" x14ac:dyDescent="0.25">
      <c r="A17283" t="s">
        <v>27442</v>
      </c>
      <c r="B17283" t="s">
        <v>27443</v>
      </c>
      <c r="C17283">
        <v>1</v>
      </c>
      <c r="D17283">
        <v>0</v>
      </c>
    </row>
    <row r="17284" spans="1:4" x14ac:dyDescent="0.25">
      <c r="A17284" t="s">
        <v>27444</v>
      </c>
      <c r="B17284" t="s">
        <v>27445</v>
      </c>
      <c r="C17284">
        <v>1</v>
      </c>
      <c r="D17284">
        <v>0</v>
      </c>
    </row>
    <row r="17285" spans="1:4" x14ac:dyDescent="0.25">
      <c r="A17285" t="s">
        <v>27446</v>
      </c>
      <c r="B17285" t="s">
        <v>27447</v>
      </c>
      <c r="C17285">
        <v>2</v>
      </c>
      <c r="D17285">
        <v>0</v>
      </c>
    </row>
    <row r="17286" spans="1:4" x14ac:dyDescent="0.25">
      <c r="A17286" t="s">
        <v>27448</v>
      </c>
      <c r="B17286" t="s">
        <v>27449</v>
      </c>
      <c r="C17286">
        <v>1</v>
      </c>
      <c r="D17286">
        <v>0</v>
      </c>
    </row>
    <row r="17287" spans="1:4" x14ac:dyDescent="0.25">
      <c r="A17287" t="s">
        <v>27450</v>
      </c>
      <c r="B17287" t="s">
        <v>5713</v>
      </c>
      <c r="C17287">
        <v>1</v>
      </c>
      <c r="D17287">
        <v>0</v>
      </c>
    </row>
    <row r="17288" spans="1:4" x14ac:dyDescent="0.25">
      <c r="A17288" t="s">
        <v>27451</v>
      </c>
      <c r="B17288" t="s">
        <v>27452</v>
      </c>
      <c r="C17288">
        <v>0</v>
      </c>
      <c r="D17288">
        <v>0</v>
      </c>
    </row>
    <row r="17289" spans="1:4" x14ac:dyDescent="0.25">
      <c r="A17289" t="s">
        <v>27453</v>
      </c>
      <c r="B17289" t="s">
        <v>27454</v>
      </c>
      <c r="C17289">
        <v>2</v>
      </c>
      <c r="D17289">
        <v>0</v>
      </c>
    </row>
    <row r="17290" spans="1:4" x14ac:dyDescent="0.25">
      <c r="A17290" t="s">
        <v>27455</v>
      </c>
      <c r="B17290" t="s">
        <v>27456</v>
      </c>
      <c r="C17290">
        <v>0</v>
      </c>
      <c r="D17290">
        <v>0</v>
      </c>
    </row>
    <row r="17291" spans="1:4" x14ac:dyDescent="0.25">
      <c r="A17291" t="s">
        <v>27457</v>
      </c>
      <c r="B17291" t="s">
        <v>27458</v>
      </c>
      <c r="C17291">
        <v>1</v>
      </c>
      <c r="D17291">
        <v>0</v>
      </c>
    </row>
    <row r="17292" spans="1:4" x14ac:dyDescent="0.25">
      <c r="A17292" t="s">
        <v>27459</v>
      </c>
      <c r="B17292" t="s">
        <v>27460</v>
      </c>
      <c r="C17292">
        <v>1</v>
      </c>
      <c r="D17292">
        <v>0</v>
      </c>
    </row>
    <row r="17293" spans="1:4" x14ac:dyDescent="0.25">
      <c r="A17293" t="s">
        <v>27461</v>
      </c>
      <c r="B17293" t="s">
        <v>888</v>
      </c>
      <c r="C17293">
        <v>1</v>
      </c>
      <c r="D17293">
        <v>0</v>
      </c>
    </row>
    <row r="17294" spans="1:4" x14ac:dyDescent="0.25">
      <c r="A17294" t="s">
        <v>27461</v>
      </c>
      <c r="B17294" t="s">
        <v>27462</v>
      </c>
      <c r="C17294">
        <v>1</v>
      </c>
      <c r="D17294">
        <v>0</v>
      </c>
    </row>
    <row r="17295" spans="1:4" x14ac:dyDescent="0.25">
      <c r="A17295" t="s">
        <v>27461</v>
      </c>
      <c r="B17295" t="s">
        <v>27463</v>
      </c>
      <c r="C17295">
        <v>1</v>
      </c>
      <c r="D17295">
        <v>0</v>
      </c>
    </row>
    <row r="17296" spans="1:4" x14ac:dyDescent="0.25">
      <c r="A17296" t="s">
        <v>27464</v>
      </c>
      <c r="B17296" t="s">
        <v>27465</v>
      </c>
      <c r="C17296">
        <v>1</v>
      </c>
      <c r="D17296">
        <v>0</v>
      </c>
    </row>
    <row r="17297" spans="1:4" x14ac:dyDescent="0.25">
      <c r="A17297" t="s">
        <v>27466</v>
      </c>
      <c r="B17297" t="s">
        <v>27467</v>
      </c>
      <c r="C17297">
        <v>1</v>
      </c>
      <c r="D17297">
        <v>0</v>
      </c>
    </row>
    <row r="17298" spans="1:4" x14ac:dyDescent="0.25">
      <c r="A17298" t="s">
        <v>27466</v>
      </c>
      <c r="B17298" t="s">
        <v>27468</v>
      </c>
      <c r="C17298">
        <v>2</v>
      </c>
      <c r="D17298">
        <v>0</v>
      </c>
    </row>
    <row r="17299" spans="1:4" x14ac:dyDescent="0.25">
      <c r="A17299" t="s">
        <v>27469</v>
      </c>
      <c r="B17299" t="s">
        <v>27470</v>
      </c>
      <c r="C17299">
        <v>1</v>
      </c>
      <c r="D17299">
        <v>0</v>
      </c>
    </row>
    <row r="17300" spans="1:4" x14ac:dyDescent="0.25">
      <c r="A17300" t="s">
        <v>27469</v>
      </c>
      <c r="B17300" t="s">
        <v>27471</v>
      </c>
      <c r="C17300">
        <v>0</v>
      </c>
      <c r="D17300">
        <v>0</v>
      </c>
    </row>
    <row r="17301" spans="1:4" x14ac:dyDescent="0.25">
      <c r="A17301" t="s">
        <v>27472</v>
      </c>
      <c r="B17301" t="s">
        <v>27473</v>
      </c>
      <c r="C17301">
        <v>1</v>
      </c>
      <c r="D17301">
        <v>0</v>
      </c>
    </row>
    <row r="17302" spans="1:4" x14ac:dyDescent="0.25">
      <c r="A17302" t="s">
        <v>27474</v>
      </c>
      <c r="B17302" t="s">
        <v>27475</v>
      </c>
      <c r="C17302">
        <v>1</v>
      </c>
      <c r="D17302">
        <v>0</v>
      </c>
    </row>
    <row r="17303" spans="1:4" x14ac:dyDescent="0.25">
      <c r="A17303" t="s">
        <v>27476</v>
      </c>
      <c r="B17303" t="s">
        <v>27477</v>
      </c>
      <c r="C17303">
        <v>1</v>
      </c>
      <c r="D17303">
        <v>0</v>
      </c>
    </row>
    <row r="17304" spans="1:4" x14ac:dyDescent="0.25">
      <c r="A17304" t="s">
        <v>27476</v>
      </c>
      <c r="B17304" t="s">
        <v>27478</v>
      </c>
      <c r="C17304">
        <v>1</v>
      </c>
      <c r="D17304">
        <v>0</v>
      </c>
    </row>
    <row r="17305" spans="1:4" x14ac:dyDescent="0.25">
      <c r="A17305" t="s">
        <v>27479</v>
      </c>
      <c r="B17305" t="s">
        <v>27480</v>
      </c>
      <c r="C17305">
        <v>1</v>
      </c>
      <c r="D17305">
        <v>0</v>
      </c>
    </row>
    <row r="17306" spans="1:4" x14ac:dyDescent="0.25">
      <c r="A17306" t="s">
        <v>27479</v>
      </c>
      <c r="B17306" t="s">
        <v>27481</v>
      </c>
      <c r="C17306">
        <v>0</v>
      </c>
      <c r="D17306">
        <v>0</v>
      </c>
    </row>
    <row r="17307" spans="1:4" x14ac:dyDescent="0.25">
      <c r="A17307" t="s">
        <v>27482</v>
      </c>
      <c r="B17307" t="s">
        <v>27483</v>
      </c>
      <c r="C17307">
        <v>1</v>
      </c>
      <c r="D17307">
        <v>0</v>
      </c>
    </row>
    <row r="17308" spans="1:4" x14ac:dyDescent="0.25">
      <c r="A17308" t="s">
        <v>27484</v>
      </c>
      <c r="B17308" t="s">
        <v>27485</v>
      </c>
      <c r="C17308">
        <v>1</v>
      </c>
      <c r="D17308">
        <v>0</v>
      </c>
    </row>
    <row r="17309" spans="1:4" x14ac:dyDescent="0.25">
      <c r="A17309" t="s">
        <v>27486</v>
      </c>
      <c r="B17309" t="s">
        <v>27487</v>
      </c>
      <c r="C17309">
        <v>0</v>
      </c>
      <c r="D17309">
        <v>0</v>
      </c>
    </row>
    <row r="17310" spans="1:4" x14ac:dyDescent="0.25">
      <c r="A17310" t="s">
        <v>27488</v>
      </c>
      <c r="B17310" t="s">
        <v>27489</v>
      </c>
      <c r="C17310">
        <v>0</v>
      </c>
      <c r="D17310">
        <v>0</v>
      </c>
    </row>
    <row r="17311" spans="1:4" x14ac:dyDescent="0.25">
      <c r="A17311" t="s">
        <v>27490</v>
      </c>
      <c r="B17311" t="s">
        <v>27491</v>
      </c>
      <c r="C17311">
        <v>1</v>
      </c>
      <c r="D17311">
        <v>0</v>
      </c>
    </row>
    <row r="17312" spans="1:4" x14ac:dyDescent="0.25">
      <c r="A17312" t="s">
        <v>27490</v>
      </c>
      <c r="B17312" t="s">
        <v>27492</v>
      </c>
      <c r="C17312">
        <v>0</v>
      </c>
      <c r="D17312">
        <v>0</v>
      </c>
    </row>
    <row r="17313" spans="1:4" x14ac:dyDescent="0.25">
      <c r="A17313" t="s">
        <v>27493</v>
      </c>
      <c r="B17313" t="s">
        <v>27494</v>
      </c>
      <c r="C17313">
        <v>1</v>
      </c>
      <c r="D17313">
        <v>0</v>
      </c>
    </row>
    <row r="17314" spans="1:4" x14ac:dyDescent="0.25">
      <c r="A17314" t="s">
        <v>27495</v>
      </c>
      <c r="B17314" t="s">
        <v>27496</v>
      </c>
      <c r="C17314">
        <v>1</v>
      </c>
      <c r="D17314">
        <v>0</v>
      </c>
    </row>
    <row r="17315" spans="1:4" x14ac:dyDescent="0.25">
      <c r="A17315" t="s">
        <v>27497</v>
      </c>
      <c r="B17315" t="s">
        <v>27498</v>
      </c>
      <c r="C17315">
        <v>1</v>
      </c>
      <c r="D17315">
        <v>0</v>
      </c>
    </row>
    <row r="17316" spans="1:4" x14ac:dyDescent="0.25">
      <c r="A17316" t="s">
        <v>27497</v>
      </c>
      <c r="B17316" t="s">
        <v>27499</v>
      </c>
      <c r="C17316">
        <v>0</v>
      </c>
      <c r="D17316">
        <v>0</v>
      </c>
    </row>
    <row r="17317" spans="1:4" x14ac:dyDescent="0.25">
      <c r="A17317" t="s">
        <v>27500</v>
      </c>
      <c r="B17317" t="s">
        <v>27501</v>
      </c>
      <c r="C17317">
        <v>1</v>
      </c>
      <c r="D17317">
        <v>0</v>
      </c>
    </row>
    <row r="17318" spans="1:4" x14ac:dyDescent="0.25">
      <c r="A17318" t="s">
        <v>27502</v>
      </c>
      <c r="B17318" t="s">
        <v>27503</v>
      </c>
      <c r="C17318">
        <v>1</v>
      </c>
      <c r="D17318">
        <v>0</v>
      </c>
    </row>
    <row r="17319" spans="1:4" x14ac:dyDescent="0.25">
      <c r="A17319" t="s">
        <v>27504</v>
      </c>
      <c r="B17319" t="s">
        <v>27505</v>
      </c>
      <c r="C17319">
        <v>1</v>
      </c>
      <c r="D17319">
        <v>0</v>
      </c>
    </row>
    <row r="17320" spans="1:4" x14ac:dyDescent="0.25">
      <c r="A17320" t="s">
        <v>27504</v>
      </c>
      <c r="B17320" t="s">
        <v>27506</v>
      </c>
      <c r="C17320">
        <v>0</v>
      </c>
      <c r="D17320">
        <v>0</v>
      </c>
    </row>
    <row r="17321" spans="1:4" x14ac:dyDescent="0.25">
      <c r="A17321" t="s">
        <v>27507</v>
      </c>
      <c r="B17321" t="s">
        <v>27508</v>
      </c>
      <c r="C17321">
        <v>0</v>
      </c>
      <c r="D17321">
        <v>0</v>
      </c>
    </row>
    <row r="17322" spans="1:4" x14ac:dyDescent="0.25">
      <c r="A17322" t="s">
        <v>27509</v>
      </c>
      <c r="B17322" t="s">
        <v>27510</v>
      </c>
      <c r="C17322">
        <v>1</v>
      </c>
      <c r="D17322">
        <v>0</v>
      </c>
    </row>
    <row r="17323" spans="1:4" x14ac:dyDescent="0.25">
      <c r="A17323" t="s">
        <v>27511</v>
      </c>
      <c r="B17323" t="s">
        <v>27512</v>
      </c>
      <c r="C17323">
        <v>0</v>
      </c>
      <c r="D17323">
        <v>0</v>
      </c>
    </row>
    <row r="17324" spans="1:4" x14ac:dyDescent="0.25">
      <c r="A17324" t="s">
        <v>27513</v>
      </c>
      <c r="B17324" t="s">
        <v>27514</v>
      </c>
      <c r="C17324">
        <v>0</v>
      </c>
      <c r="D17324">
        <v>0</v>
      </c>
    </row>
    <row r="17325" spans="1:4" x14ac:dyDescent="0.25">
      <c r="A17325" t="s">
        <v>27515</v>
      </c>
      <c r="B17325" t="s">
        <v>27516</v>
      </c>
      <c r="C17325">
        <v>0</v>
      </c>
      <c r="D17325">
        <v>0</v>
      </c>
    </row>
    <row r="17326" spans="1:4" x14ac:dyDescent="0.25">
      <c r="A17326" t="s">
        <v>27517</v>
      </c>
      <c r="B17326" t="s">
        <v>27518</v>
      </c>
      <c r="C17326">
        <v>1</v>
      </c>
      <c r="D17326">
        <v>0</v>
      </c>
    </row>
    <row r="17327" spans="1:4" x14ac:dyDescent="0.25">
      <c r="A17327" t="s">
        <v>27517</v>
      </c>
      <c r="B17327" t="s">
        <v>27519</v>
      </c>
      <c r="C17327">
        <v>0</v>
      </c>
      <c r="D17327">
        <v>0</v>
      </c>
    </row>
    <row r="17328" spans="1:4" x14ac:dyDescent="0.25">
      <c r="A17328" t="s">
        <v>27520</v>
      </c>
      <c r="B17328" t="s">
        <v>27521</v>
      </c>
      <c r="C17328">
        <v>1</v>
      </c>
      <c r="D17328">
        <v>0</v>
      </c>
    </row>
    <row r="17329" spans="1:4" x14ac:dyDescent="0.25">
      <c r="A17329" t="s">
        <v>27522</v>
      </c>
      <c r="B17329" t="s">
        <v>27523</v>
      </c>
      <c r="C17329">
        <v>1</v>
      </c>
      <c r="D17329">
        <v>0</v>
      </c>
    </row>
    <row r="17330" spans="1:4" x14ac:dyDescent="0.25">
      <c r="A17330" t="s">
        <v>27522</v>
      </c>
      <c r="B17330" t="s">
        <v>27524</v>
      </c>
      <c r="C17330">
        <v>0</v>
      </c>
      <c r="D17330">
        <v>0</v>
      </c>
    </row>
    <row r="17331" spans="1:4" x14ac:dyDescent="0.25">
      <c r="A17331" t="s">
        <v>27525</v>
      </c>
      <c r="B17331" t="s">
        <v>27526</v>
      </c>
      <c r="C17331">
        <v>1</v>
      </c>
      <c r="D17331">
        <v>0</v>
      </c>
    </row>
    <row r="17332" spans="1:4" x14ac:dyDescent="0.25">
      <c r="A17332" t="s">
        <v>27527</v>
      </c>
      <c r="B17332" t="s">
        <v>27528</v>
      </c>
      <c r="C17332">
        <v>1</v>
      </c>
      <c r="D17332">
        <v>0</v>
      </c>
    </row>
    <row r="17333" spans="1:4" x14ac:dyDescent="0.25">
      <c r="A17333" t="s">
        <v>27527</v>
      </c>
      <c r="B17333" t="s">
        <v>27529</v>
      </c>
      <c r="C17333">
        <v>0</v>
      </c>
      <c r="D17333">
        <v>0</v>
      </c>
    </row>
    <row r="17334" spans="1:4" x14ac:dyDescent="0.25">
      <c r="A17334" t="s">
        <v>27530</v>
      </c>
      <c r="B17334" t="s">
        <v>27531</v>
      </c>
      <c r="C17334">
        <v>1</v>
      </c>
      <c r="D17334">
        <v>0</v>
      </c>
    </row>
    <row r="17335" spans="1:4" x14ac:dyDescent="0.25">
      <c r="A17335" t="s">
        <v>27530</v>
      </c>
      <c r="B17335" t="s">
        <v>27532</v>
      </c>
      <c r="C17335">
        <v>0</v>
      </c>
      <c r="D17335">
        <v>0</v>
      </c>
    </row>
    <row r="17336" spans="1:4" x14ac:dyDescent="0.25">
      <c r="A17336" t="s">
        <v>27533</v>
      </c>
      <c r="B17336" t="s">
        <v>27534</v>
      </c>
      <c r="C17336">
        <v>1</v>
      </c>
      <c r="D17336">
        <v>0</v>
      </c>
    </row>
    <row r="17337" spans="1:4" x14ac:dyDescent="0.25">
      <c r="A17337" t="s">
        <v>27535</v>
      </c>
      <c r="B17337" t="s">
        <v>27536</v>
      </c>
      <c r="C17337">
        <v>1</v>
      </c>
      <c r="D17337">
        <v>0</v>
      </c>
    </row>
    <row r="17338" spans="1:4" x14ac:dyDescent="0.25">
      <c r="A17338" t="s">
        <v>27537</v>
      </c>
      <c r="B17338" t="s">
        <v>27538</v>
      </c>
      <c r="C17338">
        <v>1</v>
      </c>
      <c r="D17338">
        <v>0</v>
      </c>
    </row>
    <row r="17339" spans="1:4" x14ac:dyDescent="0.25">
      <c r="A17339" t="s">
        <v>27539</v>
      </c>
      <c r="B17339" t="s">
        <v>27540</v>
      </c>
      <c r="C17339">
        <v>1</v>
      </c>
      <c r="D17339">
        <v>0</v>
      </c>
    </row>
    <row r="17340" spans="1:4" x14ac:dyDescent="0.25">
      <c r="A17340" t="s">
        <v>27539</v>
      </c>
      <c r="B17340" t="s">
        <v>27541</v>
      </c>
      <c r="C17340">
        <v>0</v>
      </c>
      <c r="D17340">
        <v>0</v>
      </c>
    </row>
    <row r="17341" spans="1:4" x14ac:dyDescent="0.25">
      <c r="A17341" t="s">
        <v>27542</v>
      </c>
      <c r="B17341" t="s">
        <v>27543</v>
      </c>
      <c r="C17341">
        <v>1</v>
      </c>
      <c r="D17341">
        <v>0</v>
      </c>
    </row>
    <row r="17342" spans="1:4" x14ac:dyDescent="0.25">
      <c r="A17342" t="s">
        <v>27542</v>
      </c>
      <c r="B17342" t="s">
        <v>27544</v>
      </c>
      <c r="C17342">
        <v>0</v>
      </c>
      <c r="D17342">
        <v>0</v>
      </c>
    </row>
    <row r="17343" spans="1:4" x14ac:dyDescent="0.25">
      <c r="A17343" t="s">
        <v>27545</v>
      </c>
      <c r="B17343" t="s">
        <v>27546</v>
      </c>
      <c r="C17343">
        <v>1</v>
      </c>
      <c r="D17343">
        <v>0</v>
      </c>
    </row>
    <row r="17344" spans="1:4" x14ac:dyDescent="0.25">
      <c r="A17344" t="s">
        <v>27545</v>
      </c>
      <c r="B17344" t="s">
        <v>27547</v>
      </c>
      <c r="C17344">
        <v>0</v>
      </c>
      <c r="D17344">
        <v>0</v>
      </c>
    </row>
    <row r="17345" spans="1:4" x14ac:dyDescent="0.25">
      <c r="A17345" t="s">
        <v>27548</v>
      </c>
      <c r="B17345" t="s">
        <v>27549</v>
      </c>
      <c r="C17345">
        <v>1</v>
      </c>
      <c r="D17345">
        <v>0</v>
      </c>
    </row>
    <row r="17346" spans="1:4" x14ac:dyDescent="0.25">
      <c r="A17346" t="s">
        <v>27550</v>
      </c>
      <c r="B17346" t="s">
        <v>27551</v>
      </c>
      <c r="C17346">
        <v>0</v>
      </c>
      <c r="D17346">
        <v>0</v>
      </c>
    </row>
    <row r="17347" spans="1:4" x14ac:dyDescent="0.25">
      <c r="A17347" t="s">
        <v>27552</v>
      </c>
      <c r="B17347" t="s">
        <v>27553</v>
      </c>
      <c r="C17347">
        <v>1</v>
      </c>
      <c r="D17347">
        <v>0</v>
      </c>
    </row>
    <row r="17348" spans="1:4" x14ac:dyDescent="0.25">
      <c r="A17348" t="s">
        <v>27554</v>
      </c>
      <c r="B17348" t="s">
        <v>27555</v>
      </c>
      <c r="C17348">
        <v>1</v>
      </c>
      <c r="D17348">
        <v>0</v>
      </c>
    </row>
    <row r="17349" spans="1:4" x14ac:dyDescent="0.25">
      <c r="A17349" t="s">
        <v>27556</v>
      </c>
      <c r="B17349" t="s">
        <v>27557</v>
      </c>
      <c r="C17349">
        <v>0</v>
      </c>
      <c r="D17349">
        <v>0</v>
      </c>
    </row>
    <row r="17350" spans="1:4" x14ac:dyDescent="0.25">
      <c r="A17350" t="s">
        <v>27558</v>
      </c>
      <c r="B17350" t="s">
        <v>27559</v>
      </c>
      <c r="C17350">
        <v>1</v>
      </c>
      <c r="D17350">
        <v>0</v>
      </c>
    </row>
    <row r="17351" spans="1:4" x14ac:dyDescent="0.25">
      <c r="A17351" t="s">
        <v>27560</v>
      </c>
      <c r="B17351" t="s">
        <v>27561</v>
      </c>
      <c r="C17351">
        <v>1</v>
      </c>
      <c r="D17351">
        <v>0</v>
      </c>
    </row>
    <row r="17352" spans="1:4" x14ac:dyDescent="0.25">
      <c r="A17352" t="s">
        <v>27560</v>
      </c>
      <c r="B17352" t="s">
        <v>27562</v>
      </c>
      <c r="C17352">
        <v>0</v>
      </c>
      <c r="D17352">
        <v>0</v>
      </c>
    </row>
    <row r="17353" spans="1:4" x14ac:dyDescent="0.25">
      <c r="A17353" t="s">
        <v>27563</v>
      </c>
      <c r="B17353" t="s">
        <v>27564</v>
      </c>
      <c r="C17353">
        <v>1</v>
      </c>
      <c r="D17353">
        <v>0</v>
      </c>
    </row>
    <row r="17354" spans="1:4" x14ac:dyDescent="0.25">
      <c r="A17354" t="s">
        <v>27563</v>
      </c>
      <c r="B17354" t="s">
        <v>27565</v>
      </c>
      <c r="C17354">
        <v>0</v>
      </c>
      <c r="D17354">
        <v>0</v>
      </c>
    </row>
    <row r="17355" spans="1:4" x14ac:dyDescent="0.25">
      <c r="A17355" t="s">
        <v>27566</v>
      </c>
      <c r="B17355" t="s">
        <v>27567</v>
      </c>
      <c r="C17355">
        <v>1</v>
      </c>
      <c r="D17355">
        <v>0</v>
      </c>
    </row>
    <row r="17356" spans="1:4" x14ac:dyDescent="0.25">
      <c r="A17356" t="s">
        <v>27566</v>
      </c>
      <c r="B17356" t="s">
        <v>27568</v>
      </c>
      <c r="C17356">
        <v>0</v>
      </c>
      <c r="D17356">
        <v>0</v>
      </c>
    </row>
    <row r="17357" spans="1:4" x14ac:dyDescent="0.25">
      <c r="A17357" t="s">
        <v>27569</v>
      </c>
      <c r="B17357" t="s">
        <v>27570</v>
      </c>
      <c r="C17357">
        <v>0</v>
      </c>
      <c r="D17357">
        <v>0</v>
      </c>
    </row>
    <row r="17358" spans="1:4" x14ac:dyDescent="0.25">
      <c r="A17358" t="s">
        <v>27571</v>
      </c>
      <c r="B17358" t="s">
        <v>27572</v>
      </c>
      <c r="C17358">
        <v>1</v>
      </c>
      <c r="D17358">
        <v>0</v>
      </c>
    </row>
    <row r="17359" spans="1:4" x14ac:dyDescent="0.25">
      <c r="A17359" t="s">
        <v>27571</v>
      </c>
      <c r="B17359" t="s">
        <v>27573</v>
      </c>
      <c r="C17359">
        <v>0</v>
      </c>
      <c r="D17359">
        <v>0</v>
      </c>
    </row>
    <row r="17360" spans="1:4" x14ac:dyDescent="0.25">
      <c r="A17360" t="s">
        <v>27574</v>
      </c>
      <c r="B17360" t="s">
        <v>27575</v>
      </c>
      <c r="C17360">
        <v>0</v>
      </c>
      <c r="D17360">
        <v>0</v>
      </c>
    </row>
    <row r="17361" spans="1:4" x14ac:dyDescent="0.25">
      <c r="A17361" t="s">
        <v>27576</v>
      </c>
      <c r="B17361" t="s">
        <v>27577</v>
      </c>
      <c r="C17361">
        <v>1</v>
      </c>
      <c r="D17361">
        <v>0</v>
      </c>
    </row>
    <row r="17362" spans="1:4" x14ac:dyDescent="0.25">
      <c r="A17362" t="s">
        <v>27576</v>
      </c>
      <c r="B17362" t="s">
        <v>27578</v>
      </c>
      <c r="C17362">
        <v>0</v>
      </c>
      <c r="D17362">
        <v>0</v>
      </c>
    </row>
    <row r="17363" spans="1:4" x14ac:dyDescent="0.25">
      <c r="A17363" t="s">
        <v>27579</v>
      </c>
      <c r="B17363" t="s">
        <v>27580</v>
      </c>
      <c r="C17363">
        <v>1</v>
      </c>
      <c r="D17363">
        <v>0</v>
      </c>
    </row>
    <row r="17364" spans="1:4" x14ac:dyDescent="0.25">
      <c r="A17364" t="s">
        <v>27579</v>
      </c>
      <c r="B17364" t="s">
        <v>27581</v>
      </c>
      <c r="C17364">
        <v>0</v>
      </c>
      <c r="D17364">
        <v>0</v>
      </c>
    </row>
    <row r="17365" spans="1:4" x14ac:dyDescent="0.25">
      <c r="A17365" t="s">
        <v>27582</v>
      </c>
      <c r="B17365" t="s">
        <v>27583</v>
      </c>
      <c r="C17365">
        <v>1</v>
      </c>
      <c r="D17365">
        <v>0</v>
      </c>
    </row>
    <row r="17366" spans="1:4" x14ac:dyDescent="0.25">
      <c r="A17366" t="s">
        <v>27584</v>
      </c>
      <c r="B17366" t="s">
        <v>27585</v>
      </c>
      <c r="C17366">
        <v>1</v>
      </c>
      <c r="D17366">
        <v>0</v>
      </c>
    </row>
    <row r="17367" spans="1:4" x14ac:dyDescent="0.25">
      <c r="A17367" t="s">
        <v>27584</v>
      </c>
      <c r="B17367" t="s">
        <v>27586</v>
      </c>
      <c r="C17367">
        <v>0</v>
      </c>
      <c r="D17367">
        <v>0</v>
      </c>
    </row>
    <row r="17368" spans="1:4" x14ac:dyDescent="0.25">
      <c r="A17368" t="s">
        <v>27587</v>
      </c>
      <c r="B17368" t="s">
        <v>27588</v>
      </c>
      <c r="C17368">
        <v>1</v>
      </c>
      <c r="D17368">
        <v>0</v>
      </c>
    </row>
    <row r="17369" spans="1:4" x14ac:dyDescent="0.25">
      <c r="A17369" t="s">
        <v>27587</v>
      </c>
      <c r="B17369" t="s">
        <v>27589</v>
      </c>
      <c r="C17369">
        <v>0</v>
      </c>
      <c r="D17369">
        <v>0</v>
      </c>
    </row>
    <row r="17370" spans="1:4" x14ac:dyDescent="0.25">
      <c r="A17370" t="s">
        <v>27590</v>
      </c>
      <c r="B17370" t="s">
        <v>27591</v>
      </c>
      <c r="C17370">
        <v>0</v>
      </c>
      <c r="D17370">
        <v>0</v>
      </c>
    </row>
    <row r="17371" spans="1:4" x14ac:dyDescent="0.25">
      <c r="A17371" t="s">
        <v>27592</v>
      </c>
      <c r="B17371" t="s">
        <v>27593</v>
      </c>
      <c r="C17371">
        <v>1</v>
      </c>
      <c r="D17371">
        <v>0</v>
      </c>
    </row>
    <row r="17372" spans="1:4" x14ac:dyDescent="0.25">
      <c r="A17372" t="s">
        <v>27594</v>
      </c>
      <c r="B17372" t="s">
        <v>27595</v>
      </c>
      <c r="C17372">
        <v>1</v>
      </c>
      <c r="D17372">
        <v>0</v>
      </c>
    </row>
    <row r="17373" spans="1:4" x14ac:dyDescent="0.25">
      <c r="A17373" t="s">
        <v>27596</v>
      </c>
      <c r="B17373" t="s">
        <v>27597</v>
      </c>
      <c r="C17373">
        <v>1</v>
      </c>
      <c r="D17373">
        <v>0</v>
      </c>
    </row>
    <row r="17374" spans="1:4" x14ac:dyDescent="0.25">
      <c r="A17374" t="s">
        <v>27598</v>
      </c>
      <c r="B17374" t="s">
        <v>27599</v>
      </c>
      <c r="C17374">
        <v>1</v>
      </c>
      <c r="D17374">
        <v>0</v>
      </c>
    </row>
    <row r="17375" spans="1:4" x14ac:dyDescent="0.25">
      <c r="A17375" t="s">
        <v>27598</v>
      </c>
      <c r="B17375" t="s">
        <v>27600</v>
      </c>
      <c r="C17375">
        <v>0</v>
      </c>
      <c r="D17375">
        <v>0</v>
      </c>
    </row>
    <row r="17376" spans="1:4" x14ac:dyDescent="0.25">
      <c r="A17376" t="s">
        <v>27601</v>
      </c>
      <c r="B17376" t="s">
        <v>27602</v>
      </c>
      <c r="C17376">
        <v>0</v>
      </c>
      <c r="D17376">
        <v>0</v>
      </c>
    </row>
    <row r="17377" spans="1:4" x14ac:dyDescent="0.25">
      <c r="A17377" t="s">
        <v>27603</v>
      </c>
      <c r="B17377" t="s">
        <v>27604</v>
      </c>
      <c r="C17377">
        <v>1</v>
      </c>
      <c r="D17377">
        <v>0</v>
      </c>
    </row>
    <row r="17378" spans="1:4" x14ac:dyDescent="0.25">
      <c r="A17378" t="s">
        <v>27605</v>
      </c>
      <c r="B17378" t="s">
        <v>27606</v>
      </c>
      <c r="C17378">
        <v>1</v>
      </c>
      <c r="D17378">
        <v>0</v>
      </c>
    </row>
    <row r="17379" spans="1:4" x14ac:dyDescent="0.25">
      <c r="A17379" t="s">
        <v>27607</v>
      </c>
      <c r="B17379" t="s">
        <v>27608</v>
      </c>
      <c r="C17379">
        <v>1</v>
      </c>
      <c r="D17379">
        <v>0</v>
      </c>
    </row>
    <row r="17380" spans="1:4" x14ac:dyDescent="0.25">
      <c r="A17380" t="s">
        <v>27609</v>
      </c>
      <c r="B17380" t="s">
        <v>27610</v>
      </c>
      <c r="C17380">
        <v>1</v>
      </c>
      <c r="D17380">
        <v>0</v>
      </c>
    </row>
    <row r="17381" spans="1:4" x14ac:dyDescent="0.25">
      <c r="A17381" t="s">
        <v>27611</v>
      </c>
      <c r="B17381" t="s">
        <v>27612</v>
      </c>
      <c r="C17381">
        <v>1</v>
      </c>
      <c r="D17381">
        <v>0</v>
      </c>
    </row>
    <row r="17382" spans="1:4" x14ac:dyDescent="0.25">
      <c r="A17382" t="s">
        <v>27611</v>
      </c>
      <c r="B17382" t="s">
        <v>27613</v>
      </c>
      <c r="C17382">
        <v>0</v>
      </c>
      <c r="D17382">
        <v>0</v>
      </c>
    </row>
    <row r="17383" spans="1:4" x14ac:dyDescent="0.25">
      <c r="A17383" t="s">
        <v>27614</v>
      </c>
      <c r="B17383" t="s">
        <v>27615</v>
      </c>
      <c r="C17383">
        <v>1</v>
      </c>
      <c r="D17383">
        <v>0</v>
      </c>
    </row>
    <row r="17384" spans="1:4" x14ac:dyDescent="0.25">
      <c r="A17384" t="s">
        <v>27616</v>
      </c>
      <c r="B17384" t="s">
        <v>27617</v>
      </c>
      <c r="C17384">
        <v>0</v>
      </c>
      <c r="D17384">
        <v>0</v>
      </c>
    </row>
    <row r="17385" spans="1:4" x14ac:dyDescent="0.25">
      <c r="A17385" t="s">
        <v>27618</v>
      </c>
      <c r="B17385" t="s">
        <v>27619</v>
      </c>
      <c r="C17385">
        <v>1</v>
      </c>
      <c r="D17385">
        <v>0</v>
      </c>
    </row>
    <row r="17386" spans="1:4" x14ac:dyDescent="0.25">
      <c r="A17386" t="s">
        <v>27620</v>
      </c>
      <c r="B17386" t="s">
        <v>27621</v>
      </c>
      <c r="C17386">
        <v>1</v>
      </c>
      <c r="D17386">
        <v>0</v>
      </c>
    </row>
    <row r="17387" spans="1:4" x14ac:dyDescent="0.25">
      <c r="A17387" t="s">
        <v>27620</v>
      </c>
      <c r="B17387" t="s">
        <v>27622</v>
      </c>
      <c r="C17387">
        <v>0</v>
      </c>
      <c r="D17387">
        <v>0</v>
      </c>
    </row>
    <row r="17388" spans="1:4" x14ac:dyDescent="0.25">
      <c r="A17388" t="s">
        <v>27623</v>
      </c>
      <c r="B17388" t="s">
        <v>27624</v>
      </c>
      <c r="C17388">
        <v>0</v>
      </c>
      <c r="D17388">
        <v>0</v>
      </c>
    </row>
    <row r="17389" spans="1:4" x14ac:dyDescent="0.25">
      <c r="A17389" t="s">
        <v>27625</v>
      </c>
      <c r="B17389" t="s">
        <v>27626</v>
      </c>
      <c r="C17389">
        <v>1</v>
      </c>
      <c r="D17389">
        <v>0</v>
      </c>
    </row>
    <row r="17390" spans="1:4" x14ac:dyDescent="0.25">
      <c r="A17390" t="s">
        <v>27627</v>
      </c>
      <c r="B17390" t="s">
        <v>27628</v>
      </c>
      <c r="C17390">
        <v>1</v>
      </c>
      <c r="D17390">
        <v>0</v>
      </c>
    </row>
    <row r="17391" spans="1:4" x14ac:dyDescent="0.25">
      <c r="A17391" t="s">
        <v>27629</v>
      </c>
      <c r="B17391" t="s">
        <v>27630</v>
      </c>
      <c r="C17391">
        <v>1</v>
      </c>
      <c r="D17391">
        <v>0</v>
      </c>
    </row>
    <row r="17392" spans="1:4" x14ac:dyDescent="0.25">
      <c r="A17392" t="s">
        <v>27629</v>
      </c>
      <c r="B17392" t="s">
        <v>27631</v>
      </c>
      <c r="C17392">
        <v>0</v>
      </c>
      <c r="D17392">
        <v>0</v>
      </c>
    </row>
    <row r="17393" spans="1:4" x14ac:dyDescent="0.25">
      <c r="A17393" t="s">
        <v>27632</v>
      </c>
      <c r="B17393" t="s">
        <v>27633</v>
      </c>
      <c r="C17393">
        <v>1</v>
      </c>
      <c r="D17393">
        <v>0</v>
      </c>
    </row>
    <row r="17394" spans="1:4" x14ac:dyDescent="0.25">
      <c r="A17394" t="s">
        <v>27634</v>
      </c>
      <c r="B17394" t="s">
        <v>27635</v>
      </c>
      <c r="C17394">
        <v>1</v>
      </c>
      <c r="D17394">
        <v>0</v>
      </c>
    </row>
    <row r="17395" spans="1:4" x14ac:dyDescent="0.25">
      <c r="A17395" t="s">
        <v>27634</v>
      </c>
      <c r="B17395" t="s">
        <v>27636</v>
      </c>
      <c r="C17395">
        <v>0</v>
      </c>
      <c r="D17395">
        <v>0</v>
      </c>
    </row>
    <row r="17396" spans="1:4" x14ac:dyDescent="0.25">
      <c r="A17396" t="s">
        <v>27637</v>
      </c>
      <c r="B17396" t="s">
        <v>27638</v>
      </c>
      <c r="C17396">
        <v>1</v>
      </c>
      <c r="D17396">
        <v>0</v>
      </c>
    </row>
    <row r="17397" spans="1:4" x14ac:dyDescent="0.25">
      <c r="A17397" t="s">
        <v>27639</v>
      </c>
      <c r="B17397" t="s">
        <v>27640</v>
      </c>
      <c r="C17397">
        <v>1</v>
      </c>
      <c r="D17397">
        <v>0</v>
      </c>
    </row>
    <row r="17398" spans="1:4" x14ac:dyDescent="0.25">
      <c r="A17398" t="s">
        <v>27639</v>
      </c>
      <c r="B17398" t="s">
        <v>2943</v>
      </c>
      <c r="C17398">
        <v>0</v>
      </c>
      <c r="D17398">
        <v>0</v>
      </c>
    </row>
    <row r="17399" spans="1:4" x14ac:dyDescent="0.25">
      <c r="A17399" t="s">
        <v>27641</v>
      </c>
      <c r="B17399" t="s">
        <v>27642</v>
      </c>
      <c r="C17399">
        <v>1</v>
      </c>
      <c r="D17399">
        <v>0</v>
      </c>
    </row>
    <row r="17400" spans="1:4" x14ac:dyDescent="0.25">
      <c r="A17400" t="s">
        <v>27641</v>
      </c>
      <c r="B17400" t="s">
        <v>27643</v>
      </c>
      <c r="C17400">
        <v>0</v>
      </c>
      <c r="D17400">
        <v>0</v>
      </c>
    </row>
    <row r="17401" spans="1:4" x14ac:dyDescent="0.25">
      <c r="A17401" t="s">
        <v>27644</v>
      </c>
      <c r="B17401" t="s">
        <v>27645</v>
      </c>
      <c r="C17401">
        <v>1</v>
      </c>
      <c r="D17401">
        <v>0</v>
      </c>
    </row>
    <row r="17402" spans="1:4" x14ac:dyDescent="0.25">
      <c r="A17402" t="s">
        <v>27646</v>
      </c>
      <c r="B17402" t="s">
        <v>27647</v>
      </c>
      <c r="C17402">
        <v>1</v>
      </c>
      <c r="D17402">
        <v>0</v>
      </c>
    </row>
    <row r="17403" spans="1:4" x14ac:dyDescent="0.25">
      <c r="A17403" t="s">
        <v>27648</v>
      </c>
      <c r="B17403" t="s">
        <v>27649</v>
      </c>
      <c r="C17403">
        <v>1</v>
      </c>
      <c r="D17403">
        <v>0</v>
      </c>
    </row>
    <row r="17404" spans="1:4" x14ac:dyDescent="0.25">
      <c r="A17404" t="s">
        <v>27648</v>
      </c>
      <c r="B17404" t="s">
        <v>27650</v>
      </c>
      <c r="C17404">
        <v>0</v>
      </c>
      <c r="D17404">
        <v>0</v>
      </c>
    </row>
    <row r="17405" spans="1:4" x14ac:dyDescent="0.25">
      <c r="A17405" t="s">
        <v>27651</v>
      </c>
      <c r="B17405" t="s">
        <v>27652</v>
      </c>
      <c r="C17405">
        <v>0</v>
      </c>
      <c r="D17405">
        <v>0</v>
      </c>
    </row>
    <row r="17406" spans="1:4" x14ac:dyDescent="0.25">
      <c r="A17406" t="s">
        <v>27653</v>
      </c>
      <c r="B17406" t="s">
        <v>27654</v>
      </c>
      <c r="C17406">
        <v>1</v>
      </c>
      <c r="D17406">
        <v>0</v>
      </c>
    </row>
    <row r="17407" spans="1:4" x14ac:dyDescent="0.25">
      <c r="A17407" t="s">
        <v>27655</v>
      </c>
      <c r="B17407" t="s">
        <v>27656</v>
      </c>
      <c r="C17407">
        <v>0</v>
      </c>
      <c r="D17407">
        <v>0</v>
      </c>
    </row>
    <row r="17408" spans="1:4" x14ac:dyDescent="0.25">
      <c r="A17408" t="s">
        <v>27657</v>
      </c>
      <c r="B17408" t="s">
        <v>27658</v>
      </c>
      <c r="C17408">
        <v>1</v>
      </c>
      <c r="D17408">
        <v>0</v>
      </c>
    </row>
    <row r="17409" spans="1:4" x14ac:dyDescent="0.25">
      <c r="A17409" t="s">
        <v>27659</v>
      </c>
      <c r="B17409" t="s">
        <v>27660</v>
      </c>
      <c r="C17409">
        <v>1</v>
      </c>
      <c r="D17409">
        <v>0</v>
      </c>
    </row>
    <row r="17410" spans="1:4" x14ac:dyDescent="0.25">
      <c r="A17410" t="s">
        <v>27659</v>
      </c>
      <c r="B17410" t="s">
        <v>27661</v>
      </c>
      <c r="C17410">
        <v>0</v>
      </c>
      <c r="D17410">
        <v>0</v>
      </c>
    </row>
    <row r="17411" spans="1:4" x14ac:dyDescent="0.25">
      <c r="A17411" t="s">
        <v>27662</v>
      </c>
      <c r="B17411" t="s">
        <v>27663</v>
      </c>
      <c r="C17411">
        <v>0</v>
      </c>
      <c r="D17411">
        <v>0</v>
      </c>
    </row>
    <row r="17412" spans="1:4" x14ac:dyDescent="0.25">
      <c r="A17412" t="s">
        <v>27664</v>
      </c>
      <c r="B17412" t="s">
        <v>27665</v>
      </c>
      <c r="C17412">
        <v>1</v>
      </c>
      <c r="D17412">
        <v>0</v>
      </c>
    </row>
    <row r="17413" spans="1:4" x14ac:dyDescent="0.25">
      <c r="A17413" t="s">
        <v>27666</v>
      </c>
      <c r="B17413" t="s">
        <v>27667</v>
      </c>
      <c r="C17413">
        <v>0</v>
      </c>
      <c r="D17413">
        <v>0</v>
      </c>
    </row>
    <row r="17414" spans="1:4" x14ac:dyDescent="0.25">
      <c r="A17414" t="s">
        <v>27668</v>
      </c>
      <c r="B17414" t="s">
        <v>27669</v>
      </c>
      <c r="C17414">
        <v>1</v>
      </c>
      <c r="D17414">
        <v>0</v>
      </c>
    </row>
    <row r="17415" spans="1:4" x14ac:dyDescent="0.25">
      <c r="A17415" t="s">
        <v>27670</v>
      </c>
      <c r="B17415" t="s">
        <v>27671</v>
      </c>
      <c r="C17415">
        <v>0</v>
      </c>
      <c r="D17415">
        <v>0</v>
      </c>
    </row>
    <row r="17416" spans="1:4" x14ac:dyDescent="0.25">
      <c r="A17416" t="s">
        <v>27672</v>
      </c>
      <c r="B17416" t="s">
        <v>27673</v>
      </c>
      <c r="C17416">
        <v>1</v>
      </c>
      <c r="D17416">
        <v>0</v>
      </c>
    </row>
    <row r="17417" spans="1:4" x14ac:dyDescent="0.25">
      <c r="A17417" t="s">
        <v>27674</v>
      </c>
      <c r="B17417" t="s">
        <v>11506</v>
      </c>
      <c r="C17417">
        <v>1</v>
      </c>
      <c r="D17417">
        <v>0</v>
      </c>
    </row>
    <row r="17418" spans="1:4" x14ac:dyDescent="0.25">
      <c r="A17418" t="s">
        <v>27674</v>
      </c>
      <c r="B17418" t="s">
        <v>27675</v>
      </c>
      <c r="C17418">
        <v>0</v>
      </c>
      <c r="D17418">
        <v>0</v>
      </c>
    </row>
    <row r="17419" spans="1:4" x14ac:dyDescent="0.25">
      <c r="A17419" t="s">
        <v>27676</v>
      </c>
      <c r="B17419" t="s">
        <v>27677</v>
      </c>
      <c r="C17419">
        <v>1</v>
      </c>
      <c r="D17419">
        <v>0</v>
      </c>
    </row>
    <row r="17420" spans="1:4" x14ac:dyDescent="0.25">
      <c r="A17420" t="s">
        <v>27676</v>
      </c>
      <c r="B17420" t="s">
        <v>27678</v>
      </c>
      <c r="C17420">
        <v>0</v>
      </c>
      <c r="D17420">
        <v>0</v>
      </c>
    </row>
    <row r="17421" spans="1:4" x14ac:dyDescent="0.25">
      <c r="A17421" t="s">
        <v>27679</v>
      </c>
      <c r="B17421" t="s">
        <v>27680</v>
      </c>
      <c r="C17421">
        <v>0</v>
      </c>
      <c r="D17421">
        <v>0</v>
      </c>
    </row>
    <row r="17422" spans="1:4" x14ac:dyDescent="0.25">
      <c r="A17422" t="s">
        <v>27681</v>
      </c>
      <c r="B17422" t="s">
        <v>27682</v>
      </c>
      <c r="C17422">
        <v>0</v>
      </c>
      <c r="D17422">
        <v>0</v>
      </c>
    </row>
    <row r="17423" spans="1:4" x14ac:dyDescent="0.25">
      <c r="A17423" t="s">
        <v>27683</v>
      </c>
      <c r="B17423" t="s">
        <v>27684</v>
      </c>
      <c r="C17423">
        <v>1</v>
      </c>
      <c r="D17423">
        <v>0</v>
      </c>
    </row>
    <row r="17424" spans="1:4" x14ac:dyDescent="0.25">
      <c r="A17424" t="s">
        <v>27683</v>
      </c>
      <c r="B17424" t="s">
        <v>27685</v>
      </c>
      <c r="C17424">
        <v>0</v>
      </c>
      <c r="D17424">
        <v>0</v>
      </c>
    </row>
    <row r="17425" spans="1:4" x14ac:dyDescent="0.25">
      <c r="A17425" t="s">
        <v>27686</v>
      </c>
      <c r="B17425" t="s">
        <v>27687</v>
      </c>
      <c r="C17425">
        <v>1</v>
      </c>
      <c r="D17425">
        <v>0</v>
      </c>
    </row>
    <row r="17426" spans="1:4" x14ac:dyDescent="0.25">
      <c r="A17426" t="s">
        <v>27686</v>
      </c>
      <c r="B17426" t="s">
        <v>27688</v>
      </c>
      <c r="C17426">
        <v>0</v>
      </c>
      <c r="D17426">
        <v>0</v>
      </c>
    </row>
    <row r="17427" spans="1:4" x14ac:dyDescent="0.25">
      <c r="A17427" t="s">
        <v>27689</v>
      </c>
      <c r="B17427" t="s">
        <v>27690</v>
      </c>
      <c r="C17427">
        <v>0</v>
      </c>
      <c r="D17427">
        <v>0</v>
      </c>
    </row>
    <row r="17428" spans="1:4" x14ac:dyDescent="0.25">
      <c r="A17428" t="s">
        <v>27691</v>
      </c>
      <c r="B17428" t="s">
        <v>27692</v>
      </c>
      <c r="C17428">
        <v>1</v>
      </c>
      <c r="D17428">
        <v>0</v>
      </c>
    </row>
    <row r="17429" spans="1:4" x14ac:dyDescent="0.25">
      <c r="A17429" t="s">
        <v>27691</v>
      </c>
      <c r="B17429" t="s">
        <v>27693</v>
      </c>
      <c r="C17429">
        <v>0</v>
      </c>
      <c r="D17429">
        <v>0</v>
      </c>
    </row>
    <row r="17430" spans="1:4" x14ac:dyDescent="0.25">
      <c r="A17430" t="s">
        <v>27694</v>
      </c>
      <c r="B17430" t="s">
        <v>27695</v>
      </c>
      <c r="C17430">
        <v>1</v>
      </c>
      <c r="D17430">
        <v>0</v>
      </c>
    </row>
    <row r="17431" spans="1:4" x14ac:dyDescent="0.25">
      <c r="A17431" t="s">
        <v>27694</v>
      </c>
      <c r="B17431" t="s">
        <v>27696</v>
      </c>
      <c r="C17431">
        <v>0</v>
      </c>
      <c r="D17431">
        <v>0</v>
      </c>
    </row>
    <row r="17432" spans="1:4" x14ac:dyDescent="0.25">
      <c r="A17432" t="s">
        <v>27697</v>
      </c>
      <c r="B17432" t="s">
        <v>27698</v>
      </c>
      <c r="C17432">
        <v>1</v>
      </c>
      <c r="D17432">
        <v>0</v>
      </c>
    </row>
    <row r="17433" spans="1:4" x14ac:dyDescent="0.25">
      <c r="A17433" t="s">
        <v>27697</v>
      </c>
      <c r="B17433" t="s">
        <v>27699</v>
      </c>
      <c r="C17433">
        <v>0</v>
      </c>
      <c r="D17433">
        <v>0</v>
      </c>
    </row>
    <row r="17434" spans="1:4" x14ac:dyDescent="0.25">
      <c r="A17434" t="s">
        <v>27700</v>
      </c>
      <c r="B17434" t="s">
        <v>27701</v>
      </c>
      <c r="C17434">
        <v>1</v>
      </c>
      <c r="D17434">
        <v>0</v>
      </c>
    </row>
    <row r="17435" spans="1:4" x14ac:dyDescent="0.25">
      <c r="A17435" t="s">
        <v>27700</v>
      </c>
      <c r="B17435" t="s">
        <v>27702</v>
      </c>
      <c r="C17435">
        <v>0</v>
      </c>
      <c r="D17435">
        <v>0</v>
      </c>
    </row>
    <row r="17436" spans="1:4" x14ac:dyDescent="0.25">
      <c r="A17436" t="s">
        <v>27703</v>
      </c>
      <c r="B17436" t="s">
        <v>27704</v>
      </c>
      <c r="C17436">
        <v>1</v>
      </c>
      <c r="D17436">
        <v>0</v>
      </c>
    </row>
    <row r="17437" spans="1:4" x14ac:dyDescent="0.25">
      <c r="A17437" t="s">
        <v>27705</v>
      </c>
      <c r="B17437" t="s">
        <v>27706</v>
      </c>
      <c r="C17437">
        <v>1</v>
      </c>
      <c r="D17437">
        <v>0</v>
      </c>
    </row>
    <row r="17438" spans="1:4" x14ac:dyDescent="0.25">
      <c r="A17438" t="s">
        <v>27707</v>
      </c>
      <c r="B17438" t="s">
        <v>27708</v>
      </c>
      <c r="C17438">
        <v>1</v>
      </c>
      <c r="D17438">
        <v>0</v>
      </c>
    </row>
    <row r="17439" spans="1:4" x14ac:dyDescent="0.25">
      <c r="A17439" t="s">
        <v>27709</v>
      </c>
      <c r="B17439" t="s">
        <v>27710</v>
      </c>
      <c r="C17439">
        <v>0</v>
      </c>
      <c r="D17439">
        <v>0</v>
      </c>
    </row>
    <row r="17440" spans="1:4" x14ac:dyDescent="0.25">
      <c r="A17440" t="s">
        <v>27711</v>
      </c>
      <c r="B17440" t="s">
        <v>27712</v>
      </c>
      <c r="C17440">
        <v>1</v>
      </c>
      <c r="D17440">
        <v>0</v>
      </c>
    </row>
    <row r="17441" spans="1:4" x14ac:dyDescent="0.25">
      <c r="A17441" t="s">
        <v>27713</v>
      </c>
      <c r="B17441" t="s">
        <v>27714</v>
      </c>
      <c r="C17441">
        <v>1</v>
      </c>
      <c r="D17441">
        <v>0</v>
      </c>
    </row>
    <row r="17442" spans="1:4" x14ac:dyDescent="0.25">
      <c r="A17442" t="s">
        <v>27715</v>
      </c>
      <c r="B17442" t="s">
        <v>27716</v>
      </c>
      <c r="C17442">
        <v>0</v>
      </c>
      <c r="D17442">
        <v>0</v>
      </c>
    </row>
    <row r="17443" spans="1:4" x14ac:dyDescent="0.25">
      <c r="A17443" t="s">
        <v>27717</v>
      </c>
      <c r="B17443" t="s">
        <v>27718</v>
      </c>
      <c r="C17443">
        <v>1</v>
      </c>
      <c r="D17443">
        <v>0</v>
      </c>
    </row>
    <row r="17444" spans="1:4" x14ac:dyDescent="0.25">
      <c r="A17444" t="s">
        <v>27719</v>
      </c>
      <c r="B17444" t="s">
        <v>27720</v>
      </c>
      <c r="C17444">
        <v>0</v>
      </c>
      <c r="D17444">
        <v>0</v>
      </c>
    </row>
    <row r="17445" spans="1:4" x14ac:dyDescent="0.25">
      <c r="A17445" t="s">
        <v>27721</v>
      </c>
      <c r="B17445" t="s">
        <v>27722</v>
      </c>
      <c r="C17445">
        <v>1</v>
      </c>
      <c r="D17445">
        <v>0</v>
      </c>
    </row>
    <row r="17446" spans="1:4" x14ac:dyDescent="0.25">
      <c r="A17446" t="s">
        <v>27723</v>
      </c>
      <c r="B17446" t="s">
        <v>27724</v>
      </c>
      <c r="C17446">
        <v>1</v>
      </c>
      <c r="D17446">
        <v>0</v>
      </c>
    </row>
    <row r="17447" spans="1:4" x14ac:dyDescent="0.25">
      <c r="A17447" t="s">
        <v>27723</v>
      </c>
      <c r="B17447" t="s">
        <v>11948</v>
      </c>
      <c r="C17447">
        <v>0</v>
      </c>
      <c r="D17447">
        <v>0</v>
      </c>
    </row>
    <row r="17448" spans="1:4" x14ac:dyDescent="0.25">
      <c r="A17448" t="s">
        <v>27725</v>
      </c>
      <c r="B17448" t="s">
        <v>27726</v>
      </c>
      <c r="C17448">
        <v>1</v>
      </c>
      <c r="D17448">
        <v>0</v>
      </c>
    </row>
    <row r="17449" spans="1:4" x14ac:dyDescent="0.25">
      <c r="A17449" t="s">
        <v>27725</v>
      </c>
      <c r="B17449" t="s">
        <v>27727</v>
      </c>
      <c r="C17449">
        <v>0</v>
      </c>
      <c r="D17449">
        <v>0</v>
      </c>
    </row>
    <row r="17450" spans="1:4" x14ac:dyDescent="0.25">
      <c r="A17450" t="s">
        <v>27728</v>
      </c>
      <c r="B17450" t="s">
        <v>27729</v>
      </c>
      <c r="C17450">
        <v>1</v>
      </c>
      <c r="D17450">
        <v>0</v>
      </c>
    </row>
    <row r="17451" spans="1:4" x14ac:dyDescent="0.25">
      <c r="A17451" t="s">
        <v>27728</v>
      </c>
      <c r="B17451" t="s">
        <v>11948</v>
      </c>
      <c r="C17451">
        <v>0</v>
      </c>
      <c r="D17451">
        <v>0</v>
      </c>
    </row>
    <row r="17452" spans="1:4" x14ac:dyDescent="0.25">
      <c r="A17452" t="s">
        <v>27730</v>
      </c>
      <c r="B17452" t="s">
        <v>27731</v>
      </c>
      <c r="C17452">
        <v>0</v>
      </c>
      <c r="D17452">
        <v>0</v>
      </c>
    </row>
    <row r="17453" spans="1:4" x14ac:dyDescent="0.25">
      <c r="A17453" t="s">
        <v>27732</v>
      </c>
      <c r="B17453" t="s">
        <v>27733</v>
      </c>
      <c r="C17453">
        <v>1</v>
      </c>
      <c r="D17453">
        <v>0</v>
      </c>
    </row>
    <row r="17454" spans="1:4" x14ac:dyDescent="0.25">
      <c r="A17454" t="s">
        <v>27732</v>
      </c>
      <c r="B17454" t="s">
        <v>27734</v>
      </c>
      <c r="C17454">
        <v>0</v>
      </c>
      <c r="D17454">
        <v>0</v>
      </c>
    </row>
    <row r="17455" spans="1:4" x14ac:dyDescent="0.25">
      <c r="A17455" t="s">
        <v>27735</v>
      </c>
      <c r="B17455" t="s">
        <v>27736</v>
      </c>
      <c r="C17455">
        <v>1</v>
      </c>
      <c r="D17455">
        <v>0</v>
      </c>
    </row>
    <row r="17456" spans="1:4" x14ac:dyDescent="0.25">
      <c r="A17456" t="s">
        <v>27737</v>
      </c>
      <c r="B17456" t="s">
        <v>27738</v>
      </c>
      <c r="C17456">
        <v>1</v>
      </c>
      <c r="D17456">
        <v>0</v>
      </c>
    </row>
    <row r="17457" spans="1:4" x14ac:dyDescent="0.25">
      <c r="A17457" t="s">
        <v>27737</v>
      </c>
      <c r="B17457" t="s">
        <v>27739</v>
      </c>
      <c r="C17457">
        <v>0</v>
      </c>
      <c r="D17457">
        <v>0</v>
      </c>
    </row>
    <row r="17458" spans="1:4" x14ac:dyDescent="0.25">
      <c r="A17458" t="s">
        <v>27740</v>
      </c>
      <c r="B17458" t="s">
        <v>27741</v>
      </c>
      <c r="C17458">
        <v>1</v>
      </c>
      <c r="D17458">
        <v>0</v>
      </c>
    </row>
    <row r="17459" spans="1:4" x14ac:dyDescent="0.25">
      <c r="A17459" t="s">
        <v>27740</v>
      </c>
      <c r="B17459" t="s">
        <v>27742</v>
      </c>
      <c r="C17459">
        <v>0</v>
      </c>
      <c r="D17459">
        <v>0</v>
      </c>
    </row>
    <row r="17460" spans="1:4" x14ac:dyDescent="0.25">
      <c r="A17460" t="s">
        <v>27743</v>
      </c>
      <c r="B17460" t="s">
        <v>27744</v>
      </c>
      <c r="C17460">
        <v>1</v>
      </c>
      <c r="D17460">
        <v>0</v>
      </c>
    </row>
    <row r="17461" spans="1:4" x14ac:dyDescent="0.25">
      <c r="A17461" t="s">
        <v>27743</v>
      </c>
      <c r="B17461" t="s">
        <v>27745</v>
      </c>
      <c r="C17461">
        <v>0</v>
      </c>
      <c r="D17461">
        <v>0</v>
      </c>
    </row>
    <row r="17462" spans="1:4" x14ac:dyDescent="0.25">
      <c r="A17462" t="s">
        <v>27746</v>
      </c>
      <c r="B17462" t="s">
        <v>27747</v>
      </c>
      <c r="C17462">
        <v>0</v>
      </c>
      <c r="D17462">
        <v>0</v>
      </c>
    </row>
    <row r="17463" spans="1:4" x14ac:dyDescent="0.25">
      <c r="A17463" t="s">
        <v>27748</v>
      </c>
      <c r="B17463" t="s">
        <v>27749</v>
      </c>
      <c r="C17463">
        <v>1</v>
      </c>
      <c r="D17463">
        <v>0</v>
      </c>
    </row>
    <row r="17464" spans="1:4" x14ac:dyDescent="0.25">
      <c r="A17464" t="s">
        <v>27750</v>
      </c>
      <c r="B17464" t="s">
        <v>27751</v>
      </c>
      <c r="C17464">
        <v>1</v>
      </c>
      <c r="D17464">
        <v>0</v>
      </c>
    </row>
    <row r="17465" spans="1:4" x14ac:dyDescent="0.25">
      <c r="A17465" t="s">
        <v>27752</v>
      </c>
      <c r="B17465" t="s">
        <v>27753</v>
      </c>
      <c r="C17465">
        <v>1</v>
      </c>
      <c r="D17465">
        <v>0</v>
      </c>
    </row>
    <row r="17466" spans="1:4" x14ac:dyDescent="0.25">
      <c r="A17466" t="s">
        <v>27754</v>
      </c>
      <c r="B17466" t="s">
        <v>27755</v>
      </c>
      <c r="C17466">
        <v>1</v>
      </c>
      <c r="D17466">
        <v>0</v>
      </c>
    </row>
    <row r="17467" spans="1:4" x14ac:dyDescent="0.25">
      <c r="A17467" t="s">
        <v>27754</v>
      </c>
      <c r="B17467" t="s">
        <v>27756</v>
      </c>
      <c r="C17467">
        <v>0</v>
      </c>
      <c r="D17467">
        <v>0</v>
      </c>
    </row>
    <row r="17468" spans="1:4" x14ac:dyDescent="0.25">
      <c r="A17468" t="s">
        <v>27757</v>
      </c>
      <c r="B17468" t="s">
        <v>27758</v>
      </c>
      <c r="C17468">
        <v>1</v>
      </c>
      <c r="D17468">
        <v>0</v>
      </c>
    </row>
    <row r="17469" spans="1:4" x14ac:dyDescent="0.25">
      <c r="A17469" t="s">
        <v>27757</v>
      </c>
      <c r="B17469" t="s">
        <v>27759</v>
      </c>
      <c r="C17469">
        <v>0</v>
      </c>
      <c r="D17469">
        <v>0</v>
      </c>
    </row>
    <row r="17470" spans="1:4" x14ac:dyDescent="0.25">
      <c r="A17470" t="s">
        <v>27760</v>
      </c>
      <c r="B17470" t="s">
        <v>27761</v>
      </c>
      <c r="C17470">
        <v>0</v>
      </c>
      <c r="D17470">
        <v>0</v>
      </c>
    </row>
    <row r="17471" spans="1:4" x14ac:dyDescent="0.25">
      <c r="A17471" t="s">
        <v>27762</v>
      </c>
      <c r="B17471" t="s">
        <v>27763</v>
      </c>
      <c r="C17471">
        <v>0</v>
      </c>
      <c r="D17471">
        <v>0</v>
      </c>
    </row>
    <row r="17472" spans="1:4" x14ac:dyDescent="0.25">
      <c r="A17472" t="s">
        <v>27764</v>
      </c>
      <c r="B17472" t="s">
        <v>27765</v>
      </c>
      <c r="C17472">
        <v>1</v>
      </c>
      <c r="D17472">
        <v>0</v>
      </c>
    </row>
    <row r="17473" spans="1:4" x14ac:dyDescent="0.25">
      <c r="A17473" t="s">
        <v>27766</v>
      </c>
      <c r="B17473" t="s">
        <v>27767</v>
      </c>
      <c r="C17473">
        <v>1</v>
      </c>
      <c r="D17473">
        <v>0</v>
      </c>
    </row>
    <row r="17474" spans="1:4" x14ac:dyDescent="0.25">
      <c r="A17474" t="s">
        <v>27766</v>
      </c>
      <c r="B17474" t="s">
        <v>27768</v>
      </c>
      <c r="C17474">
        <v>0</v>
      </c>
      <c r="D17474">
        <v>0</v>
      </c>
    </row>
    <row r="17475" spans="1:4" x14ac:dyDescent="0.25">
      <c r="A17475" t="s">
        <v>27769</v>
      </c>
      <c r="B17475" t="s">
        <v>27770</v>
      </c>
      <c r="C17475">
        <v>1</v>
      </c>
      <c r="D17475">
        <v>0</v>
      </c>
    </row>
    <row r="17476" spans="1:4" x14ac:dyDescent="0.25">
      <c r="A17476" t="s">
        <v>27769</v>
      </c>
      <c r="B17476" t="s">
        <v>27771</v>
      </c>
      <c r="C17476">
        <v>0</v>
      </c>
      <c r="D17476">
        <v>0</v>
      </c>
    </row>
    <row r="17477" spans="1:4" x14ac:dyDescent="0.25">
      <c r="A17477" t="s">
        <v>27772</v>
      </c>
      <c r="B17477" t="s">
        <v>27773</v>
      </c>
      <c r="C17477">
        <v>1</v>
      </c>
      <c r="D17477">
        <v>0</v>
      </c>
    </row>
    <row r="17478" spans="1:4" x14ac:dyDescent="0.25">
      <c r="A17478" t="s">
        <v>27772</v>
      </c>
      <c r="B17478" t="s">
        <v>27774</v>
      </c>
      <c r="C17478">
        <v>0</v>
      </c>
      <c r="D17478">
        <v>0</v>
      </c>
    </row>
    <row r="17479" spans="1:4" x14ac:dyDescent="0.25">
      <c r="A17479" t="s">
        <v>27775</v>
      </c>
      <c r="B17479" t="s">
        <v>27776</v>
      </c>
      <c r="C17479">
        <v>0</v>
      </c>
      <c r="D17479">
        <v>0</v>
      </c>
    </row>
    <row r="17480" spans="1:4" x14ac:dyDescent="0.25">
      <c r="A17480" t="s">
        <v>27777</v>
      </c>
      <c r="B17480" t="s">
        <v>27778</v>
      </c>
      <c r="C17480">
        <v>1</v>
      </c>
      <c r="D17480">
        <v>0</v>
      </c>
    </row>
    <row r="17481" spans="1:4" x14ac:dyDescent="0.25">
      <c r="A17481" t="s">
        <v>27779</v>
      </c>
      <c r="B17481" t="s">
        <v>27780</v>
      </c>
      <c r="C17481">
        <v>1</v>
      </c>
      <c r="D17481">
        <v>0</v>
      </c>
    </row>
    <row r="17482" spans="1:4" x14ac:dyDescent="0.25">
      <c r="A17482" t="s">
        <v>27781</v>
      </c>
      <c r="B17482" t="s">
        <v>27782</v>
      </c>
      <c r="C17482">
        <v>1</v>
      </c>
      <c r="D17482">
        <v>0</v>
      </c>
    </row>
    <row r="17483" spans="1:4" x14ac:dyDescent="0.25">
      <c r="A17483" t="s">
        <v>27783</v>
      </c>
      <c r="B17483" t="s">
        <v>27784</v>
      </c>
      <c r="C17483">
        <v>1</v>
      </c>
      <c r="D17483">
        <v>0</v>
      </c>
    </row>
    <row r="17484" spans="1:4" x14ac:dyDescent="0.25">
      <c r="A17484" t="s">
        <v>27785</v>
      </c>
      <c r="B17484" t="s">
        <v>27786</v>
      </c>
      <c r="C17484">
        <v>1</v>
      </c>
      <c r="D17484">
        <v>0</v>
      </c>
    </row>
    <row r="17485" spans="1:4" x14ac:dyDescent="0.25">
      <c r="A17485" t="s">
        <v>27785</v>
      </c>
      <c r="B17485" t="s">
        <v>27787</v>
      </c>
      <c r="C17485">
        <v>0</v>
      </c>
      <c r="D17485">
        <v>0</v>
      </c>
    </row>
    <row r="17486" spans="1:4" x14ac:dyDescent="0.25">
      <c r="A17486" t="s">
        <v>27788</v>
      </c>
      <c r="B17486" t="s">
        <v>27789</v>
      </c>
      <c r="C17486">
        <v>0</v>
      </c>
      <c r="D17486">
        <v>0</v>
      </c>
    </row>
    <row r="17487" spans="1:4" x14ac:dyDescent="0.25">
      <c r="A17487" t="s">
        <v>27790</v>
      </c>
      <c r="B17487" t="s">
        <v>27791</v>
      </c>
      <c r="C17487">
        <v>0</v>
      </c>
      <c r="D17487">
        <v>0</v>
      </c>
    </row>
    <row r="17488" spans="1:4" x14ac:dyDescent="0.25">
      <c r="A17488" t="s">
        <v>27792</v>
      </c>
      <c r="B17488" t="s">
        <v>27793</v>
      </c>
      <c r="C17488">
        <v>1</v>
      </c>
      <c r="D17488">
        <v>0</v>
      </c>
    </row>
    <row r="17489" spans="1:4" x14ac:dyDescent="0.25">
      <c r="A17489" t="s">
        <v>27792</v>
      </c>
      <c r="B17489" t="s">
        <v>27794</v>
      </c>
      <c r="C17489">
        <v>0</v>
      </c>
      <c r="D17489">
        <v>0</v>
      </c>
    </row>
    <row r="17490" spans="1:4" x14ac:dyDescent="0.25">
      <c r="A17490" t="s">
        <v>27795</v>
      </c>
      <c r="B17490" t="s">
        <v>27796</v>
      </c>
      <c r="C17490">
        <v>1</v>
      </c>
      <c r="D17490">
        <v>0</v>
      </c>
    </row>
    <row r="17491" spans="1:4" x14ac:dyDescent="0.25">
      <c r="A17491" t="s">
        <v>27795</v>
      </c>
      <c r="B17491" t="s">
        <v>27797</v>
      </c>
      <c r="C17491">
        <v>0</v>
      </c>
      <c r="D17491">
        <v>0</v>
      </c>
    </row>
    <row r="17492" spans="1:4" x14ac:dyDescent="0.25">
      <c r="A17492" t="s">
        <v>27798</v>
      </c>
      <c r="B17492" t="s">
        <v>27799</v>
      </c>
      <c r="C17492">
        <v>1</v>
      </c>
      <c r="D17492">
        <v>0</v>
      </c>
    </row>
    <row r="17493" spans="1:4" x14ac:dyDescent="0.25">
      <c r="A17493" t="s">
        <v>27798</v>
      </c>
      <c r="B17493" t="s">
        <v>27800</v>
      </c>
      <c r="C17493">
        <v>0</v>
      </c>
      <c r="D17493">
        <v>0</v>
      </c>
    </row>
    <row r="17494" spans="1:4" x14ac:dyDescent="0.25">
      <c r="A17494" t="s">
        <v>27801</v>
      </c>
      <c r="B17494" t="s">
        <v>27802</v>
      </c>
      <c r="C17494">
        <v>1</v>
      </c>
      <c r="D17494">
        <v>0</v>
      </c>
    </row>
    <row r="17495" spans="1:4" x14ac:dyDescent="0.25">
      <c r="A17495" t="s">
        <v>27803</v>
      </c>
      <c r="B17495" t="s">
        <v>27804</v>
      </c>
      <c r="C17495">
        <v>0</v>
      </c>
      <c r="D17495">
        <v>0</v>
      </c>
    </row>
    <row r="17496" spans="1:4" x14ac:dyDescent="0.25">
      <c r="A17496" t="s">
        <v>27805</v>
      </c>
      <c r="B17496" t="s">
        <v>27806</v>
      </c>
      <c r="C17496">
        <v>0</v>
      </c>
      <c r="D17496">
        <v>0</v>
      </c>
    </row>
    <row r="17497" spans="1:4" x14ac:dyDescent="0.25">
      <c r="A17497" t="s">
        <v>27807</v>
      </c>
      <c r="B17497" t="s">
        <v>27808</v>
      </c>
      <c r="C17497">
        <v>1</v>
      </c>
      <c r="D17497">
        <v>0</v>
      </c>
    </row>
    <row r="17498" spans="1:4" x14ac:dyDescent="0.25">
      <c r="A17498" t="s">
        <v>27809</v>
      </c>
      <c r="B17498" t="s">
        <v>27810</v>
      </c>
      <c r="C17498">
        <v>1</v>
      </c>
      <c r="D17498">
        <v>0</v>
      </c>
    </row>
    <row r="17499" spans="1:4" x14ac:dyDescent="0.25">
      <c r="A17499" t="s">
        <v>27811</v>
      </c>
      <c r="B17499" t="s">
        <v>27812</v>
      </c>
      <c r="C17499">
        <v>1</v>
      </c>
      <c r="D17499">
        <v>0</v>
      </c>
    </row>
    <row r="17500" spans="1:4" x14ac:dyDescent="0.25">
      <c r="A17500" t="s">
        <v>27813</v>
      </c>
      <c r="B17500" t="s">
        <v>27814</v>
      </c>
      <c r="C17500">
        <v>1</v>
      </c>
      <c r="D17500">
        <v>0</v>
      </c>
    </row>
    <row r="17501" spans="1:4" x14ac:dyDescent="0.25">
      <c r="A17501" t="s">
        <v>27813</v>
      </c>
      <c r="B17501" t="s">
        <v>27815</v>
      </c>
      <c r="C17501">
        <v>0</v>
      </c>
      <c r="D17501">
        <v>0</v>
      </c>
    </row>
    <row r="17502" spans="1:4" x14ac:dyDescent="0.25">
      <c r="A17502" t="s">
        <v>27816</v>
      </c>
      <c r="B17502" t="s">
        <v>27817</v>
      </c>
      <c r="C17502">
        <v>1</v>
      </c>
      <c r="D17502">
        <v>0</v>
      </c>
    </row>
    <row r="17503" spans="1:4" x14ac:dyDescent="0.25">
      <c r="A17503" t="s">
        <v>27816</v>
      </c>
      <c r="B17503" t="s">
        <v>27818</v>
      </c>
      <c r="C17503">
        <v>0</v>
      </c>
      <c r="D17503">
        <v>0</v>
      </c>
    </row>
    <row r="17504" spans="1:4" x14ac:dyDescent="0.25">
      <c r="A17504" t="s">
        <v>27819</v>
      </c>
      <c r="B17504" t="s">
        <v>27820</v>
      </c>
      <c r="C17504">
        <v>1</v>
      </c>
      <c r="D17504">
        <v>0</v>
      </c>
    </row>
    <row r="17505" spans="1:4" x14ac:dyDescent="0.25">
      <c r="A17505" t="s">
        <v>27821</v>
      </c>
      <c r="B17505" t="s">
        <v>27822</v>
      </c>
      <c r="C17505">
        <v>1</v>
      </c>
      <c r="D17505">
        <v>0</v>
      </c>
    </row>
    <row r="17506" spans="1:4" x14ac:dyDescent="0.25">
      <c r="A17506" t="s">
        <v>27823</v>
      </c>
      <c r="B17506" t="s">
        <v>27824</v>
      </c>
      <c r="C17506">
        <v>1</v>
      </c>
      <c r="D17506">
        <v>0</v>
      </c>
    </row>
    <row r="17507" spans="1:4" x14ac:dyDescent="0.25">
      <c r="A17507" t="s">
        <v>27825</v>
      </c>
      <c r="B17507" t="s">
        <v>27826</v>
      </c>
      <c r="C17507">
        <v>1</v>
      </c>
      <c r="D17507">
        <v>0</v>
      </c>
    </row>
    <row r="17508" spans="1:4" x14ac:dyDescent="0.25">
      <c r="A17508" t="s">
        <v>27827</v>
      </c>
      <c r="B17508" t="s">
        <v>27828</v>
      </c>
      <c r="C17508">
        <v>0</v>
      </c>
      <c r="D17508">
        <v>0</v>
      </c>
    </row>
    <row r="17509" spans="1:4" x14ac:dyDescent="0.25">
      <c r="A17509" t="s">
        <v>27829</v>
      </c>
      <c r="B17509" t="s">
        <v>27830</v>
      </c>
      <c r="C17509">
        <v>0</v>
      </c>
      <c r="D17509">
        <v>0</v>
      </c>
    </row>
    <row r="17510" spans="1:4" x14ac:dyDescent="0.25">
      <c r="A17510" t="s">
        <v>27831</v>
      </c>
      <c r="B17510" t="s">
        <v>27832</v>
      </c>
      <c r="C17510">
        <v>1</v>
      </c>
      <c r="D17510">
        <v>0</v>
      </c>
    </row>
    <row r="17511" spans="1:4" x14ac:dyDescent="0.25">
      <c r="A17511" t="s">
        <v>27831</v>
      </c>
      <c r="B17511" t="s">
        <v>27833</v>
      </c>
      <c r="C17511">
        <v>0</v>
      </c>
      <c r="D17511">
        <v>0</v>
      </c>
    </row>
    <row r="17512" spans="1:4" x14ac:dyDescent="0.25">
      <c r="A17512" t="s">
        <v>27834</v>
      </c>
      <c r="B17512" t="s">
        <v>27835</v>
      </c>
      <c r="C17512">
        <v>1</v>
      </c>
      <c r="D17512">
        <v>0</v>
      </c>
    </row>
    <row r="17513" spans="1:4" x14ac:dyDescent="0.25">
      <c r="A17513" t="s">
        <v>27834</v>
      </c>
      <c r="B17513" t="s">
        <v>27836</v>
      </c>
      <c r="C17513">
        <v>0</v>
      </c>
      <c r="D17513">
        <v>0</v>
      </c>
    </row>
    <row r="17514" spans="1:4" x14ac:dyDescent="0.25">
      <c r="A17514" t="s">
        <v>27837</v>
      </c>
      <c r="B17514" t="s">
        <v>27838</v>
      </c>
      <c r="C17514">
        <v>0</v>
      </c>
      <c r="D17514">
        <v>0</v>
      </c>
    </row>
    <row r="17515" spans="1:4" x14ac:dyDescent="0.25">
      <c r="A17515" t="s">
        <v>27839</v>
      </c>
      <c r="B17515" t="s">
        <v>27840</v>
      </c>
      <c r="C17515">
        <v>1</v>
      </c>
      <c r="D17515">
        <v>0</v>
      </c>
    </row>
    <row r="17516" spans="1:4" x14ac:dyDescent="0.25">
      <c r="A17516" t="s">
        <v>27841</v>
      </c>
      <c r="B17516" t="s">
        <v>27842</v>
      </c>
      <c r="C17516">
        <v>0</v>
      </c>
      <c r="D17516">
        <v>0</v>
      </c>
    </row>
    <row r="17517" spans="1:4" x14ac:dyDescent="0.25">
      <c r="A17517" t="s">
        <v>27843</v>
      </c>
      <c r="B17517" t="s">
        <v>27844</v>
      </c>
      <c r="C17517">
        <v>1</v>
      </c>
      <c r="D17517">
        <v>0</v>
      </c>
    </row>
    <row r="17518" spans="1:4" x14ac:dyDescent="0.25">
      <c r="A17518" t="s">
        <v>27845</v>
      </c>
      <c r="B17518" t="s">
        <v>27846</v>
      </c>
      <c r="C17518">
        <v>0</v>
      </c>
      <c r="D17518">
        <v>0</v>
      </c>
    </row>
    <row r="17519" spans="1:4" x14ac:dyDescent="0.25">
      <c r="A17519" t="s">
        <v>27847</v>
      </c>
      <c r="B17519" t="s">
        <v>27848</v>
      </c>
      <c r="C17519">
        <v>1</v>
      </c>
      <c r="D17519">
        <v>0</v>
      </c>
    </row>
    <row r="17520" spans="1:4" x14ac:dyDescent="0.25">
      <c r="A17520" t="s">
        <v>27849</v>
      </c>
      <c r="B17520" t="s">
        <v>27850</v>
      </c>
      <c r="C17520">
        <v>0</v>
      </c>
      <c r="D17520">
        <v>0</v>
      </c>
    </row>
    <row r="17521" spans="1:4" x14ac:dyDescent="0.25">
      <c r="A17521" t="s">
        <v>27851</v>
      </c>
      <c r="B17521" t="s">
        <v>27852</v>
      </c>
      <c r="C17521">
        <v>1</v>
      </c>
      <c r="D17521">
        <v>0</v>
      </c>
    </row>
    <row r="17522" spans="1:4" x14ac:dyDescent="0.25">
      <c r="A17522" t="s">
        <v>27853</v>
      </c>
      <c r="B17522" t="s">
        <v>27854</v>
      </c>
      <c r="C17522">
        <v>1</v>
      </c>
      <c r="D17522">
        <v>0</v>
      </c>
    </row>
    <row r="17523" spans="1:4" x14ac:dyDescent="0.25">
      <c r="A17523" t="s">
        <v>27855</v>
      </c>
      <c r="B17523" t="s">
        <v>27856</v>
      </c>
      <c r="C17523">
        <v>0</v>
      </c>
      <c r="D17523">
        <v>0</v>
      </c>
    </row>
    <row r="17524" spans="1:4" x14ac:dyDescent="0.25">
      <c r="A17524" t="s">
        <v>27857</v>
      </c>
      <c r="B17524" t="s">
        <v>27858</v>
      </c>
      <c r="C17524">
        <v>1</v>
      </c>
      <c r="D17524">
        <v>0</v>
      </c>
    </row>
    <row r="17525" spans="1:4" x14ac:dyDescent="0.25">
      <c r="A17525" t="s">
        <v>27859</v>
      </c>
      <c r="B17525" t="s">
        <v>27860</v>
      </c>
      <c r="C17525">
        <v>1</v>
      </c>
      <c r="D17525">
        <v>0</v>
      </c>
    </row>
    <row r="17526" spans="1:4" x14ac:dyDescent="0.25">
      <c r="A17526" t="s">
        <v>27861</v>
      </c>
      <c r="B17526" t="s">
        <v>27862</v>
      </c>
      <c r="C17526">
        <v>1</v>
      </c>
      <c r="D17526">
        <v>0</v>
      </c>
    </row>
    <row r="17527" spans="1:4" x14ac:dyDescent="0.25">
      <c r="A17527" t="s">
        <v>27861</v>
      </c>
      <c r="B17527" t="s">
        <v>27863</v>
      </c>
      <c r="C17527">
        <v>0</v>
      </c>
      <c r="D17527">
        <v>0</v>
      </c>
    </row>
    <row r="17528" spans="1:4" x14ac:dyDescent="0.25">
      <c r="A17528" t="s">
        <v>27864</v>
      </c>
      <c r="B17528" t="s">
        <v>27865</v>
      </c>
      <c r="C17528">
        <v>1</v>
      </c>
      <c r="D17528">
        <v>0</v>
      </c>
    </row>
    <row r="17529" spans="1:4" x14ac:dyDescent="0.25">
      <c r="A17529" t="s">
        <v>27864</v>
      </c>
      <c r="B17529" t="s">
        <v>27866</v>
      </c>
      <c r="C17529">
        <v>0</v>
      </c>
      <c r="D17529">
        <v>0</v>
      </c>
    </row>
    <row r="17530" spans="1:4" x14ac:dyDescent="0.25">
      <c r="A17530" t="s">
        <v>27867</v>
      </c>
      <c r="B17530" t="s">
        <v>27868</v>
      </c>
      <c r="C17530">
        <v>1</v>
      </c>
      <c r="D17530">
        <v>0</v>
      </c>
    </row>
    <row r="17531" spans="1:4" x14ac:dyDescent="0.25">
      <c r="A17531" t="s">
        <v>27867</v>
      </c>
      <c r="B17531" t="s">
        <v>27869</v>
      </c>
      <c r="C17531">
        <v>0</v>
      </c>
      <c r="D17531">
        <v>0</v>
      </c>
    </row>
    <row r="17532" spans="1:4" x14ac:dyDescent="0.25">
      <c r="A17532" t="s">
        <v>27870</v>
      </c>
      <c r="B17532" t="s">
        <v>27871</v>
      </c>
      <c r="C17532">
        <v>1</v>
      </c>
      <c r="D17532">
        <v>0</v>
      </c>
    </row>
    <row r="17533" spans="1:4" x14ac:dyDescent="0.25">
      <c r="A17533" t="s">
        <v>27872</v>
      </c>
      <c r="B17533" t="s">
        <v>27873</v>
      </c>
      <c r="C17533">
        <v>1</v>
      </c>
      <c r="D17533">
        <v>0</v>
      </c>
    </row>
    <row r="17534" spans="1:4" x14ac:dyDescent="0.25">
      <c r="A17534" t="s">
        <v>27874</v>
      </c>
      <c r="B17534" t="s">
        <v>27875</v>
      </c>
      <c r="C17534">
        <v>0</v>
      </c>
      <c r="D17534">
        <v>0</v>
      </c>
    </row>
    <row r="17535" spans="1:4" x14ac:dyDescent="0.25">
      <c r="A17535" t="s">
        <v>27876</v>
      </c>
      <c r="B17535" t="s">
        <v>27877</v>
      </c>
      <c r="C17535">
        <v>1</v>
      </c>
      <c r="D17535">
        <v>0</v>
      </c>
    </row>
    <row r="17536" spans="1:4" x14ac:dyDescent="0.25">
      <c r="A17536" t="s">
        <v>27876</v>
      </c>
      <c r="B17536" t="s">
        <v>27878</v>
      </c>
      <c r="C17536">
        <v>0</v>
      </c>
      <c r="D17536">
        <v>0</v>
      </c>
    </row>
    <row r="17537" spans="1:4" x14ac:dyDescent="0.25">
      <c r="A17537" t="s">
        <v>27879</v>
      </c>
      <c r="B17537" t="s">
        <v>27880</v>
      </c>
      <c r="C17537">
        <v>1</v>
      </c>
      <c r="D17537">
        <v>0</v>
      </c>
    </row>
    <row r="17538" spans="1:4" x14ac:dyDescent="0.25">
      <c r="A17538" t="s">
        <v>27881</v>
      </c>
      <c r="B17538" t="s">
        <v>27882</v>
      </c>
      <c r="C17538">
        <v>1</v>
      </c>
      <c r="D17538">
        <v>0</v>
      </c>
    </row>
    <row r="17539" spans="1:4" x14ac:dyDescent="0.25">
      <c r="A17539" t="s">
        <v>27881</v>
      </c>
      <c r="B17539" t="s">
        <v>27883</v>
      </c>
      <c r="C17539">
        <v>0</v>
      </c>
      <c r="D17539">
        <v>0</v>
      </c>
    </row>
    <row r="17540" spans="1:4" x14ac:dyDescent="0.25">
      <c r="A17540" t="s">
        <v>27884</v>
      </c>
      <c r="B17540" t="s">
        <v>27885</v>
      </c>
      <c r="C17540">
        <v>1</v>
      </c>
      <c r="D17540">
        <v>0</v>
      </c>
    </row>
    <row r="17541" spans="1:4" x14ac:dyDescent="0.25">
      <c r="A17541" t="s">
        <v>27884</v>
      </c>
      <c r="B17541" t="s">
        <v>27886</v>
      </c>
      <c r="C17541">
        <v>0</v>
      </c>
      <c r="D17541">
        <v>0</v>
      </c>
    </row>
    <row r="17542" spans="1:4" x14ac:dyDescent="0.25">
      <c r="A17542" t="s">
        <v>27887</v>
      </c>
      <c r="B17542" t="s">
        <v>27888</v>
      </c>
      <c r="C17542">
        <v>1</v>
      </c>
      <c r="D17542">
        <v>0</v>
      </c>
    </row>
    <row r="17543" spans="1:4" x14ac:dyDescent="0.25">
      <c r="A17543" t="s">
        <v>27889</v>
      </c>
      <c r="B17543" t="s">
        <v>27890</v>
      </c>
      <c r="C17543">
        <v>0</v>
      </c>
      <c r="D17543">
        <v>0</v>
      </c>
    </row>
    <row r="17544" spans="1:4" x14ac:dyDescent="0.25">
      <c r="A17544" t="s">
        <v>27891</v>
      </c>
      <c r="B17544" t="s">
        <v>27892</v>
      </c>
      <c r="C17544">
        <v>0</v>
      </c>
      <c r="D17544">
        <v>0</v>
      </c>
    </row>
    <row r="17545" spans="1:4" x14ac:dyDescent="0.25">
      <c r="A17545" t="s">
        <v>27893</v>
      </c>
      <c r="B17545" t="s">
        <v>27894</v>
      </c>
      <c r="C17545">
        <v>0</v>
      </c>
      <c r="D17545">
        <v>0</v>
      </c>
    </row>
    <row r="17546" spans="1:4" x14ac:dyDescent="0.25">
      <c r="A17546" t="s">
        <v>27895</v>
      </c>
      <c r="B17546" t="s">
        <v>27896</v>
      </c>
      <c r="C17546">
        <v>0</v>
      </c>
      <c r="D17546">
        <v>0</v>
      </c>
    </row>
    <row r="17547" spans="1:4" x14ac:dyDescent="0.25">
      <c r="A17547" t="s">
        <v>27897</v>
      </c>
      <c r="B17547" t="s">
        <v>27898</v>
      </c>
      <c r="C17547">
        <v>1</v>
      </c>
      <c r="D17547">
        <v>0</v>
      </c>
    </row>
    <row r="17548" spans="1:4" x14ac:dyDescent="0.25">
      <c r="A17548" t="s">
        <v>27897</v>
      </c>
      <c r="B17548" t="s">
        <v>27899</v>
      </c>
      <c r="C17548">
        <v>0</v>
      </c>
      <c r="D17548">
        <v>0</v>
      </c>
    </row>
    <row r="17549" spans="1:4" x14ac:dyDescent="0.25">
      <c r="A17549" t="s">
        <v>27900</v>
      </c>
      <c r="B17549" t="s">
        <v>27901</v>
      </c>
      <c r="C17549">
        <v>1</v>
      </c>
      <c r="D17549">
        <v>0</v>
      </c>
    </row>
    <row r="17550" spans="1:4" x14ac:dyDescent="0.25">
      <c r="A17550" t="s">
        <v>27900</v>
      </c>
      <c r="B17550" t="s">
        <v>27902</v>
      </c>
      <c r="C17550">
        <v>0</v>
      </c>
      <c r="D17550">
        <v>0</v>
      </c>
    </row>
    <row r="17551" spans="1:4" x14ac:dyDescent="0.25">
      <c r="A17551" t="s">
        <v>27903</v>
      </c>
      <c r="B17551" t="s">
        <v>27904</v>
      </c>
      <c r="C17551">
        <v>0</v>
      </c>
      <c r="D17551">
        <v>0</v>
      </c>
    </row>
    <row r="17552" spans="1:4" x14ac:dyDescent="0.25">
      <c r="A17552" t="s">
        <v>27905</v>
      </c>
      <c r="B17552" t="s">
        <v>27906</v>
      </c>
      <c r="C17552">
        <v>1</v>
      </c>
      <c r="D17552">
        <v>0</v>
      </c>
    </row>
    <row r="17553" spans="1:4" x14ac:dyDescent="0.25">
      <c r="A17553" t="s">
        <v>27905</v>
      </c>
      <c r="B17553" t="s">
        <v>20641</v>
      </c>
      <c r="C17553">
        <v>0</v>
      </c>
      <c r="D17553">
        <v>0</v>
      </c>
    </row>
    <row r="17554" spans="1:4" x14ac:dyDescent="0.25">
      <c r="A17554" t="s">
        <v>27907</v>
      </c>
      <c r="B17554" t="s">
        <v>27908</v>
      </c>
      <c r="C17554">
        <v>0</v>
      </c>
      <c r="D17554">
        <v>0</v>
      </c>
    </row>
    <row r="17555" spans="1:4" x14ac:dyDescent="0.25">
      <c r="A17555" t="s">
        <v>27909</v>
      </c>
      <c r="B17555" t="s">
        <v>27910</v>
      </c>
      <c r="C17555">
        <v>1</v>
      </c>
      <c r="D17555">
        <v>0</v>
      </c>
    </row>
    <row r="17556" spans="1:4" x14ac:dyDescent="0.25">
      <c r="A17556" t="s">
        <v>27909</v>
      </c>
      <c r="B17556" t="s">
        <v>27911</v>
      </c>
      <c r="C17556">
        <v>0</v>
      </c>
      <c r="D17556">
        <v>0</v>
      </c>
    </row>
    <row r="17557" spans="1:4" x14ac:dyDescent="0.25">
      <c r="A17557" t="s">
        <v>27912</v>
      </c>
      <c r="B17557" t="s">
        <v>27913</v>
      </c>
      <c r="C17557">
        <v>0</v>
      </c>
      <c r="D17557">
        <v>0</v>
      </c>
    </row>
    <row r="17558" spans="1:4" x14ac:dyDescent="0.25">
      <c r="A17558" t="s">
        <v>27914</v>
      </c>
      <c r="B17558" t="s">
        <v>27915</v>
      </c>
      <c r="C17558">
        <v>0</v>
      </c>
      <c r="D17558">
        <v>0</v>
      </c>
    </row>
    <row r="17559" spans="1:4" x14ac:dyDescent="0.25">
      <c r="A17559" t="s">
        <v>27916</v>
      </c>
      <c r="B17559" t="s">
        <v>27917</v>
      </c>
      <c r="C17559">
        <v>1</v>
      </c>
      <c r="D17559">
        <v>0</v>
      </c>
    </row>
    <row r="17560" spans="1:4" x14ac:dyDescent="0.25">
      <c r="A17560" t="s">
        <v>27918</v>
      </c>
      <c r="B17560" t="s">
        <v>27919</v>
      </c>
      <c r="C17560">
        <v>1</v>
      </c>
      <c r="D17560">
        <v>0</v>
      </c>
    </row>
    <row r="17561" spans="1:4" x14ac:dyDescent="0.25">
      <c r="A17561" t="s">
        <v>27920</v>
      </c>
      <c r="B17561" t="s">
        <v>27921</v>
      </c>
      <c r="C17561">
        <v>1</v>
      </c>
      <c r="D17561">
        <v>0</v>
      </c>
    </row>
    <row r="17562" spans="1:4" x14ac:dyDescent="0.25">
      <c r="A17562" t="s">
        <v>27920</v>
      </c>
      <c r="B17562" t="s">
        <v>27922</v>
      </c>
      <c r="C17562">
        <v>0</v>
      </c>
      <c r="D17562">
        <v>0</v>
      </c>
    </row>
    <row r="17563" spans="1:4" x14ac:dyDescent="0.25">
      <c r="A17563" t="s">
        <v>27923</v>
      </c>
      <c r="B17563" t="s">
        <v>27924</v>
      </c>
      <c r="C17563">
        <v>1</v>
      </c>
      <c r="D17563">
        <v>0</v>
      </c>
    </row>
    <row r="17564" spans="1:4" x14ac:dyDescent="0.25">
      <c r="A17564" t="s">
        <v>27925</v>
      </c>
      <c r="B17564" t="s">
        <v>27926</v>
      </c>
      <c r="C17564">
        <v>1</v>
      </c>
      <c r="D17564">
        <v>0</v>
      </c>
    </row>
    <row r="17565" spans="1:4" x14ac:dyDescent="0.25">
      <c r="A17565" t="s">
        <v>27927</v>
      </c>
      <c r="B17565" t="s">
        <v>27928</v>
      </c>
      <c r="C17565">
        <v>1</v>
      </c>
      <c r="D17565">
        <v>0</v>
      </c>
    </row>
    <row r="17566" spans="1:4" x14ac:dyDescent="0.25">
      <c r="A17566" t="s">
        <v>27927</v>
      </c>
      <c r="B17566" t="s">
        <v>27929</v>
      </c>
      <c r="C17566">
        <v>0</v>
      </c>
      <c r="D17566">
        <v>0</v>
      </c>
    </row>
    <row r="17567" spans="1:4" x14ac:dyDescent="0.25">
      <c r="A17567" t="s">
        <v>27930</v>
      </c>
      <c r="B17567" t="s">
        <v>27931</v>
      </c>
      <c r="C17567">
        <v>1</v>
      </c>
      <c r="D17567">
        <v>0</v>
      </c>
    </row>
    <row r="17568" spans="1:4" x14ac:dyDescent="0.25">
      <c r="A17568" t="s">
        <v>27930</v>
      </c>
      <c r="B17568" t="s">
        <v>27932</v>
      </c>
      <c r="C17568">
        <v>0</v>
      </c>
      <c r="D17568">
        <v>0</v>
      </c>
    </row>
    <row r="17569" spans="1:4" x14ac:dyDescent="0.25">
      <c r="A17569" t="s">
        <v>27933</v>
      </c>
      <c r="B17569" t="s">
        <v>27934</v>
      </c>
      <c r="C17569">
        <v>1</v>
      </c>
      <c r="D17569">
        <v>0</v>
      </c>
    </row>
    <row r="17570" spans="1:4" x14ac:dyDescent="0.25">
      <c r="A17570" t="s">
        <v>27935</v>
      </c>
      <c r="B17570" t="s">
        <v>27936</v>
      </c>
      <c r="C17570">
        <v>1</v>
      </c>
      <c r="D17570">
        <v>0</v>
      </c>
    </row>
    <row r="17571" spans="1:4" x14ac:dyDescent="0.25">
      <c r="A17571" t="s">
        <v>27935</v>
      </c>
      <c r="B17571" t="s">
        <v>27937</v>
      </c>
      <c r="C17571">
        <v>0</v>
      </c>
      <c r="D17571">
        <v>0</v>
      </c>
    </row>
    <row r="17572" spans="1:4" x14ac:dyDescent="0.25">
      <c r="A17572" t="s">
        <v>27938</v>
      </c>
      <c r="B17572" t="s">
        <v>27939</v>
      </c>
      <c r="C17572">
        <v>1</v>
      </c>
      <c r="D17572">
        <v>0</v>
      </c>
    </row>
    <row r="17573" spans="1:4" x14ac:dyDescent="0.25">
      <c r="A17573" t="s">
        <v>27938</v>
      </c>
      <c r="B17573" t="s">
        <v>27940</v>
      </c>
      <c r="C17573">
        <v>0</v>
      </c>
      <c r="D17573">
        <v>0</v>
      </c>
    </row>
    <row r="17574" spans="1:4" x14ac:dyDescent="0.25">
      <c r="A17574" t="s">
        <v>27941</v>
      </c>
      <c r="B17574" t="s">
        <v>27942</v>
      </c>
      <c r="C17574">
        <v>1</v>
      </c>
      <c r="D17574">
        <v>0</v>
      </c>
    </row>
    <row r="17575" spans="1:4" x14ac:dyDescent="0.25">
      <c r="A17575" t="s">
        <v>27943</v>
      </c>
      <c r="B17575" t="s">
        <v>27944</v>
      </c>
      <c r="C17575">
        <v>1</v>
      </c>
      <c r="D17575">
        <v>0</v>
      </c>
    </row>
    <row r="17576" spans="1:4" x14ac:dyDescent="0.25">
      <c r="A17576" t="s">
        <v>27943</v>
      </c>
      <c r="B17576" t="s">
        <v>27945</v>
      </c>
      <c r="C17576">
        <v>0</v>
      </c>
      <c r="D17576">
        <v>0</v>
      </c>
    </row>
    <row r="17577" spans="1:4" x14ac:dyDescent="0.25">
      <c r="A17577" t="s">
        <v>27946</v>
      </c>
      <c r="B17577" t="s">
        <v>27947</v>
      </c>
      <c r="C17577">
        <v>0</v>
      </c>
      <c r="D17577">
        <v>0</v>
      </c>
    </row>
    <row r="17578" spans="1:4" x14ac:dyDescent="0.25">
      <c r="A17578" t="s">
        <v>27948</v>
      </c>
      <c r="B17578" t="s">
        <v>27949</v>
      </c>
      <c r="C17578">
        <v>1</v>
      </c>
      <c r="D17578">
        <v>0</v>
      </c>
    </row>
    <row r="17579" spans="1:4" x14ac:dyDescent="0.25">
      <c r="A17579" t="s">
        <v>27950</v>
      </c>
      <c r="B17579" t="s">
        <v>27951</v>
      </c>
      <c r="C17579">
        <v>1</v>
      </c>
      <c r="D17579">
        <v>0</v>
      </c>
    </row>
    <row r="17580" spans="1:4" x14ac:dyDescent="0.25">
      <c r="A17580" t="s">
        <v>27950</v>
      </c>
      <c r="B17580" t="s">
        <v>27952</v>
      </c>
      <c r="C17580">
        <v>0</v>
      </c>
      <c r="D17580">
        <v>0</v>
      </c>
    </row>
    <row r="17581" spans="1:4" x14ac:dyDescent="0.25">
      <c r="A17581" t="s">
        <v>27953</v>
      </c>
      <c r="B17581" t="s">
        <v>27954</v>
      </c>
      <c r="C17581">
        <v>1</v>
      </c>
      <c r="D17581">
        <v>0</v>
      </c>
    </row>
    <row r="17582" spans="1:4" x14ac:dyDescent="0.25">
      <c r="A17582" t="s">
        <v>27953</v>
      </c>
      <c r="B17582" t="s">
        <v>27955</v>
      </c>
      <c r="C17582">
        <v>0</v>
      </c>
      <c r="D17582">
        <v>0</v>
      </c>
    </row>
    <row r="17583" spans="1:4" x14ac:dyDescent="0.25">
      <c r="A17583" t="s">
        <v>27956</v>
      </c>
      <c r="B17583" t="s">
        <v>27957</v>
      </c>
      <c r="C17583">
        <v>1</v>
      </c>
      <c r="D17583">
        <v>0</v>
      </c>
    </row>
    <row r="17584" spans="1:4" x14ac:dyDescent="0.25">
      <c r="A17584" t="s">
        <v>27956</v>
      </c>
      <c r="B17584" t="s">
        <v>27958</v>
      </c>
      <c r="C17584">
        <v>0</v>
      </c>
      <c r="D17584">
        <v>0</v>
      </c>
    </row>
    <row r="17585" spans="1:4" x14ac:dyDescent="0.25">
      <c r="A17585" t="s">
        <v>27959</v>
      </c>
      <c r="B17585" t="s">
        <v>27960</v>
      </c>
      <c r="C17585">
        <v>1</v>
      </c>
      <c r="D17585">
        <v>0</v>
      </c>
    </row>
    <row r="17586" spans="1:4" x14ac:dyDescent="0.25">
      <c r="A17586" t="s">
        <v>27961</v>
      </c>
      <c r="B17586" t="s">
        <v>27962</v>
      </c>
      <c r="C17586">
        <v>1</v>
      </c>
      <c r="D17586">
        <v>0</v>
      </c>
    </row>
    <row r="17587" spans="1:4" x14ac:dyDescent="0.25">
      <c r="A17587" t="s">
        <v>27963</v>
      </c>
      <c r="B17587" t="s">
        <v>27964</v>
      </c>
      <c r="C17587">
        <v>1</v>
      </c>
      <c r="D17587">
        <v>0</v>
      </c>
    </row>
    <row r="17588" spans="1:4" x14ac:dyDescent="0.25">
      <c r="A17588" t="s">
        <v>27965</v>
      </c>
      <c r="B17588" t="s">
        <v>27966</v>
      </c>
      <c r="C17588">
        <v>1</v>
      </c>
      <c r="D17588">
        <v>0</v>
      </c>
    </row>
    <row r="17589" spans="1:4" x14ac:dyDescent="0.25">
      <c r="A17589" t="s">
        <v>27967</v>
      </c>
      <c r="B17589" t="s">
        <v>27968</v>
      </c>
      <c r="C17589">
        <v>1</v>
      </c>
      <c r="D17589">
        <v>0</v>
      </c>
    </row>
    <row r="17590" spans="1:4" x14ac:dyDescent="0.25">
      <c r="A17590" t="s">
        <v>27969</v>
      </c>
      <c r="B17590" t="s">
        <v>27970</v>
      </c>
      <c r="C17590">
        <v>1</v>
      </c>
      <c r="D17590">
        <v>0</v>
      </c>
    </row>
    <row r="17591" spans="1:4" x14ac:dyDescent="0.25">
      <c r="A17591" t="s">
        <v>27969</v>
      </c>
      <c r="B17591" t="s">
        <v>27971</v>
      </c>
      <c r="C17591">
        <v>0</v>
      </c>
      <c r="D17591">
        <v>0</v>
      </c>
    </row>
    <row r="17592" spans="1:4" x14ac:dyDescent="0.25">
      <c r="A17592" t="s">
        <v>27972</v>
      </c>
      <c r="B17592" t="s">
        <v>27973</v>
      </c>
      <c r="C17592">
        <v>1</v>
      </c>
      <c r="D17592">
        <v>0</v>
      </c>
    </row>
    <row r="17593" spans="1:4" x14ac:dyDescent="0.25">
      <c r="A17593" t="s">
        <v>27972</v>
      </c>
      <c r="B17593" t="s">
        <v>27974</v>
      </c>
      <c r="C17593">
        <v>0</v>
      </c>
      <c r="D17593">
        <v>0</v>
      </c>
    </row>
    <row r="17594" spans="1:4" x14ac:dyDescent="0.25">
      <c r="A17594" t="s">
        <v>27975</v>
      </c>
      <c r="B17594" t="s">
        <v>27976</v>
      </c>
      <c r="C17594">
        <v>0</v>
      </c>
      <c r="D17594">
        <v>0</v>
      </c>
    </row>
    <row r="17595" spans="1:4" x14ac:dyDescent="0.25">
      <c r="A17595" t="s">
        <v>27977</v>
      </c>
      <c r="B17595" t="s">
        <v>27978</v>
      </c>
      <c r="C17595">
        <v>1</v>
      </c>
      <c r="D17595">
        <v>0</v>
      </c>
    </row>
    <row r="17596" spans="1:4" x14ac:dyDescent="0.25">
      <c r="A17596" t="s">
        <v>27977</v>
      </c>
      <c r="B17596" t="s">
        <v>27979</v>
      </c>
      <c r="C17596">
        <v>0</v>
      </c>
      <c r="D17596">
        <v>0</v>
      </c>
    </row>
    <row r="17597" spans="1:4" x14ac:dyDescent="0.25">
      <c r="A17597" t="s">
        <v>27980</v>
      </c>
      <c r="B17597" t="s">
        <v>27981</v>
      </c>
      <c r="C17597">
        <v>1</v>
      </c>
      <c r="D17597">
        <v>0</v>
      </c>
    </row>
    <row r="17598" spans="1:4" x14ac:dyDescent="0.25">
      <c r="A17598" t="s">
        <v>27980</v>
      </c>
      <c r="B17598" t="s">
        <v>27982</v>
      </c>
      <c r="C17598">
        <v>0</v>
      </c>
      <c r="D17598">
        <v>0</v>
      </c>
    </row>
    <row r="17599" spans="1:4" x14ac:dyDescent="0.25">
      <c r="A17599" t="s">
        <v>27983</v>
      </c>
      <c r="B17599" t="s">
        <v>27984</v>
      </c>
      <c r="C17599">
        <v>0</v>
      </c>
      <c r="D17599">
        <v>0</v>
      </c>
    </row>
    <row r="17600" spans="1:4" x14ac:dyDescent="0.25">
      <c r="A17600" t="s">
        <v>27985</v>
      </c>
      <c r="B17600" t="s">
        <v>27986</v>
      </c>
      <c r="C17600">
        <v>1</v>
      </c>
      <c r="D17600">
        <v>0</v>
      </c>
    </row>
    <row r="17601" spans="1:4" x14ac:dyDescent="0.25">
      <c r="A17601" t="s">
        <v>27985</v>
      </c>
      <c r="B17601" t="s">
        <v>27987</v>
      </c>
      <c r="C17601">
        <v>0</v>
      </c>
      <c r="D17601">
        <v>0</v>
      </c>
    </row>
    <row r="17602" spans="1:4" x14ac:dyDescent="0.25">
      <c r="A17602" t="s">
        <v>27988</v>
      </c>
      <c r="B17602" t="s">
        <v>27989</v>
      </c>
      <c r="C17602">
        <v>1</v>
      </c>
      <c r="D17602">
        <v>0</v>
      </c>
    </row>
    <row r="17603" spans="1:4" x14ac:dyDescent="0.25">
      <c r="A17603" t="s">
        <v>27988</v>
      </c>
      <c r="B17603" t="s">
        <v>27990</v>
      </c>
      <c r="C17603">
        <v>0</v>
      </c>
      <c r="D17603">
        <v>0</v>
      </c>
    </row>
    <row r="17604" spans="1:4" x14ac:dyDescent="0.25">
      <c r="A17604" t="s">
        <v>27991</v>
      </c>
      <c r="B17604" t="s">
        <v>27992</v>
      </c>
      <c r="C17604">
        <v>1</v>
      </c>
      <c r="D17604">
        <v>0</v>
      </c>
    </row>
    <row r="17605" spans="1:4" x14ac:dyDescent="0.25">
      <c r="A17605" t="s">
        <v>27991</v>
      </c>
      <c r="B17605" t="s">
        <v>27993</v>
      </c>
      <c r="C17605">
        <v>0</v>
      </c>
      <c r="D17605">
        <v>0</v>
      </c>
    </row>
    <row r="17606" spans="1:4" x14ac:dyDescent="0.25">
      <c r="A17606" t="s">
        <v>27994</v>
      </c>
      <c r="B17606" t="s">
        <v>5434</v>
      </c>
      <c r="C17606">
        <v>1</v>
      </c>
      <c r="D17606">
        <v>0</v>
      </c>
    </row>
    <row r="17607" spans="1:4" x14ac:dyDescent="0.25">
      <c r="A17607" t="s">
        <v>27994</v>
      </c>
      <c r="B17607" t="s">
        <v>27995</v>
      </c>
      <c r="C17607">
        <v>0</v>
      </c>
      <c r="D17607">
        <v>0</v>
      </c>
    </row>
    <row r="17608" spans="1:4" x14ac:dyDescent="0.25">
      <c r="A17608" t="s">
        <v>27996</v>
      </c>
      <c r="B17608" t="s">
        <v>27997</v>
      </c>
      <c r="C17608">
        <v>1</v>
      </c>
      <c r="D17608">
        <v>0</v>
      </c>
    </row>
    <row r="17609" spans="1:4" x14ac:dyDescent="0.25">
      <c r="A17609" t="s">
        <v>27998</v>
      </c>
      <c r="B17609" t="s">
        <v>27999</v>
      </c>
      <c r="C17609">
        <v>0</v>
      </c>
      <c r="D17609">
        <v>0</v>
      </c>
    </row>
    <row r="17610" spans="1:4" x14ac:dyDescent="0.25">
      <c r="A17610" t="s">
        <v>28000</v>
      </c>
      <c r="B17610" t="s">
        <v>28001</v>
      </c>
      <c r="C17610">
        <v>0</v>
      </c>
      <c r="D17610">
        <v>0</v>
      </c>
    </row>
    <row r="17611" spans="1:4" x14ac:dyDescent="0.25">
      <c r="A17611" t="s">
        <v>28002</v>
      </c>
      <c r="B17611" t="s">
        <v>28003</v>
      </c>
      <c r="C17611">
        <v>1</v>
      </c>
      <c r="D17611">
        <v>0</v>
      </c>
    </row>
    <row r="17612" spans="1:4" x14ac:dyDescent="0.25">
      <c r="A17612" t="s">
        <v>28004</v>
      </c>
      <c r="B17612" t="s">
        <v>28005</v>
      </c>
      <c r="C17612">
        <v>0</v>
      </c>
      <c r="D17612">
        <v>0</v>
      </c>
    </row>
    <row r="17613" spans="1:4" x14ac:dyDescent="0.25">
      <c r="A17613" t="s">
        <v>28006</v>
      </c>
      <c r="B17613" t="s">
        <v>28007</v>
      </c>
      <c r="C17613">
        <v>0</v>
      </c>
      <c r="D17613">
        <v>0</v>
      </c>
    </row>
    <row r="17614" spans="1:4" x14ac:dyDescent="0.25">
      <c r="A17614" t="s">
        <v>28008</v>
      </c>
      <c r="B17614" t="s">
        <v>28009</v>
      </c>
      <c r="C17614">
        <v>0</v>
      </c>
      <c r="D17614">
        <v>0</v>
      </c>
    </row>
    <row r="17615" spans="1:4" x14ac:dyDescent="0.25">
      <c r="A17615" t="s">
        <v>28010</v>
      </c>
      <c r="B17615" t="s">
        <v>28011</v>
      </c>
      <c r="C17615">
        <v>1</v>
      </c>
      <c r="D17615">
        <v>0</v>
      </c>
    </row>
    <row r="17616" spans="1:4" x14ac:dyDescent="0.25">
      <c r="A17616" t="s">
        <v>28010</v>
      </c>
      <c r="B17616" t="s">
        <v>28012</v>
      </c>
      <c r="C17616">
        <v>0</v>
      </c>
      <c r="D17616">
        <v>0</v>
      </c>
    </row>
    <row r="17617" spans="1:4" x14ac:dyDescent="0.25">
      <c r="A17617" t="s">
        <v>28013</v>
      </c>
      <c r="B17617" t="s">
        <v>28014</v>
      </c>
      <c r="C17617">
        <v>0</v>
      </c>
      <c r="D17617">
        <v>0</v>
      </c>
    </row>
    <row r="17618" spans="1:4" x14ac:dyDescent="0.25">
      <c r="A17618" t="s">
        <v>28015</v>
      </c>
      <c r="B17618" t="s">
        <v>28016</v>
      </c>
      <c r="C17618">
        <v>1</v>
      </c>
      <c r="D17618">
        <v>0</v>
      </c>
    </row>
    <row r="17619" spans="1:4" x14ac:dyDescent="0.25">
      <c r="A17619" t="s">
        <v>28015</v>
      </c>
      <c r="B17619" t="s">
        <v>19483</v>
      </c>
      <c r="C17619">
        <v>0</v>
      </c>
      <c r="D17619">
        <v>0</v>
      </c>
    </row>
    <row r="17620" spans="1:4" x14ac:dyDescent="0.25">
      <c r="A17620" t="s">
        <v>28017</v>
      </c>
      <c r="B17620" t="s">
        <v>28018</v>
      </c>
      <c r="C17620">
        <v>0</v>
      </c>
      <c r="D17620">
        <v>0</v>
      </c>
    </row>
    <row r="17621" spans="1:4" x14ac:dyDescent="0.25">
      <c r="A17621" t="s">
        <v>28019</v>
      </c>
      <c r="B17621" t="s">
        <v>28020</v>
      </c>
      <c r="C17621">
        <v>1</v>
      </c>
      <c r="D17621">
        <v>0</v>
      </c>
    </row>
    <row r="17622" spans="1:4" x14ac:dyDescent="0.25">
      <c r="A17622" t="s">
        <v>28019</v>
      </c>
      <c r="B17622" t="s">
        <v>2651</v>
      </c>
      <c r="C17622">
        <v>0</v>
      </c>
      <c r="D17622">
        <v>0</v>
      </c>
    </row>
    <row r="17623" spans="1:4" x14ac:dyDescent="0.25">
      <c r="A17623" t="s">
        <v>28021</v>
      </c>
      <c r="B17623" t="s">
        <v>28022</v>
      </c>
      <c r="C17623">
        <v>0</v>
      </c>
      <c r="D17623">
        <v>0</v>
      </c>
    </row>
    <row r="17624" spans="1:4" x14ac:dyDescent="0.25">
      <c r="A17624" t="s">
        <v>28023</v>
      </c>
      <c r="B17624" t="s">
        <v>28024</v>
      </c>
      <c r="C17624">
        <v>1</v>
      </c>
      <c r="D17624">
        <v>0</v>
      </c>
    </row>
    <row r="17625" spans="1:4" x14ac:dyDescent="0.25">
      <c r="A17625" t="s">
        <v>28025</v>
      </c>
      <c r="B17625" t="s">
        <v>28026</v>
      </c>
      <c r="C17625">
        <v>0</v>
      </c>
      <c r="D17625">
        <v>0</v>
      </c>
    </row>
    <row r="17626" spans="1:4" x14ac:dyDescent="0.25">
      <c r="A17626" t="s">
        <v>28027</v>
      </c>
      <c r="B17626" t="s">
        <v>28028</v>
      </c>
      <c r="C17626">
        <v>1</v>
      </c>
      <c r="D17626">
        <v>0</v>
      </c>
    </row>
    <row r="17627" spans="1:4" x14ac:dyDescent="0.25">
      <c r="A17627" t="s">
        <v>28029</v>
      </c>
      <c r="B17627" t="s">
        <v>28030</v>
      </c>
      <c r="C17627">
        <v>0</v>
      </c>
      <c r="D17627">
        <v>0</v>
      </c>
    </row>
    <row r="17628" spans="1:4" x14ac:dyDescent="0.25">
      <c r="A17628" t="s">
        <v>28031</v>
      </c>
      <c r="B17628" t="s">
        <v>28032</v>
      </c>
      <c r="C17628">
        <v>0</v>
      </c>
      <c r="D17628">
        <v>0</v>
      </c>
    </row>
    <row r="17629" spans="1:4" x14ac:dyDescent="0.25">
      <c r="A17629" t="s">
        <v>28033</v>
      </c>
      <c r="B17629" t="s">
        <v>28034</v>
      </c>
      <c r="C17629">
        <v>1</v>
      </c>
      <c r="D17629">
        <v>0</v>
      </c>
    </row>
    <row r="17630" spans="1:4" x14ac:dyDescent="0.25">
      <c r="A17630" t="s">
        <v>28035</v>
      </c>
      <c r="B17630" t="s">
        <v>28036</v>
      </c>
      <c r="C17630">
        <v>1</v>
      </c>
      <c r="D17630">
        <v>0</v>
      </c>
    </row>
    <row r="17631" spans="1:4" x14ac:dyDescent="0.25">
      <c r="A17631" t="s">
        <v>28037</v>
      </c>
      <c r="B17631" t="s">
        <v>28038</v>
      </c>
      <c r="C17631">
        <v>1</v>
      </c>
      <c r="D17631">
        <v>0</v>
      </c>
    </row>
    <row r="17632" spans="1:4" x14ac:dyDescent="0.25">
      <c r="A17632" t="s">
        <v>28037</v>
      </c>
      <c r="B17632" t="s">
        <v>28039</v>
      </c>
      <c r="C17632">
        <v>0</v>
      </c>
      <c r="D17632">
        <v>0</v>
      </c>
    </row>
    <row r="17633" spans="1:4" x14ac:dyDescent="0.25">
      <c r="A17633" t="s">
        <v>28040</v>
      </c>
      <c r="B17633" t="s">
        <v>28041</v>
      </c>
      <c r="C17633">
        <v>1</v>
      </c>
      <c r="D17633">
        <v>0</v>
      </c>
    </row>
    <row r="17634" spans="1:4" x14ac:dyDescent="0.25">
      <c r="A17634" t="s">
        <v>28042</v>
      </c>
      <c r="B17634" t="s">
        <v>28043</v>
      </c>
      <c r="C17634">
        <v>1</v>
      </c>
      <c r="D17634">
        <v>0</v>
      </c>
    </row>
    <row r="17635" spans="1:4" x14ac:dyDescent="0.25">
      <c r="A17635" t="s">
        <v>28044</v>
      </c>
      <c r="B17635" t="s">
        <v>28045</v>
      </c>
      <c r="C17635">
        <v>1</v>
      </c>
      <c r="D17635">
        <v>0</v>
      </c>
    </row>
    <row r="17636" spans="1:4" x14ac:dyDescent="0.25">
      <c r="A17636" t="s">
        <v>28044</v>
      </c>
      <c r="B17636" t="s">
        <v>28046</v>
      </c>
      <c r="C17636">
        <v>0</v>
      </c>
      <c r="D17636">
        <v>0</v>
      </c>
    </row>
    <row r="17637" spans="1:4" x14ac:dyDescent="0.25">
      <c r="A17637" t="s">
        <v>28047</v>
      </c>
      <c r="B17637" t="s">
        <v>28048</v>
      </c>
      <c r="C17637">
        <v>0</v>
      </c>
      <c r="D17637">
        <v>0</v>
      </c>
    </row>
    <row r="17638" spans="1:4" x14ac:dyDescent="0.25">
      <c r="A17638" t="s">
        <v>28049</v>
      </c>
      <c r="B17638" t="s">
        <v>28050</v>
      </c>
      <c r="C17638">
        <v>1</v>
      </c>
      <c r="D17638">
        <v>0</v>
      </c>
    </row>
    <row r="17639" spans="1:4" x14ac:dyDescent="0.25">
      <c r="A17639" t="s">
        <v>28049</v>
      </c>
      <c r="B17639" t="s">
        <v>28051</v>
      </c>
      <c r="C17639">
        <v>0</v>
      </c>
      <c r="D17639">
        <v>0</v>
      </c>
    </row>
    <row r="17640" spans="1:4" ht="151.80000000000001" x14ac:dyDescent="0.25">
      <c r="A17640" t="s">
        <v>28052</v>
      </c>
      <c r="B17640" s="1" t="s">
        <v>28053</v>
      </c>
      <c r="C17640">
        <v>1</v>
      </c>
      <c r="D17640">
        <v>0</v>
      </c>
    </row>
    <row r="17641" spans="1:4" x14ac:dyDescent="0.25">
      <c r="A17641" t="s">
        <v>28054</v>
      </c>
      <c r="B17641" t="s">
        <v>28055</v>
      </c>
      <c r="C17641">
        <v>1</v>
      </c>
      <c r="D17641">
        <v>0</v>
      </c>
    </row>
    <row r="17642" spans="1:4" x14ac:dyDescent="0.25">
      <c r="A17642" t="s">
        <v>28054</v>
      </c>
      <c r="B17642" t="s">
        <v>28056</v>
      </c>
      <c r="C17642">
        <v>0</v>
      </c>
      <c r="D17642">
        <v>0</v>
      </c>
    </row>
    <row r="17643" spans="1:4" x14ac:dyDescent="0.25">
      <c r="A17643" t="s">
        <v>28057</v>
      </c>
      <c r="B17643" t="s">
        <v>28058</v>
      </c>
      <c r="C17643">
        <v>1</v>
      </c>
      <c r="D17643">
        <v>0</v>
      </c>
    </row>
    <row r="17644" spans="1:4" x14ac:dyDescent="0.25">
      <c r="A17644" t="s">
        <v>28057</v>
      </c>
      <c r="B17644" t="s">
        <v>28059</v>
      </c>
      <c r="C17644">
        <v>0</v>
      </c>
      <c r="D17644">
        <v>0</v>
      </c>
    </row>
    <row r="17645" spans="1:4" x14ac:dyDescent="0.25">
      <c r="A17645" t="s">
        <v>28060</v>
      </c>
      <c r="B17645" t="s">
        <v>28061</v>
      </c>
      <c r="C17645">
        <v>1</v>
      </c>
      <c r="D17645">
        <v>0</v>
      </c>
    </row>
    <row r="17646" spans="1:4" x14ac:dyDescent="0.25">
      <c r="A17646" t="s">
        <v>28060</v>
      </c>
      <c r="B17646" t="s">
        <v>28062</v>
      </c>
      <c r="C17646">
        <v>0</v>
      </c>
      <c r="D17646">
        <v>0</v>
      </c>
    </row>
    <row r="17647" spans="1:4" x14ac:dyDescent="0.25">
      <c r="A17647" t="s">
        <v>28063</v>
      </c>
      <c r="B17647" t="s">
        <v>28064</v>
      </c>
      <c r="C17647">
        <v>0</v>
      </c>
      <c r="D17647">
        <v>0</v>
      </c>
    </row>
    <row r="17648" spans="1:4" x14ac:dyDescent="0.25">
      <c r="A17648" t="s">
        <v>28065</v>
      </c>
      <c r="B17648" t="s">
        <v>28066</v>
      </c>
      <c r="C17648">
        <v>0</v>
      </c>
      <c r="D17648">
        <v>0</v>
      </c>
    </row>
    <row r="17649" spans="1:4" x14ac:dyDescent="0.25">
      <c r="A17649" t="s">
        <v>28067</v>
      </c>
      <c r="B17649" t="s">
        <v>28068</v>
      </c>
      <c r="C17649">
        <v>1</v>
      </c>
      <c r="D17649">
        <v>0</v>
      </c>
    </row>
    <row r="17650" spans="1:4" x14ac:dyDescent="0.25">
      <c r="A17650" t="s">
        <v>28067</v>
      </c>
      <c r="B17650" t="s">
        <v>28069</v>
      </c>
      <c r="C17650">
        <v>0</v>
      </c>
      <c r="D17650">
        <v>0</v>
      </c>
    </row>
    <row r="17651" spans="1:4" x14ac:dyDescent="0.25">
      <c r="A17651" t="s">
        <v>28070</v>
      </c>
      <c r="B17651" t="s">
        <v>28071</v>
      </c>
      <c r="C17651">
        <v>1</v>
      </c>
      <c r="D17651">
        <v>0</v>
      </c>
    </row>
    <row r="17652" spans="1:4" x14ac:dyDescent="0.25">
      <c r="A17652" t="s">
        <v>28070</v>
      </c>
      <c r="B17652" t="s">
        <v>28072</v>
      </c>
      <c r="C17652">
        <v>0</v>
      </c>
      <c r="D17652">
        <v>0</v>
      </c>
    </row>
    <row r="17653" spans="1:4" x14ac:dyDescent="0.25">
      <c r="A17653" t="s">
        <v>28073</v>
      </c>
      <c r="B17653" t="s">
        <v>28074</v>
      </c>
      <c r="C17653">
        <v>1</v>
      </c>
      <c r="D17653">
        <v>0</v>
      </c>
    </row>
    <row r="17654" spans="1:4" x14ac:dyDescent="0.25">
      <c r="A17654" t="s">
        <v>28075</v>
      </c>
      <c r="B17654" t="s">
        <v>28076</v>
      </c>
      <c r="C17654">
        <v>1</v>
      </c>
      <c r="D17654">
        <v>0</v>
      </c>
    </row>
    <row r="17655" spans="1:4" x14ac:dyDescent="0.25">
      <c r="A17655" t="s">
        <v>28077</v>
      </c>
      <c r="B17655" t="s">
        <v>28078</v>
      </c>
      <c r="C17655">
        <v>1</v>
      </c>
      <c r="D17655">
        <v>0</v>
      </c>
    </row>
    <row r="17656" spans="1:4" x14ac:dyDescent="0.25">
      <c r="A17656" t="s">
        <v>28079</v>
      </c>
      <c r="B17656" t="s">
        <v>28080</v>
      </c>
      <c r="C17656">
        <v>0</v>
      </c>
      <c r="D17656">
        <v>0</v>
      </c>
    </row>
    <row r="17657" spans="1:4" x14ac:dyDescent="0.25">
      <c r="A17657" t="s">
        <v>28081</v>
      </c>
      <c r="B17657" t="s">
        <v>28082</v>
      </c>
      <c r="C17657">
        <v>1</v>
      </c>
      <c r="D17657">
        <v>0</v>
      </c>
    </row>
    <row r="17658" spans="1:4" x14ac:dyDescent="0.25">
      <c r="A17658" t="s">
        <v>28083</v>
      </c>
      <c r="B17658" t="s">
        <v>28084</v>
      </c>
      <c r="C17658">
        <v>1</v>
      </c>
      <c r="D17658">
        <v>0</v>
      </c>
    </row>
    <row r="17659" spans="1:4" x14ac:dyDescent="0.25">
      <c r="A17659" t="s">
        <v>28083</v>
      </c>
      <c r="B17659" t="s">
        <v>28085</v>
      </c>
      <c r="C17659">
        <v>0</v>
      </c>
      <c r="D17659">
        <v>0</v>
      </c>
    </row>
    <row r="17660" spans="1:4" x14ac:dyDescent="0.25">
      <c r="A17660" t="s">
        <v>28086</v>
      </c>
      <c r="B17660" t="s">
        <v>28087</v>
      </c>
      <c r="C17660">
        <v>1</v>
      </c>
      <c r="D17660">
        <v>0</v>
      </c>
    </row>
    <row r="17661" spans="1:4" x14ac:dyDescent="0.25">
      <c r="A17661" t="s">
        <v>28088</v>
      </c>
      <c r="B17661" t="s">
        <v>28089</v>
      </c>
      <c r="C17661">
        <v>1</v>
      </c>
      <c r="D17661">
        <v>0</v>
      </c>
    </row>
    <row r="17662" spans="1:4" x14ac:dyDescent="0.25">
      <c r="A17662" t="s">
        <v>28090</v>
      </c>
      <c r="B17662" t="s">
        <v>28091</v>
      </c>
      <c r="C17662">
        <v>0</v>
      </c>
      <c r="D17662">
        <v>0</v>
      </c>
    </row>
    <row r="17663" spans="1:4" x14ac:dyDescent="0.25">
      <c r="A17663" t="s">
        <v>28092</v>
      </c>
      <c r="B17663" t="s">
        <v>28093</v>
      </c>
      <c r="C17663">
        <v>0</v>
      </c>
      <c r="D17663">
        <v>0</v>
      </c>
    </row>
    <row r="17664" spans="1:4" x14ac:dyDescent="0.25">
      <c r="A17664" t="s">
        <v>28094</v>
      </c>
      <c r="B17664" t="s">
        <v>28095</v>
      </c>
      <c r="C17664">
        <v>1</v>
      </c>
      <c r="D17664">
        <v>0</v>
      </c>
    </row>
    <row r="17665" spans="1:4" x14ac:dyDescent="0.25">
      <c r="A17665" t="s">
        <v>28096</v>
      </c>
      <c r="B17665" t="s">
        <v>28097</v>
      </c>
      <c r="C17665">
        <v>1</v>
      </c>
      <c r="D17665">
        <v>0</v>
      </c>
    </row>
    <row r="17666" spans="1:4" x14ac:dyDescent="0.25">
      <c r="A17666" t="s">
        <v>28096</v>
      </c>
      <c r="B17666" t="s">
        <v>28098</v>
      </c>
      <c r="C17666">
        <v>0</v>
      </c>
      <c r="D17666">
        <v>0</v>
      </c>
    </row>
    <row r="17667" spans="1:4" x14ac:dyDescent="0.25">
      <c r="A17667" t="s">
        <v>28099</v>
      </c>
      <c r="B17667" t="s">
        <v>28100</v>
      </c>
      <c r="C17667">
        <v>1</v>
      </c>
      <c r="D17667">
        <v>0</v>
      </c>
    </row>
    <row r="17668" spans="1:4" x14ac:dyDescent="0.25">
      <c r="A17668" t="s">
        <v>28101</v>
      </c>
      <c r="B17668" t="s">
        <v>28102</v>
      </c>
      <c r="C17668">
        <v>0</v>
      </c>
      <c r="D17668">
        <v>0</v>
      </c>
    </row>
    <row r="17669" spans="1:4" x14ac:dyDescent="0.25">
      <c r="A17669" t="s">
        <v>28103</v>
      </c>
      <c r="B17669" t="s">
        <v>28104</v>
      </c>
      <c r="C17669">
        <v>1</v>
      </c>
      <c r="D17669">
        <v>0</v>
      </c>
    </row>
    <row r="17670" spans="1:4" x14ac:dyDescent="0.25">
      <c r="A17670" t="s">
        <v>28103</v>
      </c>
      <c r="B17670" t="s">
        <v>28105</v>
      </c>
      <c r="C17670">
        <v>0</v>
      </c>
      <c r="D17670">
        <v>0</v>
      </c>
    </row>
    <row r="17671" spans="1:4" x14ac:dyDescent="0.25">
      <c r="A17671" t="s">
        <v>28106</v>
      </c>
      <c r="B17671" t="s">
        <v>28107</v>
      </c>
      <c r="C17671">
        <v>1</v>
      </c>
      <c r="D17671">
        <v>0</v>
      </c>
    </row>
    <row r="17672" spans="1:4" x14ac:dyDescent="0.25">
      <c r="A17672" t="s">
        <v>28108</v>
      </c>
      <c r="B17672" t="s">
        <v>28109</v>
      </c>
      <c r="C17672">
        <v>1</v>
      </c>
      <c r="D17672">
        <v>0</v>
      </c>
    </row>
    <row r="17673" spans="1:4" x14ac:dyDescent="0.25">
      <c r="A17673" t="s">
        <v>28110</v>
      </c>
      <c r="B17673" t="s">
        <v>28111</v>
      </c>
      <c r="C17673">
        <v>1</v>
      </c>
      <c r="D17673">
        <v>0</v>
      </c>
    </row>
    <row r="17674" spans="1:4" x14ac:dyDescent="0.25">
      <c r="A17674" t="s">
        <v>28112</v>
      </c>
      <c r="B17674" t="s">
        <v>28113</v>
      </c>
      <c r="C17674">
        <v>1</v>
      </c>
      <c r="D17674">
        <v>0</v>
      </c>
    </row>
    <row r="17675" spans="1:4" x14ac:dyDescent="0.25">
      <c r="A17675" t="s">
        <v>28112</v>
      </c>
      <c r="B17675" t="s">
        <v>28114</v>
      </c>
      <c r="C17675">
        <v>0</v>
      </c>
      <c r="D17675">
        <v>0</v>
      </c>
    </row>
    <row r="17676" spans="1:4" x14ac:dyDescent="0.25">
      <c r="A17676" t="s">
        <v>28115</v>
      </c>
      <c r="B17676" t="s">
        <v>28116</v>
      </c>
      <c r="C17676">
        <v>0</v>
      </c>
      <c r="D17676">
        <v>0</v>
      </c>
    </row>
    <row r="17677" spans="1:4" x14ac:dyDescent="0.25">
      <c r="A17677" t="s">
        <v>28117</v>
      </c>
      <c r="B17677" t="s">
        <v>28118</v>
      </c>
      <c r="C17677">
        <v>0</v>
      </c>
      <c r="D17677">
        <v>0</v>
      </c>
    </row>
    <row r="17678" spans="1:4" x14ac:dyDescent="0.25">
      <c r="A17678" t="s">
        <v>28119</v>
      </c>
      <c r="B17678" t="s">
        <v>28120</v>
      </c>
      <c r="C17678">
        <v>1</v>
      </c>
      <c r="D17678">
        <v>0</v>
      </c>
    </row>
    <row r="17679" spans="1:4" x14ac:dyDescent="0.25">
      <c r="A17679" t="s">
        <v>28121</v>
      </c>
      <c r="B17679" t="s">
        <v>28122</v>
      </c>
      <c r="C17679">
        <v>1</v>
      </c>
      <c r="D17679">
        <v>0</v>
      </c>
    </row>
    <row r="17680" spans="1:4" x14ac:dyDescent="0.25">
      <c r="A17680" t="s">
        <v>28123</v>
      </c>
      <c r="B17680" t="s">
        <v>28124</v>
      </c>
      <c r="C17680">
        <v>1</v>
      </c>
      <c r="D17680">
        <v>0</v>
      </c>
    </row>
    <row r="17681" spans="1:4" x14ac:dyDescent="0.25">
      <c r="A17681" t="s">
        <v>28123</v>
      </c>
      <c r="B17681" t="s">
        <v>28125</v>
      </c>
      <c r="C17681">
        <v>0</v>
      </c>
      <c r="D17681">
        <v>0</v>
      </c>
    </row>
    <row r="17682" spans="1:4" x14ac:dyDescent="0.25">
      <c r="A17682" t="s">
        <v>28126</v>
      </c>
      <c r="B17682" t="s">
        <v>28127</v>
      </c>
      <c r="C17682">
        <v>1</v>
      </c>
      <c r="D17682">
        <v>0</v>
      </c>
    </row>
    <row r="17683" spans="1:4" x14ac:dyDescent="0.25">
      <c r="A17683" t="s">
        <v>28128</v>
      </c>
      <c r="B17683" t="s">
        <v>28129</v>
      </c>
      <c r="C17683">
        <v>1</v>
      </c>
      <c r="D17683">
        <v>0</v>
      </c>
    </row>
    <row r="17684" spans="1:4" x14ac:dyDescent="0.25">
      <c r="A17684" t="s">
        <v>28128</v>
      </c>
      <c r="B17684" t="s">
        <v>28130</v>
      </c>
      <c r="C17684">
        <v>0</v>
      </c>
      <c r="D17684">
        <v>0</v>
      </c>
    </row>
    <row r="17685" spans="1:4" x14ac:dyDescent="0.25">
      <c r="A17685" t="s">
        <v>28131</v>
      </c>
      <c r="B17685" t="s">
        <v>28132</v>
      </c>
      <c r="C17685">
        <v>1</v>
      </c>
      <c r="D17685">
        <v>0</v>
      </c>
    </row>
    <row r="17686" spans="1:4" x14ac:dyDescent="0.25">
      <c r="A17686" t="s">
        <v>28133</v>
      </c>
      <c r="B17686" t="s">
        <v>28134</v>
      </c>
      <c r="C17686">
        <v>0</v>
      </c>
      <c r="D17686">
        <v>0</v>
      </c>
    </row>
    <row r="17687" spans="1:4" x14ac:dyDescent="0.25">
      <c r="A17687" t="s">
        <v>28135</v>
      </c>
      <c r="B17687" t="s">
        <v>28136</v>
      </c>
      <c r="C17687">
        <v>0</v>
      </c>
      <c r="D17687">
        <v>0</v>
      </c>
    </row>
    <row r="17688" spans="1:4" x14ac:dyDescent="0.25">
      <c r="A17688" t="s">
        <v>28137</v>
      </c>
      <c r="B17688" t="s">
        <v>28138</v>
      </c>
      <c r="C17688">
        <v>1</v>
      </c>
      <c r="D17688">
        <v>0</v>
      </c>
    </row>
    <row r="17689" spans="1:4" x14ac:dyDescent="0.25">
      <c r="A17689" t="s">
        <v>28139</v>
      </c>
      <c r="B17689" t="s">
        <v>28140</v>
      </c>
      <c r="C17689">
        <v>1</v>
      </c>
      <c r="D17689">
        <v>0</v>
      </c>
    </row>
    <row r="17690" spans="1:4" x14ac:dyDescent="0.25">
      <c r="A17690" t="s">
        <v>28141</v>
      </c>
      <c r="B17690" t="s">
        <v>28142</v>
      </c>
      <c r="C17690">
        <v>0</v>
      </c>
      <c r="D17690">
        <v>0</v>
      </c>
    </row>
    <row r="17691" spans="1:4" x14ac:dyDescent="0.25">
      <c r="A17691" t="s">
        <v>28143</v>
      </c>
      <c r="B17691" t="s">
        <v>28144</v>
      </c>
      <c r="C17691">
        <v>1</v>
      </c>
      <c r="D17691">
        <v>0</v>
      </c>
    </row>
    <row r="17692" spans="1:4" x14ac:dyDescent="0.25">
      <c r="A17692" t="s">
        <v>28143</v>
      </c>
      <c r="B17692" t="s">
        <v>28145</v>
      </c>
      <c r="C17692">
        <v>0</v>
      </c>
      <c r="D17692">
        <v>0</v>
      </c>
    </row>
    <row r="17693" spans="1:4" x14ac:dyDescent="0.25">
      <c r="A17693" t="s">
        <v>28146</v>
      </c>
      <c r="B17693" t="s">
        <v>28147</v>
      </c>
      <c r="C17693">
        <v>0</v>
      </c>
      <c r="D17693">
        <v>0</v>
      </c>
    </row>
    <row r="17694" spans="1:4" x14ac:dyDescent="0.25">
      <c r="A17694" t="s">
        <v>28148</v>
      </c>
      <c r="B17694" t="s">
        <v>28149</v>
      </c>
      <c r="C17694">
        <v>0</v>
      </c>
      <c r="D17694">
        <v>0</v>
      </c>
    </row>
    <row r="17695" spans="1:4" x14ac:dyDescent="0.25">
      <c r="A17695" t="s">
        <v>28150</v>
      </c>
      <c r="B17695" t="s">
        <v>28151</v>
      </c>
      <c r="C17695">
        <v>1</v>
      </c>
      <c r="D17695">
        <v>0</v>
      </c>
    </row>
    <row r="17696" spans="1:4" x14ac:dyDescent="0.25">
      <c r="A17696" t="s">
        <v>28150</v>
      </c>
      <c r="B17696" t="s">
        <v>28152</v>
      </c>
      <c r="C17696">
        <v>0</v>
      </c>
      <c r="D17696">
        <v>0</v>
      </c>
    </row>
    <row r="17697" spans="1:4" x14ac:dyDescent="0.25">
      <c r="A17697" t="s">
        <v>28153</v>
      </c>
      <c r="B17697" t="s">
        <v>28154</v>
      </c>
      <c r="C17697">
        <v>0</v>
      </c>
      <c r="D17697">
        <v>0</v>
      </c>
    </row>
    <row r="17698" spans="1:4" x14ac:dyDescent="0.25">
      <c r="A17698" t="s">
        <v>28155</v>
      </c>
      <c r="B17698" t="s">
        <v>28156</v>
      </c>
      <c r="C17698">
        <v>0</v>
      </c>
      <c r="D17698">
        <v>0</v>
      </c>
    </row>
    <row r="17699" spans="1:4" x14ac:dyDescent="0.25">
      <c r="A17699" t="s">
        <v>28157</v>
      </c>
      <c r="B17699" t="s">
        <v>28158</v>
      </c>
      <c r="C17699">
        <v>1</v>
      </c>
      <c r="D17699">
        <v>0</v>
      </c>
    </row>
    <row r="17700" spans="1:4" x14ac:dyDescent="0.25">
      <c r="A17700" t="s">
        <v>28159</v>
      </c>
      <c r="B17700" t="s">
        <v>28160</v>
      </c>
      <c r="C17700">
        <v>1</v>
      </c>
      <c r="D17700">
        <v>0</v>
      </c>
    </row>
    <row r="17701" spans="1:4" x14ac:dyDescent="0.25">
      <c r="A17701" t="s">
        <v>28161</v>
      </c>
      <c r="B17701" t="s">
        <v>28162</v>
      </c>
      <c r="C17701">
        <v>0</v>
      </c>
      <c r="D17701">
        <v>0</v>
      </c>
    </row>
    <row r="17702" spans="1:4" x14ac:dyDescent="0.25">
      <c r="A17702" t="s">
        <v>28163</v>
      </c>
      <c r="B17702" t="s">
        <v>28164</v>
      </c>
      <c r="C17702">
        <v>1</v>
      </c>
      <c r="D17702">
        <v>0</v>
      </c>
    </row>
    <row r="17703" spans="1:4" x14ac:dyDescent="0.25">
      <c r="A17703" t="s">
        <v>28163</v>
      </c>
      <c r="B17703" t="s">
        <v>28165</v>
      </c>
      <c r="C17703">
        <v>0</v>
      </c>
      <c r="D17703">
        <v>0</v>
      </c>
    </row>
    <row r="17704" spans="1:4" x14ac:dyDescent="0.25">
      <c r="A17704" t="s">
        <v>28166</v>
      </c>
      <c r="B17704" t="s">
        <v>10893</v>
      </c>
      <c r="C17704">
        <v>1</v>
      </c>
      <c r="D17704">
        <v>0</v>
      </c>
    </row>
    <row r="17705" spans="1:4" x14ac:dyDescent="0.25">
      <c r="A17705" t="s">
        <v>28167</v>
      </c>
      <c r="B17705" t="s">
        <v>28168</v>
      </c>
      <c r="C17705">
        <v>1</v>
      </c>
      <c r="D17705">
        <v>0</v>
      </c>
    </row>
    <row r="17706" spans="1:4" x14ac:dyDescent="0.25">
      <c r="A17706" t="s">
        <v>28169</v>
      </c>
      <c r="B17706" t="s">
        <v>28170</v>
      </c>
      <c r="C17706">
        <v>1</v>
      </c>
      <c r="D17706">
        <v>0</v>
      </c>
    </row>
    <row r="17707" spans="1:4" x14ac:dyDescent="0.25">
      <c r="A17707" t="s">
        <v>28171</v>
      </c>
      <c r="B17707" t="s">
        <v>28172</v>
      </c>
      <c r="C17707">
        <v>1</v>
      </c>
      <c r="D17707">
        <v>0</v>
      </c>
    </row>
    <row r="17708" spans="1:4" x14ac:dyDescent="0.25">
      <c r="A17708" t="s">
        <v>28171</v>
      </c>
      <c r="B17708" t="s">
        <v>28173</v>
      </c>
      <c r="C17708">
        <v>0</v>
      </c>
      <c r="D17708">
        <v>0</v>
      </c>
    </row>
    <row r="17709" spans="1:4" x14ac:dyDescent="0.25">
      <c r="A17709" t="s">
        <v>28174</v>
      </c>
      <c r="B17709" t="s">
        <v>28175</v>
      </c>
      <c r="C17709">
        <v>1</v>
      </c>
      <c r="D17709">
        <v>0</v>
      </c>
    </row>
    <row r="17710" spans="1:4" x14ac:dyDescent="0.25">
      <c r="A17710" t="s">
        <v>28174</v>
      </c>
      <c r="B17710" t="s">
        <v>28176</v>
      </c>
      <c r="C17710">
        <v>0</v>
      </c>
      <c r="D17710">
        <v>0</v>
      </c>
    </row>
    <row r="17711" spans="1:4" x14ac:dyDescent="0.25">
      <c r="A17711" t="s">
        <v>28177</v>
      </c>
      <c r="B17711" t="s">
        <v>28178</v>
      </c>
      <c r="C17711">
        <v>1</v>
      </c>
      <c r="D17711">
        <v>0</v>
      </c>
    </row>
    <row r="17712" spans="1:4" x14ac:dyDescent="0.25">
      <c r="A17712" t="s">
        <v>28179</v>
      </c>
      <c r="B17712" t="s">
        <v>28180</v>
      </c>
      <c r="C17712">
        <v>1</v>
      </c>
      <c r="D17712">
        <v>0</v>
      </c>
    </row>
    <row r="17713" spans="1:4" x14ac:dyDescent="0.25">
      <c r="A17713" t="s">
        <v>28181</v>
      </c>
      <c r="B17713" t="s">
        <v>28182</v>
      </c>
      <c r="C17713">
        <v>1</v>
      </c>
      <c r="D17713">
        <v>0</v>
      </c>
    </row>
    <row r="17714" spans="1:4" x14ac:dyDescent="0.25">
      <c r="A17714" t="s">
        <v>28183</v>
      </c>
      <c r="B17714" t="s">
        <v>28184</v>
      </c>
      <c r="C17714">
        <v>1</v>
      </c>
      <c r="D17714">
        <v>0</v>
      </c>
    </row>
    <row r="17715" spans="1:4" x14ac:dyDescent="0.25">
      <c r="A17715" t="s">
        <v>28185</v>
      </c>
      <c r="B17715" t="s">
        <v>28186</v>
      </c>
      <c r="C17715">
        <v>0</v>
      </c>
      <c r="D17715">
        <v>0</v>
      </c>
    </row>
    <row r="17716" spans="1:4" x14ac:dyDescent="0.25">
      <c r="A17716" t="s">
        <v>28187</v>
      </c>
      <c r="B17716" t="s">
        <v>28188</v>
      </c>
      <c r="C17716">
        <v>1</v>
      </c>
      <c r="D17716">
        <v>0</v>
      </c>
    </row>
    <row r="17717" spans="1:4" x14ac:dyDescent="0.25">
      <c r="A17717" t="s">
        <v>28187</v>
      </c>
      <c r="B17717" t="s">
        <v>28189</v>
      </c>
      <c r="C17717">
        <v>0</v>
      </c>
      <c r="D17717">
        <v>0</v>
      </c>
    </row>
    <row r="17718" spans="1:4" x14ac:dyDescent="0.25">
      <c r="A17718" t="s">
        <v>28190</v>
      </c>
      <c r="B17718" t="s">
        <v>28191</v>
      </c>
      <c r="C17718">
        <v>1</v>
      </c>
      <c r="D17718">
        <v>0</v>
      </c>
    </row>
    <row r="17719" spans="1:4" x14ac:dyDescent="0.25">
      <c r="A17719" t="s">
        <v>28192</v>
      </c>
      <c r="B17719" t="s">
        <v>28193</v>
      </c>
      <c r="C17719">
        <v>1</v>
      </c>
      <c r="D17719">
        <v>0</v>
      </c>
    </row>
    <row r="17720" spans="1:4" x14ac:dyDescent="0.25">
      <c r="A17720" t="s">
        <v>28192</v>
      </c>
      <c r="B17720" t="s">
        <v>28194</v>
      </c>
      <c r="C17720">
        <v>0</v>
      </c>
      <c r="D17720">
        <v>0</v>
      </c>
    </row>
    <row r="17721" spans="1:4" x14ac:dyDescent="0.25">
      <c r="A17721" t="s">
        <v>28195</v>
      </c>
      <c r="B17721" t="s">
        <v>28196</v>
      </c>
      <c r="C17721">
        <v>1</v>
      </c>
      <c r="D17721">
        <v>0</v>
      </c>
    </row>
    <row r="17722" spans="1:4" x14ac:dyDescent="0.25">
      <c r="A17722" t="s">
        <v>28197</v>
      </c>
      <c r="B17722" t="s">
        <v>28198</v>
      </c>
      <c r="C17722">
        <v>1</v>
      </c>
      <c r="D17722">
        <v>0</v>
      </c>
    </row>
    <row r="17723" spans="1:4" x14ac:dyDescent="0.25">
      <c r="A17723" t="s">
        <v>28197</v>
      </c>
      <c r="B17723" t="s">
        <v>28199</v>
      </c>
      <c r="C17723">
        <v>0</v>
      </c>
      <c r="D17723">
        <v>0</v>
      </c>
    </row>
    <row r="17724" spans="1:4" x14ac:dyDescent="0.25">
      <c r="A17724" t="s">
        <v>28200</v>
      </c>
      <c r="B17724" t="s">
        <v>28201</v>
      </c>
      <c r="C17724">
        <v>0</v>
      </c>
      <c r="D17724">
        <v>0</v>
      </c>
    </row>
    <row r="17725" spans="1:4" x14ac:dyDescent="0.25">
      <c r="A17725" t="s">
        <v>28202</v>
      </c>
      <c r="B17725" t="s">
        <v>28203</v>
      </c>
      <c r="C17725">
        <v>0</v>
      </c>
      <c r="D17725">
        <v>0</v>
      </c>
    </row>
    <row r="17726" spans="1:4" x14ac:dyDescent="0.25">
      <c r="A17726" t="s">
        <v>28204</v>
      </c>
      <c r="B17726" t="s">
        <v>28205</v>
      </c>
      <c r="C17726">
        <v>1</v>
      </c>
      <c r="D17726">
        <v>0</v>
      </c>
    </row>
    <row r="17727" spans="1:4" x14ac:dyDescent="0.25">
      <c r="A17727" t="s">
        <v>28206</v>
      </c>
      <c r="B17727" t="s">
        <v>28207</v>
      </c>
      <c r="C17727">
        <v>1</v>
      </c>
      <c r="D17727">
        <v>0</v>
      </c>
    </row>
    <row r="17728" spans="1:4" x14ac:dyDescent="0.25">
      <c r="A17728" t="s">
        <v>28208</v>
      </c>
      <c r="B17728" t="s">
        <v>843</v>
      </c>
      <c r="C17728">
        <v>1</v>
      </c>
      <c r="D17728">
        <v>0</v>
      </c>
    </row>
    <row r="17729" spans="1:4" x14ac:dyDescent="0.25">
      <c r="A17729" t="s">
        <v>28209</v>
      </c>
      <c r="B17729" t="s">
        <v>28210</v>
      </c>
      <c r="C17729">
        <v>1</v>
      </c>
      <c r="D17729">
        <v>0</v>
      </c>
    </row>
    <row r="17730" spans="1:4" x14ac:dyDescent="0.25">
      <c r="A17730" t="s">
        <v>28209</v>
      </c>
      <c r="B17730" t="s">
        <v>28211</v>
      </c>
      <c r="C17730">
        <v>1</v>
      </c>
      <c r="D17730">
        <v>0</v>
      </c>
    </row>
    <row r="17731" spans="1:4" x14ac:dyDescent="0.25">
      <c r="A17731" t="s">
        <v>28209</v>
      </c>
      <c r="B17731" t="s">
        <v>28212</v>
      </c>
      <c r="C17731">
        <v>1</v>
      </c>
      <c r="D17731">
        <v>0</v>
      </c>
    </row>
    <row r="17732" spans="1:4" x14ac:dyDescent="0.25">
      <c r="A17732" t="s">
        <v>28213</v>
      </c>
      <c r="B17732" t="s">
        <v>28214</v>
      </c>
      <c r="C17732">
        <v>2</v>
      </c>
      <c r="D17732">
        <v>0</v>
      </c>
    </row>
    <row r="17733" spans="1:4" x14ac:dyDescent="0.25">
      <c r="A17733" t="s">
        <v>28213</v>
      </c>
      <c r="B17733" t="s">
        <v>28215</v>
      </c>
      <c r="C17733">
        <v>2</v>
      </c>
      <c r="D17733">
        <v>0</v>
      </c>
    </row>
    <row r="17734" spans="1:4" x14ac:dyDescent="0.25">
      <c r="A17734" t="s">
        <v>28216</v>
      </c>
      <c r="B17734" t="s">
        <v>398</v>
      </c>
      <c r="C17734">
        <v>0</v>
      </c>
      <c r="D17734">
        <v>0</v>
      </c>
    </row>
    <row r="17735" spans="1:4" x14ac:dyDescent="0.25">
      <c r="A17735" t="s">
        <v>28217</v>
      </c>
      <c r="B17735" t="s">
        <v>28218</v>
      </c>
      <c r="C17735">
        <v>1</v>
      </c>
      <c r="D17735">
        <v>0</v>
      </c>
    </row>
    <row r="17736" spans="1:4" x14ac:dyDescent="0.25">
      <c r="A17736" t="s">
        <v>28217</v>
      </c>
      <c r="B17736" t="s">
        <v>28219</v>
      </c>
      <c r="C17736">
        <v>2</v>
      </c>
      <c r="D17736">
        <v>0</v>
      </c>
    </row>
    <row r="17737" spans="1:4" x14ac:dyDescent="0.25">
      <c r="A17737" t="s">
        <v>28217</v>
      </c>
      <c r="B17737" t="s">
        <v>28220</v>
      </c>
      <c r="C17737">
        <v>1</v>
      </c>
      <c r="D17737">
        <v>0</v>
      </c>
    </row>
    <row r="17738" spans="1:4" x14ac:dyDescent="0.25">
      <c r="A17738" t="s">
        <v>28221</v>
      </c>
      <c r="B17738" t="s">
        <v>2061</v>
      </c>
      <c r="C17738">
        <v>0</v>
      </c>
      <c r="D17738">
        <v>0</v>
      </c>
    </row>
    <row r="17739" spans="1:4" x14ac:dyDescent="0.25">
      <c r="A17739" t="s">
        <v>28222</v>
      </c>
      <c r="B17739" t="s">
        <v>28223</v>
      </c>
      <c r="C17739">
        <v>0</v>
      </c>
      <c r="D17739">
        <v>0</v>
      </c>
    </row>
    <row r="17740" spans="1:4" x14ac:dyDescent="0.25">
      <c r="A17740" t="s">
        <v>28224</v>
      </c>
      <c r="B17740" t="s">
        <v>28225</v>
      </c>
      <c r="C17740">
        <v>2</v>
      </c>
      <c r="D17740">
        <v>0</v>
      </c>
    </row>
    <row r="17741" spans="1:4" x14ac:dyDescent="0.25">
      <c r="A17741" t="s">
        <v>28226</v>
      </c>
      <c r="B17741" t="s">
        <v>28227</v>
      </c>
      <c r="C17741">
        <v>2</v>
      </c>
      <c r="D17741">
        <v>0</v>
      </c>
    </row>
    <row r="17742" spans="1:4" x14ac:dyDescent="0.25">
      <c r="A17742" t="s">
        <v>28226</v>
      </c>
      <c r="B17742" t="s">
        <v>28228</v>
      </c>
      <c r="C17742">
        <v>0</v>
      </c>
      <c r="D17742">
        <v>0</v>
      </c>
    </row>
    <row r="17743" spans="1:4" x14ac:dyDescent="0.25">
      <c r="A17743" t="s">
        <v>28229</v>
      </c>
      <c r="B17743" t="s">
        <v>5839</v>
      </c>
      <c r="C17743">
        <v>0</v>
      </c>
      <c r="D17743">
        <v>0</v>
      </c>
    </row>
    <row r="17744" spans="1:4" x14ac:dyDescent="0.25">
      <c r="A17744" t="s">
        <v>28229</v>
      </c>
      <c r="B17744" t="s">
        <v>3926</v>
      </c>
      <c r="C17744">
        <v>1</v>
      </c>
      <c r="D17744">
        <v>0</v>
      </c>
    </row>
    <row r="17745" spans="1:4" x14ac:dyDescent="0.25">
      <c r="A17745" t="s">
        <v>28230</v>
      </c>
      <c r="B17745" t="s">
        <v>28231</v>
      </c>
      <c r="C17745">
        <v>2</v>
      </c>
      <c r="D17745">
        <v>0</v>
      </c>
    </row>
    <row r="17746" spans="1:4" x14ac:dyDescent="0.25">
      <c r="A17746" t="s">
        <v>28230</v>
      </c>
      <c r="B17746" t="s">
        <v>28232</v>
      </c>
      <c r="C17746">
        <v>1</v>
      </c>
      <c r="D17746">
        <v>0</v>
      </c>
    </row>
    <row r="17747" spans="1:4" x14ac:dyDescent="0.25">
      <c r="A17747" t="s">
        <v>28233</v>
      </c>
      <c r="B17747" t="s">
        <v>28234</v>
      </c>
      <c r="C17747">
        <v>0</v>
      </c>
      <c r="D17747">
        <v>0</v>
      </c>
    </row>
    <row r="17748" spans="1:4" x14ac:dyDescent="0.25">
      <c r="A17748" t="s">
        <v>28233</v>
      </c>
      <c r="B17748" t="s">
        <v>28235</v>
      </c>
      <c r="C17748">
        <v>0</v>
      </c>
      <c r="D17748">
        <v>0</v>
      </c>
    </row>
    <row r="17749" spans="1:4" x14ac:dyDescent="0.25">
      <c r="A17749" t="s">
        <v>28233</v>
      </c>
      <c r="B17749" t="s">
        <v>28236</v>
      </c>
      <c r="C17749">
        <v>0</v>
      </c>
      <c r="D17749">
        <v>0</v>
      </c>
    </row>
    <row r="17750" spans="1:4" x14ac:dyDescent="0.25">
      <c r="A17750" t="s">
        <v>28237</v>
      </c>
      <c r="B17750" t="s">
        <v>28238</v>
      </c>
      <c r="C17750">
        <v>2</v>
      </c>
      <c r="D17750">
        <v>0</v>
      </c>
    </row>
    <row r="17751" spans="1:4" x14ac:dyDescent="0.25">
      <c r="A17751" t="s">
        <v>28237</v>
      </c>
      <c r="B17751" t="s">
        <v>28239</v>
      </c>
      <c r="C17751">
        <v>1</v>
      </c>
      <c r="D17751">
        <v>0</v>
      </c>
    </row>
    <row r="17752" spans="1:4" x14ac:dyDescent="0.25">
      <c r="A17752" t="s">
        <v>28237</v>
      </c>
      <c r="B17752" t="s">
        <v>28240</v>
      </c>
      <c r="C17752">
        <v>1</v>
      </c>
      <c r="D17752">
        <v>0</v>
      </c>
    </row>
    <row r="17753" spans="1:4" x14ac:dyDescent="0.25">
      <c r="A17753" t="s">
        <v>28241</v>
      </c>
      <c r="B17753" t="s">
        <v>1001</v>
      </c>
      <c r="C17753">
        <v>1</v>
      </c>
      <c r="D17753">
        <v>0</v>
      </c>
    </row>
    <row r="17754" spans="1:4" x14ac:dyDescent="0.25">
      <c r="A17754" t="s">
        <v>28241</v>
      </c>
      <c r="B17754" t="s">
        <v>28242</v>
      </c>
      <c r="C17754">
        <v>2</v>
      </c>
      <c r="D17754">
        <v>0</v>
      </c>
    </row>
    <row r="17755" spans="1:4" x14ac:dyDescent="0.25">
      <c r="A17755" t="s">
        <v>28241</v>
      </c>
      <c r="B17755" t="s">
        <v>968</v>
      </c>
      <c r="C17755">
        <v>1</v>
      </c>
      <c r="D17755">
        <v>0</v>
      </c>
    </row>
    <row r="17756" spans="1:4" x14ac:dyDescent="0.25">
      <c r="A17756" t="s">
        <v>28243</v>
      </c>
      <c r="B17756" t="s">
        <v>28244</v>
      </c>
      <c r="C17756">
        <v>1</v>
      </c>
      <c r="D17756">
        <v>0</v>
      </c>
    </row>
    <row r="17757" spans="1:4" x14ac:dyDescent="0.25">
      <c r="A17757" t="s">
        <v>28243</v>
      </c>
      <c r="B17757" t="s">
        <v>28245</v>
      </c>
      <c r="C17757">
        <v>1</v>
      </c>
      <c r="D17757">
        <v>0</v>
      </c>
    </row>
    <row r="17758" spans="1:4" x14ac:dyDescent="0.25">
      <c r="A17758" t="s">
        <v>28246</v>
      </c>
      <c r="B17758" t="s">
        <v>28247</v>
      </c>
      <c r="C17758">
        <v>2</v>
      </c>
      <c r="D17758">
        <v>0</v>
      </c>
    </row>
    <row r="17759" spans="1:4" x14ac:dyDescent="0.25">
      <c r="A17759" t="s">
        <v>28246</v>
      </c>
      <c r="B17759" t="s">
        <v>28248</v>
      </c>
      <c r="C17759">
        <v>2</v>
      </c>
      <c r="D17759">
        <v>0</v>
      </c>
    </row>
    <row r="17760" spans="1:4" x14ac:dyDescent="0.25">
      <c r="A17760" t="s">
        <v>28246</v>
      </c>
      <c r="B17760" t="s">
        <v>28249</v>
      </c>
      <c r="C17760">
        <v>0</v>
      </c>
      <c r="D17760">
        <v>0</v>
      </c>
    </row>
    <row r="17761" spans="1:4" x14ac:dyDescent="0.25">
      <c r="A17761" t="s">
        <v>28250</v>
      </c>
      <c r="B17761" t="s">
        <v>1001</v>
      </c>
      <c r="C17761">
        <v>1</v>
      </c>
      <c r="D17761">
        <v>0</v>
      </c>
    </row>
    <row r="17762" spans="1:4" x14ac:dyDescent="0.25">
      <c r="A17762" t="s">
        <v>28250</v>
      </c>
      <c r="B17762" t="s">
        <v>28251</v>
      </c>
      <c r="C17762">
        <v>0</v>
      </c>
      <c r="D17762">
        <v>0</v>
      </c>
    </row>
    <row r="17763" spans="1:4" x14ac:dyDescent="0.25">
      <c r="A17763" t="s">
        <v>28250</v>
      </c>
      <c r="B17763" t="s">
        <v>28252</v>
      </c>
      <c r="C17763">
        <v>0</v>
      </c>
      <c r="D17763">
        <v>0</v>
      </c>
    </row>
    <row r="17764" spans="1:4" x14ac:dyDescent="0.25">
      <c r="A17764" t="s">
        <v>28253</v>
      </c>
      <c r="B17764" t="s">
        <v>28254</v>
      </c>
      <c r="C17764">
        <v>2</v>
      </c>
      <c r="D17764">
        <v>0</v>
      </c>
    </row>
    <row r="17765" spans="1:4" x14ac:dyDescent="0.25">
      <c r="A17765" t="s">
        <v>28253</v>
      </c>
      <c r="B17765" t="s">
        <v>28255</v>
      </c>
      <c r="C17765">
        <v>2</v>
      </c>
      <c r="D17765">
        <v>0</v>
      </c>
    </row>
    <row r="17766" spans="1:4" x14ac:dyDescent="0.25">
      <c r="A17766" t="s">
        <v>28253</v>
      </c>
      <c r="B17766" t="s">
        <v>28256</v>
      </c>
      <c r="C17766">
        <v>2</v>
      </c>
      <c r="D17766">
        <v>0</v>
      </c>
    </row>
    <row r="17767" spans="1:4" x14ac:dyDescent="0.25">
      <c r="A17767" t="s">
        <v>28257</v>
      </c>
      <c r="B17767" t="s">
        <v>28258</v>
      </c>
      <c r="C17767">
        <v>0</v>
      </c>
      <c r="D17767">
        <v>0</v>
      </c>
    </row>
    <row r="17768" spans="1:4" x14ac:dyDescent="0.25">
      <c r="A17768" t="s">
        <v>28259</v>
      </c>
      <c r="B17768" t="s">
        <v>28260</v>
      </c>
      <c r="C17768">
        <v>1</v>
      </c>
      <c r="D17768">
        <v>0</v>
      </c>
    </row>
    <row r="17769" spans="1:4" x14ac:dyDescent="0.25">
      <c r="A17769" t="s">
        <v>28259</v>
      </c>
      <c r="B17769" t="s">
        <v>28261</v>
      </c>
      <c r="C17769">
        <v>2</v>
      </c>
      <c r="D17769">
        <v>0</v>
      </c>
    </row>
    <row r="17770" spans="1:4" x14ac:dyDescent="0.25">
      <c r="A17770" t="s">
        <v>28259</v>
      </c>
      <c r="B17770" t="s">
        <v>28262</v>
      </c>
      <c r="C17770">
        <v>1</v>
      </c>
      <c r="D17770">
        <v>0</v>
      </c>
    </row>
    <row r="17771" spans="1:4" x14ac:dyDescent="0.25">
      <c r="A17771" t="s">
        <v>28263</v>
      </c>
      <c r="B17771" t="s">
        <v>28264</v>
      </c>
      <c r="C17771">
        <v>0</v>
      </c>
      <c r="D17771">
        <v>0</v>
      </c>
    </row>
    <row r="17772" spans="1:4" x14ac:dyDescent="0.25">
      <c r="A17772" t="s">
        <v>28263</v>
      </c>
      <c r="B17772" t="s">
        <v>28265</v>
      </c>
      <c r="C17772">
        <v>0</v>
      </c>
      <c r="D17772">
        <v>0</v>
      </c>
    </row>
    <row r="17773" spans="1:4" x14ac:dyDescent="0.25">
      <c r="A17773" t="s">
        <v>28266</v>
      </c>
      <c r="B17773" t="s">
        <v>28267</v>
      </c>
      <c r="C17773">
        <v>1</v>
      </c>
      <c r="D17773">
        <v>0</v>
      </c>
    </row>
    <row r="17774" spans="1:4" x14ac:dyDescent="0.25">
      <c r="A17774" t="s">
        <v>28268</v>
      </c>
      <c r="B17774" t="s">
        <v>28269</v>
      </c>
      <c r="C17774">
        <v>2</v>
      </c>
      <c r="D17774">
        <v>0</v>
      </c>
    </row>
    <row r="17775" spans="1:4" x14ac:dyDescent="0.25">
      <c r="A17775" t="s">
        <v>28268</v>
      </c>
      <c r="B17775" t="s">
        <v>28270</v>
      </c>
      <c r="C17775">
        <v>0</v>
      </c>
      <c r="D17775">
        <v>0</v>
      </c>
    </row>
    <row r="17776" spans="1:4" x14ac:dyDescent="0.25">
      <c r="A17776" t="s">
        <v>28271</v>
      </c>
      <c r="B17776" t="s">
        <v>28272</v>
      </c>
      <c r="C17776">
        <v>1</v>
      </c>
      <c r="D17776">
        <v>0</v>
      </c>
    </row>
    <row r="17777" spans="1:4" x14ac:dyDescent="0.25">
      <c r="A17777" t="s">
        <v>28271</v>
      </c>
      <c r="B17777" t="s">
        <v>28273</v>
      </c>
      <c r="C17777">
        <v>2</v>
      </c>
      <c r="D17777">
        <v>0</v>
      </c>
    </row>
    <row r="17778" spans="1:4" x14ac:dyDescent="0.25">
      <c r="A17778" t="s">
        <v>28271</v>
      </c>
      <c r="B17778" t="s">
        <v>28274</v>
      </c>
      <c r="C17778">
        <v>0</v>
      </c>
      <c r="D17778">
        <v>0</v>
      </c>
    </row>
    <row r="17779" spans="1:4" x14ac:dyDescent="0.25">
      <c r="A17779" t="s">
        <v>28275</v>
      </c>
      <c r="B17779" t="s">
        <v>28276</v>
      </c>
      <c r="C17779">
        <v>1</v>
      </c>
      <c r="D17779">
        <v>0</v>
      </c>
    </row>
    <row r="17780" spans="1:4" x14ac:dyDescent="0.25">
      <c r="A17780" t="s">
        <v>28275</v>
      </c>
      <c r="B17780" t="s">
        <v>28277</v>
      </c>
      <c r="C17780">
        <v>1</v>
      </c>
      <c r="D17780">
        <v>0</v>
      </c>
    </row>
    <row r="17781" spans="1:4" x14ac:dyDescent="0.25">
      <c r="A17781" t="s">
        <v>28275</v>
      </c>
      <c r="B17781" t="s">
        <v>28278</v>
      </c>
      <c r="C17781">
        <v>1</v>
      </c>
      <c r="D17781">
        <v>0</v>
      </c>
    </row>
    <row r="17782" spans="1:4" x14ac:dyDescent="0.25">
      <c r="A17782" t="s">
        <v>28279</v>
      </c>
      <c r="B17782" t="s">
        <v>28280</v>
      </c>
      <c r="C17782">
        <v>0</v>
      </c>
      <c r="D17782">
        <v>0</v>
      </c>
    </row>
    <row r="17783" spans="1:4" x14ac:dyDescent="0.25">
      <c r="A17783" t="s">
        <v>28279</v>
      </c>
      <c r="B17783" t="s">
        <v>28281</v>
      </c>
      <c r="C17783">
        <v>0</v>
      </c>
      <c r="D17783">
        <v>0</v>
      </c>
    </row>
    <row r="17784" spans="1:4" x14ac:dyDescent="0.25">
      <c r="A17784" t="s">
        <v>28279</v>
      </c>
      <c r="B17784" t="s">
        <v>28282</v>
      </c>
      <c r="C17784">
        <v>2</v>
      </c>
      <c r="D17784">
        <v>0</v>
      </c>
    </row>
    <row r="17785" spans="1:4" x14ac:dyDescent="0.25">
      <c r="A17785" t="s">
        <v>28283</v>
      </c>
      <c r="B17785" t="s">
        <v>398</v>
      </c>
      <c r="C17785">
        <v>0</v>
      </c>
      <c r="D17785">
        <v>0</v>
      </c>
    </row>
    <row r="17786" spans="1:4" x14ac:dyDescent="0.25">
      <c r="A17786" t="s">
        <v>28284</v>
      </c>
      <c r="B17786" t="s">
        <v>28285</v>
      </c>
      <c r="C17786">
        <v>0</v>
      </c>
      <c r="D17786">
        <v>0</v>
      </c>
    </row>
    <row r="17787" spans="1:4" x14ac:dyDescent="0.25">
      <c r="A17787" t="s">
        <v>28284</v>
      </c>
      <c r="B17787" t="s">
        <v>28286</v>
      </c>
      <c r="C17787">
        <v>1</v>
      </c>
      <c r="D17787">
        <v>0</v>
      </c>
    </row>
    <row r="17788" spans="1:4" x14ac:dyDescent="0.25">
      <c r="A17788" t="s">
        <v>28284</v>
      </c>
      <c r="B17788" t="s">
        <v>28287</v>
      </c>
      <c r="C17788">
        <v>2</v>
      </c>
      <c r="D17788">
        <v>0</v>
      </c>
    </row>
    <row r="17789" spans="1:4" x14ac:dyDescent="0.25">
      <c r="A17789" t="s">
        <v>28288</v>
      </c>
      <c r="B17789" t="s">
        <v>28289</v>
      </c>
      <c r="C17789">
        <v>2</v>
      </c>
      <c r="D17789">
        <v>0</v>
      </c>
    </row>
    <row r="17790" spans="1:4" x14ac:dyDescent="0.25">
      <c r="A17790" t="s">
        <v>28288</v>
      </c>
      <c r="B17790" t="s">
        <v>28290</v>
      </c>
      <c r="C17790">
        <v>1</v>
      </c>
      <c r="D17790">
        <v>0</v>
      </c>
    </row>
    <row r="17791" spans="1:4" x14ac:dyDescent="0.25">
      <c r="A17791" t="s">
        <v>28291</v>
      </c>
      <c r="B17791" t="s">
        <v>28292</v>
      </c>
      <c r="C17791">
        <v>1</v>
      </c>
      <c r="D17791">
        <v>0</v>
      </c>
    </row>
    <row r="17792" spans="1:4" x14ac:dyDescent="0.25">
      <c r="A17792" t="s">
        <v>28291</v>
      </c>
      <c r="B17792" t="s">
        <v>28293</v>
      </c>
      <c r="C17792">
        <v>2</v>
      </c>
      <c r="D17792">
        <v>0</v>
      </c>
    </row>
    <row r="17793" spans="1:4" x14ac:dyDescent="0.25">
      <c r="A17793" t="s">
        <v>28294</v>
      </c>
      <c r="B17793" t="s">
        <v>969</v>
      </c>
      <c r="C17793">
        <v>0</v>
      </c>
      <c r="D17793">
        <v>0</v>
      </c>
    </row>
    <row r="17794" spans="1:4" x14ac:dyDescent="0.25">
      <c r="A17794" t="s">
        <v>28295</v>
      </c>
      <c r="B17794" t="s">
        <v>28296</v>
      </c>
      <c r="C17794">
        <v>2</v>
      </c>
      <c r="D17794">
        <v>0</v>
      </c>
    </row>
    <row r="17795" spans="1:4" x14ac:dyDescent="0.25">
      <c r="A17795" t="s">
        <v>28295</v>
      </c>
      <c r="B17795" t="s">
        <v>28297</v>
      </c>
      <c r="C17795">
        <v>1</v>
      </c>
      <c r="D17795">
        <v>0</v>
      </c>
    </row>
    <row r="17796" spans="1:4" x14ac:dyDescent="0.25">
      <c r="A17796" t="s">
        <v>28298</v>
      </c>
      <c r="B17796" t="s">
        <v>28299</v>
      </c>
      <c r="C17796">
        <v>1</v>
      </c>
      <c r="D17796">
        <v>0</v>
      </c>
    </row>
    <row r="17797" spans="1:4" x14ac:dyDescent="0.25">
      <c r="A17797" t="s">
        <v>28300</v>
      </c>
      <c r="B17797" t="s">
        <v>28301</v>
      </c>
      <c r="C17797">
        <v>1</v>
      </c>
      <c r="D17797">
        <v>0</v>
      </c>
    </row>
    <row r="17798" spans="1:4" x14ac:dyDescent="0.25">
      <c r="A17798" t="s">
        <v>28300</v>
      </c>
      <c r="B17798" t="s">
        <v>1001</v>
      </c>
      <c r="C17798">
        <v>1</v>
      </c>
      <c r="D17798">
        <v>0</v>
      </c>
    </row>
    <row r="17799" spans="1:4" x14ac:dyDescent="0.25">
      <c r="A17799" t="s">
        <v>28300</v>
      </c>
      <c r="B17799" t="s">
        <v>28302</v>
      </c>
      <c r="C17799">
        <v>1</v>
      </c>
      <c r="D17799">
        <v>0</v>
      </c>
    </row>
    <row r="17800" spans="1:4" x14ac:dyDescent="0.25">
      <c r="A17800" t="s">
        <v>28303</v>
      </c>
      <c r="B17800" t="s">
        <v>28304</v>
      </c>
      <c r="C17800">
        <v>1</v>
      </c>
      <c r="D17800">
        <v>0</v>
      </c>
    </row>
    <row r="17801" spans="1:4" x14ac:dyDescent="0.25">
      <c r="A17801" t="s">
        <v>28303</v>
      </c>
      <c r="B17801" t="s">
        <v>4179</v>
      </c>
      <c r="C17801">
        <v>1</v>
      </c>
      <c r="D17801">
        <v>0</v>
      </c>
    </row>
    <row r="17802" spans="1:4" x14ac:dyDescent="0.25">
      <c r="A17802" t="s">
        <v>28305</v>
      </c>
      <c r="B17802" t="s">
        <v>28306</v>
      </c>
      <c r="C17802">
        <v>1</v>
      </c>
      <c r="D17802">
        <v>0</v>
      </c>
    </row>
    <row r="17803" spans="1:4" x14ac:dyDescent="0.25">
      <c r="A17803" t="s">
        <v>28305</v>
      </c>
      <c r="B17803" t="s">
        <v>28307</v>
      </c>
      <c r="C17803">
        <v>1</v>
      </c>
      <c r="D17803">
        <v>0</v>
      </c>
    </row>
    <row r="17804" spans="1:4" x14ac:dyDescent="0.25">
      <c r="A17804" t="s">
        <v>28308</v>
      </c>
      <c r="B17804" t="s">
        <v>28309</v>
      </c>
      <c r="C17804">
        <v>1</v>
      </c>
      <c r="D17804">
        <v>0</v>
      </c>
    </row>
    <row r="17805" spans="1:4" x14ac:dyDescent="0.25">
      <c r="A17805" t="s">
        <v>28308</v>
      </c>
      <c r="B17805" t="s">
        <v>28310</v>
      </c>
      <c r="C17805">
        <v>1</v>
      </c>
      <c r="D17805">
        <v>0</v>
      </c>
    </row>
    <row r="17806" spans="1:4" x14ac:dyDescent="0.25">
      <c r="A17806" t="s">
        <v>28311</v>
      </c>
      <c r="B17806" t="s">
        <v>28312</v>
      </c>
      <c r="C17806">
        <v>1</v>
      </c>
      <c r="D17806">
        <v>0</v>
      </c>
    </row>
    <row r="17807" spans="1:4" x14ac:dyDescent="0.25">
      <c r="A17807" t="s">
        <v>28311</v>
      </c>
      <c r="B17807" t="s">
        <v>28313</v>
      </c>
      <c r="C17807">
        <v>2</v>
      </c>
      <c r="D17807">
        <v>0</v>
      </c>
    </row>
    <row r="17808" spans="1:4" x14ac:dyDescent="0.25">
      <c r="A17808" t="s">
        <v>28311</v>
      </c>
      <c r="B17808" t="s">
        <v>28314</v>
      </c>
      <c r="C17808">
        <v>1</v>
      </c>
      <c r="D17808">
        <v>0</v>
      </c>
    </row>
    <row r="17809" spans="1:4" x14ac:dyDescent="0.25">
      <c r="A17809" t="s">
        <v>28315</v>
      </c>
      <c r="B17809" t="s">
        <v>28316</v>
      </c>
      <c r="C17809">
        <v>0</v>
      </c>
      <c r="D17809">
        <v>0</v>
      </c>
    </row>
    <row r="17810" spans="1:4" x14ac:dyDescent="0.25">
      <c r="A17810" t="s">
        <v>28317</v>
      </c>
      <c r="B17810" t="s">
        <v>28318</v>
      </c>
      <c r="C17810">
        <v>2</v>
      </c>
      <c r="D17810">
        <v>0</v>
      </c>
    </row>
    <row r="17811" spans="1:4" x14ac:dyDescent="0.25">
      <c r="A17811" t="s">
        <v>28317</v>
      </c>
      <c r="B17811" t="s">
        <v>28319</v>
      </c>
      <c r="C17811">
        <v>2</v>
      </c>
      <c r="D17811">
        <v>0</v>
      </c>
    </row>
    <row r="17812" spans="1:4" x14ac:dyDescent="0.25">
      <c r="A17812" t="s">
        <v>28320</v>
      </c>
      <c r="B17812" t="s">
        <v>28321</v>
      </c>
      <c r="C17812">
        <v>1</v>
      </c>
      <c r="D17812">
        <v>0</v>
      </c>
    </row>
    <row r="17813" spans="1:4" x14ac:dyDescent="0.25">
      <c r="A17813" t="s">
        <v>28322</v>
      </c>
      <c r="B17813" t="s">
        <v>28323</v>
      </c>
      <c r="C17813">
        <v>1</v>
      </c>
      <c r="D17813">
        <v>0</v>
      </c>
    </row>
    <row r="17814" spans="1:4" x14ac:dyDescent="0.25">
      <c r="A17814" t="s">
        <v>28322</v>
      </c>
      <c r="B17814" t="s">
        <v>28324</v>
      </c>
      <c r="C17814">
        <v>2</v>
      </c>
      <c r="D17814">
        <v>0</v>
      </c>
    </row>
    <row r="17815" spans="1:4" x14ac:dyDescent="0.25">
      <c r="A17815" t="s">
        <v>28322</v>
      </c>
      <c r="B17815" t="s">
        <v>28325</v>
      </c>
      <c r="C17815">
        <v>1</v>
      </c>
      <c r="D17815">
        <v>0</v>
      </c>
    </row>
    <row r="17816" spans="1:4" x14ac:dyDescent="0.25">
      <c r="A17816" t="s">
        <v>28326</v>
      </c>
      <c r="B17816" t="s">
        <v>28327</v>
      </c>
      <c r="C17816">
        <v>1</v>
      </c>
      <c r="D17816">
        <v>0</v>
      </c>
    </row>
    <row r="17817" spans="1:4" x14ac:dyDescent="0.25">
      <c r="A17817" t="s">
        <v>28328</v>
      </c>
      <c r="B17817" t="s">
        <v>28329</v>
      </c>
      <c r="C17817">
        <v>2</v>
      </c>
      <c r="D17817">
        <v>0</v>
      </c>
    </row>
    <row r="17818" spans="1:4" x14ac:dyDescent="0.25">
      <c r="A17818" t="s">
        <v>28330</v>
      </c>
      <c r="B17818" t="s">
        <v>28331</v>
      </c>
      <c r="C17818">
        <v>0</v>
      </c>
      <c r="D17818">
        <v>0</v>
      </c>
    </row>
    <row r="17819" spans="1:4" x14ac:dyDescent="0.25">
      <c r="A17819" t="s">
        <v>28330</v>
      </c>
      <c r="B17819" t="s">
        <v>28332</v>
      </c>
      <c r="C17819">
        <v>0</v>
      </c>
      <c r="D17819">
        <v>0</v>
      </c>
    </row>
    <row r="17820" spans="1:4" x14ac:dyDescent="0.25">
      <c r="A17820" t="s">
        <v>28333</v>
      </c>
      <c r="B17820" t="s">
        <v>28334</v>
      </c>
      <c r="C17820">
        <v>1</v>
      </c>
      <c r="D17820">
        <v>0</v>
      </c>
    </row>
    <row r="17821" spans="1:4" x14ac:dyDescent="0.25">
      <c r="A17821" t="s">
        <v>28335</v>
      </c>
      <c r="B17821" t="s">
        <v>28336</v>
      </c>
      <c r="C17821">
        <v>1</v>
      </c>
      <c r="D17821">
        <v>0</v>
      </c>
    </row>
    <row r="17822" spans="1:4" x14ac:dyDescent="0.25">
      <c r="A17822" t="s">
        <v>28335</v>
      </c>
      <c r="B17822" t="s">
        <v>28337</v>
      </c>
      <c r="C17822">
        <v>2</v>
      </c>
      <c r="D17822">
        <v>0</v>
      </c>
    </row>
    <row r="17823" spans="1:4" x14ac:dyDescent="0.25">
      <c r="A17823" t="s">
        <v>28338</v>
      </c>
      <c r="B17823" t="s">
        <v>28339</v>
      </c>
      <c r="C17823">
        <v>1</v>
      </c>
      <c r="D17823">
        <v>0</v>
      </c>
    </row>
    <row r="17824" spans="1:4" x14ac:dyDescent="0.25">
      <c r="A17824" t="s">
        <v>28338</v>
      </c>
      <c r="B17824" t="s">
        <v>1101</v>
      </c>
      <c r="C17824">
        <v>1</v>
      </c>
      <c r="D17824">
        <v>0</v>
      </c>
    </row>
    <row r="17825" spans="1:4" x14ac:dyDescent="0.25">
      <c r="A17825" t="s">
        <v>28340</v>
      </c>
      <c r="B17825" t="s">
        <v>28341</v>
      </c>
      <c r="C17825">
        <v>1</v>
      </c>
      <c r="D17825">
        <v>0</v>
      </c>
    </row>
    <row r="17826" spans="1:4" x14ac:dyDescent="0.25">
      <c r="A17826" t="s">
        <v>28342</v>
      </c>
      <c r="B17826" t="s">
        <v>852</v>
      </c>
      <c r="C17826">
        <v>0</v>
      </c>
      <c r="D17826">
        <v>0</v>
      </c>
    </row>
    <row r="17827" spans="1:4" x14ac:dyDescent="0.25">
      <c r="A17827" t="s">
        <v>28342</v>
      </c>
      <c r="B17827" t="s">
        <v>7314</v>
      </c>
      <c r="C17827">
        <v>1</v>
      </c>
      <c r="D17827">
        <v>0</v>
      </c>
    </row>
    <row r="17828" spans="1:4" x14ac:dyDescent="0.25">
      <c r="A17828" t="s">
        <v>28343</v>
      </c>
      <c r="B17828" t="s">
        <v>28344</v>
      </c>
      <c r="C17828">
        <v>0</v>
      </c>
      <c r="D17828">
        <v>0</v>
      </c>
    </row>
    <row r="17829" spans="1:4" x14ac:dyDescent="0.25">
      <c r="A17829" t="s">
        <v>28343</v>
      </c>
      <c r="B17829" t="s">
        <v>28345</v>
      </c>
      <c r="C17829">
        <v>0</v>
      </c>
      <c r="D17829">
        <v>0</v>
      </c>
    </row>
    <row r="17830" spans="1:4" x14ac:dyDescent="0.25">
      <c r="A17830" t="s">
        <v>28346</v>
      </c>
      <c r="B17830" t="s">
        <v>28347</v>
      </c>
      <c r="C17830">
        <v>1</v>
      </c>
      <c r="D17830">
        <v>0</v>
      </c>
    </row>
    <row r="17831" spans="1:4" x14ac:dyDescent="0.25">
      <c r="A17831" t="s">
        <v>28346</v>
      </c>
      <c r="B17831" t="s">
        <v>28348</v>
      </c>
      <c r="C17831">
        <v>1</v>
      </c>
      <c r="D17831">
        <v>0</v>
      </c>
    </row>
    <row r="17832" spans="1:4" x14ac:dyDescent="0.25">
      <c r="A17832" t="s">
        <v>28346</v>
      </c>
      <c r="B17832" t="s">
        <v>28349</v>
      </c>
      <c r="C17832">
        <v>1</v>
      </c>
      <c r="D17832">
        <v>0</v>
      </c>
    </row>
    <row r="17833" spans="1:4" x14ac:dyDescent="0.25">
      <c r="A17833" t="s">
        <v>28350</v>
      </c>
      <c r="B17833" t="s">
        <v>2395</v>
      </c>
      <c r="C17833">
        <v>1</v>
      </c>
      <c r="D17833">
        <v>0</v>
      </c>
    </row>
    <row r="17834" spans="1:4" x14ac:dyDescent="0.25">
      <c r="A17834" t="s">
        <v>28351</v>
      </c>
      <c r="B17834" t="s">
        <v>28352</v>
      </c>
      <c r="C17834">
        <v>0</v>
      </c>
      <c r="D17834">
        <v>0</v>
      </c>
    </row>
    <row r="17835" spans="1:4" x14ac:dyDescent="0.25">
      <c r="A17835" t="s">
        <v>28353</v>
      </c>
      <c r="B17835" t="s">
        <v>28354</v>
      </c>
      <c r="C17835">
        <v>1</v>
      </c>
      <c r="D17835">
        <v>0</v>
      </c>
    </row>
    <row r="17836" spans="1:4" x14ac:dyDescent="0.25">
      <c r="A17836" t="s">
        <v>28353</v>
      </c>
      <c r="B17836" t="s">
        <v>28355</v>
      </c>
      <c r="C17836">
        <v>1</v>
      </c>
      <c r="D17836">
        <v>0</v>
      </c>
    </row>
    <row r="17837" spans="1:4" x14ac:dyDescent="0.25">
      <c r="A17837" t="s">
        <v>28353</v>
      </c>
      <c r="B17837" t="s">
        <v>28356</v>
      </c>
      <c r="C17837">
        <v>2</v>
      </c>
      <c r="D17837">
        <v>0</v>
      </c>
    </row>
    <row r="17838" spans="1:4" x14ac:dyDescent="0.25">
      <c r="A17838" t="s">
        <v>28357</v>
      </c>
      <c r="B17838" t="s">
        <v>28358</v>
      </c>
      <c r="C17838">
        <v>2</v>
      </c>
      <c r="D17838">
        <v>0</v>
      </c>
    </row>
    <row r="17839" spans="1:4" x14ac:dyDescent="0.25">
      <c r="A17839" t="s">
        <v>28359</v>
      </c>
      <c r="B17839" t="s">
        <v>28360</v>
      </c>
      <c r="C17839">
        <v>0</v>
      </c>
      <c r="D17839">
        <v>0</v>
      </c>
    </row>
    <row r="17840" spans="1:4" x14ac:dyDescent="0.25">
      <c r="A17840" t="s">
        <v>28361</v>
      </c>
      <c r="B17840" t="s">
        <v>28362</v>
      </c>
      <c r="C17840">
        <v>0</v>
      </c>
      <c r="D17840">
        <v>0</v>
      </c>
    </row>
    <row r="17841" spans="1:4" x14ac:dyDescent="0.25">
      <c r="A17841" t="s">
        <v>28361</v>
      </c>
      <c r="B17841" t="s">
        <v>28363</v>
      </c>
      <c r="C17841">
        <v>0</v>
      </c>
      <c r="D17841">
        <v>0</v>
      </c>
    </row>
    <row r="17842" spans="1:4" x14ac:dyDescent="0.25">
      <c r="A17842" t="s">
        <v>28364</v>
      </c>
      <c r="B17842" t="s">
        <v>28365</v>
      </c>
      <c r="C17842">
        <v>0</v>
      </c>
      <c r="D17842">
        <v>0</v>
      </c>
    </row>
    <row r="17843" spans="1:4" x14ac:dyDescent="0.25">
      <c r="A17843" t="s">
        <v>28366</v>
      </c>
      <c r="B17843" t="s">
        <v>28367</v>
      </c>
      <c r="C17843">
        <v>0</v>
      </c>
      <c r="D17843">
        <v>0</v>
      </c>
    </row>
    <row r="17844" spans="1:4" x14ac:dyDescent="0.25">
      <c r="A17844" t="s">
        <v>28366</v>
      </c>
      <c r="B17844" t="s">
        <v>8702</v>
      </c>
      <c r="C17844">
        <v>1</v>
      </c>
      <c r="D17844">
        <v>0</v>
      </c>
    </row>
    <row r="17845" spans="1:4" x14ac:dyDescent="0.25">
      <c r="A17845" t="s">
        <v>28368</v>
      </c>
      <c r="B17845" t="s">
        <v>28369</v>
      </c>
      <c r="C17845">
        <v>2</v>
      </c>
      <c r="D17845">
        <v>0</v>
      </c>
    </row>
    <row r="17846" spans="1:4" x14ac:dyDescent="0.25">
      <c r="A17846" t="s">
        <v>28368</v>
      </c>
      <c r="B17846" t="s">
        <v>28370</v>
      </c>
      <c r="C17846">
        <v>2</v>
      </c>
      <c r="D17846">
        <v>0</v>
      </c>
    </row>
    <row r="17847" spans="1:4" x14ac:dyDescent="0.25">
      <c r="A17847" t="s">
        <v>28371</v>
      </c>
      <c r="B17847" t="s">
        <v>28372</v>
      </c>
      <c r="C17847">
        <v>1</v>
      </c>
      <c r="D17847">
        <v>0</v>
      </c>
    </row>
    <row r="17848" spans="1:4" x14ac:dyDescent="0.25">
      <c r="A17848" t="s">
        <v>28371</v>
      </c>
      <c r="B17848" t="s">
        <v>28373</v>
      </c>
      <c r="C17848">
        <v>0</v>
      </c>
      <c r="D17848">
        <v>0</v>
      </c>
    </row>
    <row r="17849" spans="1:4" x14ac:dyDescent="0.25">
      <c r="A17849" t="s">
        <v>28374</v>
      </c>
      <c r="B17849" t="s">
        <v>28375</v>
      </c>
      <c r="C17849">
        <v>0</v>
      </c>
      <c r="D17849">
        <v>0</v>
      </c>
    </row>
    <row r="17850" spans="1:4" x14ac:dyDescent="0.25">
      <c r="A17850" t="s">
        <v>28374</v>
      </c>
      <c r="B17850" t="s">
        <v>28376</v>
      </c>
      <c r="C17850">
        <v>1</v>
      </c>
      <c r="D17850">
        <v>0</v>
      </c>
    </row>
    <row r="17851" spans="1:4" x14ac:dyDescent="0.25">
      <c r="A17851" t="s">
        <v>28374</v>
      </c>
      <c r="B17851" t="s">
        <v>28377</v>
      </c>
      <c r="C17851">
        <v>1</v>
      </c>
      <c r="D17851">
        <v>0</v>
      </c>
    </row>
    <row r="17852" spans="1:4" x14ac:dyDescent="0.25">
      <c r="A17852" t="s">
        <v>28378</v>
      </c>
      <c r="B17852" t="s">
        <v>28379</v>
      </c>
      <c r="C17852">
        <v>1</v>
      </c>
      <c r="D17852">
        <v>0</v>
      </c>
    </row>
    <row r="17853" spans="1:4" x14ac:dyDescent="0.25">
      <c r="A17853" t="s">
        <v>28380</v>
      </c>
      <c r="B17853" t="s">
        <v>28381</v>
      </c>
      <c r="C17853">
        <v>1</v>
      </c>
      <c r="D17853">
        <v>0</v>
      </c>
    </row>
    <row r="17854" spans="1:4" x14ac:dyDescent="0.25">
      <c r="A17854" t="s">
        <v>28382</v>
      </c>
      <c r="B17854" t="s">
        <v>28383</v>
      </c>
      <c r="C17854">
        <v>2</v>
      </c>
      <c r="D17854">
        <v>0</v>
      </c>
    </row>
    <row r="17855" spans="1:4" x14ac:dyDescent="0.25">
      <c r="A17855" t="s">
        <v>28382</v>
      </c>
      <c r="B17855" t="s">
        <v>28384</v>
      </c>
      <c r="C17855">
        <v>0</v>
      </c>
      <c r="D17855">
        <v>0</v>
      </c>
    </row>
    <row r="17856" spans="1:4" x14ac:dyDescent="0.25">
      <c r="A17856" t="s">
        <v>28382</v>
      </c>
      <c r="B17856" t="s">
        <v>28385</v>
      </c>
      <c r="C17856">
        <v>2</v>
      </c>
      <c r="D17856">
        <v>0</v>
      </c>
    </row>
    <row r="17857" spans="1:4" x14ac:dyDescent="0.25">
      <c r="A17857" t="s">
        <v>28386</v>
      </c>
      <c r="B17857" t="s">
        <v>28387</v>
      </c>
      <c r="C17857">
        <v>0</v>
      </c>
      <c r="D17857">
        <v>0</v>
      </c>
    </row>
    <row r="17858" spans="1:4" x14ac:dyDescent="0.25">
      <c r="A17858" t="s">
        <v>28386</v>
      </c>
      <c r="B17858" t="s">
        <v>28388</v>
      </c>
      <c r="C17858">
        <v>1</v>
      </c>
      <c r="D17858">
        <v>0</v>
      </c>
    </row>
    <row r="17859" spans="1:4" x14ac:dyDescent="0.25">
      <c r="A17859" t="s">
        <v>28386</v>
      </c>
      <c r="B17859" t="s">
        <v>28389</v>
      </c>
      <c r="C17859">
        <v>0</v>
      </c>
      <c r="D17859">
        <v>0</v>
      </c>
    </row>
    <row r="17860" spans="1:4" x14ac:dyDescent="0.25">
      <c r="A17860" t="s">
        <v>28390</v>
      </c>
      <c r="B17860" t="s">
        <v>7446</v>
      </c>
      <c r="C17860">
        <v>1</v>
      </c>
      <c r="D17860">
        <v>0</v>
      </c>
    </row>
    <row r="17861" spans="1:4" x14ac:dyDescent="0.25">
      <c r="A17861" t="s">
        <v>28391</v>
      </c>
      <c r="B17861" t="s">
        <v>28392</v>
      </c>
      <c r="C17861">
        <v>2</v>
      </c>
      <c r="D17861">
        <v>0</v>
      </c>
    </row>
    <row r="17862" spans="1:4" x14ac:dyDescent="0.25">
      <c r="A17862" t="s">
        <v>28391</v>
      </c>
      <c r="B17862" t="s">
        <v>28393</v>
      </c>
      <c r="C17862">
        <v>1</v>
      </c>
      <c r="D17862">
        <v>0</v>
      </c>
    </row>
    <row r="17863" spans="1:4" x14ac:dyDescent="0.25">
      <c r="A17863" t="s">
        <v>28394</v>
      </c>
      <c r="B17863" t="s">
        <v>28395</v>
      </c>
      <c r="C17863">
        <v>1</v>
      </c>
      <c r="D17863">
        <v>0</v>
      </c>
    </row>
    <row r="17864" spans="1:4" x14ac:dyDescent="0.25">
      <c r="A17864" t="s">
        <v>28396</v>
      </c>
      <c r="B17864" t="s">
        <v>5244</v>
      </c>
      <c r="C17864">
        <v>0</v>
      </c>
      <c r="D17864">
        <v>0</v>
      </c>
    </row>
    <row r="17865" spans="1:4" x14ac:dyDescent="0.25">
      <c r="A17865" t="s">
        <v>28397</v>
      </c>
      <c r="B17865" t="s">
        <v>1001</v>
      </c>
      <c r="C17865">
        <v>1</v>
      </c>
      <c r="D17865">
        <v>0</v>
      </c>
    </row>
    <row r="17866" spans="1:4" x14ac:dyDescent="0.25">
      <c r="A17866" t="s">
        <v>28398</v>
      </c>
      <c r="B17866" t="s">
        <v>28399</v>
      </c>
      <c r="C17866">
        <v>1</v>
      </c>
      <c r="D17866">
        <v>0</v>
      </c>
    </row>
    <row r="17867" spans="1:4" x14ac:dyDescent="0.25">
      <c r="A17867" t="s">
        <v>28398</v>
      </c>
      <c r="B17867" t="s">
        <v>28400</v>
      </c>
      <c r="C17867">
        <v>1</v>
      </c>
      <c r="D17867">
        <v>0</v>
      </c>
    </row>
    <row r="17868" spans="1:4" x14ac:dyDescent="0.25">
      <c r="A17868" t="s">
        <v>28398</v>
      </c>
      <c r="B17868" t="s">
        <v>28401</v>
      </c>
      <c r="C17868">
        <v>1</v>
      </c>
      <c r="D17868">
        <v>0</v>
      </c>
    </row>
    <row r="17869" spans="1:4" x14ac:dyDescent="0.25">
      <c r="A17869" t="s">
        <v>28402</v>
      </c>
      <c r="B17869" t="s">
        <v>28403</v>
      </c>
      <c r="C17869">
        <v>2</v>
      </c>
      <c r="D17869">
        <v>0</v>
      </c>
    </row>
    <row r="17870" spans="1:4" x14ac:dyDescent="0.25">
      <c r="A17870" t="s">
        <v>28402</v>
      </c>
      <c r="B17870" t="s">
        <v>28404</v>
      </c>
      <c r="C17870">
        <v>2</v>
      </c>
      <c r="D17870">
        <v>0</v>
      </c>
    </row>
    <row r="17871" spans="1:4" x14ac:dyDescent="0.25">
      <c r="A17871" t="s">
        <v>28405</v>
      </c>
      <c r="B17871" t="s">
        <v>28406</v>
      </c>
      <c r="C17871">
        <v>1</v>
      </c>
      <c r="D17871">
        <v>0</v>
      </c>
    </row>
    <row r="17872" spans="1:4" x14ac:dyDescent="0.25">
      <c r="A17872" t="s">
        <v>28405</v>
      </c>
      <c r="B17872" t="s">
        <v>28407</v>
      </c>
      <c r="C17872">
        <v>0</v>
      </c>
      <c r="D17872">
        <v>0</v>
      </c>
    </row>
    <row r="17873" spans="1:4" x14ac:dyDescent="0.25">
      <c r="A17873" t="s">
        <v>28408</v>
      </c>
      <c r="B17873" t="s">
        <v>28409</v>
      </c>
      <c r="C17873">
        <v>1</v>
      </c>
      <c r="D17873">
        <v>0</v>
      </c>
    </row>
    <row r="17874" spans="1:4" x14ac:dyDescent="0.25">
      <c r="A17874" t="s">
        <v>28410</v>
      </c>
      <c r="B17874" t="s">
        <v>1499</v>
      </c>
      <c r="C17874">
        <v>1</v>
      </c>
      <c r="D17874">
        <v>0</v>
      </c>
    </row>
    <row r="17875" spans="1:4" x14ac:dyDescent="0.25">
      <c r="A17875" t="s">
        <v>28411</v>
      </c>
      <c r="B17875" t="s">
        <v>28412</v>
      </c>
      <c r="C17875">
        <v>0</v>
      </c>
      <c r="D17875">
        <v>0</v>
      </c>
    </row>
    <row r="17876" spans="1:4" x14ac:dyDescent="0.25">
      <c r="A17876" t="s">
        <v>28411</v>
      </c>
      <c r="B17876" t="s">
        <v>28413</v>
      </c>
      <c r="C17876">
        <v>1</v>
      </c>
      <c r="D17876">
        <v>0</v>
      </c>
    </row>
    <row r="17877" spans="1:4" x14ac:dyDescent="0.25">
      <c r="A17877" t="s">
        <v>28411</v>
      </c>
      <c r="B17877" t="s">
        <v>28414</v>
      </c>
      <c r="C17877">
        <v>1</v>
      </c>
      <c r="D17877">
        <v>0</v>
      </c>
    </row>
    <row r="17878" spans="1:4" x14ac:dyDescent="0.25">
      <c r="A17878" t="s">
        <v>28415</v>
      </c>
      <c r="B17878" t="s">
        <v>28416</v>
      </c>
      <c r="C17878">
        <v>0</v>
      </c>
      <c r="D17878">
        <v>0</v>
      </c>
    </row>
    <row r="17879" spans="1:4" x14ac:dyDescent="0.25">
      <c r="A17879" t="s">
        <v>28415</v>
      </c>
      <c r="B17879" t="s">
        <v>28417</v>
      </c>
      <c r="C17879">
        <v>1</v>
      </c>
      <c r="D17879">
        <v>0</v>
      </c>
    </row>
    <row r="17880" spans="1:4" x14ac:dyDescent="0.25">
      <c r="A17880" t="s">
        <v>28415</v>
      </c>
      <c r="B17880" t="s">
        <v>28418</v>
      </c>
      <c r="C17880">
        <v>0</v>
      </c>
      <c r="D17880">
        <v>0</v>
      </c>
    </row>
    <row r="17881" spans="1:4" x14ac:dyDescent="0.25">
      <c r="A17881" t="s">
        <v>28419</v>
      </c>
      <c r="B17881" t="s">
        <v>28420</v>
      </c>
      <c r="C17881">
        <v>0</v>
      </c>
      <c r="D17881">
        <v>0</v>
      </c>
    </row>
    <row r="17882" spans="1:4" x14ac:dyDescent="0.25">
      <c r="A17882" t="s">
        <v>28421</v>
      </c>
      <c r="B17882" t="s">
        <v>28422</v>
      </c>
      <c r="C17882">
        <v>2</v>
      </c>
      <c r="D17882">
        <v>0</v>
      </c>
    </row>
    <row r="17883" spans="1:4" x14ac:dyDescent="0.25">
      <c r="A17883" t="s">
        <v>28421</v>
      </c>
      <c r="B17883" t="s">
        <v>28423</v>
      </c>
      <c r="C17883">
        <v>2</v>
      </c>
      <c r="D17883">
        <v>0</v>
      </c>
    </row>
    <row r="17884" spans="1:4" x14ac:dyDescent="0.25">
      <c r="A17884" t="s">
        <v>28424</v>
      </c>
      <c r="B17884" t="s">
        <v>28425</v>
      </c>
      <c r="C17884">
        <v>1</v>
      </c>
      <c r="D17884">
        <v>0</v>
      </c>
    </row>
    <row r="17885" spans="1:4" x14ac:dyDescent="0.25">
      <c r="A17885" t="s">
        <v>28424</v>
      </c>
      <c r="B17885" t="s">
        <v>28426</v>
      </c>
      <c r="C17885">
        <v>1</v>
      </c>
      <c r="D17885">
        <v>0</v>
      </c>
    </row>
    <row r="17886" spans="1:4" x14ac:dyDescent="0.25">
      <c r="A17886" t="s">
        <v>28424</v>
      </c>
      <c r="B17886" t="s">
        <v>28425</v>
      </c>
      <c r="C17886">
        <v>1</v>
      </c>
      <c r="D17886">
        <v>0</v>
      </c>
    </row>
    <row r="17887" spans="1:4" x14ac:dyDescent="0.25">
      <c r="A17887" t="s">
        <v>28427</v>
      </c>
      <c r="B17887" t="s">
        <v>28428</v>
      </c>
      <c r="C17887">
        <v>2</v>
      </c>
      <c r="D17887">
        <v>0</v>
      </c>
    </row>
    <row r="17888" spans="1:4" x14ac:dyDescent="0.25">
      <c r="A17888" t="s">
        <v>28427</v>
      </c>
      <c r="B17888" t="s">
        <v>28429</v>
      </c>
      <c r="C17888">
        <v>1</v>
      </c>
      <c r="D17888">
        <v>0</v>
      </c>
    </row>
    <row r="17889" spans="1:4" x14ac:dyDescent="0.25">
      <c r="A17889" t="s">
        <v>28430</v>
      </c>
      <c r="B17889" t="s">
        <v>28431</v>
      </c>
      <c r="C17889">
        <v>2</v>
      </c>
      <c r="D17889">
        <v>0</v>
      </c>
    </row>
    <row r="17890" spans="1:4" x14ac:dyDescent="0.25">
      <c r="A17890" t="s">
        <v>28430</v>
      </c>
      <c r="B17890" t="s">
        <v>28432</v>
      </c>
      <c r="C17890">
        <v>1</v>
      </c>
      <c r="D17890">
        <v>0</v>
      </c>
    </row>
    <row r="17891" spans="1:4" x14ac:dyDescent="0.25">
      <c r="A17891" t="s">
        <v>28430</v>
      </c>
      <c r="B17891" t="s">
        <v>28433</v>
      </c>
      <c r="C17891">
        <v>1</v>
      </c>
      <c r="D17891">
        <v>0</v>
      </c>
    </row>
    <row r="17892" spans="1:4" x14ac:dyDescent="0.25">
      <c r="A17892" t="s">
        <v>28434</v>
      </c>
      <c r="B17892" t="s">
        <v>4637</v>
      </c>
      <c r="C17892">
        <v>1</v>
      </c>
      <c r="D17892">
        <v>0</v>
      </c>
    </row>
    <row r="17893" spans="1:4" x14ac:dyDescent="0.25">
      <c r="A17893" t="s">
        <v>28434</v>
      </c>
      <c r="B17893" t="s">
        <v>28435</v>
      </c>
      <c r="C17893">
        <v>0</v>
      </c>
      <c r="D17893">
        <v>0</v>
      </c>
    </row>
    <row r="17894" spans="1:4" x14ac:dyDescent="0.25">
      <c r="A17894" t="s">
        <v>28434</v>
      </c>
      <c r="B17894" t="s">
        <v>28436</v>
      </c>
      <c r="C17894">
        <v>0</v>
      </c>
      <c r="D17894">
        <v>0</v>
      </c>
    </row>
    <row r="17895" spans="1:4" x14ac:dyDescent="0.25">
      <c r="A17895" t="s">
        <v>28437</v>
      </c>
      <c r="B17895" t="s">
        <v>1655</v>
      </c>
      <c r="C17895">
        <v>1</v>
      </c>
      <c r="D17895">
        <v>0</v>
      </c>
    </row>
    <row r="17896" spans="1:4" x14ac:dyDescent="0.25">
      <c r="A17896" t="s">
        <v>28437</v>
      </c>
      <c r="B17896" t="s">
        <v>28438</v>
      </c>
      <c r="C17896">
        <v>0</v>
      </c>
      <c r="D17896">
        <v>0</v>
      </c>
    </row>
    <row r="17897" spans="1:4" x14ac:dyDescent="0.25">
      <c r="A17897" t="s">
        <v>28439</v>
      </c>
      <c r="B17897" t="s">
        <v>28440</v>
      </c>
      <c r="C17897">
        <v>1</v>
      </c>
      <c r="D17897">
        <v>0</v>
      </c>
    </row>
    <row r="17898" spans="1:4" x14ac:dyDescent="0.25">
      <c r="A17898" t="s">
        <v>28441</v>
      </c>
      <c r="B17898" t="s">
        <v>2651</v>
      </c>
      <c r="C17898">
        <v>0</v>
      </c>
      <c r="D17898">
        <v>0</v>
      </c>
    </row>
    <row r="17899" spans="1:4" x14ac:dyDescent="0.25">
      <c r="A17899" t="s">
        <v>28441</v>
      </c>
      <c r="B17899" t="s">
        <v>5713</v>
      </c>
      <c r="C17899">
        <v>1</v>
      </c>
      <c r="D17899">
        <v>0</v>
      </c>
    </row>
    <row r="17900" spans="1:4" x14ac:dyDescent="0.25">
      <c r="A17900" t="s">
        <v>28441</v>
      </c>
      <c r="B17900" t="s">
        <v>28442</v>
      </c>
      <c r="C17900">
        <v>1</v>
      </c>
      <c r="D17900">
        <v>0</v>
      </c>
    </row>
    <row r="17901" spans="1:4" x14ac:dyDescent="0.25">
      <c r="A17901" t="s">
        <v>28443</v>
      </c>
      <c r="B17901" t="s">
        <v>28444</v>
      </c>
      <c r="C17901">
        <v>1</v>
      </c>
      <c r="D17901">
        <v>0</v>
      </c>
    </row>
    <row r="17902" spans="1:4" x14ac:dyDescent="0.25">
      <c r="A17902" t="s">
        <v>28443</v>
      </c>
      <c r="B17902" t="s">
        <v>28445</v>
      </c>
      <c r="C17902">
        <v>2</v>
      </c>
      <c r="D17902">
        <v>0</v>
      </c>
    </row>
    <row r="17903" spans="1:4" x14ac:dyDescent="0.25">
      <c r="A17903" t="s">
        <v>28446</v>
      </c>
      <c r="B17903" t="s">
        <v>28447</v>
      </c>
      <c r="C17903">
        <v>0</v>
      </c>
      <c r="D17903">
        <v>0</v>
      </c>
    </row>
    <row r="17904" spans="1:4" x14ac:dyDescent="0.25">
      <c r="A17904" t="s">
        <v>28446</v>
      </c>
      <c r="B17904" t="s">
        <v>28448</v>
      </c>
      <c r="C17904">
        <v>2</v>
      </c>
      <c r="D17904">
        <v>0</v>
      </c>
    </row>
    <row r="17905" spans="1:4" x14ac:dyDescent="0.25">
      <c r="A17905" t="s">
        <v>28446</v>
      </c>
      <c r="B17905" t="s">
        <v>28449</v>
      </c>
      <c r="C17905">
        <v>0</v>
      </c>
      <c r="D17905">
        <v>0</v>
      </c>
    </row>
    <row r="17906" spans="1:4" x14ac:dyDescent="0.25">
      <c r="A17906" t="s">
        <v>28450</v>
      </c>
      <c r="B17906" t="s">
        <v>28451</v>
      </c>
      <c r="C17906">
        <v>1</v>
      </c>
      <c r="D17906">
        <v>0</v>
      </c>
    </row>
    <row r="17907" spans="1:4" x14ac:dyDescent="0.25">
      <c r="A17907" t="s">
        <v>28450</v>
      </c>
      <c r="B17907" t="s">
        <v>28452</v>
      </c>
      <c r="C17907">
        <v>2</v>
      </c>
      <c r="D17907">
        <v>0</v>
      </c>
    </row>
    <row r="17908" spans="1:4" x14ac:dyDescent="0.25">
      <c r="A17908" t="s">
        <v>28450</v>
      </c>
      <c r="B17908" t="s">
        <v>28453</v>
      </c>
      <c r="C17908">
        <v>1</v>
      </c>
      <c r="D17908">
        <v>0</v>
      </c>
    </row>
    <row r="17909" spans="1:4" x14ac:dyDescent="0.25">
      <c r="A17909" t="s">
        <v>28454</v>
      </c>
      <c r="B17909" t="s">
        <v>28455</v>
      </c>
      <c r="C17909">
        <v>2</v>
      </c>
      <c r="D17909">
        <v>0</v>
      </c>
    </row>
    <row r="17910" spans="1:4" x14ac:dyDescent="0.25">
      <c r="A17910" t="s">
        <v>28454</v>
      </c>
      <c r="B17910" t="s">
        <v>8813</v>
      </c>
      <c r="C17910">
        <v>0</v>
      </c>
      <c r="D17910">
        <v>0</v>
      </c>
    </row>
    <row r="17911" spans="1:4" x14ac:dyDescent="0.25">
      <c r="A17911" t="s">
        <v>28454</v>
      </c>
      <c r="B17911" t="s">
        <v>28456</v>
      </c>
      <c r="C17911">
        <v>1</v>
      </c>
      <c r="D17911">
        <v>0</v>
      </c>
    </row>
    <row r="17912" spans="1:4" x14ac:dyDescent="0.25">
      <c r="A17912" t="s">
        <v>28457</v>
      </c>
      <c r="B17912" t="s">
        <v>28458</v>
      </c>
      <c r="C17912">
        <v>1</v>
      </c>
      <c r="D17912">
        <v>0</v>
      </c>
    </row>
    <row r="17913" spans="1:4" x14ac:dyDescent="0.25">
      <c r="A17913" t="s">
        <v>28459</v>
      </c>
      <c r="B17913" t="s">
        <v>28460</v>
      </c>
      <c r="C17913">
        <v>2</v>
      </c>
      <c r="D17913">
        <v>0</v>
      </c>
    </row>
    <row r="17914" spans="1:4" x14ac:dyDescent="0.25">
      <c r="A17914" t="s">
        <v>28459</v>
      </c>
      <c r="B17914" t="s">
        <v>28461</v>
      </c>
      <c r="C17914">
        <v>1</v>
      </c>
      <c r="D17914">
        <v>0</v>
      </c>
    </row>
    <row r="17915" spans="1:4" x14ac:dyDescent="0.25">
      <c r="A17915" t="s">
        <v>28459</v>
      </c>
      <c r="B17915" t="s">
        <v>28462</v>
      </c>
      <c r="C17915">
        <v>0</v>
      </c>
      <c r="D17915">
        <v>0</v>
      </c>
    </row>
    <row r="17916" spans="1:4" x14ac:dyDescent="0.25">
      <c r="A17916" t="s">
        <v>28463</v>
      </c>
      <c r="B17916" t="s">
        <v>28464</v>
      </c>
      <c r="C17916">
        <v>2</v>
      </c>
      <c r="D17916">
        <v>0</v>
      </c>
    </row>
    <row r="17917" spans="1:4" x14ac:dyDescent="0.25">
      <c r="A17917" t="s">
        <v>28463</v>
      </c>
      <c r="B17917" t="s">
        <v>28465</v>
      </c>
      <c r="C17917">
        <v>1</v>
      </c>
      <c r="D17917">
        <v>0</v>
      </c>
    </row>
    <row r="17918" spans="1:4" x14ac:dyDescent="0.25">
      <c r="A17918" t="s">
        <v>28463</v>
      </c>
      <c r="B17918" t="s">
        <v>28466</v>
      </c>
      <c r="C17918">
        <v>2</v>
      </c>
      <c r="D17918">
        <v>0</v>
      </c>
    </row>
    <row r="17919" spans="1:4" x14ac:dyDescent="0.25">
      <c r="A17919" t="s">
        <v>28467</v>
      </c>
      <c r="B17919" t="s">
        <v>28468</v>
      </c>
      <c r="C17919">
        <v>1</v>
      </c>
      <c r="D17919">
        <v>0</v>
      </c>
    </row>
    <row r="17920" spans="1:4" x14ac:dyDescent="0.25">
      <c r="A17920" t="s">
        <v>28467</v>
      </c>
      <c r="B17920" t="s">
        <v>28469</v>
      </c>
      <c r="C17920">
        <v>0</v>
      </c>
      <c r="D17920">
        <v>0</v>
      </c>
    </row>
    <row r="17921" spans="1:4" x14ac:dyDescent="0.25">
      <c r="A17921" t="s">
        <v>28467</v>
      </c>
      <c r="B17921" t="s">
        <v>28470</v>
      </c>
      <c r="C17921">
        <v>0</v>
      </c>
      <c r="D17921">
        <v>0</v>
      </c>
    </row>
    <row r="17922" spans="1:4" x14ac:dyDescent="0.25">
      <c r="A17922" t="s">
        <v>28471</v>
      </c>
      <c r="B17922" t="s">
        <v>28472</v>
      </c>
      <c r="C17922">
        <v>1</v>
      </c>
      <c r="D17922">
        <v>0</v>
      </c>
    </row>
    <row r="17923" spans="1:4" x14ac:dyDescent="0.25">
      <c r="A17923" t="s">
        <v>28471</v>
      </c>
      <c r="B17923" t="s">
        <v>28473</v>
      </c>
      <c r="C17923">
        <v>1</v>
      </c>
      <c r="D17923">
        <v>0</v>
      </c>
    </row>
    <row r="17924" spans="1:4" x14ac:dyDescent="0.25">
      <c r="A17924" t="s">
        <v>28474</v>
      </c>
      <c r="B17924" t="s">
        <v>28475</v>
      </c>
      <c r="C17924">
        <v>1</v>
      </c>
      <c r="D17924">
        <v>0</v>
      </c>
    </row>
    <row r="17925" spans="1:4" x14ac:dyDescent="0.25">
      <c r="A17925" t="s">
        <v>28474</v>
      </c>
      <c r="B17925" t="s">
        <v>28476</v>
      </c>
      <c r="C17925">
        <v>0</v>
      </c>
      <c r="D17925">
        <v>0</v>
      </c>
    </row>
    <row r="17926" spans="1:4" x14ac:dyDescent="0.25">
      <c r="A17926" t="s">
        <v>28477</v>
      </c>
      <c r="B17926" t="s">
        <v>28478</v>
      </c>
      <c r="C17926">
        <v>1</v>
      </c>
      <c r="D17926">
        <v>0</v>
      </c>
    </row>
    <row r="17927" spans="1:4" x14ac:dyDescent="0.25">
      <c r="A17927" t="s">
        <v>28477</v>
      </c>
      <c r="B17927" t="s">
        <v>28479</v>
      </c>
      <c r="C17927">
        <v>1</v>
      </c>
      <c r="D17927">
        <v>0</v>
      </c>
    </row>
    <row r="17928" spans="1:4" x14ac:dyDescent="0.25">
      <c r="A17928" t="s">
        <v>28477</v>
      </c>
      <c r="B17928" t="s">
        <v>28480</v>
      </c>
      <c r="C17928">
        <v>1</v>
      </c>
      <c r="D17928">
        <v>0</v>
      </c>
    </row>
    <row r="17929" spans="1:4" x14ac:dyDescent="0.25">
      <c r="A17929" t="s">
        <v>28481</v>
      </c>
      <c r="B17929" t="s">
        <v>28482</v>
      </c>
      <c r="C17929">
        <v>0</v>
      </c>
      <c r="D17929">
        <v>0</v>
      </c>
    </row>
    <row r="17930" spans="1:4" x14ac:dyDescent="0.25">
      <c r="A17930" t="s">
        <v>28481</v>
      </c>
      <c r="B17930" t="s">
        <v>28483</v>
      </c>
      <c r="C17930">
        <v>0</v>
      </c>
      <c r="D17930">
        <v>0</v>
      </c>
    </row>
    <row r="17931" spans="1:4" x14ac:dyDescent="0.25">
      <c r="A17931" t="s">
        <v>28484</v>
      </c>
      <c r="B17931" t="s">
        <v>28485</v>
      </c>
      <c r="C17931">
        <v>1</v>
      </c>
      <c r="D17931">
        <v>0</v>
      </c>
    </row>
    <row r="17932" spans="1:4" x14ac:dyDescent="0.25">
      <c r="A17932" t="s">
        <v>28484</v>
      </c>
      <c r="B17932" t="s">
        <v>28486</v>
      </c>
      <c r="C17932">
        <v>1</v>
      </c>
      <c r="D17932">
        <v>0</v>
      </c>
    </row>
    <row r="17933" spans="1:4" x14ac:dyDescent="0.25">
      <c r="A17933" t="s">
        <v>28487</v>
      </c>
      <c r="B17933" t="s">
        <v>28488</v>
      </c>
      <c r="C17933">
        <v>0</v>
      </c>
      <c r="D17933">
        <v>0</v>
      </c>
    </row>
    <row r="17934" spans="1:4" x14ac:dyDescent="0.25">
      <c r="A17934" t="s">
        <v>28487</v>
      </c>
      <c r="B17934" t="s">
        <v>28489</v>
      </c>
      <c r="C17934">
        <v>1</v>
      </c>
      <c r="D17934">
        <v>0</v>
      </c>
    </row>
    <row r="17935" spans="1:4" x14ac:dyDescent="0.25">
      <c r="A17935" t="s">
        <v>28490</v>
      </c>
      <c r="B17935" t="s">
        <v>28491</v>
      </c>
      <c r="C17935">
        <v>1</v>
      </c>
      <c r="D17935">
        <v>0</v>
      </c>
    </row>
    <row r="17936" spans="1:4" x14ac:dyDescent="0.25">
      <c r="A17936" t="s">
        <v>28490</v>
      </c>
      <c r="B17936" t="s">
        <v>28492</v>
      </c>
      <c r="C17936">
        <v>2</v>
      </c>
      <c r="D17936">
        <v>0</v>
      </c>
    </row>
    <row r="17937" spans="1:4" x14ac:dyDescent="0.25">
      <c r="A17937" t="s">
        <v>28490</v>
      </c>
      <c r="B17937" t="s">
        <v>28493</v>
      </c>
      <c r="C17937">
        <v>1</v>
      </c>
      <c r="D17937">
        <v>0</v>
      </c>
    </row>
    <row r="17938" spans="1:4" x14ac:dyDescent="0.25">
      <c r="A17938" t="s">
        <v>28494</v>
      </c>
      <c r="B17938" t="s">
        <v>28495</v>
      </c>
      <c r="C17938">
        <v>1</v>
      </c>
      <c r="D17938">
        <v>0</v>
      </c>
    </row>
    <row r="17939" spans="1:4" x14ac:dyDescent="0.25">
      <c r="A17939" t="s">
        <v>28494</v>
      </c>
      <c r="B17939" t="s">
        <v>28496</v>
      </c>
      <c r="C17939">
        <v>0</v>
      </c>
      <c r="D17939">
        <v>0</v>
      </c>
    </row>
    <row r="17940" spans="1:4" x14ac:dyDescent="0.25">
      <c r="A17940" t="s">
        <v>28497</v>
      </c>
      <c r="B17940" t="s">
        <v>11075</v>
      </c>
      <c r="C17940">
        <v>1</v>
      </c>
      <c r="D17940">
        <v>0</v>
      </c>
    </row>
    <row r="17941" spans="1:4" x14ac:dyDescent="0.25">
      <c r="A17941" t="s">
        <v>28497</v>
      </c>
      <c r="B17941" t="s">
        <v>2651</v>
      </c>
      <c r="C17941">
        <v>0</v>
      </c>
      <c r="D17941">
        <v>0</v>
      </c>
    </row>
    <row r="17942" spans="1:4" x14ac:dyDescent="0.25">
      <c r="A17942" t="s">
        <v>28498</v>
      </c>
      <c r="B17942" t="s">
        <v>28499</v>
      </c>
      <c r="C17942">
        <v>1</v>
      </c>
      <c r="D17942">
        <v>0</v>
      </c>
    </row>
    <row r="17943" spans="1:4" x14ac:dyDescent="0.25">
      <c r="A17943" t="s">
        <v>28500</v>
      </c>
      <c r="B17943" t="s">
        <v>28501</v>
      </c>
      <c r="C17943">
        <v>1</v>
      </c>
      <c r="D17943">
        <v>0</v>
      </c>
    </row>
    <row r="17944" spans="1:4" x14ac:dyDescent="0.25">
      <c r="A17944" t="s">
        <v>28500</v>
      </c>
      <c r="B17944" t="s">
        <v>28502</v>
      </c>
      <c r="C17944">
        <v>1</v>
      </c>
      <c r="D17944">
        <v>0</v>
      </c>
    </row>
    <row r="17945" spans="1:4" x14ac:dyDescent="0.25">
      <c r="A17945" t="s">
        <v>28500</v>
      </c>
      <c r="B17945" t="s">
        <v>28503</v>
      </c>
      <c r="C17945">
        <v>2</v>
      </c>
      <c r="D17945">
        <v>0</v>
      </c>
    </row>
    <row r="17946" spans="1:4" x14ac:dyDescent="0.25">
      <c r="A17946" t="s">
        <v>28504</v>
      </c>
      <c r="B17946" t="s">
        <v>28505</v>
      </c>
      <c r="C17946">
        <v>1</v>
      </c>
      <c r="D17946">
        <v>0</v>
      </c>
    </row>
    <row r="17947" spans="1:4" x14ac:dyDescent="0.25">
      <c r="A17947" t="s">
        <v>28506</v>
      </c>
      <c r="B17947" t="s">
        <v>28507</v>
      </c>
      <c r="C17947">
        <v>1</v>
      </c>
      <c r="D17947">
        <v>0</v>
      </c>
    </row>
    <row r="17948" spans="1:4" x14ac:dyDescent="0.25">
      <c r="A17948" t="s">
        <v>28508</v>
      </c>
      <c r="B17948" t="s">
        <v>28509</v>
      </c>
      <c r="C17948">
        <v>2</v>
      </c>
      <c r="D17948">
        <v>0</v>
      </c>
    </row>
    <row r="17949" spans="1:4" x14ac:dyDescent="0.25">
      <c r="A17949" t="s">
        <v>28510</v>
      </c>
      <c r="B17949" t="s">
        <v>28511</v>
      </c>
      <c r="C17949">
        <v>0</v>
      </c>
      <c r="D17949">
        <v>0</v>
      </c>
    </row>
    <row r="17950" spans="1:4" x14ac:dyDescent="0.25">
      <c r="A17950" t="s">
        <v>28512</v>
      </c>
      <c r="B17950" t="s">
        <v>28513</v>
      </c>
      <c r="C17950">
        <v>0</v>
      </c>
      <c r="D17950">
        <v>0</v>
      </c>
    </row>
    <row r="17951" spans="1:4" x14ac:dyDescent="0.25">
      <c r="A17951" t="s">
        <v>28514</v>
      </c>
      <c r="B17951" t="s">
        <v>28515</v>
      </c>
      <c r="C17951">
        <v>1</v>
      </c>
      <c r="D17951">
        <v>0</v>
      </c>
    </row>
    <row r="17952" spans="1:4" x14ac:dyDescent="0.25">
      <c r="A17952" t="s">
        <v>28514</v>
      </c>
      <c r="B17952" t="s">
        <v>28516</v>
      </c>
      <c r="C17952">
        <v>0</v>
      </c>
      <c r="D17952">
        <v>0</v>
      </c>
    </row>
    <row r="17953" spans="1:4" x14ac:dyDescent="0.25">
      <c r="A17953" t="s">
        <v>28517</v>
      </c>
      <c r="B17953" t="s">
        <v>28518</v>
      </c>
      <c r="C17953">
        <v>1</v>
      </c>
      <c r="D17953">
        <v>0</v>
      </c>
    </row>
    <row r="17954" spans="1:4" x14ac:dyDescent="0.25">
      <c r="A17954" t="s">
        <v>28517</v>
      </c>
      <c r="B17954" t="s">
        <v>28519</v>
      </c>
      <c r="C17954">
        <v>1</v>
      </c>
      <c r="D17954">
        <v>0</v>
      </c>
    </row>
    <row r="17955" spans="1:4" x14ac:dyDescent="0.25">
      <c r="A17955" t="s">
        <v>28520</v>
      </c>
      <c r="B17955" t="s">
        <v>28521</v>
      </c>
      <c r="C17955">
        <v>1</v>
      </c>
      <c r="D17955">
        <v>0</v>
      </c>
    </row>
    <row r="17956" spans="1:4" x14ac:dyDescent="0.25">
      <c r="A17956" t="s">
        <v>28520</v>
      </c>
      <c r="B17956" t="s">
        <v>28522</v>
      </c>
      <c r="C17956">
        <v>2</v>
      </c>
      <c r="D17956">
        <v>0</v>
      </c>
    </row>
    <row r="17957" spans="1:4" x14ac:dyDescent="0.25">
      <c r="A17957" t="s">
        <v>28520</v>
      </c>
      <c r="B17957" t="s">
        <v>28523</v>
      </c>
      <c r="C17957">
        <v>2</v>
      </c>
      <c r="D17957">
        <v>0</v>
      </c>
    </row>
    <row r="17958" spans="1:4" x14ac:dyDescent="0.25">
      <c r="A17958" t="s">
        <v>28524</v>
      </c>
      <c r="B17958" t="s">
        <v>28525</v>
      </c>
      <c r="C17958">
        <v>0</v>
      </c>
      <c r="D17958">
        <v>0</v>
      </c>
    </row>
    <row r="17959" spans="1:4" x14ac:dyDescent="0.25">
      <c r="A17959" t="s">
        <v>28526</v>
      </c>
      <c r="B17959" t="s">
        <v>2267</v>
      </c>
      <c r="C17959">
        <v>0</v>
      </c>
      <c r="D17959">
        <v>0</v>
      </c>
    </row>
    <row r="17960" spans="1:4" x14ac:dyDescent="0.25">
      <c r="A17960" t="s">
        <v>28526</v>
      </c>
      <c r="B17960" t="s">
        <v>28527</v>
      </c>
      <c r="C17960">
        <v>0</v>
      </c>
      <c r="D17960">
        <v>0</v>
      </c>
    </row>
    <row r="17961" spans="1:4" x14ac:dyDescent="0.25">
      <c r="A17961" t="s">
        <v>28526</v>
      </c>
      <c r="B17961" t="s">
        <v>28528</v>
      </c>
      <c r="C17961">
        <v>2</v>
      </c>
      <c r="D17961">
        <v>0</v>
      </c>
    </row>
    <row r="17962" spans="1:4" x14ac:dyDescent="0.25">
      <c r="A17962" t="s">
        <v>28529</v>
      </c>
      <c r="B17962" t="s">
        <v>28530</v>
      </c>
      <c r="C17962">
        <v>1</v>
      </c>
      <c r="D17962">
        <v>0</v>
      </c>
    </row>
    <row r="17963" spans="1:4" x14ac:dyDescent="0.25">
      <c r="A17963" t="s">
        <v>28529</v>
      </c>
      <c r="B17963" t="s">
        <v>4958</v>
      </c>
      <c r="C17963">
        <v>1</v>
      </c>
      <c r="D17963">
        <v>0</v>
      </c>
    </row>
    <row r="17964" spans="1:4" x14ac:dyDescent="0.25">
      <c r="A17964" t="s">
        <v>28529</v>
      </c>
      <c r="B17964" t="s">
        <v>1001</v>
      </c>
      <c r="C17964">
        <v>1</v>
      </c>
      <c r="D17964">
        <v>0</v>
      </c>
    </row>
    <row r="17965" spans="1:4" x14ac:dyDescent="0.25">
      <c r="A17965" t="s">
        <v>28531</v>
      </c>
      <c r="B17965" t="s">
        <v>28532</v>
      </c>
      <c r="C17965">
        <v>0</v>
      </c>
      <c r="D17965">
        <v>0</v>
      </c>
    </row>
    <row r="17966" spans="1:4" x14ac:dyDescent="0.25">
      <c r="A17966" t="s">
        <v>28531</v>
      </c>
      <c r="B17966" t="s">
        <v>28533</v>
      </c>
      <c r="C17966">
        <v>1</v>
      </c>
      <c r="D17966">
        <v>0</v>
      </c>
    </row>
    <row r="17967" spans="1:4" x14ac:dyDescent="0.25">
      <c r="A17967" t="s">
        <v>28531</v>
      </c>
      <c r="B17967" t="s">
        <v>28534</v>
      </c>
      <c r="C17967">
        <v>2</v>
      </c>
      <c r="D17967">
        <v>0</v>
      </c>
    </row>
    <row r="17968" spans="1:4" x14ac:dyDescent="0.25">
      <c r="A17968" t="s">
        <v>28535</v>
      </c>
      <c r="B17968" t="s">
        <v>28536</v>
      </c>
      <c r="C17968">
        <v>1</v>
      </c>
      <c r="D17968">
        <v>0</v>
      </c>
    </row>
    <row r="17969" spans="1:4" x14ac:dyDescent="0.25">
      <c r="A17969" t="s">
        <v>28535</v>
      </c>
      <c r="B17969" t="s">
        <v>28537</v>
      </c>
      <c r="C17969">
        <v>1</v>
      </c>
      <c r="D17969">
        <v>0</v>
      </c>
    </row>
    <row r="17970" spans="1:4" x14ac:dyDescent="0.25">
      <c r="A17970" t="s">
        <v>28535</v>
      </c>
      <c r="B17970" t="s">
        <v>28538</v>
      </c>
      <c r="C17970">
        <v>1</v>
      </c>
      <c r="D17970">
        <v>0</v>
      </c>
    </row>
    <row r="17971" spans="1:4" x14ac:dyDescent="0.25">
      <c r="A17971" t="s">
        <v>28539</v>
      </c>
      <c r="B17971" t="s">
        <v>28540</v>
      </c>
      <c r="C17971">
        <v>2</v>
      </c>
      <c r="D17971">
        <v>0</v>
      </c>
    </row>
    <row r="17972" spans="1:4" x14ac:dyDescent="0.25">
      <c r="A17972" t="s">
        <v>28539</v>
      </c>
      <c r="B17972" t="s">
        <v>28541</v>
      </c>
      <c r="C17972">
        <v>2</v>
      </c>
      <c r="D17972">
        <v>0</v>
      </c>
    </row>
    <row r="17973" spans="1:4" x14ac:dyDescent="0.25">
      <c r="A17973" t="s">
        <v>28539</v>
      </c>
      <c r="B17973" t="s">
        <v>28542</v>
      </c>
      <c r="C17973">
        <v>2</v>
      </c>
      <c r="D17973">
        <v>0</v>
      </c>
    </row>
    <row r="17974" spans="1:4" x14ac:dyDescent="0.25">
      <c r="A17974" t="s">
        <v>28543</v>
      </c>
      <c r="B17974" t="s">
        <v>28544</v>
      </c>
      <c r="C17974">
        <v>0</v>
      </c>
      <c r="D17974">
        <v>0</v>
      </c>
    </row>
    <row r="17975" spans="1:4" x14ac:dyDescent="0.25">
      <c r="A17975" t="s">
        <v>28543</v>
      </c>
      <c r="B17975" t="s">
        <v>28545</v>
      </c>
      <c r="C17975">
        <v>0</v>
      </c>
      <c r="D17975">
        <v>0</v>
      </c>
    </row>
    <row r="17976" spans="1:4" x14ac:dyDescent="0.25">
      <c r="A17976" t="s">
        <v>28543</v>
      </c>
      <c r="B17976" t="s">
        <v>28546</v>
      </c>
      <c r="C17976">
        <v>1</v>
      </c>
      <c r="D17976">
        <v>0</v>
      </c>
    </row>
    <row r="17977" spans="1:4" x14ac:dyDescent="0.25">
      <c r="A17977" t="s">
        <v>28547</v>
      </c>
      <c r="B17977" t="s">
        <v>28548</v>
      </c>
      <c r="C17977">
        <v>0</v>
      </c>
      <c r="D17977">
        <v>0</v>
      </c>
    </row>
    <row r="17978" spans="1:4" x14ac:dyDescent="0.25">
      <c r="A17978" t="s">
        <v>28549</v>
      </c>
      <c r="B17978" t="s">
        <v>28550</v>
      </c>
      <c r="C17978">
        <v>1</v>
      </c>
      <c r="D17978">
        <v>0</v>
      </c>
    </row>
    <row r="17979" spans="1:4" x14ac:dyDescent="0.25">
      <c r="A17979" t="s">
        <v>28549</v>
      </c>
      <c r="B17979" t="s">
        <v>28551</v>
      </c>
      <c r="C17979">
        <v>1</v>
      </c>
      <c r="D17979">
        <v>0</v>
      </c>
    </row>
    <row r="17980" spans="1:4" x14ac:dyDescent="0.25">
      <c r="A17980" t="s">
        <v>28549</v>
      </c>
      <c r="B17980" t="s">
        <v>28552</v>
      </c>
      <c r="C17980">
        <v>2</v>
      </c>
      <c r="D17980">
        <v>0</v>
      </c>
    </row>
    <row r="17981" spans="1:4" x14ac:dyDescent="0.25">
      <c r="A17981" t="s">
        <v>28553</v>
      </c>
      <c r="B17981" t="s">
        <v>1659</v>
      </c>
      <c r="C17981">
        <v>1</v>
      </c>
      <c r="D17981">
        <v>0</v>
      </c>
    </row>
    <row r="17982" spans="1:4" x14ac:dyDescent="0.25">
      <c r="A17982" t="s">
        <v>28554</v>
      </c>
      <c r="B17982" t="s">
        <v>28555</v>
      </c>
      <c r="C17982">
        <v>1</v>
      </c>
      <c r="D17982">
        <v>0</v>
      </c>
    </row>
    <row r="17983" spans="1:4" x14ac:dyDescent="0.25">
      <c r="A17983" t="s">
        <v>28556</v>
      </c>
      <c r="B17983" t="s">
        <v>28557</v>
      </c>
      <c r="C17983">
        <v>1</v>
      </c>
      <c r="D17983">
        <v>0</v>
      </c>
    </row>
    <row r="17984" spans="1:4" x14ac:dyDescent="0.25">
      <c r="A17984" t="s">
        <v>28556</v>
      </c>
      <c r="B17984" t="s">
        <v>28558</v>
      </c>
      <c r="C17984">
        <v>1</v>
      </c>
      <c r="D17984">
        <v>0</v>
      </c>
    </row>
    <row r="17985" spans="1:4" x14ac:dyDescent="0.25">
      <c r="A17985" t="s">
        <v>28556</v>
      </c>
      <c r="B17985" t="s">
        <v>28559</v>
      </c>
      <c r="C17985">
        <v>1</v>
      </c>
      <c r="D17985">
        <v>0</v>
      </c>
    </row>
    <row r="17986" spans="1:4" x14ac:dyDescent="0.25">
      <c r="A17986" t="s">
        <v>28560</v>
      </c>
      <c r="B17986" t="s">
        <v>28561</v>
      </c>
      <c r="C17986">
        <v>0</v>
      </c>
      <c r="D17986">
        <v>0</v>
      </c>
    </row>
    <row r="17987" spans="1:4" x14ac:dyDescent="0.25">
      <c r="A17987" t="s">
        <v>28562</v>
      </c>
      <c r="B17987" t="s">
        <v>28563</v>
      </c>
      <c r="C17987">
        <v>1</v>
      </c>
      <c r="D17987">
        <v>0</v>
      </c>
    </row>
    <row r="17988" spans="1:4" x14ac:dyDescent="0.25">
      <c r="A17988" t="s">
        <v>28562</v>
      </c>
      <c r="B17988" t="s">
        <v>28564</v>
      </c>
      <c r="C17988">
        <v>1</v>
      </c>
      <c r="D17988">
        <v>0</v>
      </c>
    </row>
    <row r="17989" spans="1:4" x14ac:dyDescent="0.25">
      <c r="A17989" t="s">
        <v>28565</v>
      </c>
      <c r="B17989" t="s">
        <v>28566</v>
      </c>
      <c r="C17989">
        <v>1</v>
      </c>
      <c r="D17989">
        <v>0</v>
      </c>
    </row>
    <row r="17990" spans="1:4" x14ac:dyDescent="0.25">
      <c r="A17990" t="s">
        <v>28565</v>
      </c>
      <c r="B17990" t="s">
        <v>28567</v>
      </c>
      <c r="C17990">
        <v>0</v>
      </c>
      <c r="D17990">
        <v>0</v>
      </c>
    </row>
    <row r="17991" spans="1:4" x14ac:dyDescent="0.25">
      <c r="A17991" t="s">
        <v>28565</v>
      </c>
      <c r="B17991" t="s">
        <v>28568</v>
      </c>
      <c r="C17991">
        <v>2</v>
      </c>
      <c r="D17991">
        <v>0</v>
      </c>
    </row>
    <row r="17992" spans="1:4" x14ac:dyDescent="0.25">
      <c r="A17992" t="s">
        <v>28569</v>
      </c>
      <c r="B17992" t="s">
        <v>28570</v>
      </c>
      <c r="C17992">
        <v>1</v>
      </c>
      <c r="D17992">
        <v>0</v>
      </c>
    </row>
    <row r="17993" spans="1:4" x14ac:dyDescent="0.25">
      <c r="A17993" t="s">
        <v>28569</v>
      </c>
      <c r="B17993" t="s">
        <v>3926</v>
      </c>
      <c r="C17993">
        <v>1</v>
      </c>
      <c r="D17993">
        <v>0</v>
      </c>
    </row>
    <row r="17994" spans="1:4" x14ac:dyDescent="0.25">
      <c r="A17994" t="s">
        <v>28571</v>
      </c>
      <c r="B17994" t="s">
        <v>28572</v>
      </c>
      <c r="C17994">
        <v>0</v>
      </c>
      <c r="D17994">
        <v>0</v>
      </c>
    </row>
    <row r="17995" spans="1:4" x14ac:dyDescent="0.25">
      <c r="A17995" t="s">
        <v>28571</v>
      </c>
      <c r="B17995" t="s">
        <v>28573</v>
      </c>
      <c r="C17995">
        <v>1</v>
      </c>
      <c r="D17995">
        <v>0</v>
      </c>
    </row>
    <row r="17996" spans="1:4" x14ac:dyDescent="0.25">
      <c r="A17996" t="s">
        <v>28574</v>
      </c>
      <c r="B17996" t="s">
        <v>28575</v>
      </c>
      <c r="C17996">
        <v>2</v>
      </c>
      <c r="D17996">
        <v>0</v>
      </c>
    </row>
    <row r="17997" spans="1:4" x14ac:dyDescent="0.25">
      <c r="A17997" t="s">
        <v>28574</v>
      </c>
      <c r="B17997" t="s">
        <v>28576</v>
      </c>
      <c r="C17997">
        <v>1</v>
      </c>
      <c r="D17997">
        <v>0</v>
      </c>
    </row>
    <row r="17998" spans="1:4" x14ac:dyDescent="0.25">
      <c r="A17998" t="s">
        <v>28574</v>
      </c>
      <c r="B17998" t="s">
        <v>28577</v>
      </c>
      <c r="C17998">
        <v>2</v>
      </c>
      <c r="D17998">
        <v>0</v>
      </c>
    </row>
    <row r="17999" spans="1:4" x14ac:dyDescent="0.25">
      <c r="A17999" t="s">
        <v>28578</v>
      </c>
      <c r="B17999" t="s">
        <v>28579</v>
      </c>
      <c r="C17999">
        <v>2</v>
      </c>
      <c r="D17999">
        <v>0</v>
      </c>
    </row>
    <row r="18000" spans="1:4" x14ac:dyDescent="0.25">
      <c r="A18000" t="s">
        <v>28578</v>
      </c>
      <c r="B18000" t="s">
        <v>28580</v>
      </c>
      <c r="C18000">
        <v>0</v>
      </c>
      <c r="D18000">
        <v>0</v>
      </c>
    </row>
    <row r="18001" spans="1:4" x14ac:dyDescent="0.25">
      <c r="A18001" t="s">
        <v>28581</v>
      </c>
      <c r="B18001" t="s">
        <v>28582</v>
      </c>
      <c r="C18001">
        <v>0</v>
      </c>
      <c r="D18001">
        <v>0</v>
      </c>
    </row>
    <row r="18002" spans="1:4" x14ac:dyDescent="0.25">
      <c r="A18002" t="s">
        <v>28583</v>
      </c>
      <c r="B18002" t="s">
        <v>28584</v>
      </c>
      <c r="C18002">
        <v>1</v>
      </c>
      <c r="D18002">
        <v>0</v>
      </c>
    </row>
    <row r="18003" spans="1:4" x14ac:dyDescent="0.25">
      <c r="A18003" t="s">
        <v>28583</v>
      </c>
      <c r="B18003" t="s">
        <v>28585</v>
      </c>
      <c r="C18003">
        <v>0</v>
      </c>
      <c r="D18003">
        <v>0</v>
      </c>
    </row>
    <row r="18004" spans="1:4" x14ac:dyDescent="0.25">
      <c r="A18004" t="s">
        <v>28583</v>
      </c>
      <c r="B18004" t="s">
        <v>28586</v>
      </c>
      <c r="C18004">
        <v>2</v>
      </c>
      <c r="D18004">
        <v>0</v>
      </c>
    </row>
    <row r="18005" spans="1:4" x14ac:dyDescent="0.25">
      <c r="A18005" t="s">
        <v>28587</v>
      </c>
      <c r="B18005" t="s">
        <v>28588</v>
      </c>
      <c r="C18005">
        <v>0</v>
      </c>
      <c r="D18005">
        <v>0</v>
      </c>
    </row>
    <row r="18006" spans="1:4" x14ac:dyDescent="0.25">
      <c r="A18006" t="s">
        <v>28589</v>
      </c>
      <c r="B18006" t="s">
        <v>28590</v>
      </c>
      <c r="C18006">
        <v>0</v>
      </c>
      <c r="D18006">
        <v>0</v>
      </c>
    </row>
    <row r="18007" spans="1:4" x14ac:dyDescent="0.25">
      <c r="A18007" t="s">
        <v>28591</v>
      </c>
      <c r="B18007" t="s">
        <v>28592</v>
      </c>
      <c r="C18007">
        <v>1</v>
      </c>
      <c r="D18007">
        <v>0</v>
      </c>
    </row>
    <row r="18008" spans="1:4" x14ac:dyDescent="0.25">
      <c r="A18008" t="s">
        <v>28593</v>
      </c>
      <c r="B18008" t="s">
        <v>4894</v>
      </c>
      <c r="C18008">
        <v>0</v>
      </c>
      <c r="D18008">
        <v>0</v>
      </c>
    </row>
    <row r="18009" spans="1:4" x14ac:dyDescent="0.25">
      <c r="A18009" t="s">
        <v>28593</v>
      </c>
      <c r="B18009" t="s">
        <v>28594</v>
      </c>
      <c r="C18009">
        <v>2</v>
      </c>
      <c r="D18009">
        <v>0</v>
      </c>
    </row>
    <row r="18010" spans="1:4" x14ac:dyDescent="0.25">
      <c r="A18010" t="s">
        <v>28595</v>
      </c>
      <c r="B18010" t="s">
        <v>28596</v>
      </c>
      <c r="C18010">
        <v>1</v>
      </c>
      <c r="D18010">
        <v>0</v>
      </c>
    </row>
    <row r="18011" spans="1:4" x14ac:dyDescent="0.25">
      <c r="A18011" t="s">
        <v>28597</v>
      </c>
      <c r="B18011" t="s">
        <v>28598</v>
      </c>
      <c r="C18011">
        <v>1</v>
      </c>
      <c r="D18011">
        <v>0</v>
      </c>
    </row>
    <row r="18012" spans="1:4" x14ac:dyDescent="0.25">
      <c r="A18012" t="s">
        <v>28597</v>
      </c>
      <c r="B18012" t="s">
        <v>28599</v>
      </c>
      <c r="C18012">
        <v>2</v>
      </c>
      <c r="D18012">
        <v>0</v>
      </c>
    </row>
    <row r="18013" spans="1:4" x14ac:dyDescent="0.25">
      <c r="A18013" t="s">
        <v>28600</v>
      </c>
      <c r="B18013" t="s">
        <v>28601</v>
      </c>
      <c r="C18013">
        <v>0</v>
      </c>
      <c r="D18013">
        <v>0</v>
      </c>
    </row>
    <row r="18014" spans="1:4" x14ac:dyDescent="0.25">
      <c r="A18014" t="s">
        <v>28600</v>
      </c>
      <c r="B18014" t="s">
        <v>3195</v>
      </c>
      <c r="C18014">
        <v>1</v>
      </c>
      <c r="D18014">
        <v>0</v>
      </c>
    </row>
    <row r="18015" spans="1:4" x14ac:dyDescent="0.25">
      <c r="A18015" t="s">
        <v>28600</v>
      </c>
      <c r="B18015" t="s">
        <v>28602</v>
      </c>
      <c r="C18015">
        <v>1</v>
      </c>
      <c r="D18015">
        <v>0</v>
      </c>
    </row>
    <row r="18016" spans="1:4" x14ac:dyDescent="0.25">
      <c r="A18016" t="s">
        <v>28603</v>
      </c>
      <c r="B18016" t="s">
        <v>28604</v>
      </c>
      <c r="C18016">
        <v>1</v>
      </c>
      <c r="D18016">
        <v>0</v>
      </c>
    </row>
    <row r="18017" spans="1:4" x14ac:dyDescent="0.25">
      <c r="A18017" t="s">
        <v>28605</v>
      </c>
      <c r="B18017" t="s">
        <v>28606</v>
      </c>
      <c r="C18017">
        <v>1</v>
      </c>
      <c r="D18017">
        <v>0</v>
      </c>
    </row>
    <row r="18018" spans="1:4" x14ac:dyDescent="0.25">
      <c r="A18018" t="s">
        <v>28607</v>
      </c>
      <c r="B18018" t="s">
        <v>28608</v>
      </c>
      <c r="C18018">
        <v>2</v>
      </c>
      <c r="D18018">
        <v>0</v>
      </c>
    </row>
    <row r="18019" spans="1:4" x14ac:dyDescent="0.25">
      <c r="A18019" t="s">
        <v>28609</v>
      </c>
      <c r="B18019" t="s">
        <v>1001</v>
      </c>
      <c r="C18019">
        <v>1</v>
      </c>
      <c r="D18019">
        <v>0</v>
      </c>
    </row>
    <row r="18020" spans="1:4" x14ac:dyDescent="0.25">
      <c r="A18020" t="s">
        <v>28609</v>
      </c>
      <c r="B18020" t="s">
        <v>969</v>
      </c>
      <c r="C18020">
        <v>0</v>
      </c>
      <c r="D18020">
        <v>0</v>
      </c>
    </row>
    <row r="18021" spans="1:4" x14ac:dyDescent="0.25">
      <c r="A18021" t="s">
        <v>28609</v>
      </c>
      <c r="B18021" t="s">
        <v>28610</v>
      </c>
      <c r="C18021">
        <v>2</v>
      </c>
      <c r="D18021">
        <v>0</v>
      </c>
    </row>
    <row r="18022" spans="1:4" x14ac:dyDescent="0.25">
      <c r="A18022" t="s">
        <v>28611</v>
      </c>
      <c r="B18022" t="s">
        <v>28612</v>
      </c>
      <c r="C18022">
        <v>2</v>
      </c>
      <c r="D18022">
        <v>0</v>
      </c>
    </row>
    <row r="18023" spans="1:4" x14ac:dyDescent="0.25">
      <c r="A18023" t="s">
        <v>28611</v>
      </c>
      <c r="B18023" t="s">
        <v>28613</v>
      </c>
      <c r="C18023">
        <v>2</v>
      </c>
      <c r="D18023">
        <v>0</v>
      </c>
    </row>
    <row r="18024" spans="1:4" x14ac:dyDescent="0.25">
      <c r="A18024" t="s">
        <v>28614</v>
      </c>
      <c r="B18024" t="s">
        <v>28615</v>
      </c>
      <c r="C18024">
        <v>2</v>
      </c>
      <c r="D18024">
        <v>0</v>
      </c>
    </row>
    <row r="18025" spans="1:4" x14ac:dyDescent="0.25">
      <c r="A18025" t="s">
        <v>28616</v>
      </c>
      <c r="B18025" t="s">
        <v>28617</v>
      </c>
      <c r="C18025">
        <v>0</v>
      </c>
      <c r="D18025">
        <v>0</v>
      </c>
    </row>
    <row r="18026" spans="1:4" x14ac:dyDescent="0.25">
      <c r="A18026" t="s">
        <v>28616</v>
      </c>
      <c r="B18026" t="s">
        <v>28618</v>
      </c>
      <c r="C18026">
        <v>1</v>
      </c>
      <c r="D18026">
        <v>0</v>
      </c>
    </row>
    <row r="18027" spans="1:4" x14ac:dyDescent="0.25">
      <c r="A18027" t="s">
        <v>28616</v>
      </c>
      <c r="B18027" t="s">
        <v>28619</v>
      </c>
      <c r="C18027">
        <v>1</v>
      </c>
      <c r="D18027">
        <v>0</v>
      </c>
    </row>
    <row r="18028" spans="1:4" x14ac:dyDescent="0.25">
      <c r="A18028" t="s">
        <v>28620</v>
      </c>
      <c r="B18028" t="s">
        <v>28621</v>
      </c>
      <c r="C18028">
        <v>2</v>
      </c>
      <c r="D18028">
        <v>0</v>
      </c>
    </row>
    <row r="18029" spans="1:4" x14ac:dyDescent="0.25">
      <c r="A18029" t="s">
        <v>28622</v>
      </c>
      <c r="B18029" t="s">
        <v>28623</v>
      </c>
      <c r="C18029">
        <v>0</v>
      </c>
      <c r="D18029">
        <v>0</v>
      </c>
    </row>
    <row r="18030" spans="1:4" x14ac:dyDescent="0.25">
      <c r="A18030" t="s">
        <v>28622</v>
      </c>
      <c r="B18030" t="s">
        <v>28624</v>
      </c>
      <c r="C18030">
        <v>1</v>
      </c>
      <c r="D18030">
        <v>0</v>
      </c>
    </row>
    <row r="18031" spans="1:4" x14ac:dyDescent="0.25">
      <c r="A18031" t="s">
        <v>28622</v>
      </c>
      <c r="B18031" t="s">
        <v>28625</v>
      </c>
      <c r="C18031">
        <v>2</v>
      </c>
      <c r="D18031">
        <v>0</v>
      </c>
    </row>
    <row r="18032" spans="1:4" x14ac:dyDescent="0.25">
      <c r="A18032" t="s">
        <v>28626</v>
      </c>
      <c r="B18032" t="s">
        <v>2298</v>
      </c>
      <c r="C18032">
        <v>0</v>
      </c>
      <c r="D18032">
        <v>0</v>
      </c>
    </row>
    <row r="18033" spans="1:4" x14ac:dyDescent="0.25">
      <c r="A18033" t="s">
        <v>28626</v>
      </c>
      <c r="B18033" t="s">
        <v>28627</v>
      </c>
      <c r="C18033">
        <v>0</v>
      </c>
      <c r="D18033">
        <v>0</v>
      </c>
    </row>
    <row r="18034" spans="1:4" x14ac:dyDescent="0.25">
      <c r="A18034" t="s">
        <v>28626</v>
      </c>
      <c r="B18034" t="s">
        <v>28628</v>
      </c>
      <c r="C18034">
        <v>0</v>
      </c>
      <c r="D18034">
        <v>0</v>
      </c>
    </row>
    <row r="18035" spans="1:4" x14ac:dyDescent="0.25">
      <c r="A18035" t="s">
        <v>28629</v>
      </c>
      <c r="B18035" t="s">
        <v>28630</v>
      </c>
      <c r="C18035">
        <v>1</v>
      </c>
      <c r="D18035">
        <v>0</v>
      </c>
    </row>
    <row r="18036" spans="1:4" x14ac:dyDescent="0.25">
      <c r="A18036" t="s">
        <v>28629</v>
      </c>
      <c r="B18036" t="s">
        <v>28631</v>
      </c>
      <c r="C18036">
        <v>2</v>
      </c>
      <c r="D18036">
        <v>0</v>
      </c>
    </row>
    <row r="18037" spans="1:4" x14ac:dyDescent="0.25">
      <c r="A18037" t="s">
        <v>28629</v>
      </c>
      <c r="B18037" t="s">
        <v>28632</v>
      </c>
      <c r="C18037">
        <v>1</v>
      </c>
      <c r="D18037">
        <v>0</v>
      </c>
    </row>
    <row r="18038" spans="1:4" x14ac:dyDescent="0.25">
      <c r="A18038" t="s">
        <v>28633</v>
      </c>
      <c r="B18038" t="s">
        <v>28634</v>
      </c>
      <c r="C18038">
        <v>1</v>
      </c>
      <c r="D18038">
        <v>0</v>
      </c>
    </row>
    <row r="18039" spans="1:4" x14ac:dyDescent="0.25">
      <c r="A18039" t="s">
        <v>28635</v>
      </c>
      <c r="B18039" t="s">
        <v>28636</v>
      </c>
      <c r="C18039">
        <v>2</v>
      </c>
      <c r="D18039">
        <v>0</v>
      </c>
    </row>
    <row r="18040" spans="1:4" x14ac:dyDescent="0.25">
      <c r="A18040" t="s">
        <v>28637</v>
      </c>
      <c r="B18040" t="s">
        <v>28638</v>
      </c>
      <c r="C18040">
        <v>1</v>
      </c>
      <c r="D18040">
        <v>0</v>
      </c>
    </row>
    <row r="18041" spans="1:4" x14ac:dyDescent="0.25">
      <c r="A18041" t="s">
        <v>28637</v>
      </c>
      <c r="B18041" t="s">
        <v>28639</v>
      </c>
      <c r="C18041">
        <v>1</v>
      </c>
      <c r="D18041">
        <v>0</v>
      </c>
    </row>
    <row r="18042" spans="1:4" x14ac:dyDescent="0.25">
      <c r="A18042" t="s">
        <v>28637</v>
      </c>
      <c r="B18042" t="s">
        <v>28640</v>
      </c>
      <c r="C18042">
        <v>2</v>
      </c>
      <c r="D18042">
        <v>0</v>
      </c>
    </row>
    <row r="18043" spans="1:4" x14ac:dyDescent="0.25">
      <c r="A18043" t="s">
        <v>28641</v>
      </c>
      <c r="B18043" t="s">
        <v>28642</v>
      </c>
      <c r="C18043">
        <v>2</v>
      </c>
      <c r="D18043">
        <v>0</v>
      </c>
    </row>
    <row r="18044" spans="1:4" x14ac:dyDescent="0.25">
      <c r="A18044" t="s">
        <v>28641</v>
      </c>
      <c r="B18044" t="s">
        <v>28643</v>
      </c>
      <c r="C18044">
        <v>1</v>
      </c>
      <c r="D18044">
        <v>0</v>
      </c>
    </row>
    <row r="18045" spans="1:4" x14ac:dyDescent="0.25">
      <c r="A18045" t="s">
        <v>28644</v>
      </c>
      <c r="B18045" t="s">
        <v>28645</v>
      </c>
      <c r="C18045">
        <v>0</v>
      </c>
      <c r="D18045">
        <v>0</v>
      </c>
    </row>
    <row r="18046" spans="1:4" x14ac:dyDescent="0.25">
      <c r="A18046" t="s">
        <v>28644</v>
      </c>
      <c r="B18046" t="s">
        <v>5434</v>
      </c>
      <c r="C18046">
        <v>1</v>
      </c>
      <c r="D18046">
        <v>0</v>
      </c>
    </row>
    <row r="18047" spans="1:4" x14ac:dyDescent="0.25">
      <c r="A18047" t="s">
        <v>28646</v>
      </c>
      <c r="B18047" t="s">
        <v>3334</v>
      </c>
      <c r="C18047">
        <v>0</v>
      </c>
      <c r="D18047">
        <v>0</v>
      </c>
    </row>
    <row r="18048" spans="1:4" x14ac:dyDescent="0.25">
      <c r="A18048" t="s">
        <v>28647</v>
      </c>
      <c r="B18048" t="s">
        <v>28648</v>
      </c>
      <c r="C18048">
        <v>1</v>
      </c>
      <c r="D18048">
        <v>0</v>
      </c>
    </row>
    <row r="18049" spans="1:4" x14ac:dyDescent="0.25">
      <c r="A18049" t="s">
        <v>28647</v>
      </c>
      <c r="B18049" t="s">
        <v>28649</v>
      </c>
      <c r="C18049">
        <v>2</v>
      </c>
      <c r="D18049">
        <v>0</v>
      </c>
    </row>
    <row r="18050" spans="1:4" x14ac:dyDescent="0.25">
      <c r="A18050" t="s">
        <v>28647</v>
      </c>
      <c r="B18050" t="s">
        <v>28650</v>
      </c>
      <c r="C18050">
        <v>2</v>
      </c>
      <c r="D18050">
        <v>0</v>
      </c>
    </row>
    <row r="18051" spans="1:4" x14ac:dyDescent="0.25">
      <c r="A18051" t="s">
        <v>28651</v>
      </c>
      <c r="B18051" t="s">
        <v>28652</v>
      </c>
      <c r="C18051">
        <v>0</v>
      </c>
      <c r="D18051">
        <v>0</v>
      </c>
    </row>
    <row r="18052" spans="1:4" x14ac:dyDescent="0.25">
      <c r="A18052" t="s">
        <v>28651</v>
      </c>
      <c r="B18052" t="s">
        <v>9924</v>
      </c>
      <c r="C18052">
        <v>1</v>
      </c>
      <c r="D18052">
        <v>0</v>
      </c>
    </row>
    <row r="18053" spans="1:4" x14ac:dyDescent="0.25">
      <c r="A18053" t="s">
        <v>28651</v>
      </c>
      <c r="B18053" t="s">
        <v>28653</v>
      </c>
      <c r="C18053">
        <v>1</v>
      </c>
      <c r="D18053">
        <v>0</v>
      </c>
    </row>
    <row r="18054" spans="1:4" x14ac:dyDescent="0.25">
      <c r="A18054" t="s">
        <v>28654</v>
      </c>
      <c r="B18054" t="s">
        <v>1001</v>
      </c>
      <c r="C18054">
        <v>1</v>
      </c>
      <c r="D18054">
        <v>0</v>
      </c>
    </row>
    <row r="18055" spans="1:4" x14ac:dyDescent="0.25">
      <c r="A18055" t="s">
        <v>28654</v>
      </c>
      <c r="B18055" t="s">
        <v>969</v>
      </c>
      <c r="C18055">
        <v>0</v>
      </c>
      <c r="D18055">
        <v>0</v>
      </c>
    </row>
    <row r="18056" spans="1:4" x14ac:dyDescent="0.25">
      <c r="A18056" t="s">
        <v>28655</v>
      </c>
      <c r="B18056" t="s">
        <v>5713</v>
      </c>
      <c r="C18056">
        <v>1</v>
      </c>
      <c r="D18056">
        <v>0</v>
      </c>
    </row>
    <row r="18057" spans="1:4" x14ac:dyDescent="0.25">
      <c r="A18057" t="s">
        <v>28656</v>
      </c>
      <c r="B18057" t="s">
        <v>28657</v>
      </c>
      <c r="C18057">
        <v>1</v>
      </c>
      <c r="D18057">
        <v>0</v>
      </c>
    </row>
    <row r="18058" spans="1:4" x14ac:dyDescent="0.25">
      <c r="A18058" t="s">
        <v>28658</v>
      </c>
      <c r="B18058" t="s">
        <v>28659</v>
      </c>
      <c r="C18058">
        <v>1</v>
      </c>
      <c r="D18058">
        <v>0</v>
      </c>
    </row>
    <row r="18059" spans="1:4" x14ac:dyDescent="0.25">
      <c r="A18059" t="s">
        <v>28658</v>
      </c>
      <c r="B18059" t="s">
        <v>28660</v>
      </c>
      <c r="C18059">
        <v>1</v>
      </c>
      <c r="D18059">
        <v>0</v>
      </c>
    </row>
    <row r="18060" spans="1:4" x14ac:dyDescent="0.25">
      <c r="A18060" t="s">
        <v>28658</v>
      </c>
      <c r="B18060" t="s">
        <v>28661</v>
      </c>
      <c r="C18060">
        <v>1</v>
      </c>
      <c r="D18060">
        <v>0</v>
      </c>
    </row>
    <row r="18061" spans="1:4" x14ac:dyDescent="0.25">
      <c r="A18061" t="s">
        <v>28662</v>
      </c>
      <c r="B18061" t="s">
        <v>28663</v>
      </c>
      <c r="C18061">
        <v>2</v>
      </c>
      <c r="D18061">
        <v>0</v>
      </c>
    </row>
    <row r="18062" spans="1:4" x14ac:dyDescent="0.25">
      <c r="A18062" t="s">
        <v>28662</v>
      </c>
      <c r="B18062" t="s">
        <v>28664</v>
      </c>
      <c r="C18062">
        <v>1</v>
      </c>
      <c r="D18062">
        <v>0</v>
      </c>
    </row>
    <row r="18063" spans="1:4" x14ac:dyDescent="0.25">
      <c r="A18063" t="s">
        <v>28665</v>
      </c>
      <c r="B18063" t="s">
        <v>28666</v>
      </c>
      <c r="C18063">
        <v>2</v>
      </c>
      <c r="D18063">
        <v>0</v>
      </c>
    </row>
    <row r="18064" spans="1:4" x14ac:dyDescent="0.25">
      <c r="A18064" t="s">
        <v>28665</v>
      </c>
      <c r="B18064" t="s">
        <v>28667</v>
      </c>
      <c r="C18064">
        <v>1</v>
      </c>
      <c r="D18064">
        <v>0</v>
      </c>
    </row>
    <row r="18065" spans="1:4" x14ac:dyDescent="0.25">
      <c r="A18065" t="s">
        <v>28668</v>
      </c>
      <c r="B18065" t="s">
        <v>28669</v>
      </c>
      <c r="C18065">
        <v>1</v>
      </c>
      <c r="D18065">
        <v>0</v>
      </c>
    </row>
    <row r="18066" spans="1:4" x14ac:dyDescent="0.25">
      <c r="A18066" t="s">
        <v>28668</v>
      </c>
      <c r="B18066" t="s">
        <v>28670</v>
      </c>
      <c r="C18066">
        <v>1</v>
      </c>
      <c r="D18066">
        <v>0</v>
      </c>
    </row>
    <row r="18067" spans="1:4" x14ac:dyDescent="0.25">
      <c r="A18067" t="s">
        <v>28668</v>
      </c>
      <c r="B18067" t="s">
        <v>28671</v>
      </c>
      <c r="C18067">
        <v>0</v>
      </c>
      <c r="D18067">
        <v>0</v>
      </c>
    </row>
    <row r="18068" spans="1:4" x14ac:dyDescent="0.25">
      <c r="A18068" t="s">
        <v>28672</v>
      </c>
      <c r="B18068" t="s">
        <v>28673</v>
      </c>
      <c r="C18068">
        <v>0</v>
      </c>
      <c r="D18068">
        <v>0</v>
      </c>
    </row>
    <row r="18069" spans="1:4" x14ac:dyDescent="0.25">
      <c r="A18069" t="s">
        <v>28672</v>
      </c>
      <c r="B18069" t="s">
        <v>28674</v>
      </c>
      <c r="C18069">
        <v>0</v>
      </c>
      <c r="D18069">
        <v>0</v>
      </c>
    </row>
    <row r="18070" spans="1:4" x14ac:dyDescent="0.25">
      <c r="A18070" t="s">
        <v>28672</v>
      </c>
      <c r="B18070" t="s">
        <v>28675</v>
      </c>
      <c r="C18070">
        <v>0</v>
      </c>
      <c r="D18070">
        <v>0</v>
      </c>
    </row>
    <row r="18071" spans="1:4" x14ac:dyDescent="0.25">
      <c r="A18071" t="s">
        <v>28676</v>
      </c>
      <c r="B18071" t="s">
        <v>28677</v>
      </c>
      <c r="C18071">
        <v>0</v>
      </c>
      <c r="D18071">
        <v>0</v>
      </c>
    </row>
    <row r="18072" spans="1:4" x14ac:dyDescent="0.25">
      <c r="A18072" t="s">
        <v>28678</v>
      </c>
      <c r="B18072" t="s">
        <v>28679</v>
      </c>
      <c r="C18072">
        <v>0</v>
      </c>
      <c r="D18072">
        <v>0</v>
      </c>
    </row>
    <row r="18073" spans="1:4" x14ac:dyDescent="0.25">
      <c r="A18073" t="s">
        <v>28680</v>
      </c>
      <c r="B18073" t="s">
        <v>28681</v>
      </c>
      <c r="C18073">
        <v>1</v>
      </c>
      <c r="D18073">
        <v>0</v>
      </c>
    </row>
    <row r="18074" spans="1:4" x14ac:dyDescent="0.25">
      <c r="A18074" t="s">
        <v>28680</v>
      </c>
      <c r="B18074" t="s">
        <v>28682</v>
      </c>
      <c r="C18074">
        <v>1</v>
      </c>
      <c r="D18074">
        <v>0</v>
      </c>
    </row>
    <row r="18075" spans="1:4" x14ac:dyDescent="0.25">
      <c r="A18075" t="s">
        <v>28683</v>
      </c>
      <c r="B18075" t="s">
        <v>28684</v>
      </c>
      <c r="C18075">
        <v>0</v>
      </c>
      <c r="D18075">
        <v>0</v>
      </c>
    </row>
    <row r="18076" spans="1:4" x14ac:dyDescent="0.25">
      <c r="A18076" t="s">
        <v>28683</v>
      </c>
      <c r="B18076" t="s">
        <v>28685</v>
      </c>
      <c r="C18076">
        <v>1</v>
      </c>
      <c r="D18076">
        <v>0</v>
      </c>
    </row>
    <row r="18077" spans="1:4" x14ac:dyDescent="0.25">
      <c r="A18077" t="s">
        <v>28683</v>
      </c>
      <c r="B18077" t="s">
        <v>28686</v>
      </c>
      <c r="C18077">
        <v>2</v>
      </c>
      <c r="D18077">
        <v>0</v>
      </c>
    </row>
    <row r="18078" spans="1:4" x14ac:dyDescent="0.25">
      <c r="A18078" t="s">
        <v>28687</v>
      </c>
      <c r="B18078" t="s">
        <v>28688</v>
      </c>
      <c r="C18078">
        <v>1</v>
      </c>
      <c r="D18078">
        <v>0</v>
      </c>
    </row>
    <row r="18079" spans="1:4" x14ac:dyDescent="0.25">
      <c r="A18079" t="s">
        <v>28689</v>
      </c>
      <c r="B18079" t="s">
        <v>28690</v>
      </c>
      <c r="C18079">
        <v>2</v>
      </c>
      <c r="D18079">
        <v>0</v>
      </c>
    </row>
    <row r="18080" spans="1:4" x14ac:dyDescent="0.25">
      <c r="A18080" t="s">
        <v>28689</v>
      </c>
      <c r="B18080" t="s">
        <v>28691</v>
      </c>
      <c r="C18080">
        <v>0</v>
      </c>
      <c r="D18080">
        <v>0</v>
      </c>
    </row>
    <row r="18081" spans="1:4" x14ac:dyDescent="0.25">
      <c r="A18081" t="s">
        <v>28692</v>
      </c>
      <c r="B18081" t="s">
        <v>28693</v>
      </c>
      <c r="C18081">
        <v>0</v>
      </c>
      <c r="D18081">
        <v>0</v>
      </c>
    </row>
    <row r="18082" spans="1:4" x14ac:dyDescent="0.25">
      <c r="A18082" t="s">
        <v>28692</v>
      </c>
      <c r="B18082" t="s">
        <v>28694</v>
      </c>
      <c r="C18082">
        <v>0</v>
      </c>
      <c r="D18082">
        <v>0</v>
      </c>
    </row>
    <row r="18083" spans="1:4" x14ac:dyDescent="0.25">
      <c r="A18083" t="s">
        <v>28695</v>
      </c>
      <c r="B18083" t="s">
        <v>28696</v>
      </c>
      <c r="C18083">
        <v>0</v>
      </c>
      <c r="D18083">
        <v>0</v>
      </c>
    </row>
    <row r="18084" spans="1:4" x14ac:dyDescent="0.25">
      <c r="A18084" t="s">
        <v>28695</v>
      </c>
      <c r="B18084" t="s">
        <v>28697</v>
      </c>
      <c r="C18084">
        <v>2</v>
      </c>
      <c r="D18084">
        <v>0</v>
      </c>
    </row>
    <row r="18085" spans="1:4" x14ac:dyDescent="0.25">
      <c r="A18085" t="s">
        <v>28698</v>
      </c>
      <c r="B18085" t="s">
        <v>28699</v>
      </c>
      <c r="C18085">
        <v>1</v>
      </c>
      <c r="D18085">
        <v>0</v>
      </c>
    </row>
    <row r="18086" spans="1:4" x14ac:dyDescent="0.25">
      <c r="A18086" t="s">
        <v>28698</v>
      </c>
      <c r="B18086" t="s">
        <v>28700</v>
      </c>
      <c r="C18086">
        <v>2</v>
      </c>
      <c r="D18086">
        <v>0</v>
      </c>
    </row>
    <row r="18087" spans="1:4" x14ac:dyDescent="0.25">
      <c r="A18087" t="s">
        <v>28701</v>
      </c>
      <c r="B18087" t="s">
        <v>28702</v>
      </c>
      <c r="C18087">
        <v>2</v>
      </c>
      <c r="D18087">
        <v>0</v>
      </c>
    </row>
    <row r="18088" spans="1:4" x14ac:dyDescent="0.25">
      <c r="A18088" t="s">
        <v>28701</v>
      </c>
      <c r="B18088" t="s">
        <v>28703</v>
      </c>
      <c r="C18088">
        <v>0</v>
      </c>
      <c r="D18088">
        <v>0</v>
      </c>
    </row>
    <row r="18089" spans="1:4" x14ac:dyDescent="0.25">
      <c r="A18089" t="s">
        <v>28704</v>
      </c>
      <c r="B18089" t="s">
        <v>28705</v>
      </c>
      <c r="C18089">
        <v>1</v>
      </c>
      <c r="D18089">
        <v>0</v>
      </c>
    </row>
    <row r="18090" spans="1:4" x14ac:dyDescent="0.25">
      <c r="A18090" t="s">
        <v>28704</v>
      </c>
      <c r="B18090" t="s">
        <v>28706</v>
      </c>
      <c r="C18090">
        <v>1</v>
      </c>
      <c r="D18090">
        <v>0</v>
      </c>
    </row>
    <row r="18091" spans="1:4" x14ac:dyDescent="0.25">
      <c r="A18091" t="s">
        <v>28704</v>
      </c>
      <c r="B18091" t="s">
        <v>28707</v>
      </c>
      <c r="C18091">
        <v>2</v>
      </c>
      <c r="D18091">
        <v>0</v>
      </c>
    </row>
    <row r="18092" spans="1:4" x14ac:dyDescent="0.25">
      <c r="A18092" t="s">
        <v>28708</v>
      </c>
      <c r="B18092" t="s">
        <v>1097</v>
      </c>
      <c r="C18092">
        <v>1</v>
      </c>
      <c r="D18092">
        <v>0</v>
      </c>
    </row>
    <row r="18093" spans="1:4" x14ac:dyDescent="0.25">
      <c r="A18093" t="s">
        <v>28709</v>
      </c>
      <c r="B18093" t="s">
        <v>28710</v>
      </c>
      <c r="C18093">
        <v>0</v>
      </c>
      <c r="D18093">
        <v>0</v>
      </c>
    </row>
    <row r="18094" spans="1:4" x14ac:dyDescent="0.25">
      <c r="A18094" t="s">
        <v>28711</v>
      </c>
      <c r="B18094" t="s">
        <v>28712</v>
      </c>
      <c r="C18094">
        <v>2</v>
      </c>
      <c r="D18094">
        <v>0</v>
      </c>
    </row>
    <row r="18095" spans="1:4" x14ac:dyDescent="0.25">
      <c r="A18095" t="s">
        <v>28711</v>
      </c>
      <c r="B18095" t="s">
        <v>1294</v>
      </c>
      <c r="C18095">
        <v>1</v>
      </c>
      <c r="D18095">
        <v>0</v>
      </c>
    </row>
    <row r="18096" spans="1:4" x14ac:dyDescent="0.25">
      <c r="A18096" t="s">
        <v>28711</v>
      </c>
      <c r="B18096" t="s">
        <v>28713</v>
      </c>
      <c r="C18096">
        <v>1</v>
      </c>
      <c r="D18096">
        <v>0</v>
      </c>
    </row>
    <row r="18097" spans="1:4" x14ac:dyDescent="0.25">
      <c r="A18097" t="s">
        <v>28714</v>
      </c>
      <c r="B18097" t="s">
        <v>28715</v>
      </c>
      <c r="C18097">
        <v>1</v>
      </c>
      <c r="D18097">
        <v>0</v>
      </c>
    </row>
    <row r="18098" spans="1:4" x14ac:dyDescent="0.25">
      <c r="A18098" t="s">
        <v>28714</v>
      </c>
      <c r="B18098" t="s">
        <v>28716</v>
      </c>
      <c r="C18098">
        <v>2</v>
      </c>
      <c r="D18098">
        <v>0</v>
      </c>
    </row>
    <row r="18099" spans="1:4" x14ac:dyDescent="0.25">
      <c r="A18099" t="s">
        <v>28714</v>
      </c>
      <c r="B18099" t="s">
        <v>28717</v>
      </c>
      <c r="C18099">
        <v>1</v>
      </c>
      <c r="D18099">
        <v>0</v>
      </c>
    </row>
    <row r="18100" spans="1:4" x14ac:dyDescent="0.25">
      <c r="A18100" t="s">
        <v>28718</v>
      </c>
      <c r="B18100" t="s">
        <v>28719</v>
      </c>
      <c r="C18100">
        <v>0</v>
      </c>
      <c r="D18100">
        <v>0</v>
      </c>
    </row>
    <row r="18101" spans="1:4" x14ac:dyDescent="0.25">
      <c r="A18101" t="s">
        <v>28718</v>
      </c>
      <c r="B18101" t="s">
        <v>28720</v>
      </c>
      <c r="C18101">
        <v>0</v>
      </c>
      <c r="D18101">
        <v>0</v>
      </c>
    </row>
    <row r="18102" spans="1:4" x14ac:dyDescent="0.25">
      <c r="A18102" t="s">
        <v>28718</v>
      </c>
      <c r="B18102" t="s">
        <v>28721</v>
      </c>
      <c r="C18102">
        <v>0</v>
      </c>
      <c r="D18102">
        <v>0</v>
      </c>
    </row>
    <row r="18103" spans="1:4" x14ac:dyDescent="0.25">
      <c r="A18103" t="s">
        <v>28722</v>
      </c>
      <c r="B18103" t="s">
        <v>28723</v>
      </c>
      <c r="C18103">
        <v>1</v>
      </c>
      <c r="D18103">
        <v>0</v>
      </c>
    </row>
    <row r="18104" spans="1:4" x14ac:dyDescent="0.25">
      <c r="A18104" t="s">
        <v>28722</v>
      </c>
      <c r="B18104" t="s">
        <v>28724</v>
      </c>
      <c r="C18104">
        <v>1</v>
      </c>
      <c r="D18104">
        <v>0</v>
      </c>
    </row>
    <row r="18105" spans="1:4" x14ac:dyDescent="0.25">
      <c r="A18105" t="s">
        <v>28722</v>
      </c>
      <c r="B18105" t="s">
        <v>28725</v>
      </c>
      <c r="C18105">
        <v>1</v>
      </c>
      <c r="D18105">
        <v>0</v>
      </c>
    </row>
    <row r="18106" spans="1:4" x14ac:dyDescent="0.25">
      <c r="A18106" t="s">
        <v>28726</v>
      </c>
      <c r="B18106" t="s">
        <v>28727</v>
      </c>
      <c r="C18106">
        <v>2</v>
      </c>
      <c r="D18106">
        <v>0</v>
      </c>
    </row>
    <row r="18107" spans="1:4" x14ac:dyDescent="0.25">
      <c r="A18107" t="s">
        <v>28726</v>
      </c>
      <c r="B18107" t="s">
        <v>28728</v>
      </c>
      <c r="C18107">
        <v>2</v>
      </c>
      <c r="D18107">
        <v>0</v>
      </c>
    </row>
    <row r="18108" spans="1:4" x14ac:dyDescent="0.25">
      <c r="A18108" t="s">
        <v>28726</v>
      </c>
      <c r="B18108" t="s">
        <v>28729</v>
      </c>
      <c r="C18108">
        <v>1</v>
      </c>
      <c r="D18108">
        <v>0</v>
      </c>
    </row>
    <row r="18109" spans="1:4" x14ac:dyDescent="0.25">
      <c r="A18109" t="s">
        <v>28730</v>
      </c>
      <c r="B18109" t="s">
        <v>28731</v>
      </c>
      <c r="C18109">
        <v>2</v>
      </c>
      <c r="D18109">
        <v>0</v>
      </c>
    </row>
    <row r="18110" spans="1:4" x14ac:dyDescent="0.25">
      <c r="A18110" t="s">
        <v>28730</v>
      </c>
      <c r="B18110" t="s">
        <v>28732</v>
      </c>
      <c r="C18110">
        <v>0</v>
      </c>
      <c r="D18110">
        <v>0</v>
      </c>
    </row>
    <row r="18111" spans="1:4" x14ac:dyDescent="0.25">
      <c r="A18111" t="s">
        <v>28730</v>
      </c>
      <c r="B18111" t="s">
        <v>28733</v>
      </c>
      <c r="C18111">
        <v>0</v>
      </c>
      <c r="D18111">
        <v>0</v>
      </c>
    </row>
    <row r="18112" spans="1:4" x14ac:dyDescent="0.25">
      <c r="A18112" t="s">
        <v>28734</v>
      </c>
      <c r="B18112" t="s">
        <v>852</v>
      </c>
      <c r="C18112">
        <v>0</v>
      </c>
      <c r="D18112">
        <v>0</v>
      </c>
    </row>
    <row r="18113" spans="1:4" x14ac:dyDescent="0.25">
      <c r="A18113" t="s">
        <v>28735</v>
      </c>
      <c r="B18113" t="s">
        <v>28736</v>
      </c>
      <c r="C18113">
        <v>1</v>
      </c>
      <c r="D18113">
        <v>0</v>
      </c>
    </row>
    <row r="18114" spans="1:4" x14ac:dyDescent="0.25">
      <c r="A18114" t="s">
        <v>28737</v>
      </c>
      <c r="B18114" t="s">
        <v>28738</v>
      </c>
      <c r="C18114">
        <v>0</v>
      </c>
      <c r="D18114">
        <v>0</v>
      </c>
    </row>
    <row r="18115" spans="1:4" x14ac:dyDescent="0.25">
      <c r="A18115" t="s">
        <v>28739</v>
      </c>
      <c r="B18115" t="s">
        <v>28740</v>
      </c>
      <c r="C18115">
        <v>1</v>
      </c>
      <c r="D18115">
        <v>0</v>
      </c>
    </row>
    <row r="18116" spans="1:4" x14ac:dyDescent="0.25">
      <c r="A18116" t="s">
        <v>28739</v>
      </c>
      <c r="B18116" t="s">
        <v>28741</v>
      </c>
      <c r="C18116">
        <v>1</v>
      </c>
      <c r="D18116">
        <v>0</v>
      </c>
    </row>
    <row r="18117" spans="1:4" x14ac:dyDescent="0.25">
      <c r="A18117" t="s">
        <v>28739</v>
      </c>
      <c r="B18117" t="s">
        <v>28742</v>
      </c>
      <c r="C18117">
        <v>1</v>
      </c>
      <c r="D18117">
        <v>0</v>
      </c>
    </row>
    <row r="18118" spans="1:4" x14ac:dyDescent="0.25">
      <c r="A18118" t="s">
        <v>28743</v>
      </c>
      <c r="B18118" t="s">
        <v>28744</v>
      </c>
      <c r="C18118">
        <v>1</v>
      </c>
      <c r="D18118">
        <v>0</v>
      </c>
    </row>
    <row r="18119" spans="1:4" x14ac:dyDescent="0.25">
      <c r="A18119" t="s">
        <v>28743</v>
      </c>
      <c r="B18119" t="s">
        <v>28745</v>
      </c>
      <c r="C18119">
        <v>0</v>
      </c>
      <c r="D18119">
        <v>0</v>
      </c>
    </row>
    <row r="18120" spans="1:4" x14ac:dyDescent="0.25">
      <c r="A18120" t="s">
        <v>28746</v>
      </c>
      <c r="B18120" t="s">
        <v>28747</v>
      </c>
      <c r="C18120">
        <v>0</v>
      </c>
      <c r="D18120">
        <v>0</v>
      </c>
    </row>
    <row r="18121" spans="1:4" x14ac:dyDescent="0.25">
      <c r="A18121" t="s">
        <v>28746</v>
      </c>
      <c r="B18121" t="s">
        <v>28748</v>
      </c>
      <c r="C18121">
        <v>0</v>
      </c>
      <c r="D18121">
        <v>0</v>
      </c>
    </row>
    <row r="18122" spans="1:4" x14ac:dyDescent="0.25">
      <c r="A18122" t="s">
        <v>28749</v>
      </c>
      <c r="B18122" t="s">
        <v>28750</v>
      </c>
      <c r="C18122">
        <v>0</v>
      </c>
      <c r="D18122">
        <v>0</v>
      </c>
    </row>
    <row r="18123" spans="1:4" x14ac:dyDescent="0.25">
      <c r="A18123" t="s">
        <v>28751</v>
      </c>
      <c r="B18123" t="s">
        <v>28752</v>
      </c>
      <c r="C18123">
        <v>1</v>
      </c>
      <c r="D18123">
        <v>0</v>
      </c>
    </row>
    <row r="18124" spans="1:4" x14ac:dyDescent="0.25">
      <c r="A18124" t="s">
        <v>28751</v>
      </c>
      <c r="B18124" t="s">
        <v>28753</v>
      </c>
      <c r="C18124">
        <v>1</v>
      </c>
      <c r="D18124">
        <v>0</v>
      </c>
    </row>
    <row r="18125" spans="1:4" x14ac:dyDescent="0.25">
      <c r="A18125" t="s">
        <v>28754</v>
      </c>
      <c r="B18125" t="s">
        <v>28755</v>
      </c>
      <c r="C18125">
        <v>0</v>
      </c>
      <c r="D18125">
        <v>0</v>
      </c>
    </row>
    <row r="18126" spans="1:4" x14ac:dyDescent="0.25">
      <c r="A18126" t="s">
        <v>28754</v>
      </c>
      <c r="B18126" t="s">
        <v>28756</v>
      </c>
      <c r="C18126">
        <v>1</v>
      </c>
      <c r="D18126">
        <v>0</v>
      </c>
    </row>
    <row r="18127" spans="1:4" x14ac:dyDescent="0.25">
      <c r="A18127" t="s">
        <v>28757</v>
      </c>
      <c r="B18127" t="s">
        <v>28758</v>
      </c>
      <c r="C18127">
        <v>0</v>
      </c>
      <c r="D18127">
        <v>0</v>
      </c>
    </row>
    <row r="18128" spans="1:4" x14ac:dyDescent="0.25">
      <c r="A18128" t="s">
        <v>28759</v>
      </c>
      <c r="B18128" t="s">
        <v>28760</v>
      </c>
      <c r="C18128">
        <v>0</v>
      </c>
      <c r="D18128">
        <v>0</v>
      </c>
    </row>
    <row r="18129" spans="1:4" x14ac:dyDescent="0.25">
      <c r="A18129" t="s">
        <v>28761</v>
      </c>
      <c r="B18129" t="s">
        <v>28762</v>
      </c>
      <c r="C18129">
        <v>1</v>
      </c>
      <c r="D18129">
        <v>0</v>
      </c>
    </row>
    <row r="18130" spans="1:4" x14ac:dyDescent="0.25">
      <c r="A18130" t="s">
        <v>28761</v>
      </c>
      <c r="B18130" t="s">
        <v>28763</v>
      </c>
      <c r="C18130">
        <v>1</v>
      </c>
      <c r="D18130">
        <v>0</v>
      </c>
    </row>
    <row r="18131" spans="1:4" x14ac:dyDescent="0.25">
      <c r="A18131" t="s">
        <v>28764</v>
      </c>
      <c r="B18131" t="s">
        <v>28765</v>
      </c>
      <c r="C18131">
        <v>1</v>
      </c>
      <c r="D18131">
        <v>0</v>
      </c>
    </row>
    <row r="18132" spans="1:4" x14ac:dyDescent="0.25">
      <c r="A18132" t="s">
        <v>28764</v>
      </c>
      <c r="B18132" t="s">
        <v>28766</v>
      </c>
      <c r="C18132">
        <v>2</v>
      </c>
      <c r="D18132">
        <v>0</v>
      </c>
    </row>
    <row r="18133" spans="1:4" x14ac:dyDescent="0.25">
      <c r="A18133" t="s">
        <v>28764</v>
      </c>
      <c r="B18133" t="s">
        <v>28767</v>
      </c>
      <c r="C18133">
        <v>2</v>
      </c>
      <c r="D18133">
        <v>0</v>
      </c>
    </row>
    <row r="18134" spans="1:4" x14ac:dyDescent="0.25">
      <c r="A18134" t="s">
        <v>28768</v>
      </c>
      <c r="B18134" t="s">
        <v>28769</v>
      </c>
      <c r="C18134">
        <v>0</v>
      </c>
      <c r="D18134">
        <v>0</v>
      </c>
    </row>
    <row r="18135" spans="1:4" x14ac:dyDescent="0.25">
      <c r="A18135" t="s">
        <v>28768</v>
      </c>
      <c r="B18135" t="s">
        <v>28770</v>
      </c>
      <c r="C18135">
        <v>2</v>
      </c>
      <c r="D18135">
        <v>0</v>
      </c>
    </row>
    <row r="18136" spans="1:4" x14ac:dyDescent="0.25">
      <c r="A18136" t="s">
        <v>28771</v>
      </c>
      <c r="B18136" t="s">
        <v>2267</v>
      </c>
      <c r="C18136">
        <v>0</v>
      </c>
      <c r="D18136">
        <v>0</v>
      </c>
    </row>
    <row r="18137" spans="1:4" x14ac:dyDescent="0.25">
      <c r="A18137" t="s">
        <v>28772</v>
      </c>
      <c r="B18137" t="s">
        <v>28773</v>
      </c>
      <c r="C18137">
        <v>2</v>
      </c>
      <c r="D18137">
        <v>0</v>
      </c>
    </row>
    <row r="18138" spans="1:4" x14ac:dyDescent="0.25">
      <c r="A18138" t="s">
        <v>28772</v>
      </c>
      <c r="B18138" t="s">
        <v>28774</v>
      </c>
      <c r="C18138">
        <v>1</v>
      </c>
      <c r="D18138">
        <v>0</v>
      </c>
    </row>
    <row r="18139" spans="1:4" x14ac:dyDescent="0.25">
      <c r="A18139" t="s">
        <v>28775</v>
      </c>
      <c r="B18139" t="s">
        <v>28776</v>
      </c>
      <c r="C18139">
        <v>2</v>
      </c>
      <c r="D18139">
        <v>0</v>
      </c>
    </row>
    <row r="18140" spans="1:4" x14ac:dyDescent="0.25">
      <c r="A18140" t="s">
        <v>28775</v>
      </c>
      <c r="B18140" t="s">
        <v>28777</v>
      </c>
      <c r="C18140">
        <v>1</v>
      </c>
      <c r="D18140">
        <v>0</v>
      </c>
    </row>
    <row r="18141" spans="1:4" x14ac:dyDescent="0.25">
      <c r="A18141" t="s">
        <v>28778</v>
      </c>
      <c r="B18141" t="s">
        <v>28779</v>
      </c>
      <c r="C18141">
        <v>1</v>
      </c>
      <c r="D18141">
        <v>0</v>
      </c>
    </row>
    <row r="18142" spans="1:4" x14ac:dyDescent="0.25">
      <c r="A18142" t="s">
        <v>28778</v>
      </c>
      <c r="B18142" t="s">
        <v>28780</v>
      </c>
      <c r="C18142">
        <v>1</v>
      </c>
      <c r="D18142">
        <v>0</v>
      </c>
    </row>
    <row r="18143" spans="1:4" x14ac:dyDescent="0.25">
      <c r="A18143" t="s">
        <v>28778</v>
      </c>
      <c r="B18143" t="s">
        <v>28781</v>
      </c>
      <c r="C18143">
        <v>1</v>
      </c>
      <c r="D18143">
        <v>0</v>
      </c>
    </row>
    <row r="18144" spans="1:4" x14ac:dyDescent="0.25">
      <c r="A18144" t="s">
        <v>28782</v>
      </c>
      <c r="B18144" t="s">
        <v>14823</v>
      </c>
      <c r="C18144">
        <v>1</v>
      </c>
      <c r="D18144">
        <v>0</v>
      </c>
    </row>
    <row r="18145" spans="1:4" x14ac:dyDescent="0.25">
      <c r="A18145" t="s">
        <v>28782</v>
      </c>
      <c r="B18145" t="s">
        <v>28783</v>
      </c>
      <c r="C18145">
        <v>0</v>
      </c>
      <c r="D18145">
        <v>0</v>
      </c>
    </row>
    <row r="18146" spans="1:4" x14ac:dyDescent="0.25">
      <c r="A18146" t="s">
        <v>28784</v>
      </c>
      <c r="B18146" t="s">
        <v>28785</v>
      </c>
      <c r="C18146">
        <v>0</v>
      </c>
      <c r="D18146">
        <v>0</v>
      </c>
    </row>
    <row r="18147" spans="1:4" x14ac:dyDescent="0.25">
      <c r="A18147" t="s">
        <v>28784</v>
      </c>
      <c r="B18147" t="s">
        <v>28786</v>
      </c>
      <c r="C18147">
        <v>2</v>
      </c>
      <c r="D18147">
        <v>0</v>
      </c>
    </row>
    <row r="18148" spans="1:4" x14ac:dyDescent="0.25">
      <c r="A18148" t="s">
        <v>28784</v>
      </c>
      <c r="B18148" t="s">
        <v>28787</v>
      </c>
      <c r="C18148">
        <v>1</v>
      </c>
      <c r="D18148">
        <v>0</v>
      </c>
    </row>
    <row r="18149" spans="1:4" x14ac:dyDescent="0.25">
      <c r="A18149" t="s">
        <v>28788</v>
      </c>
      <c r="B18149" t="s">
        <v>28789</v>
      </c>
      <c r="C18149">
        <v>0</v>
      </c>
      <c r="D18149">
        <v>0</v>
      </c>
    </row>
    <row r="18150" spans="1:4" x14ac:dyDescent="0.25">
      <c r="A18150" t="s">
        <v>28788</v>
      </c>
      <c r="B18150" t="s">
        <v>28790</v>
      </c>
      <c r="C18150">
        <v>1</v>
      </c>
      <c r="D18150">
        <v>0</v>
      </c>
    </row>
    <row r="18151" spans="1:4" x14ac:dyDescent="0.25">
      <c r="A18151" t="s">
        <v>28791</v>
      </c>
      <c r="B18151" t="s">
        <v>28792</v>
      </c>
      <c r="C18151">
        <v>1</v>
      </c>
      <c r="D18151">
        <v>0</v>
      </c>
    </row>
    <row r="18152" spans="1:4" x14ac:dyDescent="0.25">
      <c r="A18152" t="s">
        <v>28793</v>
      </c>
      <c r="B18152" t="s">
        <v>28794</v>
      </c>
      <c r="C18152">
        <v>1</v>
      </c>
      <c r="D18152">
        <v>0</v>
      </c>
    </row>
    <row r="18153" spans="1:4" x14ac:dyDescent="0.25">
      <c r="A18153" t="s">
        <v>28795</v>
      </c>
      <c r="B18153" t="s">
        <v>28796</v>
      </c>
      <c r="C18153">
        <v>0</v>
      </c>
      <c r="D18153">
        <v>0</v>
      </c>
    </row>
    <row r="18154" spans="1:4" x14ac:dyDescent="0.25">
      <c r="A18154" t="s">
        <v>28797</v>
      </c>
      <c r="B18154" t="s">
        <v>28798</v>
      </c>
      <c r="C18154">
        <v>0</v>
      </c>
      <c r="D18154">
        <v>0</v>
      </c>
    </row>
    <row r="18155" spans="1:4" x14ac:dyDescent="0.25">
      <c r="A18155" t="s">
        <v>28799</v>
      </c>
      <c r="B18155" t="s">
        <v>28800</v>
      </c>
      <c r="C18155">
        <v>1</v>
      </c>
      <c r="D18155">
        <v>0</v>
      </c>
    </row>
    <row r="18156" spans="1:4" x14ac:dyDescent="0.25">
      <c r="A18156" t="s">
        <v>28799</v>
      </c>
      <c r="B18156" t="s">
        <v>28801</v>
      </c>
      <c r="C18156">
        <v>2</v>
      </c>
      <c r="D18156">
        <v>0</v>
      </c>
    </row>
    <row r="18157" spans="1:4" x14ac:dyDescent="0.25">
      <c r="A18157" t="s">
        <v>28799</v>
      </c>
      <c r="B18157" t="s">
        <v>28802</v>
      </c>
      <c r="C18157">
        <v>0</v>
      </c>
      <c r="D18157">
        <v>0</v>
      </c>
    </row>
    <row r="18158" spans="1:4" x14ac:dyDescent="0.25">
      <c r="A18158" t="s">
        <v>28803</v>
      </c>
      <c r="B18158" t="s">
        <v>28804</v>
      </c>
      <c r="C18158">
        <v>1</v>
      </c>
      <c r="D18158">
        <v>0</v>
      </c>
    </row>
    <row r="18159" spans="1:4" x14ac:dyDescent="0.25">
      <c r="A18159" t="s">
        <v>28805</v>
      </c>
      <c r="B18159" t="s">
        <v>28806</v>
      </c>
      <c r="C18159">
        <v>0</v>
      </c>
      <c r="D18159">
        <v>0</v>
      </c>
    </row>
    <row r="18160" spans="1:4" x14ac:dyDescent="0.25">
      <c r="A18160" t="s">
        <v>28805</v>
      </c>
      <c r="B18160" t="s">
        <v>28807</v>
      </c>
      <c r="C18160">
        <v>2</v>
      </c>
      <c r="D18160">
        <v>0</v>
      </c>
    </row>
    <row r="18161" spans="1:4" x14ac:dyDescent="0.25">
      <c r="A18161" t="s">
        <v>28808</v>
      </c>
      <c r="B18161" t="s">
        <v>1294</v>
      </c>
      <c r="C18161">
        <v>1</v>
      </c>
      <c r="D18161">
        <v>0</v>
      </c>
    </row>
    <row r="18162" spans="1:4" x14ac:dyDescent="0.25">
      <c r="A18162" t="s">
        <v>28809</v>
      </c>
      <c r="B18162" t="s">
        <v>28810</v>
      </c>
      <c r="C18162">
        <v>0</v>
      </c>
      <c r="D18162">
        <v>0</v>
      </c>
    </row>
    <row r="18163" spans="1:4" x14ac:dyDescent="0.25">
      <c r="A18163" t="s">
        <v>28809</v>
      </c>
      <c r="B18163" t="s">
        <v>28811</v>
      </c>
      <c r="C18163">
        <v>2</v>
      </c>
      <c r="D18163">
        <v>0</v>
      </c>
    </row>
    <row r="18164" spans="1:4" x14ac:dyDescent="0.25">
      <c r="A18164" t="s">
        <v>28809</v>
      </c>
      <c r="B18164" t="s">
        <v>28812</v>
      </c>
      <c r="C18164">
        <v>1</v>
      </c>
      <c r="D18164">
        <v>0</v>
      </c>
    </row>
    <row r="18165" spans="1:4" x14ac:dyDescent="0.25">
      <c r="A18165" t="s">
        <v>28813</v>
      </c>
      <c r="B18165" t="s">
        <v>5244</v>
      </c>
      <c r="C18165">
        <v>0</v>
      </c>
      <c r="D18165">
        <v>0</v>
      </c>
    </row>
    <row r="18166" spans="1:4" x14ac:dyDescent="0.25">
      <c r="A18166" t="s">
        <v>28814</v>
      </c>
      <c r="B18166" t="s">
        <v>28815</v>
      </c>
      <c r="C18166">
        <v>2</v>
      </c>
      <c r="D18166">
        <v>0</v>
      </c>
    </row>
    <row r="18167" spans="1:4" x14ac:dyDescent="0.25">
      <c r="A18167" t="s">
        <v>28816</v>
      </c>
      <c r="B18167" t="s">
        <v>28817</v>
      </c>
      <c r="C18167">
        <v>1</v>
      </c>
      <c r="D18167">
        <v>0</v>
      </c>
    </row>
    <row r="18168" spans="1:4" x14ac:dyDescent="0.25">
      <c r="A18168" t="s">
        <v>28816</v>
      </c>
      <c r="B18168" t="s">
        <v>28818</v>
      </c>
      <c r="C18168">
        <v>0</v>
      </c>
      <c r="D18168">
        <v>0</v>
      </c>
    </row>
    <row r="18169" spans="1:4" x14ac:dyDescent="0.25">
      <c r="A18169" t="s">
        <v>28816</v>
      </c>
      <c r="B18169" t="s">
        <v>28819</v>
      </c>
      <c r="C18169">
        <v>1</v>
      </c>
      <c r="D18169">
        <v>0</v>
      </c>
    </row>
    <row r="18170" spans="1:4" x14ac:dyDescent="0.25">
      <c r="A18170" t="s">
        <v>28820</v>
      </c>
      <c r="B18170" t="s">
        <v>28821</v>
      </c>
      <c r="C18170">
        <v>1</v>
      </c>
      <c r="D18170">
        <v>0</v>
      </c>
    </row>
    <row r="18171" spans="1:4" x14ac:dyDescent="0.25">
      <c r="A18171" t="s">
        <v>28820</v>
      </c>
      <c r="B18171" t="s">
        <v>28822</v>
      </c>
      <c r="C18171">
        <v>1</v>
      </c>
      <c r="D18171">
        <v>0</v>
      </c>
    </row>
    <row r="18172" spans="1:4" x14ac:dyDescent="0.25">
      <c r="A18172" t="s">
        <v>28820</v>
      </c>
      <c r="B18172" t="s">
        <v>28823</v>
      </c>
      <c r="C18172">
        <v>1</v>
      </c>
      <c r="D18172">
        <v>0</v>
      </c>
    </row>
    <row r="18173" spans="1:4" x14ac:dyDescent="0.25">
      <c r="A18173" t="s">
        <v>28824</v>
      </c>
      <c r="B18173" t="s">
        <v>28825</v>
      </c>
      <c r="C18173">
        <v>1</v>
      </c>
      <c r="D18173">
        <v>0</v>
      </c>
    </row>
    <row r="18174" spans="1:4" x14ac:dyDescent="0.25">
      <c r="A18174" t="s">
        <v>28824</v>
      </c>
      <c r="B18174" t="s">
        <v>28826</v>
      </c>
      <c r="C18174">
        <v>0</v>
      </c>
      <c r="D18174">
        <v>0</v>
      </c>
    </row>
    <row r="18175" spans="1:4" x14ac:dyDescent="0.25">
      <c r="A18175" t="s">
        <v>28827</v>
      </c>
      <c r="B18175" t="s">
        <v>28828</v>
      </c>
      <c r="C18175">
        <v>1</v>
      </c>
      <c r="D18175">
        <v>0</v>
      </c>
    </row>
    <row r="18176" spans="1:4" x14ac:dyDescent="0.25">
      <c r="A18176" t="s">
        <v>28829</v>
      </c>
      <c r="B18176" t="s">
        <v>28830</v>
      </c>
      <c r="C18176">
        <v>1</v>
      </c>
      <c r="D18176">
        <v>0</v>
      </c>
    </row>
    <row r="18177" spans="1:4" x14ac:dyDescent="0.25">
      <c r="A18177" t="s">
        <v>28829</v>
      </c>
      <c r="B18177" t="s">
        <v>28831</v>
      </c>
      <c r="C18177">
        <v>1</v>
      </c>
      <c r="D18177">
        <v>0</v>
      </c>
    </row>
    <row r="18178" spans="1:4" x14ac:dyDescent="0.25">
      <c r="A18178" t="s">
        <v>28832</v>
      </c>
      <c r="B18178" t="s">
        <v>28833</v>
      </c>
      <c r="C18178">
        <v>0</v>
      </c>
      <c r="D18178">
        <v>0</v>
      </c>
    </row>
    <row r="18179" spans="1:4" x14ac:dyDescent="0.25">
      <c r="A18179" t="s">
        <v>28832</v>
      </c>
      <c r="B18179" t="s">
        <v>28834</v>
      </c>
      <c r="C18179">
        <v>0</v>
      </c>
      <c r="D18179">
        <v>0</v>
      </c>
    </row>
    <row r="18180" spans="1:4" x14ac:dyDescent="0.25">
      <c r="A18180" t="s">
        <v>28832</v>
      </c>
      <c r="B18180" t="s">
        <v>28835</v>
      </c>
      <c r="C18180">
        <v>1</v>
      </c>
      <c r="D18180">
        <v>0</v>
      </c>
    </row>
    <row r="18181" spans="1:4" x14ac:dyDescent="0.25">
      <c r="A18181" t="s">
        <v>28836</v>
      </c>
      <c r="B18181" t="s">
        <v>28837</v>
      </c>
      <c r="C18181">
        <v>1</v>
      </c>
      <c r="D18181">
        <v>0</v>
      </c>
    </row>
    <row r="18182" spans="1:4" x14ac:dyDescent="0.25">
      <c r="A18182" t="s">
        <v>28838</v>
      </c>
      <c r="B18182" t="s">
        <v>28839</v>
      </c>
      <c r="C18182">
        <v>1</v>
      </c>
      <c r="D18182">
        <v>0</v>
      </c>
    </row>
    <row r="18183" spans="1:4" x14ac:dyDescent="0.25">
      <c r="A18183" t="s">
        <v>28838</v>
      </c>
      <c r="B18183" t="s">
        <v>28840</v>
      </c>
      <c r="C18183">
        <v>0</v>
      </c>
      <c r="D18183">
        <v>0</v>
      </c>
    </row>
    <row r="18184" spans="1:4" x14ac:dyDescent="0.25">
      <c r="A18184" t="s">
        <v>28838</v>
      </c>
      <c r="B18184" t="s">
        <v>28841</v>
      </c>
      <c r="C18184">
        <v>1</v>
      </c>
      <c r="D18184">
        <v>0</v>
      </c>
    </row>
    <row r="18185" spans="1:4" x14ac:dyDescent="0.25">
      <c r="A18185" t="s">
        <v>28842</v>
      </c>
      <c r="B18185" t="s">
        <v>28843</v>
      </c>
      <c r="C18185">
        <v>0</v>
      </c>
      <c r="D18185">
        <v>0</v>
      </c>
    </row>
    <row r="18186" spans="1:4" x14ac:dyDescent="0.25">
      <c r="A18186" t="s">
        <v>28842</v>
      </c>
      <c r="B18186" t="s">
        <v>28844</v>
      </c>
      <c r="C18186">
        <v>0</v>
      </c>
      <c r="D18186">
        <v>0</v>
      </c>
    </row>
    <row r="18187" spans="1:4" x14ac:dyDescent="0.25">
      <c r="A18187" t="s">
        <v>28842</v>
      </c>
      <c r="B18187" t="s">
        <v>28845</v>
      </c>
      <c r="C18187">
        <v>1</v>
      </c>
      <c r="D18187">
        <v>0</v>
      </c>
    </row>
    <row r="18188" spans="1:4" x14ac:dyDescent="0.25">
      <c r="A18188" t="s">
        <v>28846</v>
      </c>
      <c r="B18188" t="s">
        <v>28847</v>
      </c>
      <c r="C18188">
        <v>0</v>
      </c>
      <c r="D18188">
        <v>0</v>
      </c>
    </row>
    <row r="18189" spans="1:4" x14ac:dyDescent="0.25">
      <c r="A18189" t="s">
        <v>28846</v>
      </c>
      <c r="B18189" t="s">
        <v>28848</v>
      </c>
      <c r="C18189">
        <v>0</v>
      </c>
      <c r="D18189">
        <v>0</v>
      </c>
    </row>
    <row r="18190" spans="1:4" x14ac:dyDescent="0.25">
      <c r="A18190" t="s">
        <v>28849</v>
      </c>
      <c r="B18190" t="s">
        <v>28850</v>
      </c>
      <c r="C18190">
        <v>2</v>
      </c>
      <c r="D18190">
        <v>0</v>
      </c>
    </row>
    <row r="18191" spans="1:4" x14ac:dyDescent="0.25">
      <c r="A18191" t="s">
        <v>28851</v>
      </c>
      <c r="B18191" t="s">
        <v>28852</v>
      </c>
      <c r="C18191">
        <v>1</v>
      </c>
      <c r="D18191">
        <v>0</v>
      </c>
    </row>
    <row r="18192" spans="1:4" x14ac:dyDescent="0.25">
      <c r="A18192" t="s">
        <v>28851</v>
      </c>
      <c r="B18192" t="s">
        <v>28853</v>
      </c>
      <c r="C18192">
        <v>0</v>
      </c>
      <c r="D18192">
        <v>0</v>
      </c>
    </row>
    <row r="18193" spans="1:4" x14ac:dyDescent="0.25">
      <c r="A18193" t="s">
        <v>28854</v>
      </c>
      <c r="B18193" t="s">
        <v>28855</v>
      </c>
      <c r="C18193">
        <v>1</v>
      </c>
      <c r="D18193">
        <v>0</v>
      </c>
    </row>
    <row r="18194" spans="1:4" x14ac:dyDescent="0.25">
      <c r="A18194" t="s">
        <v>28856</v>
      </c>
      <c r="B18194" t="s">
        <v>28857</v>
      </c>
      <c r="C18194">
        <v>0</v>
      </c>
      <c r="D18194">
        <v>0</v>
      </c>
    </row>
    <row r="18195" spans="1:4" x14ac:dyDescent="0.25">
      <c r="A18195" t="s">
        <v>28858</v>
      </c>
      <c r="B18195" t="s">
        <v>28859</v>
      </c>
      <c r="C18195">
        <v>2</v>
      </c>
      <c r="D18195">
        <v>0</v>
      </c>
    </row>
    <row r="18196" spans="1:4" x14ac:dyDescent="0.25">
      <c r="A18196" t="s">
        <v>28858</v>
      </c>
      <c r="B18196" t="s">
        <v>28860</v>
      </c>
      <c r="C18196">
        <v>2</v>
      </c>
      <c r="D18196">
        <v>0</v>
      </c>
    </row>
    <row r="18197" spans="1:4" x14ac:dyDescent="0.25">
      <c r="A18197" t="s">
        <v>28858</v>
      </c>
      <c r="B18197" t="s">
        <v>28861</v>
      </c>
      <c r="C18197">
        <v>1</v>
      </c>
      <c r="D18197">
        <v>0</v>
      </c>
    </row>
    <row r="18198" spans="1:4" x14ac:dyDescent="0.25">
      <c r="A18198" t="s">
        <v>28862</v>
      </c>
      <c r="B18198" t="s">
        <v>1001</v>
      </c>
      <c r="C18198">
        <v>1</v>
      </c>
      <c r="D18198">
        <v>0</v>
      </c>
    </row>
    <row r="18199" spans="1:4" x14ac:dyDescent="0.25">
      <c r="A18199" t="s">
        <v>28863</v>
      </c>
      <c r="B18199" t="s">
        <v>1387</v>
      </c>
      <c r="C18199">
        <v>1</v>
      </c>
      <c r="D18199">
        <v>0</v>
      </c>
    </row>
    <row r="18200" spans="1:4" x14ac:dyDescent="0.25">
      <c r="A18200" t="s">
        <v>28864</v>
      </c>
      <c r="B18200" t="s">
        <v>28865</v>
      </c>
      <c r="C18200">
        <v>2</v>
      </c>
      <c r="D18200">
        <v>0</v>
      </c>
    </row>
    <row r="18201" spans="1:4" x14ac:dyDescent="0.25">
      <c r="A18201" t="s">
        <v>28866</v>
      </c>
      <c r="B18201" t="s">
        <v>4170</v>
      </c>
      <c r="C18201">
        <v>0</v>
      </c>
      <c r="D18201">
        <v>0</v>
      </c>
    </row>
    <row r="18202" spans="1:4" x14ac:dyDescent="0.25">
      <c r="A18202" t="s">
        <v>28867</v>
      </c>
      <c r="B18202" t="s">
        <v>28868</v>
      </c>
      <c r="C18202">
        <v>0</v>
      </c>
      <c r="D18202">
        <v>0</v>
      </c>
    </row>
    <row r="18203" spans="1:4" x14ac:dyDescent="0.25">
      <c r="A18203" t="s">
        <v>28869</v>
      </c>
      <c r="B18203" t="s">
        <v>28870</v>
      </c>
      <c r="C18203">
        <v>0</v>
      </c>
      <c r="D18203">
        <v>0</v>
      </c>
    </row>
    <row r="18204" spans="1:4" x14ac:dyDescent="0.25">
      <c r="A18204" t="s">
        <v>28869</v>
      </c>
      <c r="B18204" t="s">
        <v>28871</v>
      </c>
      <c r="C18204">
        <v>1</v>
      </c>
      <c r="D18204">
        <v>0</v>
      </c>
    </row>
    <row r="18205" spans="1:4" x14ac:dyDescent="0.25">
      <c r="A18205" t="s">
        <v>28869</v>
      </c>
      <c r="B18205" t="s">
        <v>28872</v>
      </c>
      <c r="C18205">
        <v>1</v>
      </c>
      <c r="D18205">
        <v>0</v>
      </c>
    </row>
    <row r="18206" spans="1:4" x14ac:dyDescent="0.25">
      <c r="A18206" t="s">
        <v>28873</v>
      </c>
      <c r="B18206" t="s">
        <v>28874</v>
      </c>
      <c r="C18206">
        <v>1</v>
      </c>
      <c r="D18206">
        <v>0</v>
      </c>
    </row>
    <row r="18207" spans="1:4" x14ac:dyDescent="0.25">
      <c r="A18207" t="s">
        <v>28873</v>
      </c>
      <c r="B18207" t="s">
        <v>28875</v>
      </c>
      <c r="C18207">
        <v>2</v>
      </c>
      <c r="D18207">
        <v>0</v>
      </c>
    </row>
    <row r="18208" spans="1:4" x14ac:dyDescent="0.25">
      <c r="A18208" t="s">
        <v>28873</v>
      </c>
      <c r="B18208" t="s">
        <v>28876</v>
      </c>
      <c r="C18208">
        <v>1</v>
      </c>
      <c r="D18208">
        <v>0</v>
      </c>
    </row>
    <row r="18209" spans="1:4" x14ac:dyDescent="0.25">
      <c r="A18209" t="s">
        <v>28877</v>
      </c>
      <c r="B18209" t="s">
        <v>28878</v>
      </c>
      <c r="C18209">
        <v>0</v>
      </c>
      <c r="D18209">
        <v>0</v>
      </c>
    </row>
    <row r="18210" spans="1:4" x14ac:dyDescent="0.25">
      <c r="A18210" t="s">
        <v>28879</v>
      </c>
      <c r="B18210" t="s">
        <v>28880</v>
      </c>
      <c r="C18210">
        <v>1</v>
      </c>
      <c r="D18210">
        <v>0</v>
      </c>
    </row>
    <row r="18211" spans="1:4" x14ac:dyDescent="0.25">
      <c r="A18211" t="s">
        <v>28879</v>
      </c>
      <c r="B18211" t="s">
        <v>28881</v>
      </c>
      <c r="C18211">
        <v>2</v>
      </c>
      <c r="D18211">
        <v>0</v>
      </c>
    </row>
    <row r="18212" spans="1:4" x14ac:dyDescent="0.25">
      <c r="A18212" t="s">
        <v>28882</v>
      </c>
      <c r="B18212" t="s">
        <v>28883</v>
      </c>
      <c r="C18212">
        <v>0</v>
      </c>
      <c r="D18212">
        <v>0</v>
      </c>
    </row>
    <row r="18213" spans="1:4" x14ac:dyDescent="0.25">
      <c r="A18213" t="s">
        <v>28882</v>
      </c>
      <c r="B18213" t="s">
        <v>852</v>
      </c>
      <c r="C18213">
        <v>0</v>
      </c>
      <c r="D18213">
        <v>0</v>
      </c>
    </row>
    <row r="18214" spans="1:4" x14ac:dyDescent="0.25">
      <c r="A18214" t="s">
        <v>28884</v>
      </c>
      <c r="B18214" t="s">
        <v>28885</v>
      </c>
      <c r="C18214">
        <v>0</v>
      </c>
      <c r="D18214">
        <v>0</v>
      </c>
    </row>
    <row r="18215" spans="1:4" x14ac:dyDescent="0.25">
      <c r="A18215" t="s">
        <v>28886</v>
      </c>
      <c r="B18215" t="s">
        <v>28887</v>
      </c>
      <c r="C18215">
        <v>2</v>
      </c>
      <c r="D18215">
        <v>0</v>
      </c>
    </row>
    <row r="18216" spans="1:4" x14ac:dyDescent="0.25">
      <c r="A18216" t="s">
        <v>28886</v>
      </c>
      <c r="B18216" t="s">
        <v>28888</v>
      </c>
      <c r="C18216">
        <v>0</v>
      </c>
      <c r="D18216">
        <v>0</v>
      </c>
    </row>
    <row r="18217" spans="1:4" x14ac:dyDescent="0.25">
      <c r="A18217" t="s">
        <v>28889</v>
      </c>
      <c r="B18217" t="s">
        <v>28890</v>
      </c>
      <c r="C18217">
        <v>2</v>
      </c>
      <c r="D18217">
        <v>0</v>
      </c>
    </row>
    <row r="18218" spans="1:4" x14ac:dyDescent="0.25">
      <c r="A18218" t="s">
        <v>28891</v>
      </c>
      <c r="B18218" t="s">
        <v>12273</v>
      </c>
      <c r="C18218">
        <v>1</v>
      </c>
      <c r="D18218">
        <v>0</v>
      </c>
    </row>
    <row r="18219" spans="1:4" x14ac:dyDescent="0.25">
      <c r="A18219" t="s">
        <v>28891</v>
      </c>
      <c r="B18219" t="s">
        <v>28892</v>
      </c>
      <c r="C18219">
        <v>1</v>
      </c>
      <c r="D18219">
        <v>0</v>
      </c>
    </row>
    <row r="18220" spans="1:4" x14ac:dyDescent="0.25">
      <c r="A18220" t="s">
        <v>28893</v>
      </c>
      <c r="B18220" t="s">
        <v>28894</v>
      </c>
      <c r="C18220">
        <v>0</v>
      </c>
      <c r="D18220">
        <v>0</v>
      </c>
    </row>
    <row r="18221" spans="1:4" x14ac:dyDescent="0.25">
      <c r="A18221" t="s">
        <v>28893</v>
      </c>
      <c r="B18221" t="s">
        <v>28895</v>
      </c>
      <c r="C18221">
        <v>0</v>
      </c>
      <c r="D18221">
        <v>0</v>
      </c>
    </row>
    <row r="18222" spans="1:4" x14ac:dyDescent="0.25">
      <c r="A18222" t="s">
        <v>28893</v>
      </c>
      <c r="B18222" t="s">
        <v>28896</v>
      </c>
      <c r="C18222">
        <v>2</v>
      </c>
      <c r="D18222">
        <v>0</v>
      </c>
    </row>
    <row r="18223" spans="1:4" x14ac:dyDescent="0.25">
      <c r="A18223" t="s">
        <v>28897</v>
      </c>
      <c r="B18223" t="s">
        <v>28898</v>
      </c>
      <c r="C18223">
        <v>1</v>
      </c>
      <c r="D18223">
        <v>0</v>
      </c>
    </row>
    <row r="18224" spans="1:4" x14ac:dyDescent="0.25">
      <c r="A18224" t="s">
        <v>28899</v>
      </c>
      <c r="B18224" t="s">
        <v>28900</v>
      </c>
      <c r="C18224">
        <v>0</v>
      </c>
      <c r="D18224">
        <v>0</v>
      </c>
    </row>
    <row r="18225" spans="1:4" x14ac:dyDescent="0.25">
      <c r="A18225" t="s">
        <v>28899</v>
      </c>
      <c r="B18225" t="s">
        <v>28901</v>
      </c>
      <c r="C18225">
        <v>1</v>
      </c>
      <c r="D18225">
        <v>0</v>
      </c>
    </row>
    <row r="18226" spans="1:4" x14ac:dyDescent="0.25">
      <c r="A18226" t="s">
        <v>28902</v>
      </c>
      <c r="B18226" t="s">
        <v>28903</v>
      </c>
      <c r="C18226">
        <v>1</v>
      </c>
      <c r="D18226">
        <v>0</v>
      </c>
    </row>
    <row r="18227" spans="1:4" x14ac:dyDescent="0.25">
      <c r="A18227" t="s">
        <v>28904</v>
      </c>
      <c r="B18227" t="s">
        <v>1555</v>
      </c>
      <c r="C18227">
        <v>2</v>
      </c>
      <c r="D18227">
        <v>0</v>
      </c>
    </row>
    <row r="18228" spans="1:4" x14ac:dyDescent="0.25">
      <c r="A18228" t="s">
        <v>28904</v>
      </c>
      <c r="B18228" t="s">
        <v>28905</v>
      </c>
      <c r="C18228">
        <v>1</v>
      </c>
      <c r="D18228">
        <v>0</v>
      </c>
    </row>
    <row r="18229" spans="1:4" x14ac:dyDescent="0.25">
      <c r="A18229" t="s">
        <v>28906</v>
      </c>
      <c r="B18229" t="s">
        <v>28238</v>
      </c>
      <c r="C18229">
        <v>2</v>
      </c>
      <c r="D18229">
        <v>0</v>
      </c>
    </row>
    <row r="18230" spans="1:4" x14ac:dyDescent="0.25">
      <c r="A18230" t="s">
        <v>28906</v>
      </c>
      <c r="B18230" t="s">
        <v>28907</v>
      </c>
      <c r="C18230">
        <v>1</v>
      </c>
      <c r="D18230">
        <v>0</v>
      </c>
    </row>
    <row r="18231" spans="1:4" x14ac:dyDescent="0.25">
      <c r="A18231" t="s">
        <v>28906</v>
      </c>
      <c r="B18231" t="s">
        <v>28908</v>
      </c>
      <c r="C18231">
        <v>1</v>
      </c>
      <c r="D18231">
        <v>0</v>
      </c>
    </row>
    <row r="18232" spans="1:4" x14ac:dyDescent="0.25">
      <c r="A18232" t="s">
        <v>28909</v>
      </c>
      <c r="B18232" t="s">
        <v>28910</v>
      </c>
      <c r="C18232">
        <v>2</v>
      </c>
      <c r="D18232">
        <v>0</v>
      </c>
    </row>
    <row r="18233" spans="1:4" x14ac:dyDescent="0.25">
      <c r="A18233" t="s">
        <v>28909</v>
      </c>
      <c r="B18233" t="s">
        <v>28911</v>
      </c>
      <c r="C18233">
        <v>1</v>
      </c>
      <c r="D18233">
        <v>0</v>
      </c>
    </row>
    <row r="18234" spans="1:4" x14ac:dyDescent="0.25">
      <c r="A18234" t="s">
        <v>28912</v>
      </c>
      <c r="B18234" t="s">
        <v>28913</v>
      </c>
      <c r="C18234">
        <v>1</v>
      </c>
      <c r="D18234">
        <v>0</v>
      </c>
    </row>
    <row r="18235" spans="1:4" x14ac:dyDescent="0.25">
      <c r="A18235" t="s">
        <v>28912</v>
      </c>
      <c r="B18235" t="s">
        <v>28914</v>
      </c>
      <c r="C18235">
        <v>1</v>
      </c>
      <c r="D18235">
        <v>0</v>
      </c>
    </row>
    <row r="18236" spans="1:4" x14ac:dyDescent="0.25">
      <c r="A18236" t="s">
        <v>28912</v>
      </c>
      <c r="B18236" t="s">
        <v>28915</v>
      </c>
      <c r="C18236">
        <v>2</v>
      </c>
      <c r="D18236">
        <v>0</v>
      </c>
    </row>
    <row r="18237" spans="1:4" x14ac:dyDescent="0.25">
      <c r="A18237" t="s">
        <v>28916</v>
      </c>
      <c r="B18237" t="s">
        <v>28917</v>
      </c>
      <c r="C18237">
        <v>1</v>
      </c>
      <c r="D18237">
        <v>0</v>
      </c>
    </row>
    <row r="18238" spans="1:4" x14ac:dyDescent="0.25">
      <c r="A18238" t="s">
        <v>28918</v>
      </c>
      <c r="B18238" t="s">
        <v>28919</v>
      </c>
      <c r="C18238">
        <v>1</v>
      </c>
      <c r="D18238">
        <v>0</v>
      </c>
    </row>
    <row r="18239" spans="1:4" x14ac:dyDescent="0.25">
      <c r="A18239" t="s">
        <v>28918</v>
      </c>
      <c r="B18239" t="s">
        <v>28920</v>
      </c>
      <c r="C18239">
        <v>1</v>
      </c>
      <c r="D18239">
        <v>0</v>
      </c>
    </row>
    <row r="18240" spans="1:4" x14ac:dyDescent="0.25">
      <c r="A18240" t="s">
        <v>28918</v>
      </c>
      <c r="B18240" t="s">
        <v>28921</v>
      </c>
      <c r="C18240">
        <v>1</v>
      </c>
      <c r="D18240">
        <v>0</v>
      </c>
    </row>
    <row r="18241" spans="1:4" x14ac:dyDescent="0.25">
      <c r="A18241" t="s">
        <v>28922</v>
      </c>
      <c r="B18241" t="s">
        <v>28923</v>
      </c>
      <c r="C18241">
        <v>1</v>
      </c>
      <c r="D18241">
        <v>0</v>
      </c>
    </row>
    <row r="18242" spans="1:4" x14ac:dyDescent="0.25">
      <c r="A18242" t="s">
        <v>28922</v>
      </c>
      <c r="B18242" t="s">
        <v>28924</v>
      </c>
      <c r="C18242">
        <v>1</v>
      </c>
      <c r="D18242">
        <v>0</v>
      </c>
    </row>
    <row r="18243" spans="1:4" x14ac:dyDescent="0.25">
      <c r="A18243" t="s">
        <v>28922</v>
      </c>
      <c r="B18243" t="s">
        <v>28925</v>
      </c>
      <c r="C18243">
        <v>2</v>
      </c>
      <c r="D18243">
        <v>0</v>
      </c>
    </row>
    <row r="18244" spans="1:4" x14ac:dyDescent="0.25">
      <c r="A18244" t="s">
        <v>28926</v>
      </c>
      <c r="B18244" t="s">
        <v>28927</v>
      </c>
      <c r="C18244">
        <v>2</v>
      </c>
      <c r="D18244">
        <v>0</v>
      </c>
    </row>
    <row r="18245" spans="1:4" x14ac:dyDescent="0.25">
      <c r="A18245" t="s">
        <v>28926</v>
      </c>
      <c r="B18245" t="s">
        <v>28928</v>
      </c>
      <c r="C18245">
        <v>0</v>
      </c>
      <c r="D18245">
        <v>0</v>
      </c>
    </row>
    <row r="18246" spans="1:4" x14ac:dyDescent="0.25">
      <c r="A18246" t="s">
        <v>28929</v>
      </c>
      <c r="B18246" t="s">
        <v>28930</v>
      </c>
      <c r="C18246">
        <v>1</v>
      </c>
      <c r="D18246">
        <v>0</v>
      </c>
    </row>
    <row r="18247" spans="1:4" x14ac:dyDescent="0.25">
      <c r="A18247" t="s">
        <v>28931</v>
      </c>
      <c r="B18247" t="s">
        <v>28932</v>
      </c>
      <c r="C18247">
        <v>0</v>
      </c>
      <c r="D18247">
        <v>0</v>
      </c>
    </row>
    <row r="18248" spans="1:4" x14ac:dyDescent="0.25">
      <c r="A18248" t="s">
        <v>28931</v>
      </c>
      <c r="B18248" t="s">
        <v>28933</v>
      </c>
      <c r="C18248">
        <v>2</v>
      </c>
      <c r="D18248">
        <v>0</v>
      </c>
    </row>
    <row r="18249" spans="1:4" x14ac:dyDescent="0.25">
      <c r="A18249" t="s">
        <v>28931</v>
      </c>
      <c r="B18249" t="s">
        <v>28934</v>
      </c>
      <c r="C18249">
        <v>1</v>
      </c>
      <c r="D18249">
        <v>0</v>
      </c>
    </row>
    <row r="18250" spans="1:4" x14ac:dyDescent="0.25">
      <c r="A18250" t="s">
        <v>28935</v>
      </c>
      <c r="B18250" t="s">
        <v>28936</v>
      </c>
      <c r="C18250">
        <v>2</v>
      </c>
      <c r="D18250">
        <v>0</v>
      </c>
    </row>
    <row r="18251" spans="1:4" x14ac:dyDescent="0.25">
      <c r="A18251" t="s">
        <v>28935</v>
      </c>
      <c r="B18251" t="s">
        <v>28937</v>
      </c>
      <c r="C18251">
        <v>1</v>
      </c>
      <c r="D18251">
        <v>0</v>
      </c>
    </row>
    <row r="18252" spans="1:4" x14ac:dyDescent="0.25">
      <c r="A18252" t="s">
        <v>28935</v>
      </c>
      <c r="B18252" t="s">
        <v>28938</v>
      </c>
      <c r="C18252">
        <v>1</v>
      </c>
      <c r="D18252">
        <v>0</v>
      </c>
    </row>
    <row r="18253" spans="1:4" x14ac:dyDescent="0.25">
      <c r="A18253" t="s">
        <v>28939</v>
      </c>
      <c r="B18253" t="s">
        <v>28940</v>
      </c>
      <c r="C18253">
        <v>0</v>
      </c>
      <c r="D18253">
        <v>0</v>
      </c>
    </row>
    <row r="18254" spans="1:4" x14ac:dyDescent="0.25">
      <c r="A18254" t="s">
        <v>28941</v>
      </c>
      <c r="B18254" t="s">
        <v>28942</v>
      </c>
      <c r="C18254">
        <v>1</v>
      </c>
      <c r="D18254">
        <v>0</v>
      </c>
    </row>
    <row r="18255" spans="1:4" x14ac:dyDescent="0.25">
      <c r="A18255" t="s">
        <v>28941</v>
      </c>
      <c r="B18255" t="s">
        <v>28943</v>
      </c>
      <c r="C18255">
        <v>0</v>
      </c>
      <c r="D18255">
        <v>0</v>
      </c>
    </row>
    <row r="18256" spans="1:4" x14ac:dyDescent="0.25">
      <c r="A18256" t="s">
        <v>28944</v>
      </c>
      <c r="B18256" t="s">
        <v>28945</v>
      </c>
      <c r="C18256">
        <v>1</v>
      </c>
      <c r="D18256">
        <v>0</v>
      </c>
    </row>
    <row r="18257" spans="1:4" x14ac:dyDescent="0.25">
      <c r="A18257" t="s">
        <v>28944</v>
      </c>
      <c r="B18257" t="s">
        <v>28946</v>
      </c>
      <c r="C18257">
        <v>0</v>
      </c>
      <c r="D18257">
        <v>0</v>
      </c>
    </row>
    <row r="18258" spans="1:4" x14ac:dyDescent="0.25">
      <c r="A18258" t="s">
        <v>28944</v>
      </c>
      <c r="B18258" t="s">
        <v>28947</v>
      </c>
      <c r="C18258">
        <v>1</v>
      </c>
      <c r="D18258">
        <v>0</v>
      </c>
    </row>
    <row r="18259" spans="1:4" x14ac:dyDescent="0.25">
      <c r="A18259" t="s">
        <v>28948</v>
      </c>
      <c r="B18259" t="s">
        <v>28949</v>
      </c>
      <c r="C18259">
        <v>2</v>
      </c>
      <c r="D18259">
        <v>0</v>
      </c>
    </row>
    <row r="18260" spans="1:4" x14ac:dyDescent="0.25">
      <c r="A18260" t="s">
        <v>28948</v>
      </c>
      <c r="B18260" t="s">
        <v>28950</v>
      </c>
      <c r="C18260">
        <v>2</v>
      </c>
      <c r="D18260">
        <v>0</v>
      </c>
    </row>
    <row r="18261" spans="1:4" x14ac:dyDescent="0.25">
      <c r="A18261" t="s">
        <v>28948</v>
      </c>
      <c r="B18261" t="s">
        <v>28951</v>
      </c>
      <c r="C18261">
        <v>1</v>
      </c>
      <c r="D18261">
        <v>0</v>
      </c>
    </row>
    <row r="18262" spans="1:4" x14ac:dyDescent="0.25">
      <c r="A18262" t="s">
        <v>28952</v>
      </c>
      <c r="B18262" t="s">
        <v>28953</v>
      </c>
      <c r="C18262">
        <v>1</v>
      </c>
      <c r="D18262">
        <v>0</v>
      </c>
    </row>
    <row r="18263" spans="1:4" x14ac:dyDescent="0.25">
      <c r="A18263" t="s">
        <v>28952</v>
      </c>
      <c r="B18263" t="s">
        <v>28954</v>
      </c>
      <c r="C18263">
        <v>2</v>
      </c>
      <c r="D18263">
        <v>0</v>
      </c>
    </row>
    <row r="18264" spans="1:4" x14ac:dyDescent="0.25">
      <c r="A18264" t="s">
        <v>28952</v>
      </c>
      <c r="B18264" t="s">
        <v>28955</v>
      </c>
      <c r="C18264">
        <v>1</v>
      </c>
      <c r="D18264">
        <v>0</v>
      </c>
    </row>
    <row r="18265" spans="1:4" x14ac:dyDescent="0.25">
      <c r="A18265" t="s">
        <v>28956</v>
      </c>
      <c r="B18265" t="s">
        <v>28957</v>
      </c>
      <c r="C18265">
        <v>0</v>
      </c>
      <c r="D18265">
        <v>0</v>
      </c>
    </row>
    <row r="18266" spans="1:4" x14ac:dyDescent="0.25">
      <c r="A18266" t="s">
        <v>28956</v>
      </c>
      <c r="B18266" t="s">
        <v>28958</v>
      </c>
      <c r="C18266">
        <v>1</v>
      </c>
      <c r="D18266">
        <v>0</v>
      </c>
    </row>
    <row r="18267" spans="1:4" x14ac:dyDescent="0.25">
      <c r="A18267" t="s">
        <v>28959</v>
      </c>
      <c r="B18267" t="s">
        <v>28960</v>
      </c>
      <c r="C18267">
        <v>1</v>
      </c>
      <c r="D18267">
        <v>0</v>
      </c>
    </row>
    <row r="18268" spans="1:4" x14ac:dyDescent="0.25">
      <c r="A18268" t="s">
        <v>28959</v>
      </c>
      <c r="B18268" t="s">
        <v>28961</v>
      </c>
      <c r="C18268">
        <v>0</v>
      </c>
      <c r="D18268">
        <v>0</v>
      </c>
    </row>
    <row r="18269" spans="1:4" x14ac:dyDescent="0.25">
      <c r="A18269" t="s">
        <v>28962</v>
      </c>
      <c r="B18269" t="s">
        <v>28963</v>
      </c>
      <c r="C18269">
        <v>1</v>
      </c>
      <c r="D18269">
        <v>0</v>
      </c>
    </row>
    <row r="18270" spans="1:4" x14ac:dyDescent="0.25">
      <c r="A18270" t="s">
        <v>28962</v>
      </c>
      <c r="B18270" t="s">
        <v>28964</v>
      </c>
      <c r="C18270">
        <v>0</v>
      </c>
      <c r="D18270">
        <v>0</v>
      </c>
    </row>
    <row r="18271" spans="1:4" x14ac:dyDescent="0.25">
      <c r="A18271" t="s">
        <v>28965</v>
      </c>
      <c r="B18271" t="s">
        <v>28966</v>
      </c>
      <c r="C18271">
        <v>1</v>
      </c>
      <c r="D18271">
        <v>0</v>
      </c>
    </row>
    <row r="18272" spans="1:4" x14ac:dyDescent="0.25">
      <c r="A18272" t="s">
        <v>28965</v>
      </c>
      <c r="B18272" t="s">
        <v>1001</v>
      </c>
      <c r="C18272">
        <v>1</v>
      </c>
      <c r="D18272">
        <v>0</v>
      </c>
    </row>
    <row r="18273" spans="1:4" x14ac:dyDescent="0.25">
      <c r="A18273" t="s">
        <v>28965</v>
      </c>
      <c r="B18273" t="s">
        <v>2061</v>
      </c>
      <c r="C18273">
        <v>0</v>
      </c>
      <c r="D18273">
        <v>0</v>
      </c>
    </row>
    <row r="18274" spans="1:4" x14ac:dyDescent="0.25">
      <c r="A18274" t="s">
        <v>28967</v>
      </c>
      <c r="B18274" t="s">
        <v>28968</v>
      </c>
      <c r="C18274">
        <v>0</v>
      </c>
      <c r="D18274">
        <v>0</v>
      </c>
    </row>
    <row r="18275" spans="1:4" x14ac:dyDescent="0.25">
      <c r="A18275" t="s">
        <v>28967</v>
      </c>
      <c r="B18275" t="s">
        <v>28969</v>
      </c>
      <c r="C18275">
        <v>1</v>
      </c>
      <c r="D18275">
        <v>0</v>
      </c>
    </row>
    <row r="18276" spans="1:4" x14ac:dyDescent="0.25">
      <c r="A18276" t="s">
        <v>28970</v>
      </c>
      <c r="B18276" t="s">
        <v>852</v>
      </c>
      <c r="C18276">
        <v>0</v>
      </c>
      <c r="D18276">
        <v>0</v>
      </c>
    </row>
    <row r="18277" spans="1:4" x14ac:dyDescent="0.25">
      <c r="A18277" t="s">
        <v>28970</v>
      </c>
      <c r="B18277" t="s">
        <v>1499</v>
      </c>
      <c r="C18277">
        <v>1</v>
      </c>
      <c r="D18277">
        <v>0</v>
      </c>
    </row>
    <row r="18278" spans="1:4" x14ac:dyDescent="0.25">
      <c r="A18278" t="s">
        <v>28971</v>
      </c>
      <c r="B18278" t="s">
        <v>28972</v>
      </c>
      <c r="C18278">
        <v>2</v>
      </c>
      <c r="D18278">
        <v>0</v>
      </c>
    </row>
    <row r="18279" spans="1:4" x14ac:dyDescent="0.25">
      <c r="A18279" t="s">
        <v>28971</v>
      </c>
      <c r="B18279" t="s">
        <v>28973</v>
      </c>
      <c r="C18279">
        <v>1</v>
      </c>
      <c r="D18279">
        <v>0</v>
      </c>
    </row>
    <row r="18280" spans="1:4" x14ac:dyDescent="0.25">
      <c r="A18280" t="s">
        <v>28971</v>
      </c>
      <c r="B18280" t="s">
        <v>28974</v>
      </c>
      <c r="C18280">
        <v>2</v>
      </c>
      <c r="D18280">
        <v>0</v>
      </c>
    </row>
    <row r="18281" spans="1:4" x14ac:dyDescent="0.25">
      <c r="A18281" t="s">
        <v>28975</v>
      </c>
      <c r="B18281" t="s">
        <v>28976</v>
      </c>
      <c r="C18281">
        <v>2</v>
      </c>
      <c r="D18281">
        <v>0</v>
      </c>
    </row>
    <row r="18282" spans="1:4" x14ac:dyDescent="0.25">
      <c r="A18282" t="s">
        <v>28975</v>
      </c>
      <c r="B18282" t="s">
        <v>28977</v>
      </c>
      <c r="C18282">
        <v>0</v>
      </c>
      <c r="D18282">
        <v>0</v>
      </c>
    </row>
    <row r="18283" spans="1:4" x14ac:dyDescent="0.25">
      <c r="A18283" t="s">
        <v>28978</v>
      </c>
      <c r="B18283" t="s">
        <v>1526</v>
      </c>
      <c r="C18283">
        <v>0</v>
      </c>
      <c r="D18283">
        <v>0</v>
      </c>
    </row>
    <row r="18284" spans="1:4" x14ac:dyDescent="0.25">
      <c r="A18284" t="s">
        <v>28978</v>
      </c>
      <c r="B18284" t="s">
        <v>28979</v>
      </c>
      <c r="C18284">
        <v>1</v>
      </c>
      <c r="D18284">
        <v>0</v>
      </c>
    </row>
    <row r="18285" spans="1:4" x14ac:dyDescent="0.25">
      <c r="A18285" t="s">
        <v>28980</v>
      </c>
      <c r="B18285" t="s">
        <v>28981</v>
      </c>
      <c r="C18285">
        <v>0</v>
      </c>
      <c r="D18285">
        <v>0</v>
      </c>
    </row>
    <row r="18286" spans="1:4" x14ac:dyDescent="0.25">
      <c r="A18286" t="s">
        <v>28982</v>
      </c>
      <c r="B18286" t="s">
        <v>28983</v>
      </c>
      <c r="C18286">
        <v>2</v>
      </c>
      <c r="D18286">
        <v>0</v>
      </c>
    </row>
    <row r="18287" spans="1:4" x14ac:dyDescent="0.25">
      <c r="A18287" t="s">
        <v>28984</v>
      </c>
      <c r="B18287" t="s">
        <v>28985</v>
      </c>
      <c r="C18287">
        <v>1</v>
      </c>
      <c r="D18287">
        <v>0</v>
      </c>
    </row>
    <row r="18288" spans="1:4" x14ac:dyDescent="0.25">
      <c r="A18288" t="s">
        <v>28984</v>
      </c>
      <c r="B18288" t="s">
        <v>28986</v>
      </c>
      <c r="C18288">
        <v>0</v>
      </c>
      <c r="D18288">
        <v>0</v>
      </c>
    </row>
    <row r="18289" spans="1:4" x14ac:dyDescent="0.25">
      <c r="A18289" t="s">
        <v>28984</v>
      </c>
      <c r="B18289" t="s">
        <v>28987</v>
      </c>
      <c r="C18289">
        <v>0</v>
      </c>
      <c r="D18289">
        <v>0</v>
      </c>
    </row>
    <row r="18290" spans="1:4" x14ac:dyDescent="0.25">
      <c r="A18290" t="s">
        <v>28988</v>
      </c>
      <c r="B18290" t="s">
        <v>28989</v>
      </c>
      <c r="C18290">
        <v>1</v>
      </c>
      <c r="D18290">
        <v>0</v>
      </c>
    </row>
    <row r="18291" spans="1:4" x14ac:dyDescent="0.25">
      <c r="A18291" t="s">
        <v>28988</v>
      </c>
      <c r="B18291" t="s">
        <v>28990</v>
      </c>
      <c r="C18291">
        <v>2</v>
      </c>
      <c r="D18291">
        <v>0</v>
      </c>
    </row>
    <row r="18292" spans="1:4" x14ac:dyDescent="0.25">
      <c r="A18292" t="s">
        <v>28988</v>
      </c>
      <c r="B18292" t="s">
        <v>28991</v>
      </c>
      <c r="C18292">
        <v>0</v>
      </c>
      <c r="D18292">
        <v>0</v>
      </c>
    </row>
    <row r="18293" spans="1:4" x14ac:dyDescent="0.25">
      <c r="A18293" t="s">
        <v>28992</v>
      </c>
      <c r="B18293" t="s">
        <v>28993</v>
      </c>
      <c r="C18293">
        <v>1</v>
      </c>
      <c r="D18293">
        <v>0</v>
      </c>
    </row>
    <row r="18294" spans="1:4" x14ac:dyDescent="0.25">
      <c r="A18294" t="s">
        <v>28992</v>
      </c>
      <c r="B18294" t="s">
        <v>28994</v>
      </c>
      <c r="C18294">
        <v>0</v>
      </c>
      <c r="D18294">
        <v>0</v>
      </c>
    </row>
    <row r="18295" spans="1:4" x14ac:dyDescent="0.25">
      <c r="A18295" t="s">
        <v>28992</v>
      </c>
      <c r="B18295" t="s">
        <v>28995</v>
      </c>
      <c r="C18295">
        <v>0</v>
      </c>
      <c r="D18295">
        <v>0</v>
      </c>
    </row>
    <row r="18296" spans="1:4" x14ac:dyDescent="0.25">
      <c r="A18296" t="s">
        <v>28996</v>
      </c>
      <c r="B18296" t="s">
        <v>28997</v>
      </c>
      <c r="C18296">
        <v>1</v>
      </c>
      <c r="D18296">
        <v>0</v>
      </c>
    </row>
    <row r="18297" spans="1:4" x14ac:dyDescent="0.25">
      <c r="A18297" t="s">
        <v>28996</v>
      </c>
      <c r="B18297" t="s">
        <v>28998</v>
      </c>
      <c r="C18297">
        <v>0</v>
      </c>
      <c r="D18297">
        <v>0</v>
      </c>
    </row>
    <row r="18298" spans="1:4" x14ac:dyDescent="0.25">
      <c r="A18298" t="s">
        <v>28999</v>
      </c>
      <c r="B18298" t="s">
        <v>29000</v>
      </c>
      <c r="C18298">
        <v>1</v>
      </c>
      <c r="D18298">
        <v>0</v>
      </c>
    </row>
    <row r="18299" spans="1:4" x14ac:dyDescent="0.25">
      <c r="A18299" t="s">
        <v>29001</v>
      </c>
      <c r="B18299" t="s">
        <v>852</v>
      </c>
      <c r="C18299">
        <v>0</v>
      </c>
      <c r="D18299">
        <v>0</v>
      </c>
    </row>
    <row r="18300" spans="1:4" x14ac:dyDescent="0.25">
      <c r="A18300" t="s">
        <v>29001</v>
      </c>
      <c r="B18300" t="s">
        <v>29002</v>
      </c>
      <c r="C18300">
        <v>2</v>
      </c>
      <c r="D18300">
        <v>0</v>
      </c>
    </row>
    <row r="18301" spans="1:4" x14ac:dyDescent="0.25">
      <c r="A18301" t="s">
        <v>29003</v>
      </c>
      <c r="B18301" t="s">
        <v>29004</v>
      </c>
      <c r="C18301">
        <v>1</v>
      </c>
      <c r="D18301">
        <v>0</v>
      </c>
    </row>
    <row r="18302" spans="1:4" x14ac:dyDescent="0.25">
      <c r="A18302" t="s">
        <v>29005</v>
      </c>
      <c r="B18302" t="s">
        <v>1659</v>
      </c>
      <c r="C18302">
        <v>1</v>
      </c>
      <c r="D18302">
        <v>0</v>
      </c>
    </row>
    <row r="18303" spans="1:4" x14ac:dyDescent="0.25">
      <c r="A18303" t="s">
        <v>29006</v>
      </c>
      <c r="B18303" t="s">
        <v>29007</v>
      </c>
      <c r="C18303">
        <v>0</v>
      </c>
      <c r="D18303">
        <v>0</v>
      </c>
    </row>
    <row r="18304" spans="1:4" x14ac:dyDescent="0.25">
      <c r="A18304" t="s">
        <v>29006</v>
      </c>
      <c r="B18304" t="s">
        <v>29008</v>
      </c>
      <c r="C18304">
        <v>2</v>
      </c>
      <c r="D18304">
        <v>0</v>
      </c>
    </row>
    <row r="18305" spans="1:4" x14ac:dyDescent="0.25">
      <c r="A18305" t="s">
        <v>29006</v>
      </c>
      <c r="B18305" t="s">
        <v>29009</v>
      </c>
      <c r="C18305">
        <v>1</v>
      </c>
      <c r="D18305">
        <v>0</v>
      </c>
    </row>
    <row r="18306" spans="1:4" x14ac:dyDescent="0.25">
      <c r="A18306" t="s">
        <v>29010</v>
      </c>
      <c r="B18306" t="s">
        <v>29011</v>
      </c>
      <c r="C18306">
        <v>1</v>
      </c>
      <c r="D18306">
        <v>0</v>
      </c>
    </row>
    <row r="18307" spans="1:4" x14ac:dyDescent="0.25">
      <c r="A18307" t="s">
        <v>29010</v>
      </c>
      <c r="B18307" t="s">
        <v>29012</v>
      </c>
      <c r="C18307">
        <v>1</v>
      </c>
      <c r="D18307">
        <v>0</v>
      </c>
    </row>
    <row r="18308" spans="1:4" x14ac:dyDescent="0.25">
      <c r="A18308" t="s">
        <v>29013</v>
      </c>
      <c r="B18308" t="s">
        <v>29014</v>
      </c>
      <c r="C18308">
        <v>1</v>
      </c>
      <c r="D18308">
        <v>0</v>
      </c>
    </row>
    <row r="18309" spans="1:4" x14ac:dyDescent="0.25">
      <c r="A18309" t="s">
        <v>29013</v>
      </c>
      <c r="B18309" t="s">
        <v>29015</v>
      </c>
      <c r="C18309">
        <v>2</v>
      </c>
      <c r="D18309">
        <v>0</v>
      </c>
    </row>
    <row r="18310" spans="1:4" x14ac:dyDescent="0.25">
      <c r="A18310" t="s">
        <v>29016</v>
      </c>
      <c r="B18310" t="s">
        <v>29017</v>
      </c>
      <c r="C18310">
        <v>0</v>
      </c>
      <c r="D18310">
        <v>0</v>
      </c>
    </row>
    <row r="18311" spans="1:4" x14ac:dyDescent="0.25">
      <c r="A18311" t="s">
        <v>29018</v>
      </c>
      <c r="B18311" t="s">
        <v>29019</v>
      </c>
      <c r="C18311">
        <v>1</v>
      </c>
      <c r="D18311">
        <v>0</v>
      </c>
    </row>
    <row r="18312" spans="1:4" x14ac:dyDescent="0.25">
      <c r="A18312" t="s">
        <v>29018</v>
      </c>
      <c r="B18312" t="s">
        <v>29020</v>
      </c>
      <c r="C18312">
        <v>2</v>
      </c>
      <c r="D18312">
        <v>0</v>
      </c>
    </row>
    <row r="18313" spans="1:4" x14ac:dyDescent="0.25">
      <c r="A18313" t="s">
        <v>29018</v>
      </c>
      <c r="B18313" t="s">
        <v>29021</v>
      </c>
      <c r="C18313">
        <v>1</v>
      </c>
      <c r="D18313">
        <v>0</v>
      </c>
    </row>
    <row r="18314" spans="1:4" x14ac:dyDescent="0.25">
      <c r="A18314" t="s">
        <v>29022</v>
      </c>
      <c r="B18314" t="s">
        <v>29023</v>
      </c>
      <c r="C18314">
        <v>1</v>
      </c>
      <c r="D18314">
        <v>0</v>
      </c>
    </row>
    <row r="18315" spans="1:4" x14ac:dyDescent="0.25">
      <c r="A18315" t="s">
        <v>29022</v>
      </c>
      <c r="B18315" t="s">
        <v>29024</v>
      </c>
      <c r="C18315">
        <v>0</v>
      </c>
      <c r="D18315">
        <v>0</v>
      </c>
    </row>
    <row r="18316" spans="1:4" x14ac:dyDescent="0.25">
      <c r="A18316" t="s">
        <v>29025</v>
      </c>
      <c r="B18316" t="s">
        <v>29026</v>
      </c>
      <c r="C18316">
        <v>0</v>
      </c>
      <c r="D18316">
        <v>0</v>
      </c>
    </row>
    <row r="18317" spans="1:4" x14ac:dyDescent="0.25">
      <c r="A18317" t="s">
        <v>29025</v>
      </c>
      <c r="B18317" t="s">
        <v>29027</v>
      </c>
      <c r="C18317">
        <v>1</v>
      </c>
      <c r="D18317">
        <v>0</v>
      </c>
    </row>
    <row r="18318" spans="1:4" x14ac:dyDescent="0.25">
      <c r="A18318" t="s">
        <v>29025</v>
      </c>
      <c r="B18318" t="s">
        <v>29028</v>
      </c>
      <c r="C18318">
        <v>1</v>
      </c>
      <c r="D18318">
        <v>0</v>
      </c>
    </row>
    <row r="18319" spans="1:4" x14ac:dyDescent="0.25">
      <c r="A18319" t="s">
        <v>29029</v>
      </c>
      <c r="B18319" t="s">
        <v>29030</v>
      </c>
      <c r="C18319">
        <v>0</v>
      </c>
      <c r="D18319">
        <v>0</v>
      </c>
    </row>
    <row r="18320" spans="1:4" x14ac:dyDescent="0.25">
      <c r="A18320" t="s">
        <v>29029</v>
      </c>
      <c r="B18320" t="s">
        <v>29031</v>
      </c>
      <c r="C18320">
        <v>2</v>
      </c>
      <c r="D18320">
        <v>0</v>
      </c>
    </row>
    <row r="18321" spans="1:4" x14ac:dyDescent="0.25">
      <c r="A18321" t="s">
        <v>29029</v>
      </c>
      <c r="B18321" t="s">
        <v>29032</v>
      </c>
      <c r="C18321">
        <v>2</v>
      </c>
      <c r="D18321">
        <v>0</v>
      </c>
    </row>
    <row r="18322" spans="1:4" x14ac:dyDescent="0.25">
      <c r="A18322" t="s">
        <v>29033</v>
      </c>
      <c r="B18322" t="s">
        <v>29034</v>
      </c>
      <c r="C18322">
        <v>0</v>
      </c>
      <c r="D18322">
        <v>0</v>
      </c>
    </row>
    <row r="18323" spans="1:4" x14ac:dyDescent="0.25">
      <c r="A18323" t="s">
        <v>29033</v>
      </c>
      <c r="B18323" t="s">
        <v>29035</v>
      </c>
      <c r="C18323">
        <v>1</v>
      </c>
      <c r="D18323">
        <v>0</v>
      </c>
    </row>
    <row r="18324" spans="1:4" x14ac:dyDescent="0.25">
      <c r="A18324" t="s">
        <v>29033</v>
      </c>
      <c r="B18324" t="s">
        <v>2825</v>
      </c>
      <c r="C18324">
        <v>1</v>
      </c>
      <c r="D18324">
        <v>0</v>
      </c>
    </row>
    <row r="18325" spans="1:4" x14ac:dyDescent="0.25">
      <c r="A18325" t="s">
        <v>29036</v>
      </c>
      <c r="B18325" t="s">
        <v>29037</v>
      </c>
      <c r="C18325">
        <v>1</v>
      </c>
      <c r="D18325">
        <v>0</v>
      </c>
    </row>
    <row r="18326" spans="1:4" x14ac:dyDescent="0.25">
      <c r="A18326" t="s">
        <v>29036</v>
      </c>
      <c r="B18326" t="s">
        <v>398</v>
      </c>
      <c r="C18326">
        <v>0</v>
      </c>
      <c r="D18326">
        <v>0</v>
      </c>
    </row>
    <row r="18327" spans="1:4" x14ac:dyDescent="0.25">
      <c r="A18327" t="s">
        <v>29038</v>
      </c>
      <c r="B18327" t="s">
        <v>29039</v>
      </c>
      <c r="C18327">
        <v>1</v>
      </c>
      <c r="D18327">
        <v>0</v>
      </c>
    </row>
    <row r="18328" spans="1:4" x14ac:dyDescent="0.25">
      <c r="A18328" t="s">
        <v>29040</v>
      </c>
      <c r="B18328" t="s">
        <v>29041</v>
      </c>
      <c r="C18328">
        <v>2</v>
      </c>
      <c r="D18328">
        <v>0</v>
      </c>
    </row>
    <row r="18329" spans="1:4" x14ac:dyDescent="0.25">
      <c r="A18329" t="s">
        <v>29042</v>
      </c>
      <c r="B18329" t="s">
        <v>29043</v>
      </c>
      <c r="C18329">
        <v>0</v>
      </c>
      <c r="D18329">
        <v>0</v>
      </c>
    </row>
    <row r="18330" spans="1:4" x14ac:dyDescent="0.25">
      <c r="A18330" t="s">
        <v>29042</v>
      </c>
      <c r="B18330" t="s">
        <v>29044</v>
      </c>
      <c r="C18330">
        <v>0</v>
      </c>
      <c r="D18330">
        <v>0</v>
      </c>
    </row>
    <row r="18331" spans="1:4" x14ac:dyDescent="0.25">
      <c r="A18331" t="s">
        <v>29045</v>
      </c>
      <c r="B18331" t="s">
        <v>29046</v>
      </c>
      <c r="C18331">
        <v>2</v>
      </c>
      <c r="D18331">
        <v>0</v>
      </c>
    </row>
    <row r="18332" spans="1:4" x14ac:dyDescent="0.25">
      <c r="A18332" t="s">
        <v>29045</v>
      </c>
      <c r="B18332" t="s">
        <v>29047</v>
      </c>
      <c r="C18332">
        <v>1</v>
      </c>
      <c r="D18332">
        <v>0</v>
      </c>
    </row>
    <row r="18333" spans="1:4" x14ac:dyDescent="0.25">
      <c r="A18333" t="s">
        <v>29045</v>
      </c>
      <c r="B18333" t="s">
        <v>29048</v>
      </c>
      <c r="C18333">
        <v>0</v>
      </c>
      <c r="D18333">
        <v>0</v>
      </c>
    </row>
    <row r="18334" spans="1:4" x14ac:dyDescent="0.25">
      <c r="A18334" t="s">
        <v>29049</v>
      </c>
      <c r="B18334" t="s">
        <v>29050</v>
      </c>
      <c r="C18334">
        <v>1</v>
      </c>
      <c r="D18334">
        <v>0</v>
      </c>
    </row>
    <row r="18335" spans="1:4" x14ac:dyDescent="0.25">
      <c r="A18335" t="s">
        <v>29049</v>
      </c>
      <c r="B18335" t="s">
        <v>29051</v>
      </c>
      <c r="C18335">
        <v>0</v>
      </c>
      <c r="D18335">
        <v>0</v>
      </c>
    </row>
    <row r="18336" spans="1:4" x14ac:dyDescent="0.25">
      <c r="A18336" t="s">
        <v>29052</v>
      </c>
      <c r="B18336" t="s">
        <v>29053</v>
      </c>
      <c r="C18336">
        <v>1</v>
      </c>
      <c r="D18336">
        <v>0</v>
      </c>
    </row>
    <row r="18337" spans="1:4" x14ac:dyDescent="0.25">
      <c r="A18337" t="s">
        <v>29052</v>
      </c>
      <c r="B18337" t="s">
        <v>29054</v>
      </c>
      <c r="C18337">
        <v>2</v>
      </c>
      <c r="D18337">
        <v>0</v>
      </c>
    </row>
    <row r="18338" spans="1:4" x14ac:dyDescent="0.25">
      <c r="A18338" t="s">
        <v>29055</v>
      </c>
      <c r="B18338" t="s">
        <v>29056</v>
      </c>
      <c r="C18338">
        <v>1</v>
      </c>
      <c r="D18338">
        <v>0</v>
      </c>
    </row>
    <row r="18339" spans="1:4" x14ac:dyDescent="0.25">
      <c r="A18339" t="s">
        <v>29055</v>
      </c>
      <c r="B18339" t="s">
        <v>29057</v>
      </c>
      <c r="C18339">
        <v>1</v>
      </c>
      <c r="D18339">
        <v>0</v>
      </c>
    </row>
    <row r="18340" spans="1:4" x14ac:dyDescent="0.25">
      <c r="A18340" t="s">
        <v>29058</v>
      </c>
      <c r="B18340" t="s">
        <v>29059</v>
      </c>
      <c r="C18340">
        <v>2</v>
      </c>
      <c r="D18340">
        <v>0</v>
      </c>
    </row>
    <row r="18341" spans="1:4" x14ac:dyDescent="0.25">
      <c r="A18341" t="s">
        <v>29058</v>
      </c>
      <c r="B18341" t="s">
        <v>29060</v>
      </c>
      <c r="C18341">
        <v>1</v>
      </c>
      <c r="D18341">
        <v>0</v>
      </c>
    </row>
    <row r="18342" spans="1:4" x14ac:dyDescent="0.25">
      <c r="A18342" t="s">
        <v>29061</v>
      </c>
      <c r="B18342" t="s">
        <v>29062</v>
      </c>
      <c r="C18342">
        <v>1</v>
      </c>
      <c r="D18342">
        <v>0</v>
      </c>
    </row>
    <row r="18343" spans="1:4" x14ac:dyDescent="0.25">
      <c r="A18343" t="s">
        <v>29061</v>
      </c>
      <c r="B18343" t="s">
        <v>29063</v>
      </c>
      <c r="C18343">
        <v>1</v>
      </c>
      <c r="D18343">
        <v>0</v>
      </c>
    </row>
    <row r="18344" spans="1:4" x14ac:dyDescent="0.25">
      <c r="A18344" t="s">
        <v>29061</v>
      </c>
      <c r="B18344" t="s">
        <v>29064</v>
      </c>
      <c r="C18344">
        <v>1</v>
      </c>
      <c r="D18344">
        <v>0</v>
      </c>
    </row>
    <row r="18345" spans="1:4" x14ac:dyDescent="0.25">
      <c r="A18345" t="s">
        <v>29065</v>
      </c>
      <c r="B18345" t="s">
        <v>1001</v>
      </c>
      <c r="C18345">
        <v>1</v>
      </c>
      <c r="D18345">
        <v>0</v>
      </c>
    </row>
    <row r="18346" spans="1:4" x14ac:dyDescent="0.25">
      <c r="A18346" t="s">
        <v>29065</v>
      </c>
      <c r="B18346" t="s">
        <v>29066</v>
      </c>
      <c r="C18346">
        <v>0</v>
      </c>
      <c r="D18346">
        <v>0</v>
      </c>
    </row>
    <row r="18347" spans="1:4" x14ac:dyDescent="0.25">
      <c r="A18347" t="s">
        <v>29067</v>
      </c>
      <c r="B18347" t="s">
        <v>29068</v>
      </c>
      <c r="C18347">
        <v>0</v>
      </c>
      <c r="D18347">
        <v>0</v>
      </c>
    </row>
    <row r="18348" spans="1:4" x14ac:dyDescent="0.25">
      <c r="A18348" t="s">
        <v>29067</v>
      </c>
      <c r="B18348" t="s">
        <v>29069</v>
      </c>
      <c r="C18348">
        <v>2</v>
      </c>
      <c r="D18348">
        <v>0</v>
      </c>
    </row>
    <row r="18349" spans="1:4" x14ac:dyDescent="0.25">
      <c r="A18349" t="s">
        <v>29067</v>
      </c>
      <c r="B18349" t="s">
        <v>29070</v>
      </c>
      <c r="C18349">
        <v>2</v>
      </c>
      <c r="D18349">
        <v>0</v>
      </c>
    </row>
    <row r="18350" spans="1:4" x14ac:dyDescent="0.25">
      <c r="A18350" t="s">
        <v>29071</v>
      </c>
      <c r="B18350" t="s">
        <v>29072</v>
      </c>
      <c r="C18350">
        <v>1</v>
      </c>
      <c r="D18350">
        <v>0</v>
      </c>
    </row>
    <row r="18351" spans="1:4" x14ac:dyDescent="0.25">
      <c r="A18351" t="s">
        <v>29071</v>
      </c>
      <c r="B18351" t="s">
        <v>29073</v>
      </c>
      <c r="C18351">
        <v>1</v>
      </c>
      <c r="D18351">
        <v>0</v>
      </c>
    </row>
    <row r="18352" spans="1:4" x14ac:dyDescent="0.25">
      <c r="A18352" t="s">
        <v>29071</v>
      </c>
      <c r="B18352" t="s">
        <v>29074</v>
      </c>
      <c r="C18352">
        <v>1</v>
      </c>
      <c r="D18352">
        <v>0</v>
      </c>
    </row>
    <row r="18353" spans="1:4" x14ac:dyDescent="0.25">
      <c r="A18353" t="s">
        <v>29075</v>
      </c>
      <c r="B18353" t="s">
        <v>15558</v>
      </c>
      <c r="C18353">
        <v>1</v>
      </c>
      <c r="D18353">
        <v>0</v>
      </c>
    </row>
    <row r="18354" spans="1:4" x14ac:dyDescent="0.25">
      <c r="A18354" t="s">
        <v>29075</v>
      </c>
      <c r="B18354" t="s">
        <v>29076</v>
      </c>
      <c r="C18354">
        <v>0</v>
      </c>
      <c r="D18354">
        <v>0</v>
      </c>
    </row>
    <row r="18355" spans="1:4" x14ac:dyDescent="0.25">
      <c r="A18355" t="s">
        <v>29075</v>
      </c>
      <c r="B18355" t="s">
        <v>29077</v>
      </c>
      <c r="C18355">
        <v>1</v>
      </c>
      <c r="D18355">
        <v>0</v>
      </c>
    </row>
    <row r="18356" spans="1:4" x14ac:dyDescent="0.25">
      <c r="A18356" t="s">
        <v>29078</v>
      </c>
      <c r="B18356" t="s">
        <v>29079</v>
      </c>
      <c r="C18356">
        <v>1</v>
      </c>
      <c r="D18356">
        <v>0</v>
      </c>
    </row>
    <row r="18357" spans="1:4" x14ac:dyDescent="0.25">
      <c r="A18357" t="s">
        <v>29078</v>
      </c>
      <c r="B18357" t="s">
        <v>29080</v>
      </c>
      <c r="C18357">
        <v>2</v>
      </c>
      <c r="D18357">
        <v>0</v>
      </c>
    </row>
    <row r="18358" spans="1:4" x14ac:dyDescent="0.25">
      <c r="A18358" t="s">
        <v>29081</v>
      </c>
      <c r="B18358" t="s">
        <v>29082</v>
      </c>
      <c r="C18358">
        <v>2</v>
      </c>
      <c r="D18358">
        <v>0</v>
      </c>
    </row>
    <row r="18359" spans="1:4" x14ac:dyDescent="0.25">
      <c r="A18359" t="s">
        <v>29083</v>
      </c>
      <c r="B18359" t="s">
        <v>29084</v>
      </c>
      <c r="C18359">
        <v>2</v>
      </c>
      <c r="D18359">
        <v>0</v>
      </c>
    </row>
    <row r="18360" spans="1:4" x14ac:dyDescent="0.25">
      <c r="A18360" t="s">
        <v>29083</v>
      </c>
      <c r="B18360" t="s">
        <v>29085</v>
      </c>
      <c r="C18360">
        <v>0</v>
      </c>
      <c r="D18360">
        <v>0</v>
      </c>
    </row>
    <row r="18361" spans="1:4" x14ac:dyDescent="0.25">
      <c r="A18361" t="s">
        <v>29083</v>
      </c>
      <c r="B18361" t="s">
        <v>29086</v>
      </c>
      <c r="C18361">
        <v>1</v>
      </c>
      <c r="D18361">
        <v>0</v>
      </c>
    </row>
    <row r="18362" spans="1:4" x14ac:dyDescent="0.25">
      <c r="A18362" t="s">
        <v>29087</v>
      </c>
      <c r="B18362" t="s">
        <v>29088</v>
      </c>
      <c r="C18362">
        <v>0</v>
      </c>
      <c r="D18362">
        <v>0</v>
      </c>
    </row>
    <row r="18363" spans="1:4" x14ac:dyDescent="0.25">
      <c r="A18363" t="s">
        <v>29087</v>
      </c>
      <c r="B18363" t="s">
        <v>29089</v>
      </c>
      <c r="C18363">
        <v>0</v>
      </c>
      <c r="D18363">
        <v>0</v>
      </c>
    </row>
    <row r="18364" spans="1:4" x14ac:dyDescent="0.25">
      <c r="A18364" t="s">
        <v>29087</v>
      </c>
      <c r="B18364" t="s">
        <v>29090</v>
      </c>
      <c r="C18364">
        <v>0</v>
      </c>
      <c r="D18364">
        <v>0</v>
      </c>
    </row>
    <row r="18365" spans="1:4" x14ac:dyDescent="0.25">
      <c r="A18365" t="s">
        <v>29091</v>
      </c>
      <c r="B18365" t="s">
        <v>1655</v>
      </c>
      <c r="C18365">
        <v>1</v>
      </c>
      <c r="D18365">
        <v>0</v>
      </c>
    </row>
    <row r="18366" spans="1:4" x14ac:dyDescent="0.25">
      <c r="A18366" t="s">
        <v>29091</v>
      </c>
      <c r="B18366" t="s">
        <v>29092</v>
      </c>
      <c r="C18366">
        <v>0</v>
      </c>
      <c r="D18366">
        <v>0</v>
      </c>
    </row>
    <row r="18367" spans="1:4" x14ac:dyDescent="0.25">
      <c r="A18367" t="s">
        <v>29093</v>
      </c>
      <c r="B18367" t="s">
        <v>29094</v>
      </c>
      <c r="C18367">
        <v>2</v>
      </c>
      <c r="D18367">
        <v>0</v>
      </c>
    </row>
    <row r="18368" spans="1:4" x14ac:dyDescent="0.25">
      <c r="A18368" t="s">
        <v>29093</v>
      </c>
      <c r="B18368" t="s">
        <v>29095</v>
      </c>
      <c r="C18368">
        <v>2</v>
      </c>
      <c r="D18368">
        <v>0</v>
      </c>
    </row>
    <row r="18369" spans="1:4" x14ac:dyDescent="0.25">
      <c r="A18369" t="s">
        <v>29096</v>
      </c>
      <c r="B18369" t="s">
        <v>29097</v>
      </c>
      <c r="C18369">
        <v>2</v>
      </c>
      <c r="D18369">
        <v>0</v>
      </c>
    </row>
    <row r="18370" spans="1:4" x14ac:dyDescent="0.25">
      <c r="A18370" t="s">
        <v>29096</v>
      </c>
      <c r="B18370" t="s">
        <v>29098</v>
      </c>
      <c r="C18370">
        <v>1</v>
      </c>
      <c r="D18370">
        <v>0</v>
      </c>
    </row>
    <row r="18371" spans="1:4" x14ac:dyDescent="0.25">
      <c r="A18371" t="s">
        <v>29099</v>
      </c>
      <c r="B18371" t="s">
        <v>29100</v>
      </c>
      <c r="C18371">
        <v>1</v>
      </c>
      <c r="D18371">
        <v>0</v>
      </c>
    </row>
    <row r="18372" spans="1:4" x14ac:dyDescent="0.25">
      <c r="A18372" t="s">
        <v>29101</v>
      </c>
      <c r="B18372" t="s">
        <v>29102</v>
      </c>
      <c r="C18372">
        <v>2</v>
      </c>
      <c r="D18372">
        <v>0</v>
      </c>
    </row>
    <row r="18373" spans="1:4" x14ac:dyDescent="0.25">
      <c r="A18373" t="s">
        <v>29101</v>
      </c>
      <c r="B18373" t="s">
        <v>29103</v>
      </c>
      <c r="C18373">
        <v>1</v>
      </c>
      <c r="D18373">
        <v>0</v>
      </c>
    </row>
    <row r="18374" spans="1:4" x14ac:dyDescent="0.25">
      <c r="A18374" t="s">
        <v>29104</v>
      </c>
      <c r="B18374" t="s">
        <v>1387</v>
      </c>
      <c r="C18374">
        <v>1</v>
      </c>
      <c r="D18374">
        <v>0</v>
      </c>
    </row>
    <row r="18375" spans="1:4" x14ac:dyDescent="0.25">
      <c r="A18375" t="s">
        <v>29105</v>
      </c>
      <c r="B18375" t="s">
        <v>29106</v>
      </c>
      <c r="C18375">
        <v>2</v>
      </c>
      <c r="D18375">
        <v>0</v>
      </c>
    </row>
    <row r="18376" spans="1:4" x14ac:dyDescent="0.25">
      <c r="A18376" t="s">
        <v>29107</v>
      </c>
      <c r="B18376" t="s">
        <v>2061</v>
      </c>
      <c r="C18376">
        <v>0</v>
      </c>
      <c r="D18376">
        <v>0</v>
      </c>
    </row>
    <row r="18377" spans="1:4" x14ac:dyDescent="0.25">
      <c r="A18377" t="s">
        <v>29107</v>
      </c>
      <c r="B18377" t="s">
        <v>29108</v>
      </c>
      <c r="C18377">
        <v>2</v>
      </c>
      <c r="D18377">
        <v>0</v>
      </c>
    </row>
    <row r="18378" spans="1:4" x14ac:dyDescent="0.25">
      <c r="A18378" t="s">
        <v>29107</v>
      </c>
      <c r="B18378" t="s">
        <v>29109</v>
      </c>
      <c r="C18378">
        <v>2</v>
      </c>
      <c r="D18378">
        <v>0</v>
      </c>
    </row>
    <row r="18379" spans="1:4" x14ac:dyDescent="0.25">
      <c r="A18379" t="s">
        <v>29110</v>
      </c>
      <c r="B18379" t="s">
        <v>29111</v>
      </c>
      <c r="C18379">
        <v>0</v>
      </c>
      <c r="D18379">
        <v>0</v>
      </c>
    </row>
    <row r="18380" spans="1:4" x14ac:dyDescent="0.25">
      <c r="A18380" t="s">
        <v>29110</v>
      </c>
      <c r="B18380" t="s">
        <v>29112</v>
      </c>
      <c r="C18380">
        <v>0</v>
      </c>
      <c r="D18380">
        <v>0</v>
      </c>
    </row>
    <row r="18381" spans="1:4" x14ac:dyDescent="0.25">
      <c r="A18381" t="s">
        <v>29113</v>
      </c>
      <c r="B18381" t="s">
        <v>29114</v>
      </c>
      <c r="C18381">
        <v>0</v>
      </c>
      <c r="D18381">
        <v>0</v>
      </c>
    </row>
    <row r="18382" spans="1:4" x14ac:dyDescent="0.25">
      <c r="A18382" t="s">
        <v>29113</v>
      </c>
      <c r="B18382" t="s">
        <v>29115</v>
      </c>
      <c r="C18382">
        <v>2</v>
      </c>
      <c r="D18382">
        <v>0</v>
      </c>
    </row>
    <row r="18383" spans="1:4" x14ac:dyDescent="0.25">
      <c r="A18383" t="s">
        <v>29113</v>
      </c>
      <c r="B18383" t="s">
        <v>29116</v>
      </c>
      <c r="C18383">
        <v>2</v>
      </c>
      <c r="D18383">
        <v>0</v>
      </c>
    </row>
    <row r="18384" spans="1:4" x14ac:dyDescent="0.25">
      <c r="A18384" t="s">
        <v>29117</v>
      </c>
      <c r="B18384" t="s">
        <v>29118</v>
      </c>
      <c r="C18384">
        <v>1</v>
      </c>
      <c r="D18384">
        <v>0</v>
      </c>
    </row>
    <row r="18385" spans="1:4" x14ac:dyDescent="0.25">
      <c r="A18385" t="s">
        <v>29117</v>
      </c>
      <c r="B18385" t="s">
        <v>29119</v>
      </c>
      <c r="C18385">
        <v>0</v>
      </c>
      <c r="D18385">
        <v>0</v>
      </c>
    </row>
    <row r="18386" spans="1:4" x14ac:dyDescent="0.25">
      <c r="A18386" t="s">
        <v>29120</v>
      </c>
      <c r="B18386" t="s">
        <v>29121</v>
      </c>
      <c r="C18386">
        <v>2</v>
      </c>
      <c r="D18386">
        <v>0</v>
      </c>
    </row>
    <row r="18387" spans="1:4" x14ac:dyDescent="0.25">
      <c r="A18387" t="s">
        <v>29120</v>
      </c>
      <c r="B18387" t="s">
        <v>29122</v>
      </c>
      <c r="C18387">
        <v>0</v>
      </c>
      <c r="D18387">
        <v>0</v>
      </c>
    </row>
    <row r="18388" spans="1:4" x14ac:dyDescent="0.25">
      <c r="A18388" t="s">
        <v>29120</v>
      </c>
      <c r="B18388" t="s">
        <v>29123</v>
      </c>
      <c r="C18388">
        <v>0</v>
      </c>
      <c r="D18388">
        <v>0</v>
      </c>
    </row>
    <row r="18389" spans="1:4" x14ac:dyDescent="0.25">
      <c r="A18389" t="s">
        <v>29124</v>
      </c>
      <c r="B18389" t="s">
        <v>29125</v>
      </c>
      <c r="C18389">
        <v>1</v>
      </c>
      <c r="D18389">
        <v>0</v>
      </c>
    </row>
    <row r="18390" spans="1:4" x14ac:dyDescent="0.25">
      <c r="A18390" t="s">
        <v>29126</v>
      </c>
      <c r="B18390" t="s">
        <v>968</v>
      </c>
      <c r="C18390">
        <v>1</v>
      </c>
      <c r="D18390">
        <v>0</v>
      </c>
    </row>
    <row r="18391" spans="1:4" x14ac:dyDescent="0.25">
      <c r="A18391" t="s">
        <v>29127</v>
      </c>
      <c r="B18391" t="s">
        <v>29128</v>
      </c>
      <c r="C18391">
        <v>1</v>
      </c>
      <c r="D18391">
        <v>0</v>
      </c>
    </row>
    <row r="18392" spans="1:4" x14ac:dyDescent="0.25">
      <c r="A18392" t="s">
        <v>29127</v>
      </c>
      <c r="B18392" t="s">
        <v>29129</v>
      </c>
      <c r="C18392">
        <v>1</v>
      </c>
      <c r="D18392">
        <v>0</v>
      </c>
    </row>
    <row r="18393" spans="1:4" x14ac:dyDescent="0.25">
      <c r="A18393" t="s">
        <v>29130</v>
      </c>
      <c r="B18393" t="s">
        <v>843</v>
      </c>
      <c r="C18393">
        <v>1</v>
      </c>
      <c r="D18393">
        <v>0</v>
      </c>
    </row>
    <row r="18394" spans="1:4" x14ac:dyDescent="0.25">
      <c r="A18394" t="s">
        <v>29131</v>
      </c>
      <c r="B18394" t="s">
        <v>29132</v>
      </c>
      <c r="C18394">
        <v>1</v>
      </c>
      <c r="D18394">
        <v>0</v>
      </c>
    </row>
    <row r="18395" spans="1:4" x14ac:dyDescent="0.25">
      <c r="A18395" t="s">
        <v>29131</v>
      </c>
      <c r="B18395" t="s">
        <v>29133</v>
      </c>
      <c r="C18395">
        <v>0</v>
      </c>
      <c r="D18395">
        <v>0</v>
      </c>
    </row>
    <row r="18396" spans="1:4" x14ac:dyDescent="0.25">
      <c r="A18396" t="s">
        <v>29131</v>
      </c>
      <c r="B18396" t="s">
        <v>29134</v>
      </c>
      <c r="C18396">
        <v>0</v>
      </c>
      <c r="D18396">
        <v>0</v>
      </c>
    </row>
    <row r="18397" spans="1:4" x14ac:dyDescent="0.25">
      <c r="A18397" t="s">
        <v>29135</v>
      </c>
      <c r="B18397" t="s">
        <v>1097</v>
      </c>
      <c r="C18397">
        <v>1</v>
      </c>
      <c r="D18397">
        <v>0</v>
      </c>
    </row>
    <row r="18398" spans="1:4" x14ac:dyDescent="0.25">
      <c r="A18398" t="s">
        <v>29136</v>
      </c>
      <c r="B18398" t="s">
        <v>398</v>
      </c>
      <c r="C18398">
        <v>0</v>
      </c>
      <c r="D18398">
        <v>0</v>
      </c>
    </row>
    <row r="18399" spans="1:4" x14ac:dyDescent="0.25">
      <c r="A18399" t="s">
        <v>29137</v>
      </c>
      <c r="B18399" t="s">
        <v>852</v>
      </c>
      <c r="C18399">
        <v>0</v>
      </c>
      <c r="D18399">
        <v>0</v>
      </c>
    </row>
    <row r="18400" spans="1:4" x14ac:dyDescent="0.25">
      <c r="A18400" t="s">
        <v>29137</v>
      </c>
      <c r="B18400" t="s">
        <v>29138</v>
      </c>
      <c r="C18400">
        <v>0</v>
      </c>
      <c r="D18400">
        <v>0</v>
      </c>
    </row>
    <row r="18401" spans="1:4" x14ac:dyDescent="0.25">
      <c r="A18401" t="s">
        <v>29139</v>
      </c>
      <c r="B18401" t="s">
        <v>29140</v>
      </c>
      <c r="C18401">
        <v>1</v>
      </c>
      <c r="D18401">
        <v>0</v>
      </c>
    </row>
    <row r="18402" spans="1:4" x14ac:dyDescent="0.25">
      <c r="A18402" t="s">
        <v>29141</v>
      </c>
      <c r="B18402" t="s">
        <v>29142</v>
      </c>
      <c r="C18402">
        <v>1</v>
      </c>
      <c r="D18402">
        <v>0</v>
      </c>
    </row>
    <row r="18403" spans="1:4" x14ac:dyDescent="0.25">
      <c r="A18403" t="s">
        <v>29141</v>
      </c>
      <c r="B18403" t="s">
        <v>29143</v>
      </c>
      <c r="C18403">
        <v>0</v>
      </c>
      <c r="D18403">
        <v>0</v>
      </c>
    </row>
    <row r="18404" spans="1:4" x14ac:dyDescent="0.25">
      <c r="A18404" t="s">
        <v>29144</v>
      </c>
      <c r="B18404" t="s">
        <v>29145</v>
      </c>
      <c r="C18404">
        <v>1</v>
      </c>
      <c r="D18404">
        <v>0</v>
      </c>
    </row>
    <row r="18405" spans="1:4" x14ac:dyDescent="0.25">
      <c r="A18405" t="s">
        <v>29144</v>
      </c>
      <c r="B18405" t="s">
        <v>29146</v>
      </c>
      <c r="C18405">
        <v>1</v>
      </c>
      <c r="D18405">
        <v>0</v>
      </c>
    </row>
    <row r="18406" spans="1:4" x14ac:dyDescent="0.25">
      <c r="A18406" t="s">
        <v>29144</v>
      </c>
      <c r="B18406" t="s">
        <v>29147</v>
      </c>
      <c r="C18406">
        <v>1</v>
      </c>
      <c r="D18406">
        <v>0</v>
      </c>
    </row>
    <row r="18407" spans="1:4" x14ac:dyDescent="0.25">
      <c r="A18407" t="s">
        <v>29148</v>
      </c>
      <c r="B18407" t="s">
        <v>29149</v>
      </c>
      <c r="C18407">
        <v>2</v>
      </c>
      <c r="D18407">
        <v>0</v>
      </c>
    </row>
    <row r="18408" spans="1:4" x14ac:dyDescent="0.25">
      <c r="A18408" t="s">
        <v>29148</v>
      </c>
      <c r="B18408" t="s">
        <v>29150</v>
      </c>
      <c r="C18408">
        <v>0</v>
      </c>
      <c r="D18408">
        <v>0</v>
      </c>
    </row>
    <row r="18409" spans="1:4" x14ac:dyDescent="0.25">
      <c r="A18409" t="s">
        <v>29148</v>
      </c>
      <c r="B18409" t="s">
        <v>29151</v>
      </c>
      <c r="C18409">
        <v>2</v>
      </c>
      <c r="D18409">
        <v>0</v>
      </c>
    </row>
    <row r="18410" spans="1:4" x14ac:dyDescent="0.25">
      <c r="A18410" t="s">
        <v>29152</v>
      </c>
      <c r="B18410" t="s">
        <v>1001</v>
      </c>
      <c r="C18410">
        <v>1</v>
      </c>
      <c r="D18410">
        <v>0</v>
      </c>
    </row>
    <row r="18411" spans="1:4" x14ac:dyDescent="0.25">
      <c r="A18411" t="s">
        <v>29153</v>
      </c>
      <c r="B18411" t="s">
        <v>29154</v>
      </c>
      <c r="C18411">
        <v>0</v>
      </c>
      <c r="D18411">
        <v>0</v>
      </c>
    </row>
    <row r="18412" spans="1:4" x14ac:dyDescent="0.25">
      <c r="A18412" t="s">
        <v>29155</v>
      </c>
      <c r="B18412" t="s">
        <v>5047</v>
      </c>
      <c r="C18412">
        <v>0</v>
      </c>
      <c r="D18412">
        <v>0</v>
      </c>
    </row>
    <row r="18413" spans="1:4" x14ac:dyDescent="0.25">
      <c r="A18413" t="s">
        <v>29155</v>
      </c>
      <c r="B18413" t="s">
        <v>29156</v>
      </c>
      <c r="C18413">
        <v>1</v>
      </c>
      <c r="D18413">
        <v>0</v>
      </c>
    </row>
    <row r="18414" spans="1:4" x14ac:dyDescent="0.25">
      <c r="A18414" t="s">
        <v>29157</v>
      </c>
      <c r="B18414" t="s">
        <v>29158</v>
      </c>
      <c r="C18414">
        <v>1</v>
      </c>
      <c r="D18414">
        <v>0</v>
      </c>
    </row>
    <row r="18415" spans="1:4" x14ac:dyDescent="0.25">
      <c r="A18415" t="s">
        <v>29157</v>
      </c>
      <c r="B18415" t="s">
        <v>29159</v>
      </c>
      <c r="C18415">
        <v>2</v>
      </c>
      <c r="D18415">
        <v>0</v>
      </c>
    </row>
    <row r="18416" spans="1:4" x14ac:dyDescent="0.25">
      <c r="A18416" t="s">
        <v>29160</v>
      </c>
      <c r="B18416" t="s">
        <v>29161</v>
      </c>
      <c r="C18416">
        <v>0</v>
      </c>
      <c r="D18416">
        <v>0</v>
      </c>
    </row>
    <row r="18417" spans="1:4" x14ac:dyDescent="0.25">
      <c r="A18417" t="s">
        <v>29160</v>
      </c>
      <c r="B18417" t="s">
        <v>29162</v>
      </c>
      <c r="C18417">
        <v>0</v>
      </c>
      <c r="D18417">
        <v>0</v>
      </c>
    </row>
    <row r="18418" spans="1:4" x14ac:dyDescent="0.25">
      <c r="A18418" t="s">
        <v>29160</v>
      </c>
      <c r="B18418" t="s">
        <v>29163</v>
      </c>
      <c r="C18418">
        <v>0</v>
      </c>
      <c r="D18418">
        <v>0</v>
      </c>
    </row>
    <row r="18419" spans="1:4" x14ac:dyDescent="0.25">
      <c r="A18419" t="s">
        <v>29164</v>
      </c>
      <c r="B18419" t="s">
        <v>29165</v>
      </c>
      <c r="C18419">
        <v>0</v>
      </c>
      <c r="D18419">
        <v>0</v>
      </c>
    </row>
    <row r="18420" spans="1:4" x14ac:dyDescent="0.25">
      <c r="A18420" t="s">
        <v>29164</v>
      </c>
      <c r="B18420" t="s">
        <v>29166</v>
      </c>
      <c r="C18420">
        <v>2</v>
      </c>
      <c r="D18420">
        <v>0</v>
      </c>
    </row>
    <row r="18421" spans="1:4" x14ac:dyDescent="0.25">
      <c r="A18421" t="s">
        <v>29164</v>
      </c>
      <c r="B18421" t="s">
        <v>29167</v>
      </c>
      <c r="C18421">
        <v>1</v>
      </c>
      <c r="D18421">
        <v>0</v>
      </c>
    </row>
    <row r="18422" spans="1:4" x14ac:dyDescent="0.25">
      <c r="A18422" t="s">
        <v>29168</v>
      </c>
      <c r="B18422" t="s">
        <v>2704</v>
      </c>
      <c r="C18422">
        <v>1</v>
      </c>
      <c r="D18422">
        <v>0</v>
      </c>
    </row>
    <row r="18423" spans="1:4" x14ac:dyDescent="0.25">
      <c r="A18423" t="s">
        <v>29169</v>
      </c>
      <c r="B18423" t="s">
        <v>29170</v>
      </c>
      <c r="C18423">
        <v>1</v>
      </c>
      <c r="D18423">
        <v>0</v>
      </c>
    </row>
    <row r="18424" spans="1:4" x14ac:dyDescent="0.25">
      <c r="A18424" t="s">
        <v>29171</v>
      </c>
      <c r="B18424" t="s">
        <v>29172</v>
      </c>
      <c r="C18424">
        <v>0</v>
      </c>
      <c r="D18424">
        <v>0</v>
      </c>
    </row>
    <row r="18425" spans="1:4" x14ac:dyDescent="0.25">
      <c r="A18425" t="s">
        <v>29171</v>
      </c>
      <c r="B18425" t="s">
        <v>29173</v>
      </c>
      <c r="C18425">
        <v>0</v>
      </c>
      <c r="D18425">
        <v>0</v>
      </c>
    </row>
    <row r="18426" spans="1:4" x14ac:dyDescent="0.25">
      <c r="A18426" t="s">
        <v>29174</v>
      </c>
      <c r="B18426" t="s">
        <v>969</v>
      </c>
      <c r="C18426">
        <v>0</v>
      </c>
      <c r="D18426">
        <v>0</v>
      </c>
    </row>
    <row r="18427" spans="1:4" x14ac:dyDescent="0.25">
      <c r="A18427" t="s">
        <v>29174</v>
      </c>
      <c r="B18427" t="s">
        <v>1294</v>
      </c>
      <c r="C18427">
        <v>1</v>
      </c>
      <c r="D18427">
        <v>0</v>
      </c>
    </row>
    <row r="18428" spans="1:4" x14ac:dyDescent="0.25">
      <c r="A18428" t="s">
        <v>29175</v>
      </c>
      <c r="B18428" t="s">
        <v>29176</v>
      </c>
      <c r="C18428">
        <v>1</v>
      </c>
      <c r="D18428">
        <v>0</v>
      </c>
    </row>
    <row r="18429" spans="1:4" x14ac:dyDescent="0.25">
      <c r="A18429" t="s">
        <v>29175</v>
      </c>
      <c r="B18429" t="s">
        <v>29177</v>
      </c>
      <c r="C18429">
        <v>1</v>
      </c>
      <c r="D18429">
        <v>0</v>
      </c>
    </row>
    <row r="18430" spans="1:4" x14ac:dyDescent="0.25">
      <c r="A18430" t="s">
        <v>29178</v>
      </c>
      <c r="B18430" t="s">
        <v>29179</v>
      </c>
      <c r="C18430">
        <v>2</v>
      </c>
      <c r="D18430">
        <v>0</v>
      </c>
    </row>
    <row r="18431" spans="1:4" x14ac:dyDescent="0.25">
      <c r="A18431" t="s">
        <v>29178</v>
      </c>
      <c r="B18431" t="s">
        <v>29180</v>
      </c>
      <c r="C18431">
        <v>1</v>
      </c>
      <c r="D18431">
        <v>0</v>
      </c>
    </row>
    <row r="18432" spans="1:4" x14ac:dyDescent="0.25">
      <c r="A18432" t="s">
        <v>29181</v>
      </c>
      <c r="B18432" t="s">
        <v>5995</v>
      </c>
      <c r="C18432">
        <v>1</v>
      </c>
      <c r="D18432">
        <v>0</v>
      </c>
    </row>
    <row r="18433" spans="1:4" x14ac:dyDescent="0.25">
      <c r="A18433" t="s">
        <v>29181</v>
      </c>
      <c r="B18433" t="s">
        <v>5994</v>
      </c>
      <c r="C18433">
        <v>0</v>
      </c>
      <c r="D18433">
        <v>0</v>
      </c>
    </row>
    <row r="18434" spans="1:4" x14ac:dyDescent="0.25">
      <c r="A18434" t="s">
        <v>29181</v>
      </c>
      <c r="B18434" t="s">
        <v>29182</v>
      </c>
      <c r="C18434">
        <v>0</v>
      </c>
      <c r="D18434">
        <v>0</v>
      </c>
    </row>
    <row r="18435" spans="1:4" x14ac:dyDescent="0.25">
      <c r="A18435" t="s">
        <v>29183</v>
      </c>
      <c r="B18435" t="s">
        <v>29184</v>
      </c>
      <c r="C18435">
        <v>1</v>
      </c>
      <c r="D18435">
        <v>0</v>
      </c>
    </row>
    <row r="18436" spans="1:4" x14ac:dyDescent="0.25">
      <c r="A18436" t="s">
        <v>29183</v>
      </c>
      <c r="B18436" t="s">
        <v>29185</v>
      </c>
      <c r="C18436">
        <v>1</v>
      </c>
      <c r="D18436">
        <v>0</v>
      </c>
    </row>
    <row r="18437" spans="1:4" x14ac:dyDescent="0.25">
      <c r="A18437" t="s">
        <v>29186</v>
      </c>
      <c r="B18437" t="s">
        <v>29187</v>
      </c>
      <c r="C18437">
        <v>1</v>
      </c>
      <c r="D18437">
        <v>0</v>
      </c>
    </row>
    <row r="18438" spans="1:4" x14ac:dyDescent="0.25">
      <c r="A18438" t="s">
        <v>29188</v>
      </c>
      <c r="B18438" t="s">
        <v>29189</v>
      </c>
      <c r="C18438">
        <v>1</v>
      </c>
      <c r="D18438">
        <v>0</v>
      </c>
    </row>
    <row r="18439" spans="1:4" x14ac:dyDescent="0.25">
      <c r="A18439" t="s">
        <v>29188</v>
      </c>
      <c r="B18439" t="s">
        <v>29190</v>
      </c>
      <c r="C18439">
        <v>1</v>
      </c>
      <c r="D18439">
        <v>0</v>
      </c>
    </row>
    <row r="18440" spans="1:4" x14ac:dyDescent="0.25">
      <c r="A18440" t="s">
        <v>29188</v>
      </c>
      <c r="B18440" t="s">
        <v>29191</v>
      </c>
      <c r="C18440">
        <v>1</v>
      </c>
      <c r="D18440">
        <v>0</v>
      </c>
    </row>
    <row r="18441" spans="1:4" x14ac:dyDescent="0.25">
      <c r="A18441" t="s">
        <v>29192</v>
      </c>
      <c r="B18441" t="s">
        <v>16774</v>
      </c>
      <c r="C18441">
        <v>1</v>
      </c>
      <c r="D18441">
        <v>0</v>
      </c>
    </row>
    <row r="18442" spans="1:4" x14ac:dyDescent="0.25">
      <c r="A18442" t="s">
        <v>29192</v>
      </c>
      <c r="B18442" t="s">
        <v>29193</v>
      </c>
      <c r="C18442">
        <v>2</v>
      </c>
      <c r="D18442">
        <v>0</v>
      </c>
    </row>
    <row r="18443" spans="1:4" x14ac:dyDescent="0.25">
      <c r="A18443" t="s">
        <v>29194</v>
      </c>
      <c r="B18443" t="s">
        <v>29195</v>
      </c>
      <c r="C18443">
        <v>2</v>
      </c>
      <c r="D18443">
        <v>0</v>
      </c>
    </row>
    <row r="18444" spans="1:4" x14ac:dyDescent="0.25">
      <c r="A18444" t="s">
        <v>29194</v>
      </c>
      <c r="B18444" t="s">
        <v>29196</v>
      </c>
      <c r="C18444">
        <v>2</v>
      </c>
      <c r="D18444">
        <v>0</v>
      </c>
    </row>
    <row r="18445" spans="1:4" x14ac:dyDescent="0.25">
      <c r="A18445" t="s">
        <v>29194</v>
      </c>
      <c r="B18445" t="s">
        <v>29197</v>
      </c>
      <c r="C18445">
        <v>0</v>
      </c>
      <c r="D18445">
        <v>0</v>
      </c>
    </row>
    <row r="18446" spans="1:4" x14ac:dyDescent="0.25">
      <c r="A18446" t="s">
        <v>29198</v>
      </c>
      <c r="B18446" t="s">
        <v>398</v>
      </c>
      <c r="C18446">
        <v>0</v>
      </c>
      <c r="D18446">
        <v>0</v>
      </c>
    </row>
    <row r="18447" spans="1:4" x14ac:dyDescent="0.25">
      <c r="A18447" t="s">
        <v>29199</v>
      </c>
      <c r="B18447" t="s">
        <v>29200</v>
      </c>
      <c r="C18447">
        <v>1</v>
      </c>
      <c r="D18447">
        <v>0</v>
      </c>
    </row>
    <row r="18448" spans="1:4" x14ac:dyDescent="0.25">
      <c r="A18448" t="s">
        <v>29199</v>
      </c>
      <c r="B18448" t="s">
        <v>29201</v>
      </c>
      <c r="C18448">
        <v>0</v>
      </c>
      <c r="D18448">
        <v>0</v>
      </c>
    </row>
    <row r="18449" spans="1:4" x14ac:dyDescent="0.25">
      <c r="A18449" t="s">
        <v>29199</v>
      </c>
      <c r="B18449" t="s">
        <v>29202</v>
      </c>
      <c r="C18449">
        <v>0</v>
      </c>
      <c r="D18449">
        <v>0</v>
      </c>
    </row>
    <row r="18450" spans="1:4" x14ac:dyDescent="0.25">
      <c r="A18450" t="s">
        <v>29203</v>
      </c>
      <c r="B18450" t="s">
        <v>29204</v>
      </c>
      <c r="C18450">
        <v>0</v>
      </c>
      <c r="D18450">
        <v>0</v>
      </c>
    </row>
    <row r="18451" spans="1:4" x14ac:dyDescent="0.25">
      <c r="A18451" t="s">
        <v>29203</v>
      </c>
      <c r="B18451" t="s">
        <v>1401</v>
      </c>
      <c r="C18451">
        <v>0</v>
      </c>
      <c r="D18451">
        <v>0</v>
      </c>
    </row>
    <row r="18452" spans="1:4" x14ac:dyDescent="0.25">
      <c r="A18452" t="s">
        <v>29203</v>
      </c>
      <c r="B18452" t="s">
        <v>29205</v>
      </c>
      <c r="C18452">
        <v>1</v>
      </c>
      <c r="D18452">
        <v>0</v>
      </c>
    </row>
    <row r="18453" spans="1:4" x14ac:dyDescent="0.25">
      <c r="A18453" t="s">
        <v>29206</v>
      </c>
      <c r="B18453" t="s">
        <v>1499</v>
      </c>
      <c r="C18453">
        <v>1</v>
      </c>
      <c r="D18453">
        <v>0</v>
      </c>
    </row>
    <row r="18454" spans="1:4" x14ac:dyDescent="0.25">
      <c r="A18454" t="s">
        <v>29207</v>
      </c>
      <c r="B18454" t="s">
        <v>29208</v>
      </c>
      <c r="C18454">
        <v>2</v>
      </c>
      <c r="D18454">
        <v>0</v>
      </c>
    </row>
    <row r="18455" spans="1:4" x14ac:dyDescent="0.25">
      <c r="A18455" t="s">
        <v>29209</v>
      </c>
      <c r="B18455" t="s">
        <v>1499</v>
      </c>
      <c r="C18455">
        <v>1</v>
      </c>
      <c r="D18455">
        <v>0</v>
      </c>
    </row>
    <row r="18456" spans="1:4" x14ac:dyDescent="0.25">
      <c r="A18456" t="s">
        <v>29210</v>
      </c>
      <c r="B18456" t="s">
        <v>29211</v>
      </c>
      <c r="C18456">
        <v>1</v>
      </c>
      <c r="D18456">
        <v>0</v>
      </c>
    </row>
    <row r="18457" spans="1:4" x14ac:dyDescent="0.25">
      <c r="A18457" t="s">
        <v>29210</v>
      </c>
      <c r="B18457" t="s">
        <v>29212</v>
      </c>
      <c r="C18457">
        <v>1</v>
      </c>
      <c r="D18457">
        <v>0</v>
      </c>
    </row>
    <row r="18458" spans="1:4" x14ac:dyDescent="0.25">
      <c r="A18458" t="s">
        <v>29210</v>
      </c>
      <c r="B18458" t="s">
        <v>29213</v>
      </c>
      <c r="C18458">
        <v>1</v>
      </c>
      <c r="D18458">
        <v>0</v>
      </c>
    </row>
    <row r="18459" spans="1:4" x14ac:dyDescent="0.25">
      <c r="A18459" t="s">
        <v>29214</v>
      </c>
      <c r="B18459" t="s">
        <v>29215</v>
      </c>
      <c r="C18459">
        <v>0</v>
      </c>
      <c r="D18459">
        <v>0</v>
      </c>
    </row>
    <row r="18460" spans="1:4" x14ac:dyDescent="0.25">
      <c r="A18460" t="s">
        <v>29214</v>
      </c>
      <c r="B18460" t="s">
        <v>29216</v>
      </c>
      <c r="C18460">
        <v>0</v>
      </c>
      <c r="D18460">
        <v>0</v>
      </c>
    </row>
    <row r="18461" spans="1:4" x14ac:dyDescent="0.25">
      <c r="A18461" t="s">
        <v>29214</v>
      </c>
      <c r="B18461" t="s">
        <v>29217</v>
      </c>
      <c r="C18461">
        <v>0</v>
      </c>
      <c r="D18461">
        <v>0</v>
      </c>
    </row>
    <row r="18462" spans="1:4" x14ac:dyDescent="0.25">
      <c r="A18462" t="s">
        <v>29218</v>
      </c>
      <c r="B18462" t="s">
        <v>29219</v>
      </c>
      <c r="C18462">
        <v>0</v>
      </c>
      <c r="D18462">
        <v>0</v>
      </c>
    </row>
    <row r="18463" spans="1:4" x14ac:dyDescent="0.25">
      <c r="A18463" t="s">
        <v>29218</v>
      </c>
      <c r="B18463" t="s">
        <v>29220</v>
      </c>
      <c r="C18463">
        <v>1</v>
      </c>
      <c r="D18463">
        <v>0</v>
      </c>
    </row>
    <row r="18464" spans="1:4" x14ac:dyDescent="0.25">
      <c r="A18464" t="s">
        <v>29221</v>
      </c>
      <c r="B18464" t="s">
        <v>29222</v>
      </c>
      <c r="C18464">
        <v>0</v>
      </c>
      <c r="D18464">
        <v>0</v>
      </c>
    </row>
    <row r="18465" spans="1:4" x14ac:dyDescent="0.25">
      <c r="A18465" t="s">
        <v>29221</v>
      </c>
      <c r="B18465" t="s">
        <v>1938</v>
      </c>
      <c r="C18465">
        <v>0</v>
      </c>
      <c r="D18465">
        <v>0</v>
      </c>
    </row>
    <row r="18466" spans="1:4" x14ac:dyDescent="0.25">
      <c r="A18466" t="s">
        <v>29221</v>
      </c>
      <c r="B18466" t="s">
        <v>29223</v>
      </c>
      <c r="C18466">
        <v>1</v>
      </c>
      <c r="D18466">
        <v>0</v>
      </c>
    </row>
    <row r="18467" spans="1:4" x14ac:dyDescent="0.25">
      <c r="A18467" t="s">
        <v>29224</v>
      </c>
      <c r="B18467" t="s">
        <v>29225</v>
      </c>
      <c r="C18467">
        <v>0</v>
      </c>
      <c r="D18467">
        <v>0</v>
      </c>
    </row>
    <row r="18468" spans="1:4" x14ac:dyDescent="0.25">
      <c r="A18468" t="s">
        <v>29224</v>
      </c>
      <c r="B18468" t="s">
        <v>29226</v>
      </c>
      <c r="C18468">
        <v>2</v>
      </c>
      <c r="D18468">
        <v>0</v>
      </c>
    </row>
    <row r="18469" spans="1:4" x14ac:dyDescent="0.25">
      <c r="A18469" t="s">
        <v>29227</v>
      </c>
      <c r="B18469" t="s">
        <v>1097</v>
      </c>
      <c r="C18469">
        <v>1</v>
      </c>
      <c r="D18469">
        <v>0</v>
      </c>
    </row>
    <row r="18470" spans="1:4" x14ac:dyDescent="0.25">
      <c r="A18470" t="s">
        <v>29228</v>
      </c>
      <c r="B18470" t="s">
        <v>29229</v>
      </c>
      <c r="C18470">
        <v>2</v>
      </c>
      <c r="D18470">
        <v>0</v>
      </c>
    </row>
    <row r="18471" spans="1:4" x14ac:dyDescent="0.25">
      <c r="A18471" t="s">
        <v>29228</v>
      </c>
      <c r="B18471" t="s">
        <v>29230</v>
      </c>
      <c r="C18471">
        <v>2</v>
      </c>
      <c r="D18471">
        <v>0</v>
      </c>
    </row>
    <row r="18472" spans="1:4" x14ac:dyDescent="0.25">
      <c r="A18472" t="s">
        <v>29231</v>
      </c>
      <c r="B18472" t="s">
        <v>29232</v>
      </c>
      <c r="C18472">
        <v>2</v>
      </c>
      <c r="D18472">
        <v>0</v>
      </c>
    </row>
    <row r="18473" spans="1:4" x14ac:dyDescent="0.25">
      <c r="A18473" t="s">
        <v>29231</v>
      </c>
      <c r="B18473" t="s">
        <v>29233</v>
      </c>
      <c r="C18473">
        <v>0</v>
      </c>
      <c r="D18473">
        <v>0</v>
      </c>
    </row>
    <row r="18474" spans="1:4" x14ac:dyDescent="0.25">
      <c r="A18474" t="s">
        <v>29231</v>
      </c>
      <c r="B18474" t="s">
        <v>29234</v>
      </c>
      <c r="C18474">
        <v>2</v>
      </c>
      <c r="D18474">
        <v>0</v>
      </c>
    </row>
    <row r="18475" spans="1:4" x14ac:dyDescent="0.25">
      <c r="A18475" t="s">
        <v>29235</v>
      </c>
      <c r="B18475" t="s">
        <v>29236</v>
      </c>
      <c r="C18475">
        <v>0</v>
      </c>
      <c r="D18475">
        <v>0</v>
      </c>
    </row>
    <row r="18476" spans="1:4" x14ac:dyDescent="0.25">
      <c r="A18476" t="s">
        <v>29237</v>
      </c>
      <c r="B18476" t="s">
        <v>29238</v>
      </c>
      <c r="C18476">
        <v>2</v>
      </c>
      <c r="D18476">
        <v>0</v>
      </c>
    </row>
    <row r="18477" spans="1:4" x14ac:dyDescent="0.25">
      <c r="A18477" t="s">
        <v>29237</v>
      </c>
      <c r="B18477" t="s">
        <v>29239</v>
      </c>
      <c r="C18477">
        <v>2</v>
      </c>
      <c r="D18477">
        <v>0</v>
      </c>
    </row>
    <row r="18478" spans="1:4" x14ac:dyDescent="0.25">
      <c r="A18478" t="s">
        <v>29237</v>
      </c>
      <c r="B18478" t="s">
        <v>29240</v>
      </c>
      <c r="C18478">
        <v>2</v>
      </c>
      <c r="D18478">
        <v>0</v>
      </c>
    </row>
    <row r="18479" spans="1:4" x14ac:dyDescent="0.25">
      <c r="A18479" t="s">
        <v>29241</v>
      </c>
      <c r="B18479" t="s">
        <v>29242</v>
      </c>
      <c r="C18479">
        <v>0</v>
      </c>
      <c r="D18479">
        <v>0</v>
      </c>
    </row>
    <row r="18480" spans="1:4" x14ac:dyDescent="0.25">
      <c r="A18480" t="s">
        <v>29241</v>
      </c>
      <c r="B18480" t="s">
        <v>29243</v>
      </c>
      <c r="C18480">
        <v>2</v>
      </c>
      <c r="D18480">
        <v>0</v>
      </c>
    </row>
    <row r="18481" spans="1:4" x14ac:dyDescent="0.25">
      <c r="A18481" t="s">
        <v>29241</v>
      </c>
      <c r="B18481" t="s">
        <v>29244</v>
      </c>
      <c r="C18481">
        <v>0</v>
      </c>
      <c r="D18481">
        <v>0</v>
      </c>
    </row>
    <row r="18482" spans="1:4" x14ac:dyDescent="0.25">
      <c r="A18482" t="s">
        <v>29245</v>
      </c>
      <c r="B18482" t="s">
        <v>29246</v>
      </c>
      <c r="C18482">
        <v>0</v>
      </c>
      <c r="D18482">
        <v>0</v>
      </c>
    </row>
    <row r="18483" spans="1:4" x14ac:dyDescent="0.25">
      <c r="A18483" t="s">
        <v>29245</v>
      </c>
      <c r="B18483" t="s">
        <v>29247</v>
      </c>
      <c r="C18483">
        <v>0</v>
      </c>
      <c r="D18483">
        <v>0</v>
      </c>
    </row>
    <row r="18484" spans="1:4" x14ac:dyDescent="0.25">
      <c r="A18484" t="s">
        <v>29245</v>
      </c>
      <c r="B18484" t="s">
        <v>29248</v>
      </c>
      <c r="C18484">
        <v>0</v>
      </c>
      <c r="D18484">
        <v>0</v>
      </c>
    </row>
    <row r="18485" spans="1:4" x14ac:dyDescent="0.25">
      <c r="A18485" t="s">
        <v>29249</v>
      </c>
      <c r="B18485" t="s">
        <v>29250</v>
      </c>
      <c r="C18485">
        <v>1</v>
      </c>
      <c r="D18485">
        <v>0</v>
      </c>
    </row>
    <row r="18486" spans="1:4" x14ac:dyDescent="0.25">
      <c r="A18486" t="s">
        <v>29249</v>
      </c>
      <c r="B18486" t="s">
        <v>29251</v>
      </c>
      <c r="C18486">
        <v>1</v>
      </c>
      <c r="D18486">
        <v>0</v>
      </c>
    </row>
    <row r="18487" spans="1:4" x14ac:dyDescent="0.25">
      <c r="A18487" t="s">
        <v>29249</v>
      </c>
      <c r="B18487" t="s">
        <v>29252</v>
      </c>
      <c r="C18487">
        <v>1</v>
      </c>
      <c r="D18487">
        <v>0</v>
      </c>
    </row>
    <row r="18488" spans="1:4" x14ac:dyDescent="0.25">
      <c r="A18488" t="s">
        <v>29253</v>
      </c>
      <c r="B18488" t="s">
        <v>29254</v>
      </c>
      <c r="C18488">
        <v>1</v>
      </c>
      <c r="D18488">
        <v>0</v>
      </c>
    </row>
    <row r="18489" spans="1:4" x14ac:dyDescent="0.25">
      <c r="A18489" t="s">
        <v>29255</v>
      </c>
      <c r="B18489" t="s">
        <v>29256</v>
      </c>
      <c r="C18489">
        <v>1</v>
      </c>
      <c r="D18489">
        <v>0</v>
      </c>
    </row>
    <row r="18490" spans="1:4" x14ac:dyDescent="0.25">
      <c r="A18490" t="s">
        <v>29255</v>
      </c>
      <c r="B18490" t="s">
        <v>29257</v>
      </c>
      <c r="C18490">
        <v>2</v>
      </c>
      <c r="D18490">
        <v>0</v>
      </c>
    </row>
    <row r="18491" spans="1:4" x14ac:dyDescent="0.25">
      <c r="A18491" t="s">
        <v>29255</v>
      </c>
      <c r="B18491" t="s">
        <v>29258</v>
      </c>
      <c r="C18491">
        <v>2</v>
      </c>
      <c r="D18491">
        <v>0</v>
      </c>
    </row>
    <row r="18492" spans="1:4" x14ac:dyDescent="0.25">
      <c r="A18492" t="s">
        <v>29259</v>
      </c>
      <c r="B18492" t="s">
        <v>29260</v>
      </c>
      <c r="C18492">
        <v>0</v>
      </c>
      <c r="D18492">
        <v>0</v>
      </c>
    </row>
    <row r="18493" spans="1:4" x14ac:dyDescent="0.25">
      <c r="A18493" t="s">
        <v>29259</v>
      </c>
      <c r="B18493" t="s">
        <v>29261</v>
      </c>
      <c r="C18493">
        <v>1</v>
      </c>
      <c r="D18493">
        <v>0</v>
      </c>
    </row>
    <row r="18494" spans="1:4" x14ac:dyDescent="0.25">
      <c r="A18494" t="s">
        <v>29259</v>
      </c>
      <c r="B18494" t="s">
        <v>29262</v>
      </c>
      <c r="C18494">
        <v>0</v>
      </c>
      <c r="D18494">
        <v>0</v>
      </c>
    </row>
    <row r="18495" spans="1:4" x14ac:dyDescent="0.25">
      <c r="A18495" t="s">
        <v>29263</v>
      </c>
      <c r="B18495" t="s">
        <v>1001</v>
      </c>
      <c r="C18495">
        <v>1</v>
      </c>
      <c r="D18495">
        <v>0</v>
      </c>
    </row>
    <row r="18496" spans="1:4" x14ac:dyDescent="0.25">
      <c r="A18496" t="s">
        <v>29263</v>
      </c>
      <c r="B18496" t="s">
        <v>29264</v>
      </c>
      <c r="C18496">
        <v>1</v>
      </c>
      <c r="D18496">
        <v>0</v>
      </c>
    </row>
    <row r="18497" spans="1:4" x14ac:dyDescent="0.25">
      <c r="A18497" t="s">
        <v>29265</v>
      </c>
      <c r="B18497" t="s">
        <v>29266</v>
      </c>
      <c r="C18497">
        <v>0</v>
      </c>
      <c r="D18497">
        <v>0</v>
      </c>
    </row>
    <row r="18498" spans="1:4" x14ac:dyDescent="0.25">
      <c r="A18498" t="s">
        <v>29265</v>
      </c>
      <c r="B18498" t="s">
        <v>29267</v>
      </c>
      <c r="C18498">
        <v>0</v>
      </c>
      <c r="D18498">
        <v>0</v>
      </c>
    </row>
    <row r="18499" spans="1:4" x14ac:dyDescent="0.25">
      <c r="A18499" t="s">
        <v>29268</v>
      </c>
      <c r="B18499" t="s">
        <v>29269</v>
      </c>
      <c r="C18499">
        <v>0</v>
      </c>
      <c r="D18499">
        <v>0</v>
      </c>
    </row>
    <row r="18500" spans="1:4" x14ac:dyDescent="0.25">
      <c r="A18500" t="s">
        <v>29270</v>
      </c>
      <c r="B18500" t="s">
        <v>29271</v>
      </c>
      <c r="C18500">
        <v>0</v>
      </c>
      <c r="D18500">
        <v>0</v>
      </c>
    </row>
    <row r="18501" spans="1:4" x14ac:dyDescent="0.25">
      <c r="A18501" t="s">
        <v>29270</v>
      </c>
      <c r="B18501" t="s">
        <v>29272</v>
      </c>
      <c r="C18501">
        <v>0</v>
      </c>
      <c r="D18501">
        <v>0</v>
      </c>
    </row>
    <row r="18502" spans="1:4" x14ac:dyDescent="0.25">
      <c r="A18502" t="s">
        <v>29270</v>
      </c>
      <c r="B18502" t="s">
        <v>2267</v>
      </c>
      <c r="C18502">
        <v>0</v>
      </c>
      <c r="D18502">
        <v>0</v>
      </c>
    </row>
    <row r="18503" spans="1:4" x14ac:dyDescent="0.25">
      <c r="A18503" t="s">
        <v>29273</v>
      </c>
      <c r="B18503" t="s">
        <v>29274</v>
      </c>
      <c r="C18503">
        <v>1</v>
      </c>
      <c r="D18503">
        <v>0</v>
      </c>
    </row>
    <row r="18504" spans="1:4" x14ac:dyDescent="0.25">
      <c r="A18504" t="s">
        <v>29273</v>
      </c>
      <c r="B18504" t="s">
        <v>29275</v>
      </c>
      <c r="C18504">
        <v>1</v>
      </c>
      <c r="D18504">
        <v>0</v>
      </c>
    </row>
    <row r="18505" spans="1:4" x14ac:dyDescent="0.25">
      <c r="A18505" t="s">
        <v>29276</v>
      </c>
      <c r="B18505" t="s">
        <v>29277</v>
      </c>
      <c r="C18505">
        <v>2</v>
      </c>
      <c r="D18505">
        <v>0</v>
      </c>
    </row>
    <row r="18506" spans="1:4" x14ac:dyDescent="0.25">
      <c r="A18506" t="s">
        <v>29278</v>
      </c>
      <c r="B18506" t="s">
        <v>29279</v>
      </c>
      <c r="C18506">
        <v>1</v>
      </c>
      <c r="D18506">
        <v>0</v>
      </c>
    </row>
    <row r="18507" spans="1:4" x14ac:dyDescent="0.25">
      <c r="A18507" t="s">
        <v>29280</v>
      </c>
      <c r="B18507" t="s">
        <v>29281</v>
      </c>
      <c r="C18507">
        <v>1</v>
      </c>
      <c r="D18507">
        <v>0</v>
      </c>
    </row>
    <row r="18508" spans="1:4" x14ac:dyDescent="0.25">
      <c r="A18508" t="s">
        <v>29280</v>
      </c>
      <c r="B18508" t="s">
        <v>29282</v>
      </c>
      <c r="C18508">
        <v>1</v>
      </c>
      <c r="D18508">
        <v>0</v>
      </c>
    </row>
    <row r="18509" spans="1:4" x14ac:dyDescent="0.25">
      <c r="A18509" t="s">
        <v>29280</v>
      </c>
      <c r="B18509" t="s">
        <v>29283</v>
      </c>
      <c r="C18509">
        <v>1</v>
      </c>
      <c r="D18509">
        <v>0</v>
      </c>
    </row>
    <row r="18510" spans="1:4" x14ac:dyDescent="0.25">
      <c r="A18510" t="s">
        <v>29284</v>
      </c>
      <c r="B18510" t="s">
        <v>1170</v>
      </c>
      <c r="C18510">
        <v>0</v>
      </c>
      <c r="D18510">
        <v>0</v>
      </c>
    </row>
    <row r="18511" spans="1:4" x14ac:dyDescent="0.25">
      <c r="A18511" t="s">
        <v>29285</v>
      </c>
      <c r="B18511" t="s">
        <v>29286</v>
      </c>
      <c r="C18511">
        <v>0</v>
      </c>
      <c r="D18511">
        <v>0</v>
      </c>
    </row>
    <row r="18512" spans="1:4" x14ac:dyDescent="0.25">
      <c r="A18512" t="s">
        <v>29285</v>
      </c>
      <c r="B18512" t="s">
        <v>29287</v>
      </c>
      <c r="C18512">
        <v>1</v>
      </c>
      <c r="D18512">
        <v>0</v>
      </c>
    </row>
    <row r="18513" spans="1:4" x14ac:dyDescent="0.25">
      <c r="A18513" t="s">
        <v>29288</v>
      </c>
      <c r="B18513" t="s">
        <v>29289</v>
      </c>
      <c r="C18513">
        <v>1</v>
      </c>
      <c r="D18513">
        <v>0</v>
      </c>
    </row>
    <row r="18514" spans="1:4" x14ac:dyDescent="0.25">
      <c r="A18514" t="s">
        <v>29290</v>
      </c>
      <c r="B18514" t="s">
        <v>29291</v>
      </c>
      <c r="C18514">
        <v>2</v>
      </c>
      <c r="D18514">
        <v>0</v>
      </c>
    </row>
    <row r="18515" spans="1:4" x14ac:dyDescent="0.25">
      <c r="A18515" t="s">
        <v>29290</v>
      </c>
      <c r="B18515" t="s">
        <v>29292</v>
      </c>
      <c r="C18515">
        <v>0</v>
      </c>
      <c r="D18515">
        <v>0</v>
      </c>
    </row>
    <row r="18516" spans="1:4" x14ac:dyDescent="0.25">
      <c r="A18516" t="s">
        <v>29290</v>
      </c>
      <c r="B18516" t="s">
        <v>29293</v>
      </c>
      <c r="C18516">
        <v>1</v>
      </c>
      <c r="D18516">
        <v>0</v>
      </c>
    </row>
    <row r="18517" spans="1:4" x14ac:dyDescent="0.25">
      <c r="A18517" t="s">
        <v>29294</v>
      </c>
      <c r="B18517" t="s">
        <v>29295</v>
      </c>
      <c r="C18517">
        <v>0</v>
      </c>
      <c r="D18517">
        <v>0</v>
      </c>
    </row>
    <row r="18518" spans="1:4" x14ac:dyDescent="0.25">
      <c r="A18518" t="s">
        <v>29294</v>
      </c>
      <c r="B18518" t="s">
        <v>29296</v>
      </c>
      <c r="C18518">
        <v>0</v>
      </c>
      <c r="D18518">
        <v>0</v>
      </c>
    </row>
    <row r="18519" spans="1:4" x14ac:dyDescent="0.25">
      <c r="A18519" t="s">
        <v>29294</v>
      </c>
      <c r="B18519" t="s">
        <v>29297</v>
      </c>
      <c r="C18519">
        <v>0</v>
      </c>
      <c r="D18519">
        <v>0</v>
      </c>
    </row>
    <row r="18520" spans="1:4" x14ac:dyDescent="0.25">
      <c r="A18520" t="s">
        <v>29298</v>
      </c>
      <c r="B18520" t="s">
        <v>29299</v>
      </c>
      <c r="C18520">
        <v>0</v>
      </c>
      <c r="D18520">
        <v>0</v>
      </c>
    </row>
    <row r="18521" spans="1:4" x14ac:dyDescent="0.25">
      <c r="A18521" t="s">
        <v>29298</v>
      </c>
      <c r="B18521" t="s">
        <v>29300</v>
      </c>
      <c r="C18521">
        <v>0</v>
      </c>
      <c r="D18521">
        <v>0</v>
      </c>
    </row>
    <row r="18522" spans="1:4" x14ac:dyDescent="0.25">
      <c r="A18522" t="s">
        <v>29298</v>
      </c>
      <c r="B18522" t="s">
        <v>29301</v>
      </c>
      <c r="C18522">
        <v>0</v>
      </c>
      <c r="D18522">
        <v>0</v>
      </c>
    </row>
    <row r="18523" spans="1:4" x14ac:dyDescent="0.25">
      <c r="A18523" t="s">
        <v>29302</v>
      </c>
      <c r="B18523" t="s">
        <v>29303</v>
      </c>
      <c r="C18523">
        <v>1</v>
      </c>
      <c r="D18523">
        <v>0</v>
      </c>
    </row>
    <row r="18524" spans="1:4" x14ac:dyDescent="0.25">
      <c r="A18524" t="s">
        <v>29302</v>
      </c>
      <c r="B18524" t="s">
        <v>29304</v>
      </c>
      <c r="C18524">
        <v>2</v>
      </c>
      <c r="D18524">
        <v>0</v>
      </c>
    </row>
    <row r="18525" spans="1:4" x14ac:dyDescent="0.25">
      <c r="A18525" t="s">
        <v>29302</v>
      </c>
      <c r="B18525" t="s">
        <v>29305</v>
      </c>
      <c r="C18525">
        <v>2</v>
      </c>
      <c r="D18525">
        <v>0</v>
      </c>
    </row>
    <row r="18526" spans="1:4" x14ac:dyDescent="0.25">
      <c r="A18526" t="s">
        <v>29306</v>
      </c>
      <c r="B18526" t="s">
        <v>29307</v>
      </c>
      <c r="C18526">
        <v>0</v>
      </c>
      <c r="D18526">
        <v>0</v>
      </c>
    </row>
    <row r="18527" spans="1:4" x14ac:dyDescent="0.25">
      <c r="A18527" t="s">
        <v>29308</v>
      </c>
      <c r="B18527" t="s">
        <v>7397</v>
      </c>
      <c r="C18527">
        <v>0</v>
      </c>
      <c r="D18527">
        <v>0</v>
      </c>
    </row>
    <row r="18528" spans="1:4" x14ac:dyDescent="0.25">
      <c r="A18528" t="s">
        <v>29308</v>
      </c>
      <c r="B18528" t="s">
        <v>29309</v>
      </c>
      <c r="C18528">
        <v>1</v>
      </c>
      <c r="D18528">
        <v>0</v>
      </c>
    </row>
    <row r="18529" spans="1:4" x14ac:dyDescent="0.25">
      <c r="A18529" t="s">
        <v>29308</v>
      </c>
      <c r="B18529" t="s">
        <v>29310</v>
      </c>
      <c r="C18529">
        <v>0</v>
      </c>
      <c r="D18529">
        <v>0</v>
      </c>
    </row>
    <row r="18530" spans="1:4" x14ac:dyDescent="0.25">
      <c r="A18530" t="s">
        <v>29311</v>
      </c>
      <c r="B18530" t="s">
        <v>29312</v>
      </c>
      <c r="C18530">
        <v>0</v>
      </c>
      <c r="D18530">
        <v>0</v>
      </c>
    </row>
    <row r="18531" spans="1:4" x14ac:dyDescent="0.25">
      <c r="A18531" t="s">
        <v>29313</v>
      </c>
      <c r="B18531" t="s">
        <v>29314</v>
      </c>
      <c r="C18531">
        <v>1</v>
      </c>
      <c r="D18531">
        <v>0</v>
      </c>
    </row>
    <row r="18532" spans="1:4" x14ac:dyDescent="0.25">
      <c r="A18532" t="s">
        <v>29315</v>
      </c>
      <c r="B18532" t="s">
        <v>3578</v>
      </c>
      <c r="C18532">
        <v>1</v>
      </c>
      <c r="D18532">
        <v>0</v>
      </c>
    </row>
    <row r="18533" spans="1:4" x14ac:dyDescent="0.25">
      <c r="A18533" t="s">
        <v>29315</v>
      </c>
      <c r="B18533" t="s">
        <v>29316</v>
      </c>
      <c r="C18533">
        <v>2</v>
      </c>
      <c r="D18533">
        <v>0</v>
      </c>
    </row>
    <row r="18534" spans="1:4" x14ac:dyDescent="0.25">
      <c r="A18534" t="s">
        <v>29317</v>
      </c>
      <c r="B18534" t="s">
        <v>29318</v>
      </c>
      <c r="C18534">
        <v>0</v>
      </c>
      <c r="D18534">
        <v>0</v>
      </c>
    </row>
    <row r="18535" spans="1:4" x14ac:dyDescent="0.25">
      <c r="A18535" t="s">
        <v>29317</v>
      </c>
      <c r="B18535" t="s">
        <v>9112</v>
      </c>
      <c r="C18535">
        <v>1</v>
      </c>
      <c r="D18535">
        <v>0</v>
      </c>
    </row>
    <row r="18536" spans="1:4" x14ac:dyDescent="0.25">
      <c r="A18536" t="s">
        <v>29319</v>
      </c>
      <c r="B18536" t="s">
        <v>29320</v>
      </c>
      <c r="C18536">
        <v>0</v>
      </c>
      <c r="D18536">
        <v>0</v>
      </c>
    </row>
    <row r="18537" spans="1:4" x14ac:dyDescent="0.25">
      <c r="A18537" t="s">
        <v>29319</v>
      </c>
      <c r="B18537" t="s">
        <v>29321</v>
      </c>
      <c r="C18537">
        <v>2</v>
      </c>
      <c r="D18537">
        <v>0</v>
      </c>
    </row>
    <row r="18538" spans="1:4" x14ac:dyDescent="0.25">
      <c r="A18538" t="s">
        <v>29319</v>
      </c>
      <c r="B18538" t="s">
        <v>29322</v>
      </c>
      <c r="C18538">
        <v>2</v>
      </c>
      <c r="D18538">
        <v>0</v>
      </c>
    </row>
    <row r="18539" spans="1:4" x14ac:dyDescent="0.25">
      <c r="A18539" t="s">
        <v>29323</v>
      </c>
      <c r="B18539" t="s">
        <v>29324</v>
      </c>
      <c r="C18539">
        <v>1</v>
      </c>
      <c r="D18539">
        <v>0</v>
      </c>
    </row>
    <row r="18540" spans="1:4" x14ac:dyDescent="0.25">
      <c r="A18540" t="s">
        <v>29323</v>
      </c>
      <c r="B18540" t="s">
        <v>29325</v>
      </c>
      <c r="C18540">
        <v>1</v>
      </c>
      <c r="D18540">
        <v>0</v>
      </c>
    </row>
    <row r="18541" spans="1:4" x14ac:dyDescent="0.25">
      <c r="A18541" t="s">
        <v>29326</v>
      </c>
      <c r="B18541" t="s">
        <v>29327</v>
      </c>
      <c r="C18541">
        <v>1</v>
      </c>
      <c r="D18541">
        <v>0</v>
      </c>
    </row>
    <row r="18542" spans="1:4" x14ac:dyDescent="0.25">
      <c r="A18542" t="s">
        <v>29326</v>
      </c>
      <c r="B18542" t="s">
        <v>29328</v>
      </c>
      <c r="C18542">
        <v>2</v>
      </c>
      <c r="D18542">
        <v>0</v>
      </c>
    </row>
    <row r="18543" spans="1:4" x14ac:dyDescent="0.25">
      <c r="A18543" t="s">
        <v>29326</v>
      </c>
      <c r="B18543" t="s">
        <v>29329</v>
      </c>
      <c r="C18543">
        <v>2</v>
      </c>
      <c r="D18543">
        <v>0</v>
      </c>
    </row>
    <row r="18544" spans="1:4" x14ac:dyDescent="0.25">
      <c r="A18544" t="s">
        <v>29330</v>
      </c>
      <c r="B18544" t="s">
        <v>29331</v>
      </c>
      <c r="C18544">
        <v>0</v>
      </c>
      <c r="D18544">
        <v>0</v>
      </c>
    </row>
    <row r="18545" spans="1:4" x14ac:dyDescent="0.25">
      <c r="A18545" t="s">
        <v>29332</v>
      </c>
      <c r="B18545" t="s">
        <v>29333</v>
      </c>
      <c r="C18545">
        <v>0</v>
      </c>
      <c r="D18545">
        <v>0</v>
      </c>
    </row>
    <row r="18546" spans="1:4" x14ac:dyDescent="0.25">
      <c r="A18546" t="s">
        <v>29332</v>
      </c>
      <c r="B18546" t="s">
        <v>16264</v>
      </c>
      <c r="C18546">
        <v>2</v>
      </c>
      <c r="D18546">
        <v>0</v>
      </c>
    </row>
    <row r="18547" spans="1:4" x14ac:dyDescent="0.25">
      <c r="A18547" t="s">
        <v>29332</v>
      </c>
      <c r="B18547" t="s">
        <v>29334</v>
      </c>
      <c r="C18547">
        <v>2</v>
      </c>
      <c r="D18547">
        <v>0</v>
      </c>
    </row>
    <row r="18548" spans="1:4" x14ac:dyDescent="0.25">
      <c r="A18548" t="s">
        <v>29335</v>
      </c>
      <c r="B18548" t="s">
        <v>29336</v>
      </c>
      <c r="C18548">
        <v>1</v>
      </c>
      <c r="D18548">
        <v>0</v>
      </c>
    </row>
    <row r="18549" spans="1:4" x14ac:dyDescent="0.25">
      <c r="A18549" t="s">
        <v>29337</v>
      </c>
      <c r="B18549" t="s">
        <v>3334</v>
      </c>
      <c r="C18549">
        <v>0</v>
      </c>
      <c r="D18549">
        <v>0</v>
      </c>
    </row>
    <row r="18550" spans="1:4" x14ac:dyDescent="0.25">
      <c r="A18550" t="s">
        <v>29337</v>
      </c>
      <c r="B18550" t="s">
        <v>1294</v>
      </c>
      <c r="C18550">
        <v>1</v>
      </c>
      <c r="D18550">
        <v>0</v>
      </c>
    </row>
    <row r="18551" spans="1:4" x14ac:dyDescent="0.25">
      <c r="A18551" t="s">
        <v>29338</v>
      </c>
      <c r="B18551" t="s">
        <v>19309</v>
      </c>
      <c r="C18551">
        <v>0</v>
      </c>
      <c r="D18551">
        <v>0</v>
      </c>
    </row>
    <row r="18552" spans="1:4" x14ac:dyDescent="0.25">
      <c r="A18552" t="s">
        <v>29339</v>
      </c>
      <c r="B18552" t="s">
        <v>29340</v>
      </c>
      <c r="C18552">
        <v>2</v>
      </c>
      <c r="D18552">
        <v>0</v>
      </c>
    </row>
    <row r="18553" spans="1:4" x14ac:dyDescent="0.25">
      <c r="A18553" t="s">
        <v>29339</v>
      </c>
      <c r="B18553" t="s">
        <v>29341</v>
      </c>
      <c r="C18553">
        <v>0</v>
      </c>
      <c r="D18553">
        <v>0</v>
      </c>
    </row>
    <row r="18554" spans="1:4" x14ac:dyDescent="0.25">
      <c r="A18554" t="s">
        <v>29339</v>
      </c>
      <c r="B18554" t="s">
        <v>29342</v>
      </c>
      <c r="C18554">
        <v>2</v>
      </c>
      <c r="D18554">
        <v>0</v>
      </c>
    </row>
    <row r="18555" spans="1:4" x14ac:dyDescent="0.25">
      <c r="A18555" t="s">
        <v>29343</v>
      </c>
      <c r="B18555" t="s">
        <v>29344</v>
      </c>
      <c r="C18555">
        <v>2</v>
      </c>
      <c r="D18555">
        <v>0</v>
      </c>
    </row>
    <row r="18556" spans="1:4" x14ac:dyDescent="0.25">
      <c r="A18556" t="s">
        <v>29343</v>
      </c>
      <c r="B18556" t="s">
        <v>29345</v>
      </c>
      <c r="C18556">
        <v>0</v>
      </c>
      <c r="D18556">
        <v>0</v>
      </c>
    </row>
    <row r="18557" spans="1:4" x14ac:dyDescent="0.25">
      <c r="A18557" t="s">
        <v>29343</v>
      </c>
      <c r="B18557" t="s">
        <v>29346</v>
      </c>
      <c r="C18557">
        <v>1</v>
      </c>
      <c r="D18557">
        <v>0</v>
      </c>
    </row>
    <row r="18558" spans="1:4" x14ac:dyDescent="0.25">
      <c r="A18558" t="s">
        <v>29347</v>
      </c>
      <c r="B18558" t="s">
        <v>29348</v>
      </c>
      <c r="C18558">
        <v>1</v>
      </c>
      <c r="D18558">
        <v>0</v>
      </c>
    </row>
    <row r="18559" spans="1:4" x14ac:dyDescent="0.25">
      <c r="A18559" t="s">
        <v>29347</v>
      </c>
      <c r="B18559" t="s">
        <v>1401</v>
      </c>
      <c r="C18559">
        <v>0</v>
      </c>
      <c r="D18559">
        <v>0</v>
      </c>
    </row>
    <row r="18560" spans="1:4" x14ac:dyDescent="0.25">
      <c r="A18560" t="s">
        <v>29347</v>
      </c>
      <c r="B18560" t="s">
        <v>29349</v>
      </c>
      <c r="C18560">
        <v>0</v>
      </c>
      <c r="D18560">
        <v>0</v>
      </c>
    </row>
    <row r="18561" spans="1:4" x14ac:dyDescent="0.25">
      <c r="A18561" t="s">
        <v>29350</v>
      </c>
      <c r="B18561" t="s">
        <v>29351</v>
      </c>
      <c r="C18561">
        <v>2</v>
      </c>
      <c r="D18561">
        <v>0</v>
      </c>
    </row>
    <row r="18562" spans="1:4" x14ac:dyDescent="0.25">
      <c r="A18562" t="s">
        <v>29350</v>
      </c>
      <c r="B18562" t="s">
        <v>29352</v>
      </c>
      <c r="C18562">
        <v>1</v>
      </c>
      <c r="D18562">
        <v>0</v>
      </c>
    </row>
    <row r="18563" spans="1:4" x14ac:dyDescent="0.25">
      <c r="A18563" t="s">
        <v>29350</v>
      </c>
      <c r="B18563" t="s">
        <v>29353</v>
      </c>
      <c r="C18563">
        <v>1</v>
      </c>
      <c r="D18563">
        <v>0</v>
      </c>
    </row>
    <row r="18564" spans="1:4" x14ac:dyDescent="0.25">
      <c r="A18564" t="s">
        <v>29354</v>
      </c>
      <c r="B18564" t="s">
        <v>2810</v>
      </c>
      <c r="C18564">
        <v>1</v>
      </c>
      <c r="D18564">
        <v>0</v>
      </c>
    </row>
    <row r="18565" spans="1:4" x14ac:dyDescent="0.25">
      <c r="A18565" t="s">
        <v>29354</v>
      </c>
      <c r="B18565" t="s">
        <v>29355</v>
      </c>
      <c r="C18565">
        <v>0</v>
      </c>
      <c r="D18565">
        <v>0</v>
      </c>
    </row>
    <row r="18566" spans="1:4" x14ac:dyDescent="0.25">
      <c r="A18566" t="s">
        <v>29356</v>
      </c>
      <c r="B18566" t="s">
        <v>29357</v>
      </c>
      <c r="C18566">
        <v>1</v>
      </c>
      <c r="D18566">
        <v>0</v>
      </c>
    </row>
    <row r="18567" spans="1:4" x14ac:dyDescent="0.25">
      <c r="A18567" t="s">
        <v>29356</v>
      </c>
      <c r="B18567" t="s">
        <v>29358</v>
      </c>
      <c r="C18567">
        <v>0</v>
      </c>
      <c r="D18567">
        <v>0</v>
      </c>
    </row>
    <row r="18568" spans="1:4" x14ac:dyDescent="0.25">
      <c r="A18568" t="s">
        <v>29356</v>
      </c>
      <c r="B18568" t="s">
        <v>29359</v>
      </c>
      <c r="C18568">
        <v>0</v>
      </c>
      <c r="D18568">
        <v>0</v>
      </c>
    </row>
    <row r="18569" spans="1:4" x14ac:dyDescent="0.25">
      <c r="A18569" t="s">
        <v>29360</v>
      </c>
      <c r="B18569" t="s">
        <v>29361</v>
      </c>
      <c r="C18569">
        <v>1</v>
      </c>
      <c r="D18569">
        <v>0</v>
      </c>
    </row>
    <row r="18570" spans="1:4" x14ac:dyDescent="0.25">
      <c r="A18570" t="s">
        <v>29360</v>
      </c>
      <c r="B18570" t="s">
        <v>29362</v>
      </c>
      <c r="C18570">
        <v>0</v>
      </c>
      <c r="D18570">
        <v>0</v>
      </c>
    </row>
    <row r="18571" spans="1:4" x14ac:dyDescent="0.25">
      <c r="A18571" t="s">
        <v>29360</v>
      </c>
      <c r="B18571" t="s">
        <v>29363</v>
      </c>
      <c r="C18571">
        <v>1</v>
      </c>
      <c r="D18571">
        <v>0</v>
      </c>
    </row>
    <row r="18572" spans="1:4" x14ac:dyDescent="0.25">
      <c r="A18572" t="s">
        <v>29364</v>
      </c>
      <c r="B18572" t="s">
        <v>29365</v>
      </c>
      <c r="C18572">
        <v>1</v>
      </c>
      <c r="D18572">
        <v>0</v>
      </c>
    </row>
    <row r="18573" spans="1:4" x14ac:dyDescent="0.25">
      <c r="A18573" t="s">
        <v>29366</v>
      </c>
      <c r="B18573" t="s">
        <v>4349</v>
      </c>
      <c r="C18573">
        <v>1</v>
      </c>
      <c r="D18573">
        <v>0</v>
      </c>
    </row>
    <row r="18574" spans="1:4" x14ac:dyDescent="0.25">
      <c r="A18574" t="s">
        <v>29367</v>
      </c>
      <c r="B18574" t="s">
        <v>29368</v>
      </c>
      <c r="C18574">
        <v>2</v>
      </c>
      <c r="D18574">
        <v>0</v>
      </c>
    </row>
    <row r="18575" spans="1:4" x14ac:dyDescent="0.25">
      <c r="A18575" t="s">
        <v>29367</v>
      </c>
      <c r="B18575" t="s">
        <v>29369</v>
      </c>
      <c r="C18575">
        <v>2</v>
      </c>
      <c r="D18575">
        <v>0</v>
      </c>
    </row>
    <row r="18576" spans="1:4" x14ac:dyDescent="0.25">
      <c r="A18576" t="s">
        <v>29367</v>
      </c>
      <c r="B18576" t="s">
        <v>6780</v>
      </c>
      <c r="C18576">
        <v>1</v>
      </c>
      <c r="D18576">
        <v>0</v>
      </c>
    </row>
    <row r="18577" spans="1:4" x14ac:dyDescent="0.25">
      <c r="A18577" t="s">
        <v>29370</v>
      </c>
      <c r="B18577" t="s">
        <v>29371</v>
      </c>
      <c r="C18577">
        <v>1</v>
      </c>
      <c r="D18577">
        <v>0</v>
      </c>
    </row>
    <row r="18578" spans="1:4" x14ac:dyDescent="0.25">
      <c r="A18578" t="s">
        <v>29372</v>
      </c>
      <c r="B18578" t="s">
        <v>29373</v>
      </c>
      <c r="C18578">
        <v>1</v>
      </c>
      <c r="D18578">
        <v>0</v>
      </c>
    </row>
    <row r="18579" spans="1:4" x14ac:dyDescent="0.25">
      <c r="A18579" t="s">
        <v>29372</v>
      </c>
      <c r="B18579" t="s">
        <v>29374</v>
      </c>
      <c r="C18579">
        <v>1</v>
      </c>
      <c r="D18579">
        <v>0</v>
      </c>
    </row>
    <row r="18580" spans="1:4" x14ac:dyDescent="0.25">
      <c r="A18580" t="s">
        <v>29372</v>
      </c>
      <c r="B18580" t="s">
        <v>29375</v>
      </c>
      <c r="C18580">
        <v>0</v>
      </c>
      <c r="D18580">
        <v>0</v>
      </c>
    </row>
    <row r="18581" spans="1:4" x14ac:dyDescent="0.25">
      <c r="A18581" t="s">
        <v>29376</v>
      </c>
      <c r="B18581" t="s">
        <v>29377</v>
      </c>
      <c r="C18581">
        <v>1</v>
      </c>
      <c r="D18581">
        <v>0</v>
      </c>
    </row>
    <row r="18582" spans="1:4" x14ac:dyDescent="0.25">
      <c r="A18582" t="s">
        <v>29376</v>
      </c>
      <c r="B18582" t="s">
        <v>1001</v>
      </c>
      <c r="C18582">
        <v>1</v>
      </c>
      <c r="D18582">
        <v>0</v>
      </c>
    </row>
    <row r="18583" spans="1:4" x14ac:dyDescent="0.25">
      <c r="A18583" t="s">
        <v>29376</v>
      </c>
      <c r="B18583" t="s">
        <v>29378</v>
      </c>
      <c r="C18583">
        <v>0</v>
      </c>
      <c r="D18583">
        <v>0</v>
      </c>
    </row>
    <row r="18584" spans="1:4" x14ac:dyDescent="0.25">
      <c r="A18584" t="s">
        <v>29379</v>
      </c>
      <c r="B18584" t="s">
        <v>29380</v>
      </c>
      <c r="C18584">
        <v>0</v>
      </c>
      <c r="D18584">
        <v>0</v>
      </c>
    </row>
    <row r="18585" spans="1:4" x14ac:dyDescent="0.25">
      <c r="A18585" t="s">
        <v>29381</v>
      </c>
      <c r="B18585" t="s">
        <v>29382</v>
      </c>
      <c r="C18585">
        <v>0</v>
      </c>
      <c r="D18585">
        <v>0</v>
      </c>
    </row>
    <row r="18586" spans="1:4" x14ac:dyDescent="0.25">
      <c r="A18586" t="s">
        <v>29381</v>
      </c>
      <c r="B18586" t="s">
        <v>29383</v>
      </c>
      <c r="C18586">
        <v>1</v>
      </c>
      <c r="D18586">
        <v>0</v>
      </c>
    </row>
    <row r="18587" spans="1:4" x14ac:dyDescent="0.25">
      <c r="A18587" t="s">
        <v>29381</v>
      </c>
      <c r="B18587" t="s">
        <v>29384</v>
      </c>
      <c r="C18587">
        <v>1</v>
      </c>
      <c r="D18587">
        <v>0</v>
      </c>
    </row>
    <row r="18588" spans="1:4" x14ac:dyDescent="0.25">
      <c r="A18588" t="s">
        <v>29385</v>
      </c>
      <c r="B18588" t="s">
        <v>29386</v>
      </c>
      <c r="C18588">
        <v>0</v>
      </c>
      <c r="D18588">
        <v>0</v>
      </c>
    </row>
    <row r="18589" spans="1:4" x14ac:dyDescent="0.25">
      <c r="A18589" t="s">
        <v>29385</v>
      </c>
      <c r="B18589" t="s">
        <v>29387</v>
      </c>
      <c r="C18589">
        <v>0</v>
      </c>
      <c r="D18589">
        <v>0</v>
      </c>
    </row>
    <row r="18590" spans="1:4" x14ac:dyDescent="0.25">
      <c r="A18590" t="s">
        <v>29388</v>
      </c>
      <c r="B18590" t="s">
        <v>29389</v>
      </c>
      <c r="C18590">
        <v>2</v>
      </c>
      <c r="D18590">
        <v>0</v>
      </c>
    </row>
    <row r="18591" spans="1:4" x14ac:dyDescent="0.25">
      <c r="A18591" t="s">
        <v>29388</v>
      </c>
      <c r="B18591" t="s">
        <v>15059</v>
      </c>
      <c r="C18591">
        <v>0</v>
      </c>
      <c r="D18591">
        <v>0</v>
      </c>
    </row>
    <row r="18592" spans="1:4" x14ac:dyDescent="0.25">
      <c r="A18592" t="s">
        <v>29388</v>
      </c>
      <c r="B18592" t="s">
        <v>29390</v>
      </c>
      <c r="C18592">
        <v>0</v>
      </c>
      <c r="D18592">
        <v>0</v>
      </c>
    </row>
    <row r="18593" spans="1:4" x14ac:dyDescent="0.25">
      <c r="A18593" t="s">
        <v>29391</v>
      </c>
      <c r="B18593" t="s">
        <v>29392</v>
      </c>
      <c r="C18593">
        <v>0</v>
      </c>
      <c r="D18593">
        <v>0</v>
      </c>
    </row>
    <row r="18594" spans="1:4" x14ac:dyDescent="0.25">
      <c r="A18594" t="s">
        <v>29393</v>
      </c>
      <c r="B18594" t="s">
        <v>29394</v>
      </c>
      <c r="C18594">
        <v>0</v>
      </c>
      <c r="D18594">
        <v>0</v>
      </c>
    </row>
    <row r="18595" spans="1:4" x14ac:dyDescent="0.25">
      <c r="A18595" t="s">
        <v>29393</v>
      </c>
      <c r="B18595" t="s">
        <v>29395</v>
      </c>
      <c r="C18595">
        <v>1</v>
      </c>
      <c r="D18595">
        <v>0</v>
      </c>
    </row>
    <row r="18596" spans="1:4" x14ac:dyDescent="0.25">
      <c r="A18596" t="s">
        <v>29396</v>
      </c>
      <c r="B18596" t="s">
        <v>29397</v>
      </c>
      <c r="C18596">
        <v>1</v>
      </c>
      <c r="D18596">
        <v>0</v>
      </c>
    </row>
    <row r="18597" spans="1:4" x14ac:dyDescent="0.25">
      <c r="A18597" t="s">
        <v>29398</v>
      </c>
      <c r="B18597" t="s">
        <v>29399</v>
      </c>
      <c r="C18597">
        <v>1</v>
      </c>
      <c r="D18597">
        <v>0</v>
      </c>
    </row>
    <row r="18598" spans="1:4" x14ac:dyDescent="0.25">
      <c r="A18598" t="s">
        <v>29398</v>
      </c>
      <c r="B18598" t="s">
        <v>29400</v>
      </c>
      <c r="C18598">
        <v>1</v>
      </c>
      <c r="D18598">
        <v>0</v>
      </c>
    </row>
    <row r="18599" spans="1:4" x14ac:dyDescent="0.25">
      <c r="A18599" t="s">
        <v>29398</v>
      </c>
      <c r="B18599" t="s">
        <v>29401</v>
      </c>
      <c r="C18599">
        <v>1</v>
      </c>
      <c r="D18599">
        <v>0</v>
      </c>
    </row>
    <row r="18600" spans="1:4" x14ac:dyDescent="0.25">
      <c r="A18600" t="s">
        <v>29402</v>
      </c>
      <c r="B18600" t="s">
        <v>29403</v>
      </c>
      <c r="C18600">
        <v>1</v>
      </c>
      <c r="D18600">
        <v>0</v>
      </c>
    </row>
    <row r="18601" spans="1:4" x14ac:dyDescent="0.25">
      <c r="A18601" t="s">
        <v>29402</v>
      </c>
      <c r="B18601" t="s">
        <v>29404</v>
      </c>
      <c r="C18601">
        <v>0</v>
      </c>
      <c r="D18601">
        <v>0</v>
      </c>
    </row>
    <row r="18602" spans="1:4" x14ac:dyDescent="0.25">
      <c r="A18602" t="s">
        <v>29402</v>
      </c>
      <c r="B18602" t="s">
        <v>29405</v>
      </c>
      <c r="C18602">
        <v>0</v>
      </c>
      <c r="D18602">
        <v>0</v>
      </c>
    </row>
    <row r="18603" spans="1:4" x14ac:dyDescent="0.25">
      <c r="A18603" t="s">
        <v>29406</v>
      </c>
      <c r="B18603" t="s">
        <v>29407</v>
      </c>
      <c r="C18603">
        <v>1</v>
      </c>
      <c r="D18603">
        <v>0</v>
      </c>
    </row>
    <row r="18604" spans="1:4" x14ac:dyDescent="0.25">
      <c r="A18604" t="s">
        <v>29408</v>
      </c>
      <c r="B18604" t="s">
        <v>29409</v>
      </c>
      <c r="C18604">
        <v>2</v>
      </c>
      <c r="D18604">
        <v>0</v>
      </c>
    </row>
    <row r="18605" spans="1:4" x14ac:dyDescent="0.25">
      <c r="A18605" t="s">
        <v>29410</v>
      </c>
      <c r="B18605" t="s">
        <v>29411</v>
      </c>
      <c r="C18605">
        <v>1</v>
      </c>
      <c r="D18605">
        <v>0</v>
      </c>
    </row>
    <row r="18606" spans="1:4" x14ac:dyDescent="0.25">
      <c r="A18606" t="s">
        <v>29410</v>
      </c>
      <c r="B18606" t="s">
        <v>1001</v>
      </c>
      <c r="C18606">
        <v>1</v>
      </c>
      <c r="D18606">
        <v>0</v>
      </c>
    </row>
    <row r="18607" spans="1:4" x14ac:dyDescent="0.25">
      <c r="A18607" t="s">
        <v>29412</v>
      </c>
      <c r="B18607" t="s">
        <v>29413</v>
      </c>
      <c r="C18607">
        <v>0</v>
      </c>
      <c r="D18607">
        <v>0</v>
      </c>
    </row>
    <row r="18608" spans="1:4" x14ac:dyDescent="0.25">
      <c r="A18608" t="s">
        <v>29414</v>
      </c>
      <c r="B18608" t="s">
        <v>29415</v>
      </c>
      <c r="C18608">
        <v>1</v>
      </c>
      <c r="D18608">
        <v>0</v>
      </c>
    </row>
    <row r="18609" spans="1:4" x14ac:dyDescent="0.25">
      <c r="A18609" t="s">
        <v>29414</v>
      </c>
      <c r="B18609" t="s">
        <v>29416</v>
      </c>
      <c r="C18609">
        <v>1</v>
      </c>
      <c r="D18609">
        <v>0</v>
      </c>
    </row>
    <row r="18610" spans="1:4" x14ac:dyDescent="0.25">
      <c r="A18610" t="s">
        <v>29414</v>
      </c>
      <c r="B18610" t="s">
        <v>29417</v>
      </c>
      <c r="C18610">
        <v>0</v>
      </c>
      <c r="D18610">
        <v>0</v>
      </c>
    </row>
    <row r="18611" spans="1:4" x14ac:dyDescent="0.25">
      <c r="A18611" t="s">
        <v>29418</v>
      </c>
      <c r="B18611" t="s">
        <v>29419</v>
      </c>
      <c r="C18611">
        <v>1</v>
      </c>
      <c r="D18611">
        <v>0</v>
      </c>
    </row>
    <row r="18612" spans="1:4" x14ac:dyDescent="0.25">
      <c r="A18612" t="s">
        <v>29418</v>
      </c>
      <c r="B18612" t="s">
        <v>29420</v>
      </c>
      <c r="C18612">
        <v>2</v>
      </c>
      <c r="D18612">
        <v>0</v>
      </c>
    </row>
    <row r="18613" spans="1:4" x14ac:dyDescent="0.25">
      <c r="A18613" t="s">
        <v>29418</v>
      </c>
      <c r="B18613" t="s">
        <v>29421</v>
      </c>
      <c r="C18613">
        <v>1</v>
      </c>
      <c r="D18613">
        <v>0</v>
      </c>
    </row>
    <row r="18614" spans="1:4" x14ac:dyDescent="0.25">
      <c r="A18614" t="s">
        <v>29422</v>
      </c>
      <c r="B18614" t="s">
        <v>29423</v>
      </c>
      <c r="C18614">
        <v>2</v>
      </c>
      <c r="D18614">
        <v>0</v>
      </c>
    </row>
    <row r="18615" spans="1:4" x14ac:dyDescent="0.25">
      <c r="A18615" t="s">
        <v>29424</v>
      </c>
      <c r="B18615" t="s">
        <v>29425</v>
      </c>
      <c r="C18615">
        <v>0</v>
      </c>
      <c r="D18615">
        <v>0</v>
      </c>
    </row>
    <row r="18616" spans="1:4" x14ac:dyDescent="0.25">
      <c r="A18616" t="s">
        <v>29424</v>
      </c>
      <c r="B18616" t="s">
        <v>29426</v>
      </c>
      <c r="C18616">
        <v>0</v>
      </c>
      <c r="D18616">
        <v>0</v>
      </c>
    </row>
    <row r="18617" spans="1:4" x14ac:dyDescent="0.25">
      <c r="A18617" t="s">
        <v>29424</v>
      </c>
      <c r="B18617" t="s">
        <v>29427</v>
      </c>
      <c r="C18617">
        <v>0</v>
      </c>
      <c r="D18617">
        <v>0</v>
      </c>
    </row>
    <row r="18618" spans="1:4" x14ac:dyDescent="0.25">
      <c r="A18618" t="s">
        <v>29428</v>
      </c>
      <c r="B18618" t="s">
        <v>29429</v>
      </c>
      <c r="C18618">
        <v>2</v>
      </c>
      <c r="D18618">
        <v>0</v>
      </c>
    </row>
    <row r="18619" spans="1:4" x14ac:dyDescent="0.25">
      <c r="A18619" t="s">
        <v>29428</v>
      </c>
      <c r="B18619" t="s">
        <v>29430</v>
      </c>
      <c r="C18619">
        <v>2</v>
      </c>
      <c r="D18619">
        <v>0</v>
      </c>
    </row>
    <row r="18620" spans="1:4" x14ac:dyDescent="0.25">
      <c r="A18620" t="s">
        <v>29431</v>
      </c>
      <c r="B18620" t="s">
        <v>29432</v>
      </c>
      <c r="C18620">
        <v>1</v>
      </c>
      <c r="D18620">
        <v>0</v>
      </c>
    </row>
    <row r="18621" spans="1:4" x14ac:dyDescent="0.25">
      <c r="A18621" t="s">
        <v>29431</v>
      </c>
      <c r="B18621" t="s">
        <v>29433</v>
      </c>
      <c r="C18621">
        <v>0</v>
      </c>
      <c r="D18621">
        <v>0</v>
      </c>
    </row>
    <row r="18622" spans="1:4" x14ac:dyDescent="0.25">
      <c r="A18622" t="s">
        <v>29434</v>
      </c>
      <c r="B18622" t="s">
        <v>29435</v>
      </c>
      <c r="C18622">
        <v>0</v>
      </c>
      <c r="D18622">
        <v>0</v>
      </c>
    </row>
    <row r="18623" spans="1:4" x14ac:dyDescent="0.25">
      <c r="A18623" t="s">
        <v>29434</v>
      </c>
      <c r="B18623" t="s">
        <v>29436</v>
      </c>
      <c r="C18623">
        <v>1</v>
      </c>
      <c r="D18623">
        <v>0</v>
      </c>
    </row>
    <row r="18624" spans="1:4" x14ac:dyDescent="0.25">
      <c r="A18624" t="s">
        <v>29437</v>
      </c>
      <c r="B18624" t="s">
        <v>16162</v>
      </c>
      <c r="C18624">
        <v>0</v>
      </c>
      <c r="D18624">
        <v>0</v>
      </c>
    </row>
    <row r="18625" spans="1:4" x14ac:dyDescent="0.25">
      <c r="A18625" t="s">
        <v>29437</v>
      </c>
      <c r="B18625" t="s">
        <v>29438</v>
      </c>
      <c r="C18625">
        <v>1</v>
      </c>
      <c r="D18625">
        <v>0</v>
      </c>
    </row>
    <row r="18626" spans="1:4" x14ac:dyDescent="0.25">
      <c r="A18626" t="s">
        <v>29439</v>
      </c>
      <c r="B18626" t="s">
        <v>29440</v>
      </c>
      <c r="C18626">
        <v>1</v>
      </c>
      <c r="D18626">
        <v>0</v>
      </c>
    </row>
    <row r="18627" spans="1:4" x14ac:dyDescent="0.25">
      <c r="A18627" t="s">
        <v>29441</v>
      </c>
      <c r="B18627" t="s">
        <v>29442</v>
      </c>
      <c r="C18627">
        <v>1</v>
      </c>
      <c r="D18627">
        <v>0</v>
      </c>
    </row>
    <row r="18628" spans="1:4" x14ac:dyDescent="0.25">
      <c r="A18628" t="s">
        <v>29441</v>
      </c>
      <c r="B18628" t="s">
        <v>29443</v>
      </c>
      <c r="C18628">
        <v>1</v>
      </c>
      <c r="D18628">
        <v>0</v>
      </c>
    </row>
    <row r="18629" spans="1:4" x14ac:dyDescent="0.25">
      <c r="A18629" t="s">
        <v>29441</v>
      </c>
      <c r="B18629" t="s">
        <v>29444</v>
      </c>
      <c r="C18629">
        <v>1</v>
      </c>
      <c r="D18629">
        <v>0</v>
      </c>
    </row>
    <row r="18630" spans="1:4" x14ac:dyDescent="0.25">
      <c r="A18630" t="s">
        <v>29445</v>
      </c>
      <c r="B18630" t="s">
        <v>29446</v>
      </c>
      <c r="C18630">
        <v>1</v>
      </c>
      <c r="D18630">
        <v>0</v>
      </c>
    </row>
    <row r="18631" spans="1:4" x14ac:dyDescent="0.25">
      <c r="A18631" t="s">
        <v>29445</v>
      </c>
      <c r="B18631" t="s">
        <v>29447</v>
      </c>
      <c r="C18631">
        <v>0</v>
      </c>
      <c r="D18631">
        <v>0</v>
      </c>
    </row>
    <row r="18632" spans="1:4" x14ac:dyDescent="0.25">
      <c r="A18632" t="s">
        <v>29448</v>
      </c>
      <c r="B18632" t="s">
        <v>29449</v>
      </c>
      <c r="C18632">
        <v>2</v>
      </c>
      <c r="D18632">
        <v>0</v>
      </c>
    </row>
    <row r="18633" spans="1:4" x14ac:dyDescent="0.25">
      <c r="A18633" t="s">
        <v>29448</v>
      </c>
      <c r="B18633" t="s">
        <v>29450</v>
      </c>
      <c r="C18633">
        <v>2</v>
      </c>
      <c r="D18633">
        <v>0</v>
      </c>
    </row>
    <row r="18634" spans="1:4" x14ac:dyDescent="0.25">
      <c r="A18634" t="s">
        <v>29451</v>
      </c>
      <c r="B18634" t="s">
        <v>29452</v>
      </c>
      <c r="C18634">
        <v>1</v>
      </c>
      <c r="D18634">
        <v>0</v>
      </c>
    </row>
    <row r="18635" spans="1:4" x14ac:dyDescent="0.25">
      <c r="A18635" t="s">
        <v>29453</v>
      </c>
      <c r="B18635" t="s">
        <v>3831</v>
      </c>
      <c r="C18635">
        <v>0</v>
      </c>
      <c r="D18635">
        <v>0</v>
      </c>
    </row>
    <row r="18636" spans="1:4" x14ac:dyDescent="0.25">
      <c r="A18636" t="s">
        <v>29453</v>
      </c>
      <c r="B18636" t="s">
        <v>29454</v>
      </c>
      <c r="C18636">
        <v>1</v>
      </c>
      <c r="D18636">
        <v>0</v>
      </c>
    </row>
    <row r="18637" spans="1:4" x14ac:dyDescent="0.25">
      <c r="A18637" t="s">
        <v>29455</v>
      </c>
      <c r="B18637" t="s">
        <v>1170</v>
      </c>
      <c r="C18637">
        <v>0</v>
      </c>
      <c r="D18637">
        <v>0</v>
      </c>
    </row>
    <row r="18638" spans="1:4" x14ac:dyDescent="0.25">
      <c r="A18638" t="s">
        <v>29456</v>
      </c>
      <c r="B18638" t="s">
        <v>29457</v>
      </c>
      <c r="C18638">
        <v>1</v>
      </c>
      <c r="D18638">
        <v>0</v>
      </c>
    </row>
    <row r="18639" spans="1:4" x14ac:dyDescent="0.25">
      <c r="A18639" t="s">
        <v>29456</v>
      </c>
      <c r="B18639" t="s">
        <v>29458</v>
      </c>
      <c r="C18639">
        <v>0</v>
      </c>
      <c r="D18639">
        <v>0</v>
      </c>
    </row>
    <row r="18640" spans="1:4" x14ac:dyDescent="0.25">
      <c r="A18640" t="s">
        <v>29456</v>
      </c>
      <c r="B18640" t="s">
        <v>29459</v>
      </c>
      <c r="C18640">
        <v>2</v>
      </c>
      <c r="D18640">
        <v>0</v>
      </c>
    </row>
    <row r="18641" spans="1:4" x14ac:dyDescent="0.25">
      <c r="A18641" t="s">
        <v>29460</v>
      </c>
      <c r="B18641" t="s">
        <v>29461</v>
      </c>
      <c r="C18641">
        <v>0</v>
      </c>
      <c r="D18641">
        <v>0</v>
      </c>
    </row>
    <row r="18642" spans="1:4" x14ac:dyDescent="0.25">
      <c r="A18642" t="s">
        <v>29460</v>
      </c>
      <c r="B18642" t="s">
        <v>5713</v>
      </c>
      <c r="C18642">
        <v>1</v>
      </c>
      <c r="D18642">
        <v>0</v>
      </c>
    </row>
    <row r="18643" spans="1:4" x14ac:dyDescent="0.25">
      <c r="A18643" t="s">
        <v>29460</v>
      </c>
      <c r="B18643" t="s">
        <v>29462</v>
      </c>
      <c r="C18643">
        <v>1</v>
      </c>
      <c r="D18643">
        <v>0</v>
      </c>
    </row>
    <row r="18644" spans="1:4" x14ac:dyDescent="0.25">
      <c r="A18644" t="s">
        <v>29463</v>
      </c>
      <c r="B18644" t="s">
        <v>29464</v>
      </c>
      <c r="C18644">
        <v>1</v>
      </c>
      <c r="D18644">
        <v>0</v>
      </c>
    </row>
    <row r="18645" spans="1:4" x14ac:dyDescent="0.25">
      <c r="A18645" t="s">
        <v>29465</v>
      </c>
      <c r="B18645" t="s">
        <v>29466</v>
      </c>
      <c r="C18645">
        <v>1</v>
      </c>
      <c r="D18645">
        <v>0</v>
      </c>
    </row>
    <row r="18646" spans="1:4" x14ac:dyDescent="0.25">
      <c r="A18646" t="s">
        <v>29467</v>
      </c>
      <c r="B18646" t="s">
        <v>29468</v>
      </c>
      <c r="C18646">
        <v>1</v>
      </c>
      <c r="D18646">
        <v>0</v>
      </c>
    </row>
    <row r="18647" spans="1:4" x14ac:dyDescent="0.25">
      <c r="A18647" t="s">
        <v>29469</v>
      </c>
      <c r="B18647" t="s">
        <v>29470</v>
      </c>
      <c r="C18647">
        <v>1</v>
      </c>
      <c r="D18647">
        <v>0</v>
      </c>
    </row>
    <row r="18648" spans="1:4" x14ac:dyDescent="0.25">
      <c r="A18648" t="s">
        <v>29469</v>
      </c>
      <c r="B18648" t="s">
        <v>29471</v>
      </c>
      <c r="C18648">
        <v>0</v>
      </c>
      <c r="D18648">
        <v>0</v>
      </c>
    </row>
    <row r="18649" spans="1:4" x14ac:dyDescent="0.25">
      <c r="A18649" t="s">
        <v>29469</v>
      </c>
      <c r="B18649" t="s">
        <v>29472</v>
      </c>
      <c r="C18649">
        <v>2</v>
      </c>
      <c r="D18649">
        <v>0</v>
      </c>
    </row>
    <row r="18650" spans="1:4" x14ac:dyDescent="0.25">
      <c r="A18650" t="s">
        <v>29473</v>
      </c>
      <c r="B18650" t="s">
        <v>29474</v>
      </c>
      <c r="C18650">
        <v>2</v>
      </c>
      <c r="D18650">
        <v>0</v>
      </c>
    </row>
    <row r="18651" spans="1:4" x14ac:dyDescent="0.25">
      <c r="A18651" t="s">
        <v>29473</v>
      </c>
      <c r="B18651" t="s">
        <v>29475</v>
      </c>
      <c r="C18651">
        <v>0</v>
      </c>
      <c r="D18651">
        <v>0</v>
      </c>
    </row>
    <row r="18652" spans="1:4" x14ac:dyDescent="0.25">
      <c r="A18652" t="s">
        <v>29473</v>
      </c>
      <c r="B18652" t="s">
        <v>29476</v>
      </c>
      <c r="C18652">
        <v>0</v>
      </c>
      <c r="D18652">
        <v>0</v>
      </c>
    </row>
    <row r="18653" spans="1:4" x14ac:dyDescent="0.25">
      <c r="A18653" t="s">
        <v>29477</v>
      </c>
      <c r="B18653" t="s">
        <v>29478</v>
      </c>
      <c r="C18653">
        <v>2</v>
      </c>
      <c r="D18653">
        <v>0</v>
      </c>
    </row>
    <row r="18654" spans="1:4" x14ac:dyDescent="0.25">
      <c r="A18654" t="s">
        <v>29477</v>
      </c>
      <c r="B18654" t="s">
        <v>29479</v>
      </c>
      <c r="C18654">
        <v>2</v>
      </c>
      <c r="D18654">
        <v>0</v>
      </c>
    </row>
    <row r="18655" spans="1:4" x14ac:dyDescent="0.25">
      <c r="A18655" t="s">
        <v>29480</v>
      </c>
      <c r="B18655" t="s">
        <v>398</v>
      </c>
      <c r="C18655">
        <v>0</v>
      </c>
      <c r="D18655">
        <v>0</v>
      </c>
    </row>
    <row r="18656" spans="1:4" x14ac:dyDescent="0.25">
      <c r="A18656" t="s">
        <v>29480</v>
      </c>
      <c r="B18656" t="s">
        <v>29481</v>
      </c>
      <c r="C18656">
        <v>0</v>
      </c>
      <c r="D18656">
        <v>0</v>
      </c>
    </row>
    <row r="18657" spans="1:4" x14ac:dyDescent="0.25">
      <c r="A18657" t="s">
        <v>29482</v>
      </c>
      <c r="B18657" t="s">
        <v>29483</v>
      </c>
      <c r="C18657">
        <v>1</v>
      </c>
      <c r="D18657">
        <v>0</v>
      </c>
    </row>
    <row r="18658" spans="1:4" x14ac:dyDescent="0.25">
      <c r="A18658" t="s">
        <v>29482</v>
      </c>
      <c r="B18658" t="s">
        <v>29484</v>
      </c>
      <c r="C18658">
        <v>1</v>
      </c>
      <c r="D18658">
        <v>0</v>
      </c>
    </row>
    <row r="18659" spans="1:4" x14ac:dyDescent="0.25">
      <c r="A18659" t="s">
        <v>29485</v>
      </c>
      <c r="B18659" t="s">
        <v>29486</v>
      </c>
      <c r="C18659">
        <v>1</v>
      </c>
      <c r="D18659">
        <v>0</v>
      </c>
    </row>
    <row r="18660" spans="1:4" x14ac:dyDescent="0.25">
      <c r="A18660" t="s">
        <v>29485</v>
      </c>
      <c r="B18660" t="s">
        <v>29487</v>
      </c>
      <c r="C18660">
        <v>0</v>
      </c>
      <c r="D18660">
        <v>0</v>
      </c>
    </row>
    <row r="18661" spans="1:4" x14ac:dyDescent="0.25">
      <c r="A18661" t="s">
        <v>29485</v>
      </c>
      <c r="B18661" t="s">
        <v>29488</v>
      </c>
      <c r="C18661">
        <v>1</v>
      </c>
      <c r="D18661">
        <v>0</v>
      </c>
    </row>
    <row r="18662" spans="1:4" x14ac:dyDescent="0.25">
      <c r="A18662" t="s">
        <v>29489</v>
      </c>
      <c r="B18662" t="s">
        <v>29490</v>
      </c>
      <c r="C18662">
        <v>1</v>
      </c>
      <c r="D18662">
        <v>0</v>
      </c>
    </row>
    <row r="18663" spans="1:4" x14ac:dyDescent="0.25">
      <c r="A18663" t="s">
        <v>29489</v>
      </c>
      <c r="B18663" t="s">
        <v>29491</v>
      </c>
      <c r="C18663">
        <v>1</v>
      </c>
      <c r="D18663">
        <v>0</v>
      </c>
    </row>
    <row r="18664" spans="1:4" x14ac:dyDescent="0.25">
      <c r="A18664" t="s">
        <v>29492</v>
      </c>
      <c r="B18664" t="s">
        <v>29493</v>
      </c>
      <c r="C18664">
        <v>0</v>
      </c>
      <c r="D18664">
        <v>0</v>
      </c>
    </row>
    <row r="18665" spans="1:4" x14ac:dyDescent="0.25">
      <c r="A18665" t="s">
        <v>29492</v>
      </c>
      <c r="B18665" t="s">
        <v>29494</v>
      </c>
      <c r="C18665">
        <v>0</v>
      </c>
      <c r="D18665">
        <v>0</v>
      </c>
    </row>
    <row r="18666" spans="1:4" x14ac:dyDescent="0.25">
      <c r="A18666" t="s">
        <v>29495</v>
      </c>
      <c r="B18666" t="s">
        <v>2061</v>
      </c>
      <c r="C18666">
        <v>0</v>
      </c>
      <c r="D18666">
        <v>0</v>
      </c>
    </row>
    <row r="18667" spans="1:4" x14ac:dyDescent="0.25">
      <c r="A18667" t="s">
        <v>29495</v>
      </c>
      <c r="B18667" t="s">
        <v>1001</v>
      </c>
      <c r="C18667">
        <v>1</v>
      </c>
      <c r="D18667">
        <v>0</v>
      </c>
    </row>
    <row r="18668" spans="1:4" x14ac:dyDescent="0.25">
      <c r="A18668" t="s">
        <v>29496</v>
      </c>
      <c r="B18668" t="s">
        <v>8871</v>
      </c>
      <c r="C18668">
        <v>1</v>
      </c>
      <c r="D18668">
        <v>0</v>
      </c>
    </row>
    <row r="18669" spans="1:4" x14ac:dyDescent="0.25">
      <c r="A18669" t="s">
        <v>29497</v>
      </c>
      <c r="B18669" t="s">
        <v>29498</v>
      </c>
      <c r="C18669">
        <v>1</v>
      </c>
      <c r="D18669">
        <v>0</v>
      </c>
    </row>
    <row r="18670" spans="1:4" x14ac:dyDescent="0.25">
      <c r="A18670" t="s">
        <v>29499</v>
      </c>
      <c r="B18670" t="s">
        <v>29500</v>
      </c>
      <c r="C18670">
        <v>1</v>
      </c>
      <c r="D18670">
        <v>0</v>
      </c>
    </row>
    <row r="18671" spans="1:4" x14ac:dyDescent="0.25">
      <c r="A18671" t="s">
        <v>29501</v>
      </c>
      <c r="B18671" t="s">
        <v>29502</v>
      </c>
      <c r="C18671">
        <v>0</v>
      </c>
      <c r="D18671">
        <v>0</v>
      </c>
    </row>
    <row r="18672" spans="1:4" x14ac:dyDescent="0.25">
      <c r="A18672" t="s">
        <v>29501</v>
      </c>
      <c r="B18672" t="s">
        <v>29503</v>
      </c>
      <c r="C18672">
        <v>0</v>
      </c>
      <c r="D18672">
        <v>0</v>
      </c>
    </row>
    <row r="18673" spans="1:4" x14ac:dyDescent="0.25">
      <c r="A18673" t="s">
        <v>29504</v>
      </c>
      <c r="B18673" t="s">
        <v>29505</v>
      </c>
      <c r="C18673">
        <v>1</v>
      </c>
      <c r="D18673">
        <v>0</v>
      </c>
    </row>
    <row r="18674" spans="1:4" x14ac:dyDescent="0.25">
      <c r="A18674" t="s">
        <v>29504</v>
      </c>
      <c r="B18674" t="s">
        <v>29506</v>
      </c>
      <c r="C18674">
        <v>0</v>
      </c>
      <c r="D18674">
        <v>0</v>
      </c>
    </row>
    <row r="18675" spans="1:4" x14ac:dyDescent="0.25">
      <c r="A18675" t="s">
        <v>29507</v>
      </c>
      <c r="B18675" t="s">
        <v>29508</v>
      </c>
      <c r="C18675">
        <v>0</v>
      </c>
      <c r="D18675">
        <v>0</v>
      </c>
    </row>
    <row r="18676" spans="1:4" x14ac:dyDescent="0.25">
      <c r="A18676" t="s">
        <v>29507</v>
      </c>
      <c r="B18676" t="s">
        <v>29509</v>
      </c>
      <c r="C18676">
        <v>0</v>
      </c>
      <c r="D18676">
        <v>0</v>
      </c>
    </row>
    <row r="18677" spans="1:4" x14ac:dyDescent="0.25">
      <c r="A18677" t="s">
        <v>29510</v>
      </c>
      <c r="B18677" t="s">
        <v>29511</v>
      </c>
      <c r="C18677">
        <v>1</v>
      </c>
      <c r="D18677">
        <v>0</v>
      </c>
    </row>
    <row r="18678" spans="1:4" x14ac:dyDescent="0.25">
      <c r="A18678" t="s">
        <v>29510</v>
      </c>
      <c r="B18678" t="s">
        <v>3334</v>
      </c>
      <c r="C18678">
        <v>0</v>
      </c>
      <c r="D18678">
        <v>0</v>
      </c>
    </row>
    <row r="18679" spans="1:4" x14ac:dyDescent="0.25">
      <c r="A18679" t="s">
        <v>29510</v>
      </c>
      <c r="B18679" t="s">
        <v>29512</v>
      </c>
      <c r="C18679">
        <v>0</v>
      </c>
      <c r="D18679">
        <v>0</v>
      </c>
    </row>
    <row r="18680" spans="1:4" x14ac:dyDescent="0.25">
      <c r="A18680" t="s">
        <v>29513</v>
      </c>
      <c r="B18680" t="s">
        <v>29514</v>
      </c>
      <c r="C18680">
        <v>2</v>
      </c>
      <c r="D18680">
        <v>0</v>
      </c>
    </row>
    <row r="18681" spans="1:4" x14ac:dyDescent="0.25">
      <c r="A18681" t="s">
        <v>29513</v>
      </c>
      <c r="B18681" t="s">
        <v>29515</v>
      </c>
      <c r="C18681">
        <v>2</v>
      </c>
      <c r="D18681">
        <v>0</v>
      </c>
    </row>
    <row r="18682" spans="1:4" x14ac:dyDescent="0.25">
      <c r="A18682" t="s">
        <v>29513</v>
      </c>
      <c r="B18682" t="s">
        <v>29516</v>
      </c>
      <c r="C18682">
        <v>2</v>
      </c>
      <c r="D18682">
        <v>0</v>
      </c>
    </row>
    <row r="18683" spans="1:4" x14ac:dyDescent="0.25">
      <c r="A18683" t="s">
        <v>29517</v>
      </c>
      <c r="B18683" t="s">
        <v>29518</v>
      </c>
      <c r="C18683">
        <v>0</v>
      </c>
      <c r="D18683">
        <v>0</v>
      </c>
    </row>
    <row r="18684" spans="1:4" x14ac:dyDescent="0.25">
      <c r="A18684" t="s">
        <v>29517</v>
      </c>
      <c r="B18684" t="s">
        <v>29519</v>
      </c>
      <c r="C18684">
        <v>0</v>
      </c>
      <c r="D18684">
        <v>0</v>
      </c>
    </row>
    <row r="18685" spans="1:4" x14ac:dyDescent="0.25">
      <c r="A18685" t="s">
        <v>29517</v>
      </c>
      <c r="B18685" t="s">
        <v>29520</v>
      </c>
      <c r="C18685">
        <v>0</v>
      </c>
      <c r="D18685">
        <v>0</v>
      </c>
    </row>
    <row r="18686" spans="1:4" x14ac:dyDescent="0.25">
      <c r="A18686" t="s">
        <v>29521</v>
      </c>
      <c r="B18686" t="s">
        <v>29522</v>
      </c>
      <c r="C18686">
        <v>2</v>
      </c>
      <c r="D18686">
        <v>0</v>
      </c>
    </row>
    <row r="18687" spans="1:4" x14ac:dyDescent="0.25">
      <c r="A18687" t="s">
        <v>29521</v>
      </c>
      <c r="B18687" t="s">
        <v>5864</v>
      </c>
      <c r="C18687">
        <v>1</v>
      </c>
      <c r="D18687">
        <v>0</v>
      </c>
    </row>
    <row r="18688" spans="1:4" x14ac:dyDescent="0.25">
      <c r="A18688" t="s">
        <v>29521</v>
      </c>
      <c r="B18688" t="s">
        <v>29523</v>
      </c>
      <c r="C18688">
        <v>0</v>
      </c>
      <c r="D18688">
        <v>0</v>
      </c>
    </row>
    <row r="18689" spans="1:4" x14ac:dyDescent="0.25">
      <c r="A18689" t="s">
        <v>29524</v>
      </c>
      <c r="B18689" t="s">
        <v>29525</v>
      </c>
      <c r="C18689">
        <v>2</v>
      </c>
      <c r="D18689">
        <v>0</v>
      </c>
    </row>
    <row r="18690" spans="1:4" x14ac:dyDescent="0.25">
      <c r="A18690" t="s">
        <v>29524</v>
      </c>
      <c r="B18690" t="s">
        <v>29526</v>
      </c>
      <c r="C18690">
        <v>1</v>
      </c>
      <c r="D18690">
        <v>0</v>
      </c>
    </row>
    <row r="18691" spans="1:4" x14ac:dyDescent="0.25">
      <c r="A18691" t="s">
        <v>29524</v>
      </c>
      <c r="B18691" t="s">
        <v>29527</v>
      </c>
      <c r="C18691">
        <v>0</v>
      </c>
      <c r="D18691">
        <v>0</v>
      </c>
    </row>
    <row r="18692" spans="1:4" x14ac:dyDescent="0.25">
      <c r="A18692" t="s">
        <v>29528</v>
      </c>
      <c r="B18692" t="s">
        <v>12217</v>
      </c>
      <c r="C18692">
        <v>1</v>
      </c>
      <c r="D18692">
        <v>0</v>
      </c>
    </row>
    <row r="18693" spans="1:4" x14ac:dyDescent="0.25">
      <c r="A18693" t="s">
        <v>29529</v>
      </c>
      <c r="B18693" t="s">
        <v>29530</v>
      </c>
      <c r="C18693">
        <v>0</v>
      </c>
      <c r="D18693">
        <v>0</v>
      </c>
    </row>
    <row r="18694" spans="1:4" x14ac:dyDescent="0.25">
      <c r="A18694" t="s">
        <v>29531</v>
      </c>
      <c r="B18694" t="s">
        <v>1001</v>
      </c>
      <c r="C18694">
        <v>1</v>
      </c>
      <c r="D18694">
        <v>0</v>
      </c>
    </row>
    <row r="18695" spans="1:4" x14ac:dyDescent="0.25">
      <c r="A18695" t="s">
        <v>29531</v>
      </c>
      <c r="B18695" t="s">
        <v>29532</v>
      </c>
      <c r="C18695">
        <v>2</v>
      </c>
      <c r="D18695">
        <v>0</v>
      </c>
    </row>
    <row r="18696" spans="1:4" x14ac:dyDescent="0.25">
      <c r="A18696" t="s">
        <v>29531</v>
      </c>
      <c r="B18696" t="s">
        <v>29533</v>
      </c>
      <c r="C18696">
        <v>0</v>
      </c>
      <c r="D18696">
        <v>0</v>
      </c>
    </row>
    <row r="18697" spans="1:4" x14ac:dyDescent="0.25">
      <c r="A18697" t="s">
        <v>29534</v>
      </c>
      <c r="B18697" t="s">
        <v>29535</v>
      </c>
      <c r="C18697">
        <v>1</v>
      </c>
      <c r="D18697">
        <v>0</v>
      </c>
    </row>
    <row r="18698" spans="1:4" x14ac:dyDescent="0.25">
      <c r="A18698" t="s">
        <v>29536</v>
      </c>
      <c r="B18698" t="s">
        <v>29537</v>
      </c>
      <c r="C18698">
        <v>0</v>
      </c>
      <c r="D18698">
        <v>0</v>
      </c>
    </row>
    <row r="18699" spans="1:4" x14ac:dyDescent="0.25">
      <c r="A18699" t="s">
        <v>29538</v>
      </c>
      <c r="B18699" t="s">
        <v>29539</v>
      </c>
      <c r="C18699">
        <v>0</v>
      </c>
      <c r="D18699">
        <v>0</v>
      </c>
    </row>
    <row r="18700" spans="1:4" x14ac:dyDescent="0.25">
      <c r="A18700" t="s">
        <v>29540</v>
      </c>
      <c r="B18700" t="s">
        <v>1423</v>
      </c>
      <c r="C18700">
        <v>1</v>
      </c>
      <c r="D18700">
        <v>0</v>
      </c>
    </row>
    <row r="18701" spans="1:4" x14ac:dyDescent="0.25">
      <c r="A18701" t="s">
        <v>29540</v>
      </c>
      <c r="B18701" t="s">
        <v>29541</v>
      </c>
      <c r="C18701">
        <v>0</v>
      </c>
      <c r="D18701">
        <v>0</v>
      </c>
    </row>
    <row r="18702" spans="1:4" x14ac:dyDescent="0.25">
      <c r="A18702" t="s">
        <v>29540</v>
      </c>
      <c r="B18702" t="s">
        <v>29542</v>
      </c>
      <c r="C18702">
        <v>2</v>
      </c>
      <c r="D18702">
        <v>0</v>
      </c>
    </row>
    <row r="18703" spans="1:4" x14ac:dyDescent="0.25">
      <c r="A18703" t="s">
        <v>29543</v>
      </c>
      <c r="B18703" t="s">
        <v>29544</v>
      </c>
      <c r="C18703">
        <v>0</v>
      </c>
      <c r="D18703">
        <v>0</v>
      </c>
    </row>
    <row r="18704" spans="1:4" x14ac:dyDescent="0.25">
      <c r="A18704" t="s">
        <v>29545</v>
      </c>
      <c r="B18704" t="s">
        <v>852</v>
      </c>
      <c r="C18704">
        <v>0</v>
      </c>
      <c r="D18704">
        <v>0</v>
      </c>
    </row>
    <row r="18705" spans="1:4" x14ac:dyDescent="0.25">
      <c r="A18705" t="s">
        <v>29545</v>
      </c>
      <c r="B18705" t="s">
        <v>816</v>
      </c>
      <c r="C18705">
        <v>1</v>
      </c>
      <c r="D18705">
        <v>0</v>
      </c>
    </row>
    <row r="18706" spans="1:4" x14ac:dyDescent="0.25">
      <c r="A18706" t="s">
        <v>29546</v>
      </c>
      <c r="B18706" t="s">
        <v>29547</v>
      </c>
      <c r="C18706">
        <v>1</v>
      </c>
      <c r="D18706">
        <v>0</v>
      </c>
    </row>
    <row r="18707" spans="1:4" x14ac:dyDescent="0.25">
      <c r="A18707" t="s">
        <v>29548</v>
      </c>
      <c r="B18707" t="s">
        <v>1401</v>
      </c>
      <c r="C18707">
        <v>0</v>
      </c>
      <c r="D18707">
        <v>0</v>
      </c>
    </row>
    <row r="18708" spans="1:4" x14ac:dyDescent="0.25">
      <c r="A18708" t="s">
        <v>29548</v>
      </c>
      <c r="B18708" t="s">
        <v>29549</v>
      </c>
      <c r="C18708">
        <v>1</v>
      </c>
      <c r="D18708">
        <v>0</v>
      </c>
    </row>
    <row r="18709" spans="1:4" x14ac:dyDescent="0.25">
      <c r="A18709" t="s">
        <v>29550</v>
      </c>
      <c r="B18709" t="s">
        <v>29551</v>
      </c>
      <c r="C18709">
        <v>1</v>
      </c>
      <c r="D18709">
        <v>0</v>
      </c>
    </row>
    <row r="18710" spans="1:4" x14ac:dyDescent="0.25">
      <c r="A18710" t="s">
        <v>29550</v>
      </c>
      <c r="B18710" t="s">
        <v>29552</v>
      </c>
      <c r="C18710">
        <v>2</v>
      </c>
      <c r="D18710">
        <v>0</v>
      </c>
    </row>
    <row r="18711" spans="1:4" x14ac:dyDescent="0.25">
      <c r="A18711" t="s">
        <v>29550</v>
      </c>
      <c r="B18711" t="s">
        <v>29553</v>
      </c>
      <c r="C18711">
        <v>1</v>
      </c>
      <c r="D18711">
        <v>0</v>
      </c>
    </row>
    <row r="18712" spans="1:4" x14ac:dyDescent="0.25">
      <c r="A18712" t="s">
        <v>29554</v>
      </c>
      <c r="B18712" t="s">
        <v>29555</v>
      </c>
      <c r="C18712">
        <v>2</v>
      </c>
      <c r="D18712">
        <v>0</v>
      </c>
    </row>
    <row r="18713" spans="1:4" x14ac:dyDescent="0.25">
      <c r="A18713" t="s">
        <v>29556</v>
      </c>
      <c r="B18713" t="s">
        <v>29557</v>
      </c>
      <c r="C18713">
        <v>2</v>
      </c>
      <c r="D18713">
        <v>0</v>
      </c>
    </row>
    <row r="18714" spans="1:4" x14ac:dyDescent="0.25">
      <c r="A18714" t="s">
        <v>29558</v>
      </c>
      <c r="B18714" t="s">
        <v>29559</v>
      </c>
      <c r="C18714">
        <v>2</v>
      </c>
      <c r="D18714">
        <v>0</v>
      </c>
    </row>
    <row r="18715" spans="1:4" x14ac:dyDescent="0.25">
      <c r="A18715" t="s">
        <v>29560</v>
      </c>
      <c r="B18715" t="s">
        <v>29561</v>
      </c>
      <c r="C18715">
        <v>0</v>
      </c>
      <c r="D18715">
        <v>0</v>
      </c>
    </row>
    <row r="18716" spans="1:4" x14ac:dyDescent="0.25">
      <c r="A18716" t="s">
        <v>29560</v>
      </c>
      <c r="B18716" t="s">
        <v>29562</v>
      </c>
      <c r="C18716">
        <v>0</v>
      </c>
      <c r="D18716">
        <v>0</v>
      </c>
    </row>
    <row r="18717" spans="1:4" x14ac:dyDescent="0.25">
      <c r="A18717" t="s">
        <v>29563</v>
      </c>
      <c r="B18717" t="s">
        <v>29564</v>
      </c>
      <c r="C18717">
        <v>2</v>
      </c>
      <c r="D18717">
        <v>0</v>
      </c>
    </row>
    <row r="18718" spans="1:4" x14ac:dyDescent="0.25">
      <c r="A18718" t="s">
        <v>29563</v>
      </c>
      <c r="B18718" t="s">
        <v>29565</v>
      </c>
      <c r="C18718">
        <v>1</v>
      </c>
      <c r="D18718">
        <v>0</v>
      </c>
    </row>
    <row r="18719" spans="1:4" x14ac:dyDescent="0.25">
      <c r="A18719" t="s">
        <v>29563</v>
      </c>
      <c r="B18719" t="s">
        <v>29566</v>
      </c>
      <c r="C18719">
        <v>2</v>
      </c>
      <c r="D18719">
        <v>0</v>
      </c>
    </row>
    <row r="18720" spans="1:4" x14ac:dyDescent="0.25">
      <c r="A18720" t="s">
        <v>29567</v>
      </c>
      <c r="B18720" t="s">
        <v>29568</v>
      </c>
      <c r="C18720">
        <v>2</v>
      </c>
      <c r="D18720">
        <v>0</v>
      </c>
    </row>
    <row r="18721" spans="1:4" x14ac:dyDescent="0.25">
      <c r="A18721" t="s">
        <v>29569</v>
      </c>
      <c r="B18721" t="s">
        <v>29570</v>
      </c>
      <c r="C18721">
        <v>1</v>
      </c>
      <c r="D18721">
        <v>0</v>
      </c>
    </row>
    <row r="18722" spans="1:4" x14ac:dyDescent="0.25">
      <c r="A18722" t="s">
        <v>29569</v>
      </c>
      <c r="B18722" t="s">
        <v>29571</v>
      </c>
      <c r="C18722">
        <v>2</v>
      </c>
      <c r="D18722">
        <v>0</v>
      </c>
    </row>
    <row r="18723" spans="1:4" x14ac:dyDescent="0.25">
      <c r="A18723" t="s">
        <v>29569</v>
      </c>
      <c r="B18723" t="s">
        <v>29572</v>
      </c>
      <c r="C18723">
        <v>0</v>
      </c>
      <c r="D18723">
        <v>0</v>
      </c>
    </row>
    <row r="18724" spans="1:4" x14ac:dyDescent="0.25">
      <c r="A18724" t="s">
        <v>29573</v>
      </c>
      <c r="B18724" t="s">
        <v>29574</v>
      </c>
      <c r="C18724">
        <v>1</v>
      </c>
      <c r="D18724">
        <v>0</v>
      </c>
    </row>
    <row r="18725" spans="1:4" x14ac:dyDescent="0.25">
      <c r="A18725" t="s">
        <v>29573</v>
      </c>
      <c r="B18725" t="s">
        <v>29575</v>
      </c>
      <c r="C18725">
        <v>2</v>
      </c>
      <c r="D18725">
        <v>0</v>
      </c>
    </row>
    <row r="18726" spans="1:4" x14ac:dyDescent="0.25">
      <c r="A18726" t="s">
        <v>29573</v>
      </c>
      <c r="B18726" t="s">
        <v>29576</v>
      </c>
      <c r="C18726">
        <v>2</v>
      </c>
      <c r="D18726">
        <v>0</v>
      </c>
    </row>
    <row r="18727" spans="1:4" x14ac:dyDescent="0.25">
      <c r="A18727" t="s">
        <v>29577</v>
      </c>
      <c r="B18727" t="s">
        <v>29578</v>
      </c>
      <c r="C18727">
        <v>0</v>
      </c>
      <c r="D18727">
        <v>0</v>
      </c>
    </row>
    <row r="18728" spans="1:4" x14ac:dyDescent="0.25">
      <c r="A18728" t="s">
        <v>29579</v>
      </c>
      <c r="B18728" t="s">
        <v>29580</v>
      </c>
      <c r="C18728">
        <v>1</v>
      </c>
      <c r="D18728">
        <v>0</v>
      </c>
    </row>
    <row r="18729" spans="1:4" x14ac:dyDescent="0.25">
      <c r="A18729" t="s">
        <v>29579</v>
      </c>
      <c r="B18729" t="s">
        <v>29581</v>
      </c>
      <c r="C18729">
        <v>0</v>
      </c>
      <c r="D18729">
        <v>0</v>
      </c>
    </row>
    <row r="18730" spans="1:4" x14ac:dyDescent="0.25">
      <c r="A18730" t="s">
        <v>29582</v>
      </c>
      <c r="B18730" t="s">
        <v>29583</v>
      </c>
      <c r="C18730">
        <v>0</v>
      </c>
      <c r="D18730">
        <v>0</v>
      </c>
    </row>
    <row r="18731" spans="1:4" x14ac:dyDescent="0.25">
      <c r="A18731" t="s">
        <v>29584</v>
      </c>
      <c r="B18731" t="s">
        <v>29585</v>
      </c>
      <c r="C18731">
        <v>0</v>
      </c>
      <c r="D18731">
        <v>0</v>
      </c>
    </row>
    <row r="18732" spans="1:4" x14ac:dyDescent="0.25">
      <c r="A18732" t="s">
        <v>29586</v>
      </c>
      <c r="B18732" t="s">
        <v>29587</v>
      </c>
      <c r="C18732">
        <v>2</v>
      </c>
      <c r="D18732">
        <v>0</v>
      </c>
    </row>
    <row r="18733" spans="1:4" x14ac:dyDescent="0.25">
      <c r="A18733" t="s">
        <v>29586</v>
      </c>
      <c r="B18733" t="s">
        <v>29588</v>
      </c>
      <c r="C18733">
        <v>2</v>
      </c>
      <c r="D18733">
        <v>0</v>
      </c>
    </row>
    <row r="18734" spans="1:4" x14ac:dyDescent="0.25">
      <c r="A18734" t="s">
        <v>29586</v>
      </c>
      <c r="B18734" t="s">
        <v>29589</v>
      </c>
      <c r="C18734">
        <v>1</v>
      </c>
      <c r="D18734">
        <v>0</v>
      </c>
    </row>
    <row r="18735" spans="1:4" x14ac:dyDescent="0.25">
      <c r="A18735" t="s">
        <v>29590</v>
      </c>
      <c r="B18735" t="s">
        <v>29591</v>
      </c>
      <c r="C18735">
        <v>1</v>
      </c>
      <c r="D18735">
        <v>0</v>
      </c>
    </row>
    <row r="18736" spans="1:4" x14ac:dyDescent="0.25">
      <c r="A18736" t="s">
        <v>29590</v>
      </c>
      <c r="B18736" t="s">
        <v>29592</v>
      </c>
      <c r="C18736">
        <v>1</v>
      </c>
      <c r="D18736">
        <v>0</v>
      </c>
    </row>
    <row r="18737" spans="1:4" x14ac:dyDescent="0.25">
      <c r="A18737" t="s">
        <v>29590</v>
      </c>
      <c r="B18737" t="s">
        <v>29593</v>
      </c>
      <c r="C18737">
        <v>2</v>
      </c>
      <c r="D18737">
        <v>0</v>
      </c>
    </row>
    <row r="18738" spans="1:4" x14ac:dyDescent="0.25">
      <c r="A18738" t="s">
        <v>29594</v>
      </c>
      <c r="B18738" t="s">
        <v>29595</v>
      </c>
      <c r="C18738">
        <v>2</v>
      </c>
      <c r="D18738">
        <v>0</v>
      </c>
    </row>
    <row r="18739" spans="1:4" x14ac:dyDescent="0.25">
      <c r="A18739" t="s">
        <v>29594</v>
      </c>
      <c r="B18739" t="s">
        <v>29596</v>
      </c>
      <c r="C18739">
        <v>1</v>
      </c>
      <c r="D18739">
        <v>0</v>
      </c>
    </row>
    <row r="18740" spans="1:4" x14ac:dyDescent="0.25">
      <c r="A18740" t="s">
        <v>29594</v>
      </c>
      <c r="B18740" t="s">
        <v>29597</v>
      </c>
      <c r="C18740">
        <v>1</v>
      </c>
      <c r="D18740">
        <v>0</v>
      </c>
    </row>
    <row r="18741" spans="1:4" x14ac:dyDescent="0.25">
      <c r="A18741" t="s">
        <v>29598</v>
      </c>
      <c r="B18741" t="s">
        <v>29599</v>
      </c>
      <c r="C18741">
        <v>1</v>
      </c>
      <c r="D18741">
        <v>0</v>
      </c>
    </row>
    <row r="18742" spans="1:4" x14ac:dyDescent="0.25">
      <c r="A18742" t="s">
        <v>29598</v>
      </c>
      <c r="B18742" t="s">
        <v>29600</v>
      </c>
      <c r="C18742">
        <v>1</v>
      </c>
      <c r="D18742">
        <v>0</v>
      </c>
    </row>
    <row r="18743" spans="1:4" x14ac:dyDescent="0.25">
      <c r="A18743" t="s">
        <v>29598</v>
      </c>
      <c r="B18743" t="s">
        <v>29601</v>
      </c>
      <c r="C18743">
        <v>1</v>
      </c>
      <c r="D18743">
        <v>0</v>
      </c>
    </row>
    <row r="18744" spans="1:4" x14ac:dyDescent="0.25">
      <c r="A18744" t="s">
        <v>29602</v>
      </c>
      <c r="B18744" t="s">
        <v>29603</v>
      </c>
      <c r="C18744">
        <v>1</v>
      </c>
      <c r="D18744">
        <v>0</v>
      </c>
    </row>
    <row r="18745" spans="1:4" x14ac:dyDescent="0.25">
      <c r="A18745" t="s">
        <v>29602</v>
      </c>
      <c r="B18745" t="s">
        <v>29604</v>
      </c>
      <c r="C18745">
        <v>2</v>
      </c>
      <c r="D18745">
        <v>0</v>
      </c>
    </row>
    <row r="18746" spans="1:4" x14ac:dyDescent="0.25">
      <c r="A18746" t="s">
        <v>29605</v>
      </c>
      <c r="B18746" t="s">
        <v>29606</v>
      </c>
      <c r="C18746">
        <v>0</v>
      </c>
      <c r="D18746">
        <v>0</v>
      </c>
    </row>
    <row r="18747" spans="1:4" x14ac:dyDescent="0.25">
      <c r="A18747" t="s">
        <v>29607</v>
      </c>
      <c r="B18747" t="s">
        <v>29608</v>
      </c>
      <c r="C18747">
        <v>2</v>
      </c>
      <c r="D18747">
        <v>0</v>
      </c>
    </row>
    <row r="18748" spans="1:4" x14ac:dyDescent="0.25">
      <c r="A18748" t="s">
        <v>29607</v>
      </c>
      <c r="B18748" t="s">
        <v>4557</v>
      </c>
      <c r="C18748">
        <v>0</v>
      </c>
      <c r="D18748">
        <v>0</v>
      </c>
    </row>
    <row r="18749" spans="1:4" x14ac:dyDescent="0.25">
      <c r="A18749" t="s">
        <v>29609</v>
      </c>
      <c r="B18749" t="s">
        <v>29610</v>
      </c>
      <c r="C18749">
        <v>1</v>
      </c>
      <c r="D18749">
        <v>0</v>
      </c>
    </row>
    <row r="18750" spans="1:4" x14ac:dyDescent="0.25">
      <c r="A18750" t="s">
        <v>29609</v>
      </c>
      <c r="B18750" t="s">
        <v>29611</v>
      </c>
      <c r="C18750">
        <v>1</v>
      </c>
      <c r="D18750">
        <v>0</v>
      </c>
    </row>
    <row r="18751" spans="1:4" x14ac:dyDescent="0.25">
      <c r="A18751" t="s">
        <v>29609</v>
      </c>
      <c r="B18751" t="s">
        <v>29612</v>
      </c>
      <c r="C18751">
        <v>1</v>
      </c>
      <c r="D18751">
        <v>0</v>
      </c>
    </row>
    <row r="18752" spans="1:4" x14ac:dyDescent="0.25">
      <c r="A18752" t="s">
        <v>29613</v>
      </c>
      <c r="B18752" t="s">
        <v>29614</v>
      </c>
      <c r="C18752">
        <v>1</v>
      </c>
      <c r="D18752">
        <v>0</v>
      </c>
    </row>
    <row r="18753" spans="1:4" x14ac:dyDescent="0.25">
      <c r="A18753" t="s">
        <v>29613</v>
      </c>
      <c r="B18753" t="s">
        <v>29615</v>
      </c>
      <c r="C18753">
        <v>2</v>
      </c>
      <c r="D18753">
        <v>0</v>
      </c>
    </row>
    <row r="18754" spans="1:4" x14ac:dyDescent="0.25">
      <c r="A18754" t="s">
        <v>29613</v>
      </c>
      <c r="B18754" t="s">
        <v>29616</v>
      </c>
      <c r="C18754">
        <v>0</v>
      </c>
      <c r="D18754">
        <v>0</v>
      </c>
    </row>
    <row r="18755" spans="1:4" x14ac:dyDescent="0.25">
      <c r="A18755" t="s">
        <v>29617</v>
      </c>
      <c r="B18755" t="s">
        <v>29618</v>
      </c>
      <c r="C18755">
        <v>2</v>
      </c>
      <c r="D18755">
        <v>0</v>
      </c>
    </row>
    <row r="18756" spans="1:4" x14ac:dyDescent="0.25">
      <c r="A18756" t="s">
        <v>29617</v>
      </c>
      <c r="B18756" t="s">
        <v>29619</v>
      </c>
      <c r="C18756">
        <v>0</v>
      </c>
      <c r="D18756">
        <v>0</v>
      </c>
    </row>
    <row r="18757" spans="1:4" x14ac:dyDescent="0.25">
      <c r="A18757" t="s">
        <v>29620</v>
      </c>
      <c r="B18757" t="s">
        <v>29621</v>
      </c>
      <c r="C18757">
        <v>0</v>
      </c>
      <c r="D18757">
        <v>0</v>
      </c>
    </row>
    <row r="18758" spans="1:4" x14ac:dyDescent="0.25">
      <c r="A18758" t="s">
        <v>29622</v>
      </c>
      <c r="B18758" t="s">
        <v>29623</v>
      </c>
      <c r="C18758">
        <v>0</v>
      </c>
      <c r="D18758">
        <v>0</v>
      </c>
    </row>
    <row r="18759" spans="1:4" x14ac:dyDescent="0.25">
      <c r="A18759" t="s">
        <v>29622</v>
      </c>
      <c r="B18759" t="s">
        <v>29624</v>
      </c>
      <c r="C18759">
        <v>0</v>
      </c>
      <c r="D18759">
        <v>0</v>
      </c>
    </row>
    <row r="18760" spans="1:4" x14ac:dyDescent="0.25">
      <c r="A18760" t="s">
        <v>29622</v>
      </c>
      <c r="B18760" t="s">
        <v>29625</v>
      </c>
      <c r="C18760">
        <v>0</v>
      </c>
      <c r="D18760">
        <v>0</v>
      </c>
    </row>
    <row r="18761" spans="1:4" x14ac:dyDescent="0.25">
      <c r="A18761" t="s">
        <v>29626</v>
      </c>
      <c r="B18761" t="s">
        <v>29627</v>
      </c>
      <c r="C18761">
        <v>0</v>
      </c>
      <c r="D18761">
        <v>0</v>
      </c>
    </row>
    <row r="18762" spans="1:4" x14ac:dyDescent="0.25">
      <c r="A18762" t="s">
        <v>29626</v>
      </c>
      <c r="B18762" t="s">
        <v>29628</v>
      </c>
      <c r="C18762">
        <v>1</v>
      </c>
      <c r="D18762">
        <v>0</v>
      </c>
    </row>
    <row r="18763" spans="1:4" x14ac:dyDescent="0.25">
      <c r="A18763" t="s">
        <v>29629</v>
      </c>
      <c r="B18763" t="s">
        <v>29630</v>
      </c>
      <c r="C18763">
        <v>2</v>
      </c>
      <c r="D18763">
        <v>0</v>
      </c>
    </row>
    <row r="18764" spans="1:4" x14ac:dyDescent="0.25">
      <c r="A18764" t="s">
        <v>29629</v>
      </c>
      <c r="B18764" t="s">
        <v>4117</v>
      </c>
      <c r="C18764">
        <v>0</v>
      </c>
      <c r="D18764">
        <v>0</v>
      </c>
    </row>
    <row r="18765" spans="1:4" x14ac:dyDescent="0.25">
      <c r="A18765" t="s">
        <v>29631</v>
      </c>
      <c r="B18765" t="s">
        <v>29632</v>
      </c>
      <c r="C18765">
        <v>1</v>
      </c>
      <c r="D18765">
        <v>0</v>
      </c>
    </row>
    <row r="18766" spans="1:4" x14ac:dyDescent="0.25">
      <c r="A18766" t="s">
        <v>29631</v>
      </c>
      <c r="B18766" t="s">
        <v>29633</v>
      </c>
      <c r="C18766">
        <v>0</v>
      </c>
      <c r="D18766">
        <v>0</v>
      </c>
    </row>
    <row r="18767" spans="1:4" x14ac:dyDescent="0.25">
      <c r="A18767" t="s">
        <v>29631</v>
      </c>
      <c r="B18767" t="s">
        <v>29634</v>
      </c>
      <c r="C18767">
        <v>0</v>
      </c>
      <c r="D18767">
        <v>0</v>
      </c>
    </row>
    <row r="18768" spans="1:4" x14ac:dyDescent="0.25">
      <c r="A18768" t="s">
        <v>29635</v>
      </c>
      <c r="B18768" t="s">
        <v>29636</v>
      </c>
      <c r="C18768">
        <v>1</v>
      </c>
      <c r="D18768">
        <v>0</v>
      </c>
    </row>
    <row r="18769" spans="1:4" x14ac:dyDescent="0.25">
      <c r="A18769" t="s">
        <v>29637</v>
      </c>
      <c r="B18769" t="s">
        <v>29638</v>
      </c>
      <c r="C18769">
        <v>2</v>
      </c>
      <c r="D18769">
        <v>0</v>
      </c>
    </row>
    <row r="18770" spans="1:4" x14ac:dyDescent="0.25">
      <c r="A18770" t="s">
        <v>29637</v>
      </c>
      <c r="B18770" t="s">
        <v>29639</v>
      </c>
      <c r="C18770">
        <v>0</v>
      </c>
      <c r="D18770">
        <v>0</v>
      </c>
    </row>
    <row r="18771" spans="1:4" x14ac:dyDescent="0.25">
      <c r="A18771" t="s">
        <v>29637</v>
      </c>
      <c r="B18771" t="s">
        <v>29640</v>
      </c>
      <c r="C18771">
        <v>1</v>
      </c>
      <c r="D18771">
        <v>0</v>
      </c>
    </row>
    <row r="18772" spans="1:4" x14ac:dyDescent="0.25">
      <c r="A18772" t="s">
        <v>29641</v>
      </c>
      <c r="B18772" t="s">
        <v>29642</v>
      </c>
      <c r="C18772">
        <v>0</v>
      </c>
      <c r="D18772">
        <v>0</v>
      </c>
    </row>
    <row r="18773" spans="1:4" x14ac:dyDescent="0.25">
      <c r="A18773" t="s">
        <v>29641</v>
      </c>
      <c r="B18773" t="s">
        <v>29643</v>
      </c>
      <c r="C18773">
        <v>0</v>
      </c>
      <c r="D18773">
        <v>0</v>
      </c>
    </row>
    <row r="18774" spans="1:4" x14ac:dyDescent="0.25">
      <c r="A18774" t="s">
        <v>29641</v>
      </c>
      <c r="B18774" t="s">
        <v>29644</v>
      </c>
      <c r="C18774">
        <v>0</v>
      </c>
      <c r="D18774">
        <v>0</v>
      </c>
    </row>
    <row r="18775" spans="1:4" x14ac:dyDescent="0.25">
      <c r="A18775" t="s">
        <v>29645</v>
      </c>
      <c r="B18775" t="s">
        <v>29646</v>
      </c>
      <c r="C18775">
        <v>0</v>
      </c>
      <c r="D18775">
        <v>0</v>
      </c>
    </row>
    <row r="18776" spans="1:4" x14ac:dyDescent="0.25">
      <c r="A18776" t="s">
        <v>29647</v>
      </c>
      <c r="B18776" t="s">
        <v>29648</v>
      </c>
      <c r="C18776">
        <v>1</v>
      </c>
      <c r="D18776">
        <v>0</v>
      </c>
    </row>
    <row r="18777" spans="1:4" x14ac:dyDescent="0.25">
      <c r="A18777" t="s">
        <v>29647</v>
      </c>
      <c r="B18777" t="s">
        <v>29649</v>
      </c>
      <c r="C18777">
        <v>2</v>
      </c>
      <c r="D18777">
        <v>0</v>
      </c>
    </row>
    <row r="18778" spans="1:4" x14ac:dyDescent="0.25">
      <c r="A18778" t="s">
        <v>29650</v>
      </c>
      <c r="B18778" t="s">
        <v>29651</v>
      </c>
      <c r="C18778">
        <v>1</v>
      </c>
      <c r="D18778">
        <v>0</v>
      </c>
    </row>
    <row r="18779" spans="1:4" x14ac:dyDescent="0.25">
      <c r="A18779" t="s">
        <v>29650</v>
      </c>
      <c r="B18779" t="s">
        <v>29652</v>
      </c>
      <c r="C18779">
        <v>1</v>
      </c>
      <c r="D18779">
        <v>0</v>
      </c>
    </row>
    <row r="18780" spans="1:4" x14ac:dyDescent="0.25">
      <c r="A18780" t="s">
        <v>29650</v>
      </c>
      <c r="B18780" t="s">
        <v>29653</v>
      </c>
      <c r="C18780">
        <v>1</v>
      </c>
      <c r="D18780">
        <v>0</v>
      </c>
    </row>
    <row r="18781" spans="1:4" x14ac:dyDescent="0.25">
      <c r="A18781" t="s">
        <v>29654</v>
      </c>
      <c r="B18781" t="s">
        <v>1001</v>
      </c>
      <c r="C18781">
        <v>1</v>
      </c>
      <c r="D18781">
        <v>0</v>
      </c>
    </row>
    <row r="18782" spans="1:4" x14ac:dyDescent="0.25">
      <c r="A18782" t="s">
        <v>29654</v>
      </c>
      <c r="B18782" t="s">
        <v>29655</v>
      </c>
      <c r="C18782">
        <v>0</v>
      </c>
      <c r="D18782">
        <v>0</v>
      </c>
    </row>
    <row r="18783" spans="1:4" x14ac:dyDescent="0.25">
      <c r="A18783" t="s">
        <v>29654</v>
      </c>
      <c r="B18783" t="s">
        <v>2061</v>
      </c>
      <c r="C18783">
        <v>0</v>
      </c>
      <c r="D18783">
        <v>0</v>
      </c>
    </row>
    <row r="18784" spans="1:4" x14ac:dyDescent="0.25">
      <c r="A18784" t="s">
        <v>29656</v>
      </c>
      <c r="B18784" t="s">
        <v>29657</v>
      </c>
      <c r="C18784">
        <v>1</v>
      </c>
      <c r="D18784">
        <v>0</v>
      </c>
    </row>
    <row r="18785" spans="1:4" x14ac:dyDescent="0.25">
      <c r="A18785" t="s">
        <v>29656</v>
      </c>
      <c r="B18785" t="s">
        <v>29658</v>
      </c>
      <c r="C18785">
        <v>1</v>
      </c>
      <c r="D18785">
        <v>0</v>
      </c>
    </row>
    <row r="18786" spans="1:4" x14ac:dyDescent="0.25">
      <c r="A18786" t="s">
        <v>29656</v>
      </c>
      <c r="B18786" t="s">
        <v>29659</v>
      </c>
      <c r="C18786">
        <v>1</v>
      </c>
      <c r="D18786">
        <v>0</v>
      </c>
    </row>
    <row r="18787" spans="1:4" x14ac:dyDescent="0.25">
      <c r="A18787" t="s">
        <v>29660</v>
      </c>
      <c r="B18787" t="s">
        <v>29661</v>
      </c>
      <c r="C18787">
        <v>0</v>
      </c>
      <c r="D18787">
        <v>0</v>
      </c>
    </row>
    <row r="18788" spans="1:4" x14ac:dyDescent="0.25">
      <c r="A18788" t="s">
        <v>29662</v>
      </c>
      <c r="B18788" t="s">
        <v>29663</v>
      </c>
      <c r="C18788">
        <v>1</v>
      </c>
      <c r="D18788">
        <v>0</v>
      </c>
    </row>
    <row r="18789" spans="1:4" x14ac:dyDescent="0.25">
      <c r="A18789" t="s">
        <v>29662</v>
      </c>
      <c r="B18789" t="s">
        <v>29664</v>
      </c>
      <c r="C18789">
        <v>0</v>
      </c>
      <c r="D18789">
        <v>0</v>
      </c>
    </row>
    <row r="18790" spans="1:4" x14ac:dyDescent="0.25">
      <c r="A18790" t="s">
        <v>29662</v>
      </c>
      <c r="B18790" t="s">
        <v>843</v>
      </c>
      <c r="C18790">
        <v>1</v>
      </c>
      <c r="D18790">
        <v>0</v>
      </c>
    </row>
    <row r="18791" spans="1:4" x14ac:dyDescent="0.25">
      <c r="A18791" t="s">
        <v>29665</v>
      </c>
      <c r="B18791" t="s">
        <v>13685</v>
      </c>
      <c r="C18791">
        <v>0</v>
      </c>
      <c r="D18791">
        <v>0</v>
      </c>
    </row>
    <row r="18792" spans="1:4" x14ac:dyDescent="0.25">
      <c r="A18792" t="s">
        <v>29665</v>
      </c>
      <c r="B18792" t="s">
        <v>29666</v>
      </c>
      <c r="C18792">
        <v>1</v>
      </c>
      <c r="D18792">
        <v>0</v>
      </c>
    </row>
    <row r="18793" spans="1:4" x14ac:dyDescent="0.25">
      <c r="A18793" t="s">
        <v>29665</v>
      </c>
      <c r="B18793" t="s">
        <v>29667</v>
      </c>
      <c r="C18793">
        <v>1</v>
      </c>
      <c r="D18793">
        <v>0</v>
      </c>
    </row>
    <row r="18794" spans="1:4" x14ac:dyDescent="0.25">
      <c r="A18794" t="s">
        <v>29668</v>
      </c>
      <c r="B18794" t="s">
        <v>2807</v>
      </c>
      <c r="C18794">
        <v>1</v>
      </c>
      <c r="D18794">
        <v>0</v>
      </c>
    </row>
    <row r="18795" spans="1:4" x14ac:dyDescent="0.25">
      <c r="A18795" t="s">
        <v>29668</v>
      </c>
      <c r="B18795" t="s">
        <v>29669</v>
      </c>
      <c r="C18795">
        <v>2</v>
      </c>
      <c r="D18795">
        <v>0</v>
      </c>
    </row>
    <row r="18796" spans="1:4" x14ac:dyDescent="0.25">
      <c r="A18796" t="s">
        <v>29668</v>
      </c>
      <c r="B18796" t="s">
        <v>29670</v>
      </c>
      <c r="C18796">
        <v>0</v>
      </c>
      <c r="D18796">
        <v>0</v>
      </c>
    </row>
    <row r="18797" spans="1:4" x14ac:dyDescent="0.25">
      <c r="A18797" t="s">
        <v>29671</v>
      </c>
      <c r="B18797" t="s">
        <v>1567</v>
      </c>
      <c r="C18797">
        <v>0</v>
      </c>
      <c r="D18797">
        <v>0</v>
      </c>
    </row>
    <row r="18798" spans="1:4" x14ac:dyDescent="0.25">
      <c r="A18798" t="s">
        <v>29671</v>
      </c>
      <c r="B18798" t="s">
        <v>29672</v>
      </c>
      <c r="C18798">
        <v>1</v>
      </c>
      <c r="D18798">
        <v>0</v>
      </c>
    </row>
    <row r="18799" spans="1:4" x14ac:dyDescent="0.25">
      <c r="A18799" t="s">
        <v>29671</v>
      </c>
      <c r="B18799" t="s">
        <v>29673</v>
      </c>
      <c r="C18799">
        <v>2</v>
      </c>
      <c r="D18799">
        <v>0</v>
      </c>
    </row>
    <row r="18800" spans="1:4" x14ac:dyDescent="0.25">
      <c r="A18800" t="s">
        <v>29674</v>
      </c>
      <c r="B18800" t="s">
        <v>29675</v>
      </c>
      <c r="C18800">
        <v>1</v>
      </c>
      <c r="D18800">
        <v>0</v>
      </c>
    </row>
    <row r="18801" spans="1:4" x14ac:dyDescent="0.25">
      <c r="A18801" t="s">
        <v>29674</v>
      </c>
      <c r="B18801" t="s">
        <v>29676</v>
      </c>
      <c r="C18801">
        <v>1</v>
      </c>
      <c r="D18801">
        <v>0</v>
      </c>
    </row>
    <row r="18802" spans="1:4" x14ac:dyDescent="0.25">
      <c r="A18802" t="s">
        <v>29674</v>
      </c>
      <c r="B18802" t="s">
        <v>29677</v>
      </c>
      <c r="C18802">
        <v>1</v>
      </c>
      <c r="D18802">
        <v>0</v>
      </c>
    </row>
    <row r="18803" spans="1:4" x14ac:dyDescent="0.25">
      <c r="A18803" t="s">
        <v>29678</v>
      </c>
      <c r="B18803" t="s">
        <v>29679</v>
      </c>
      <c r="C18803">
        <v>1</v>
      </c>
      <c r="D18803">
        <v>0</v>
      </c>
    </row>
    <row r="18804" spans="1:4" x14ac:dyDescent="0.25">
      <c r="A18804" t="s">
        <v>29678</v>
      </c>
      <c r="B18804" t="s">
        <v>29680</v>
      </c>
      <c r="C18804">
        <v>2</v>
      </c>
      <c r="D18804">
        <v>0</v>
      </c>
    </row>
    <row r="18805" spans="1:4" x14ac:dyDescent="0.25">
      <c r="A18805" t="s">
        <v>29681</v>
      </c>
      <c r="B18805" t="s">
        <v>29682</v>
      </c>
      <c r="C18805">
        <v>1</v>
      </c>
      <c r="D18805">
        <v>0</v>
      </c>
    </row>
    <row r="18806" spans="1:4" x14ac:dyDescent="0.25">
      <c r="A18806" t="s">
        <v>29681</v>
      </c>
      <c r="B18806" t="s">
        <v>29683</v>
      </c>
      <c r="C18806">
        <v>0</v>
      </c>
      <c r="D18806">
        <v>0</v>
      </c>
    </row>
    <row r="18807" spans="1:4" x14ac:dyDescent="0.25">
      <c r="A18807" t="s">
        <v>29684</v>
      </c>
      <c r="B18807" t="s">
        <v>29685</v>
      </c>
      <c r="C18807">
        <v>2</v>
      </c>
      <c r="D18807">
        <v>0</v>
      </c>
    </row>
    <row r="18808" spans="1:4" x14ac:dyDescent="0.25">
      <c r="A18808" t="s">
        <v>29684</v>
      </c>
      <c r="B18808" t="s">
        <v>29686</v>
      </c>
      <c r="C18808">
        <v>2</v>
      </c>
      <c r="D18808">
        <v>0</v>
      </c>
    </row>
    <row r="18809" spans="1:4" x14ac:dyDescent="0.25">
      <c r="A18809" t="s">
        <v>29684</v>
      </c>
      <c r="B18809" t="s">
        <v>29687</v>
      </c>
      <c r="C18809">
        <v>1</v>
      </c>
      <c r="D18809">
        <v>0</v>
      </c>
    </row>
    <row r="18810" spans="1:4" x14ac:dyDescent="0.25">
      <c r="A18810" t="s">
        <v>29688</v>
      </c>
      <c r="B18810" t="s">
        <v>29689</v>
      </c>
      <c r="C18810">
        <v>1</v>
      </c>
      <c r="D18810">
        <v>0</v>
      </c>
    </row>
    <row r="18811" spans="1:4" x14ac:dyDescent="0.25">
      <c r="A18811" t="s">
        <v>29690</v>
      </c>
      <c r="B18811" t="s">
        <v>29691</v>
      </c>
      <c r="C18811">
        <v>1</v>
      </c>
      <c r="D18811">
        <v>0</v>
      </c>
    </row>
    <row r="18812" spans="1:4" x14ac:dyDescent="0.25">
      <c r="A18812" t="s">
        <v>29690</v>
      </c>
      <c r="B18812" t="s">
        <v>29692</v>
      </c>
      <c r="C18812">
        <v>0</v>
      </c>
      <c r="D18812">
        <v>0</v>
      </c>
    </row>
    <row r="18813" spans="1:4" x14ac:dyDescent="0.25">
      <c r="A18813" t="s">
        <v>29690</v>
      </c>
      <c r="B18813" t="s">
        <v>29693</v>
      </c>
      <c r="C18813">
        <v>2</v>
      </c>
      <c r="D18813">
        <v>0</v>
      </c>
    </row>
    <row r="18814" spans="1:4" x14ac:dyDescent="0.25">
      <c r="A18814" t="s">
        <v>29694</v>
      </c>
      <c r="B18814" t="s">
        <v>29695</v>
      </c>
      <c r="C18814">
        <v>1</v>
      </c>
      <c r="D18814">
        <v>0</v>
      </c>
    </row>
    <row r="18815" spans="1:4" x14ac:dyDescent="0.25">
      <c r="A18815" t="s">
        <v>29694</v>
      </c>
      <c r="B18815" t="s">
        <v>29696</v>
      </c>
      <c r="C18815">
        <v>2</v>
      </c>
      <c r="D18815">
        <v>0</v>
      </c>
    </row>
    <row r="18816" spans="1:4" x14ac:dyDescent="0.25">
      <c r="A18816" t="s">
        <v>29697</v>
      </c>
      <c r="B18816" t="s">
        <v>29698</v>
      </c>
      <c r="C18816">
        <v>1</v>
      </c>
      <c r="D18816">
        <v>0</v>
      </c>
    </row>
    <row r="18817" spans="1:4" x14ac:dyDescent="0.25">
      <c r="A18817" t="s">
        <v>29699</v>
      </c>
      <c r="B18817" t="s">
        <v>29700</v>
      </c>
      <c r="C18817">
        <v>0</v>
      </c>
      <c r="D18817">
        <v>0</v>
      </c>
    </row>
    <row r="18818" spans="1:4" x14ac:dyDescent="0.25">
      <c r="A18818" t="s">
        <v>29699</v>
      </c>
      <c r="B18818" t="s">
        <v>29701</v>
      </c>
      <c r="C18818">
        <v>0</v>
      </c>
      <c r="D18818">
        <v>0</v>
      </c>
    </row>
    <row r="18819" spans="1:4" x14ac:dyDescent="0.25">
      <c r="A18819" t="s">
        <v>29702</v>
      </c>
      <c r="B18819" t="s">
        <v>29703</v>
      </c>
      <c r="C18819">
        <v>2</v>
      </c>
      <c r="D18819">
        <v>0</v>
      </c>
    </row>
    <row r="18820" spans="1:4" x14ac:dyDescent="0.25">
      <c r="A18820" t="s">
        <v>29704</v>
      </c>
      <c r="B18820" t="s">
        <v>29705</v>
      </c>
      <c r="C18820">
        <v>2</v>
      </c>
      <c r="D18820">
        <v>0</v>
      </c>
    </row>
    <row r="18821" spans="1:4" x14ac:dyDescent="0.25">
      <c r="A18821" t="s">
        <v>29704</v>
      </c>
      <c r="B18821" t="s">
        <v>29706</v>
      </c>
      <c r="C18821">
        <v>2</v>
      </c>
      <c r="D18821">
        <v>0</v>
      </c>
    </row>
    <row r="18822" spans="1:4" x14ac:dyDescent="0.25">
      <c r="A18822" t="s">
        <v>29704</v>
      </c>
      <c r="B18822" t="s">
        <v>29707</v>
      </c>
      <c r="C18822">
        <v>2</v>
      </c>
      <c r="D18822">
        <v>0</v>
      </c>
    </row>
    <row r="18823" spans="1:4" x14ac:dyDescent="0.25">
      <c r="A18823" t="s">
        <v>29708</v>
      </c>
      <c r="B18823" t="s">
        <v>29709</v>
      </c>
      <c r="C18823">
        <v>0</v>
      </c>
      <c r="D18823">
        <v>0</v>
      </c>
    </row>
    <row r="18824" spans="1:4" x14ac:dyDescent="0.25">
      <c r="A18824" t="s">
        <v>29710</v>
      </c>
      <c r="B18824" t="s">
        <v>29711</v>
      </c>
      <c r="C18824">
        <v>0</v>
      </c>
      <c r="D18824">
        <v>0</v>
      </c>
    </row>
    <row r="18825" spans="1:4" x14ac:dyDescent="0.25">
      <c r="A18825" t="s">
        <v>29712</v>
      </c>
      <c r="B18825" t="s">
        <v>29713</v>
      </c>
      <c r="C18825">
        <v>2</v>
      </c>
      <c r="D18825">
        <v>0</v>
      </c>
    </row>
    <row r="18826" spans="1:4" x14ac:dyDescent="0.25">
      <c r="A18826" t="s">
        <v>29712</v>
      </c>
      <c r="B18826" t="s">
        <v>29714</v>
      </c>
      <c r="C18826">
        <v>0</v>
      </c>
      <c r="D18826">
        <v>0</v>
      </c>
    </row>
    <row r="18827" spans="1:4" x14ac:dyDescent="0.25">
      <c r="A18827" t="s">
        <v>29712</v>
      </c>
      <c r="B18827" t="s">
        <v>29715</v>
      </c>
      <c r="C18827">
        <v>0</v>
      </c>
      <c r="D18827">
        <v>0</v>
      </c>
    </row>
    <row r="18828" spans="1:4" x14ac:dyDescent="0.25">
      <c r="A18828" t="s">
        <v>29716</v>
      </c>
      <c r="B18828" t="s">
        <v>29717</v>
      </c>
      <c r="C18828">
        <v>0</v>
      </c>
      <c r="D18828">
        <v>0</v>
      </c>
    </row>
    <row r="18829" spans="1:4" x14ac:dyDescent="0.25">
      <c r="A18829" t="s">
        <v>29716</v>
      </c>
      <c r="B18829" t="s">
        <v>29718</v>
      </c>
      <c r="C18829">
        <v>2</v>
      </c>
      <c r="D18829">
        <v>0</v>
      </c>
    </row>
    <row r="18830" spans="1:4" x14ac:dyDescent="0.25">
      <c r="A18830" t="s">
        <v>29719</v>
      </c>
      <c r="B18830" t="s">
        <v>29720</v>
      </c>
      <c r="C18830">
        <v>0</v>
      </c>
      <c r="D18830">
        <v>0</v>
      </c>
    </row>
    <row r="18831" spans="1:4" x14ac:dyDescent="0.25">
      <c r="A18831" t="s">
        <v>29721</v>
      </c>
      <c r="B18831" t="s">
        <v>29722</v>
      </c>
      <c r="C18831">
        <v>1</v>
      </c>
      <c r="D18831">
        <v>0</v>
      </c>
    </row>
    <row r="18832" spans="1:4" x14ac:dyDescent="0.25">
      <c r="A18832" t="s">
        <v>29723</v>
      </c>
      <c r="B18832" t="s">
        <v>29724</v>
      </c>
      <c r="C18832">
        <v>1</v>
      </c>
      <c r="D18832">
        <v>0</v>
      </c>
    </row>
    <row r="18833" spans="1:4" x14ac:dyDescent="0.25">
      <c r="A18833" t="s">
        <v>29725</v>
      </c>
      <c r="B18833" t="s">
        <v>29726</v>
      </c>
      <c r="C18833">
        <v>0</v>
      </c>
      <c r="D18833">
        <v>0</v>
      </c>
    </row>
    <row r="18834" spans="1:4" x14ac:dyDescent="0.25">
      <c r="A18834" t="s">
        <v>29725</v>
      </c>
      <c r="B18834" t="s">
        <v>29727</v>
      </c>
      <c r="C18834">
        <v>1</v>
      </c>
      <c r="D18834">
        <v>0</v>
      </c>
    </row>
    <row r="18835" spans="1:4" x14ac:dyDescent="0.25">
      <c r="A18835" t="s">
        <v>29725</v>
      </c>
      <c r="B18835" t="s">
        <v>29728</v>
      </c>
      <c r="C18835">
        <v>2</v>
      </c>
      <c r="D18835">
        <v>0</v>
      </c>
    </row>
    <row r="18836" spans="1:4" x14ac:dyDescent="0.25">
      <c r="A18836" t="s">
        <v>29729</v>
      </c>
      <c r="B18836" t="s">
        <v>29730</v>
      </c>
      <c r="C18836">
        <v>0</v>
      </c>
      <c r="D18836">
        <v>0</v>
      </c>
    </row>
    <row r="18837" spans="1:4" x14ac:dyDescent="0.25">
      <c r="A18837" t="s">
        <v>29731</v>
      </c>
      <c r="B18837" t="s">
        <v>29732</v>
      </c>
      <c r="C18837">
        <v>2</v>
      </c>
      <c r="D18837">
        <v>0</v>
      </c>
    </row>
    <row r="18838" spans="1:4" x14ac:dyDescent="0.25">
      <c r="A18838" t="s">
        <v>29731</v>
      </c>
      <c r="B18838" t="s">
        <v>29733</v>
      </c>
      <c r="C18838">
        <v>2</v>
      </c>
      <c r="D18838">
        <v>0</v>
      </c>
    </row>
    <row r="18839" spans="1:4" x14ac:dyDescent="0.25">
      <c r="A18839" t="s">
        <v>29734</v>
      </c>
      <c r="B18839" t="s">
        <v>1401</v>
      </c>
      <c r="C18839">
        <v>0</v>
      </c>
      <c r="D18839">
        <v>0</v>
      </c>
    </row>
    <row r="18840" spans="1:4" x14ac:dyDescent="0.25">
      <c r="A18840" t="s">
        <v>29734</v>
      </c>
      <c r="B18840" t="s">
        <v>29735</v>
      </c>
      <c r="C18840">
        <v>1</v>
      </c>
      <c r="D18840">
        <v>0</v>
      </c>
    </row>
    <row r="18841" spans="1:4" x14ac:dyDescent="0.25">
      <c r="A18841" t="s">
        <v>29736</v>
      </c>
      <c r="B18841" t="s">
        <v>29737</v>
      </c>
      <c r="C18841">
        <v>1</v>
      </c>
      <c r="D18841">
        <v>0</v>
      </c>
    </row>
    <row r="18842" spans="1:4" x14ac:dyDescent="0.25">
      <c r="A18842" t="s">
        <v>29736</v>
      </c>
      <c r="B18842" t="s">
        <v>29738</v>
      </c>
      <c r="C18842">
        <v>1</v>
      </c>
      <c r="D18842">
        <v>0</v>
      </c>
    </row>
    <row r="18843" spans="1:4" x14ac:dyDescent="0.25">
      <c r="A18843" t="s">
        <v>29739</v>
      </c>
      <c r="B18843" t="s">
        <v>29740</v>
      </c>
      <c r="C18843">
        <v>2</v>
      </c>
      <c r="D18843">
        <v>0</v>
      </c>
    </row>
    <row r="18844" spans="1:4" x14ac:dyDescent="0.25">
      <c r="A18844" t="s">
        <v>29741</v>
      </c>
      <c r="B18844" t="s">
        <v>29742</v>
      </c>
      <c r="C18844">
        <v>1</v>
      </c>
      <c r="D18844">
        <v>0</v>
      </c>
    </row>
    <row r="18845" spans="1:4" x14ac:dyDescent="0.25">
      <c r="A18845" t="s">
        <v>29741</v>
      </c>
      <c r="B18845" t="s">
        <v>29743</v>
      </c>
      <c r="C18845">
        <v>0</v>
      </c>
      <c r="D18845">
        <v>0</v>
      </c>
    </row>
    <row r="18846" spans="1:4" x14ac:dyDescent="0.25">
      <c r="A18846" t="s">
        <v>29744</v>
      </c>
      <c r="B18846" t="s">
        <v>29745</v>
      </c>
      <c r="C18846">
        <v>1</v>
      </c>
      <c r="D18846">
        <v>0</v>
      </c>
    </row>
    <row r="18847" spans="1:4" x14ac:dyDescent="0.25">
      <c r="A18847" t="s">
        <v>29744</v>
      </c>
      <c r="B18847" t="s">
        <v>29746</v>
      </c>
      <c r="C18847">
        <v>0</v>
      </c>
      <c r="D18847">
        <v>0</v>
      </c>
    </row>
    <row r="18848" spans="1:4" x14ac:dyDescent="0.25">
      <c r="A18848" t="s">
        <v>29747</v>
      </c>
      <c r="B18848" t="s">
        <v>29748</v>
      </c>
      <c r="C18848">
        <v>1</v>
      </c>
      <c r="D18848">
        <v>0</v>
      </c>
    </row>
    <row r="18849" spans="1:4" x14ac:dyDescent="0.25">
      <c r="A18849" t="s">
        <v>29747</v>
      </c>
      <c r="B18849" t="s">
        <v>29749</v>
      </c>
      <c r="C18849">
        <v>0</v>
      </c>
      <c r="D18849">
        <v>0</v>
      </c>
    </row>
    <row r="18850" spans="1:4" x14ac:dyDescent="0.25">
      <c r="A18850" t="s">
        <v>29747</v>
      </c>
      <c r="B18850" t="s">
        <v>29750</v>
      </c>
      <c r="C18850">
        <v>1</v>
      </c>
      <c r="D18850">
        <v>0</v>
      </c>
    </row>
    <row r="18851" spans="1:4" x14ac:dyDescent="0.25">
      <c r="A18851" t="s">
        <v>29751</v>
      </c>
      <c r="B18851" t="s">
        <v>29752</v>
      </c>
      <c r="C18851">
        <v>1</v>
      </c>
      <c r="D18851">
        <v>0</v>
      </c>
    </row>
    <row r="18852" spans="1:4" x14ac:dyDescent="0.25">
      <c r="A18852" t="s">
        <v>29751</v>
      </c>
      <c r="B18852" t="s">
        <v>29753</v>
      </c>
      <c r="C18852">
        <v>1</v>
      </c>
      <c r="D18852">
        <v>0</v>
      </c>
    </row>
    <row r="18853" spans="1:4" x14ac:dyDescent="0.25">
      <c r="A18853" t="s">
        <v>29754</v>
      </c>
      <c r="B18853" t="s">
        <v>29755</v>
      </c>
      <c r="C18853">
        <v>1</v>
      </c>
      <c r="D18853">
        <v>0</v>
      </c>
    </row>
    <row r="18854" spans="1:4" x14ac:dyDescent="0.25">
      <c r="A18854" t="s">
        <v>29754</v>
      </c>
      <c r="B18854" t="s">
        <v>29756</v>
      </c>
      <c r="C18854">
        <v>1</v>
      </c>
      <c r="D18854">
        <v>0</v>
      </c>
    </row>
    <row r="18855" spans="1:4" x14ac:dyDescent="0.25">
      <c r="A18855" t="s">
        <v>29757</v>
      </c>
      <c r="B18855" t="s">
        <v>29758</v>
      </c>
      <c r="C18855">
        <v>2</v>
      </c>
      <c r="D18855">
        <v>0</v>
      </c>
    </row>
    <row r="18856" spans="1:4" x14ac:dyDescent="0.25">
      <c r="A18856" t="s">
        <v>29757</v>
      </c>
      <c r="B18856" t="s">
        <v>29759</v>
      </c>
      <c r="C18856">
        <v>1</v>
      </c>
      <c r="D18856">
        <v>0</v>
      </c>
    </row>
    <row r="18857" spans="1:4" x14ac:dyDescent="0.25">
      <c r="A18857" t="s">
        <v>29757</v>
      </c>
      <c r="B18857" t="s">
        <v>29760</v>
      </c>
      <c r="C18857">
        <v>2</v>
      </c>
      <c r="D18857">
        <v>0</v>
      </c>
    </row>
    <row r="18858" spans="1:4" x14ac:dyDescent="0.25">
      <c r="A18858" t="s">
        <v>29761</v>
      </c>
      <c r="B18858" t="s">
        <v>29762</v>
      </c>
      <c r="C18858">
        <v>0</v>
      </c>
      <c r="D18858">
        <v>0</v>
      </c>
    </row>
    <row r="18859" spans="1:4" x14ac:dyDescent="0.25">
      <c r="A18859" t="s">
        <v>29761</v>
      </c>
      <c r="B18859" t="s">
        <v>29763</v>
      </c>
      <c r="C18859">
        <v>2</v>
      </c>
      <c r="D18859">
        <v>0</v>
      </c>
    </row>
    <row r="18860" spans="1:4" x14ac:dyDescent="0.25">
      <c r="A18860" t="s">
        <v>29764</v>
      </c>
      <c r="B18860" t="s">
        <v>29765</v>
      </c>
      <c r="C18860">
        <v>0</v>
      </c>
      <c r="D18860">
        <v>0</v>
      </c>
    </row>
    <row r="18861" spans="1:4" x14ac:dyDescent="0.25">
      <c r="A18861" t="s">
        <v>29764</v>
      </c>
      <c r="B18861" t="s">
        <v>29766</v>
      </c>
      <c r="C18861">
        <v>1</v>
      </c>
      <c r="D18861">
        <v>0</v>
      </c>
    </row>
    <row r="18862" spans="1:4" x14ac:dyDescent="0.25">
      <c r="A18862" t="s">
        <v>29767</v>
      </c>
      <c r="B18862" t="s">
        <v>29768</v>
      </c>
      <c r="C18862">
        <v>0</v>
      </c>
      <c r="D18862">
        <v>0</v>
      </c>
    </row>
    <row r="18863" spans="1:4" x14ac:dyDescent="0.25">
      <c r="A18863" t="s">
        <v>29769</v>
      </c>
      <c r="B18863" t="s">
        <v>29770</v>
      </c>
      <c r="C18863">
        <v>2</v>
      </c>
      <c r="D18863">
        <v>0</v>
      </c>
    </row>
    <row r="18864" spans="1:4" x14ac:dyDescent="0.25">
      <c r="A18864" t="s">
        <v>29771</v>
      </c>
      <c r="B18864" t="s">
        <v>1769</v>
      </c>
      <c r="C18864">
        <v>1</v>
      </c>
      <c r="D18864">
        <v>0</v>
      </c>
    </row>
    <row r="18865" spans="1:4" x14ac:dyDescent="0.25">
      <c r="A18865" t="s">
        <v>29772</v>
      </c>
      <c r="B18865" t="s">
        <v>13873</v>
      </c>
      <c r="C18865">
        <v>1</v>
      </c>
      <c r="D18865">
        <v>0</v>
      </c>
    </row>
    <row r="18866" spans="1:4" x14ac:dyDescent="0.25">
      <c r="A18866" t="s">
        <v>29772</v>
      </c>
      <c r="B18866" t="s">
        <v>29773</v>
      </c>
      <c r="C18866">
        <v>0</v>
      </c>
      <c r="D18866">
        <v>0</v>
      </c>
    </row>
    <row r="18867" spans="1:4" x14ac:dyDescent="0.25">
      <c r="A18867" t="s">
        <v>29774</v>
      </c>
      <c r="B18867" t="s">
        <v>28544</v>
      </c>
      <c r="C18867">
        <v>0</v>
      </c>
      <c r="D18867">
        <v>0</v>
      </c>
    </row>
    <row r="18868" spans="1:4" x14ac:dyDescent="0.25">
      <c r="A18868" t="s">
        <v>29774</v>
      </c>
      <c r="B18868" t="s">
        <v>29775</v>
      </c>
      <c r="C18868">
        <v>1</v>
      </c>
      <c r="D18868">
        <v>0</v>
      </c>
    </row>
    <row r="18869" spans="1:4" x14ac:dyDescent="0.25">
      <c r="A18869" t="s">
        <v>29774</v>
      </c>
      <c r="B18869" t="s">
        <v>28545</v>
      </c>
      <c r="C18869">
        <v>0</v>
      </c>
      <c r="D18869">
        <v>0</v>
      </c>
    </row>
    <row r="18870" spans="1:4" x14ac:dyDescent="0.25">
      <c r="A18870" t="s">
        <v>29776</v>
      </c>
      <c r="B18870" t="s">
        <v>29777</v>
      </c>
      <c r="C18870">
        <v>2</v>
      </c>
      <c r="D18870">
        <v>0</v>
      </c>
    </row>
    <row r="18871" spans="1:4" x14ac:dyDescent="0.25">
      <c r="A18871" t="s">
        <v>29776</v>
      </c>
      <c r="B18871" t="s">
        <v>29778</v>
      </c>
      <c r="C18871">
        <v>2</v>
      </c>
      <c r="D18871">
        <v>0</v>
      </c>
    </row>
    <row r="18872" spans="1:4" x14ac:dyDescent="0.25">
      <c r="A18872" t="s">
        <v>29779</v>
      </c>
      <c r="B18872" t="s">
        <v>29780</v>
      </c>
      <c r="C18872">
        <v>1</v>
      </c>
      <c r="D18872">
        <v>0</v>
      </c>
    </row>
    <row r="18873" spans="1:4" x14ac:dyDescent="0.25">
      <c r="A18873" t="s">
        <v>29779</v>
      </c>
      <c r="B18873" t="s">
        <v>29781</v>
      </c>
      <c r="C18873">
        <v>0</v>
      </c>
      <c r="D18873">
        <v>0</v>
      </c>
    </row>
    <row r="18874" spans="1:4" x14ac:dyDescent="0.25">
      <c r="A18874" t="s">
        <v>29782</v>
      </c>
      <c r="B18874" t="s">
        <v>29783</v>
      </c>
      <c r="C18874">
        <v>1</v>
      </c>
      <c r="D18874">
        <v>0</v>
      </c>
    </row>
    <row r="18875" spans="1:4" x14ac:dyDescent="0.25">
      <c r="A18875" t="s">
        <v>29782</v>
      </c>
      <c r="B18875" t="s">
        <v>29784</v>
      </c>
      <c r="C18875">
        <v>1</v>
      </c>
      <c r="D18875">
        <v>0</v>
      </c>
    </row>
    <row r="18876" spans="1:4" x14ac:dyDescent="0.25">
      <c r="A18876" t="s">
        <v>29782</v>
      </c>
      <c r="B18876" t="s">
        <v>29785</v>
      </c>
      <c r="C18876">
        <v>1</v>
      </c>
      <c r="D18876">
        <v>0</v>
      </c>
    </row>
    <row r="18877" spans="1:4" x14ac:dyDescent="0.25">
      <c r="A18877" t="s">
        <v>29786</v>
      </c>
      <c r="B18877" t="s">
        <v>29787</v>
      </c>
      <c r="C18877">
        <v>0</v>
      </c>
      <c r="D18877">
        <v>0</v>
      </c>
    </row>
    <row r="18878" spans="1:4" x14ac:dyDescent="0.25">
      <c r="A18878" t="s">
        <v>29788</v>
      </c>
      <c r="B18878" t="s">
        <v>29789</v>
      </c>
      <c r="C18878">
        <v>0</v>
      </c>
      <c r="D18878">
        <v>0</v>
      </c>
    </row>
    <row r="18879" spans="1:4" x14ac:dyDescent="0.25">
      <c r="A18879" t="s">
        <v>29788</v>
      </c>
      <c r="B18879" t="s">
        <v>29790</v>
      </c>
      <c r="C18879">
        <v>1</v>
      </c>
      <c r="D18879">
        <v>0</v>
      </c>
    </row>
    <row r="18880" spans="1:4" x14ac:dyDescent="0.25">
      <c r="A18880" t="s">
        <v>29791</v>
      </c>
      <c r="B18880" t="s">
        <v>29792</v>
      </c>
      <c r="C18880">
        <v>2</v>
      </c>
      <c r="D18880">
        <v>0</v>
      </c>
    </row>
    <row r="18881" spans="1:4" x14ac:dyDescent="0.25">
      <c r="A18881" t="s">
        <v>29791</v>
      </c>
      <c r="B18881" t="s">
        <v>29793</v>
      </c>
      <c r="C18881">
        <v>2</v>
      </c>
      <c r="D18881">
        <v>0</v>
      </c>
    </row>
    <row r="18882" spans="1:4" x14ac:dyDescent="0.25">
      <c r="A18882" t="s">
        <v>29794</v>
      </c>
      <c r="B18882" t="s">
        <v>6061</v>
      </c>
      <c r="C18882">
        <v>0</v>
      </c>
      <c r="D18882">
        <v>0</v>
      </c>
    </row>
    <row r="18883" spans="1:4" x14ac:dyDescent="0.25">
      <c r="A18883" t="s">
        <v>29794</v>
      </c>
      <c r="B18883" t="s">
        <v>29795</v>
      </c>
      <c r="C18883">
        <v>1</v>
      </c>
      <c r="D18883">
        <v>0</v>
      </c>
    </row>
    <row r="18884" spans="1:4" x14ac:dyDescent="0.25">
      <c r="A18884" t="s">
        <v>29796</v>
      </c>
      <c r="B18884" t="s">
        <v>29797</v>
      </c>
      <c r="C18884">
        <v>1</v>
      </c>
      <c r="D18884">
        <v>0</v>
      </c>
    </row>
    <row r="18885" spans="1:4" x14ac:dyDescent="0.25">
      <c r="A18885" t="s">
        <v>29796</v>
      </c>
      <c r="B18885" t="s">
        <v>29798</v>
      </c>
      <c r="C18885">
        <v>1</v>
      </c>
      <c r="D18885">
        <v>0</v>
      </c>
    </row>
    <row r="18886" spans="1:4" x14ac:dyDescent="0.25">
      <c r="A18886" t="s">
        <v>29796</v>
      </c>
      <c r="B18886" t="s">
        <v>29799</v>
      </c>
      <c r="C18886">
        <v>0</v>
      </c>
      <c r="D18886">
        <v>0</v>
      </c>
    </row>
    <row r="18887" spans="1:4" x14ac:dyDescent="0.25">
      <c r="A18887" t="s">
        <v>29800</v>
      </c>
      <c r="B18887" t="s">
        <v>29801</v>
      </c>
      <c r="C18887">
        <v>1</v>
      </c>
      <c r="D18887">
        <v>0</v>
      </c>
    </row>
    <row r="18888" spans="1:4" x14ac:dyDescent="0.25">
      <c r="A18888" t="s">
        <v>29800</v>
      </c>
      <c r="B18888" t="s">
        <v>29802</v>
      </c>
      <c r="C18888">
        <v>1</v>
      </c>
      <c r="D18888">
        <v>0</v>
      </c>
    </row>
    <row r="18889" spans="1:4" x14ac:dyDescent="0.25">
      <c r="A18889" t="s">
        <v>29803</v>
      </c>
      <c r="B18889" t="s">
        <v>1567</v>
      </c>
      <c r="C18889">
        <v>0</v>
      </c>
      <c r="D18889">
        <v>0</v>
      </c>
    </row>
    <row r="18890" spans="1:4" x14ac:dyDescent="0.25">
      <c r="A18890" t="s">
        <v>29803</v>
      </c>
      <c r="B18890" t="s">
        <v>29804</v>
      </c>
      <c r="C18890">
        <v>0</v>
      </c>
      <c r="D18890">
        <v>0</v>
      </c>
    </row>
    <row r="18891" spans="1:4" x14ac:dyDescent="0.25">
      <c r="A18891" t="s">
        <v>29805</v>
      </c>
      <c r="B18891" t="s">
        <v>29806</v>
      </c>
      <c r="C18891">
        <v>1</v>
      </c>
      <c r="D18891">
        <v>0</v>
      </c>
    </row>
    <row r="18892" spans="1:4" x14ac:dyDescent="0.25">
      <c r="A18892" t="s">
        <v>29805</v>
      </c>
      <c r="B18892" t="s">
        <v>29807</v>
      </c>
      <c r="C18892">
        <v>1</v>
      </c>
      <c r="D18892">
        <v>0</v>
      </c>
    </row>
    <row r="18893" spans="1:4" x14ac:dyDescent="0.25">
      <c r="A18893" t="s">
        <v>29805</v>
      </c>
      <c r="B18893" t="s">
        <v>29808</v>
      </c>
      <c r="C18893">
        <v>1</v>
      </c>
      <c r="D18893">
        <v>0</v>
      </c>
    </row>
    <row r="18894" spans="1:4" x14ac:dyDescent="0.25">
      <c r="A18894" t="s">
        <v>29809</v>
      </c>
      <c r="B18894" t="s">
        <v>29810</v>
      </c>
      <c r="C18894">
        <v>2</v>
      </c>
      <c r="D18894">
        <v>0</v>
      </c>
    </row>
    <row r="18895" spans="1:4" x14ac:dyDescent="0.25">
      <c r="A18895" t="s">
        <v>29811</v>
      </c>
      <c r="B18895" t="s">
        <v>29812</v>
      </c>
      <c r="C18895">
        <v>1</v>
      </c>
      <c r="D18895">
        <v>0</v>
      </c>
    </row>
    <row r="18896" spans="1:4" x14ac:dyDescent="0.25">
      <c r="A18896" t="s">
        <v>29813</v>
      </c>
      <c r="B18896" t="s">
        <v>29814</v>
      </c>
      <c r="C18896">
        <v>1</v>
      </c>
      <c r="D18896">
        <v>0</v>
      </c>
    </row>
    <row r="18897" spans="1:4" x14ac:dyDescent="0.25">
      <c r="A18897" t="s">
        <v>29813</v>
      </c>
      <c r="B18897" t="s">
        <v>29815</v>
      </c>
      <c r="C18897">
        <v>1</v>
      </c>
      <c r="D18897">
        <v>0</v>
      </c>
    </row>
    <row r="18898" spans="1:4" x14ac:dyDescent="0.25">
      <c r="A18898" t="s">
        <v>29816</v>
      </c>
      <c r="B18898" t="s">
        <v>29817</v>
      </c>
      <c r="C18898">
        <v>2</v>
      </c>
      <c r="D18898">
        <v>0</v>
      </c>
    </row>
    <row r="18899" spans="1:4" x14ac:dyDescent="0.25">
      <c r="A18899" t="s">
        <v>29818</v>
      </c>
      <c r="B18899" t="s">
        <v>29819</v>
      </c>
      <c r="C18899">
        <v>0</v>
      </c>
      <c r="D18899">
        <v>0</v>
      </c>
    </row>
    <row r="18900" spans="1:4" x14ac:dyDescent="0.25">
      <c r="A18900" t="s">
        <v>29820</v>
      </c>
      <c r="B18900" t="s">
        <v>29821</v>
      </c>
      <c r="C18900">
        <v>1</v>
      </c>
      <c r="D18900">
        <v>0</v>
      </c>
    </row>
    <row r="18901" spans="1:4" x14ac:dyDescent="0.25">
      <c r="A18901" t="s">
        <v>29822</v>
      </c>
      <c r="B18901" t="s">
        <v>29823</v>
      </c>
      <c r="C18901">
        <v>0</v>
      </c>
      <c r="D18901">
        <v>0</v>
      </c>
    </row>
    <row r="18902" spans="1:4" x14ac:dyDescent="0.25">
      <c r="A18902" t="s">
        <v>29824</v>
      </c>
      <c r="B18902" t="s">
        <v>29825</v>
      </c>
      <c r="C18902">
        <v>1</v>
      </c>
      <c r="D18902">
        <v>0</v>
      </c>
    </row>
    <row r="18903" spans="1:4" x14ac:dyDescent="0.25">
      <c r="A18903" t="s">
        <v>29824</v>
      </c>
      <c r="B18903" t="s">
        <v>29826</v>
      </c>
      <c r="C18903">
        <v>1</v>
      </c>
      <c r="D18903">
        <v>0</v>
      </c>
    </row>
    <row r="18904" spans="1:4" x14ac:dyDescent="0.25">
      <c r="A18904" t="s">
        <v>29824</v>
      </c>
      <c r="B18904" t="s">
        <v>29827</v>
      </c>
      <c r="C18904">
        <v>1</v>
      </c>
      <c r="D18904">
        <v>0</v>
      </c>
    </row>
    <row r="18905" spans="1:4" x14ac:dyDescent="0.25">
      <c r="A18905" t="s">
        <v>29828</v>
      </c>
      <c r="B18905" t="s">
        <v>29829</v>
      </c>
      <c r="C18905">
        <v>0</v>
      </c>
      <c r="D18905">
        <v>0</v>
      </c>
    </row>
    <row r="18906" spans="1:4" x14ac:dyDescent="0.25">
      <c r="A18906" t="s">
        <v>29830</v>
      </c>
      <c r="B18906" t="s">
        <v>29831</v>
      </c>
      <c r="C18906">
        <v>1</v>
      </c>
      <c r="D18906">
        <v>0</v>
      </c>
    </row>
    <row r="18907" spans="1:4" x14ac:dyDescent="0.25">
      <c r="A18907" t="s">
        <v>29830</v>
      </c>
      <c r="B18907" t="s">
        <v>29832</v>
      </c>
      <c r="C18907">
        <v>0</v>
      </c>
      <c r="D18907">
        <v>0</v>
      </c>
    </row>
    <row r="18908" spans="1:4" x14ac:dyDescent="0.25">
      <c r="A18908" t="s">
        <v>29833</v>
      </c>
      <c r="B18908" t="s">
        <v>1769</v>
      </c>
      <c r="C18908">
        <v>1</v>
      </c>
      <c r="D18908">
        <v>0</v>
      </c>
    </row>
    <row r="18909" spans="1:4" x14ac:dyDescent="0.25">
      <c r="A18909" t="s">
        <v>29834</v>
      </c>
      <c r="B18909" t="s">
        <v>29835</v>
      </c>
      <c r="C18909">
        <v>2</v>
      </c>
      <c r="D18909">
        <v>0</v>
      </c>
    </row>
    <row r="18910" spans="1:4" x14ac:dyDescent="0.25">
      <c r="A18910" t="s">
        <v>29834</v>
      </c>
      <c r="B18910" t="s">
        <v>29836</v>
      </c>
      <c r="C18910">
        <v>2</v>
      </c>
      <c r="D18910">
        <v>0</v>
      </c>
    </row>
    <row r="18911" spans="1:4" x14ac:dyDescent="0.25">
      <c r="A18911" t="s">
        <v>29837</v>
      </c>
      <c r="B18911" t="s">
        <v>29838</v>
      </c>
      <c r="C18911">
        <v>1</v>
      </c>
      <c r="D18911">
        <v>0</v>
      </c>
    </row>
    <row r="18912" spans="1:4" x14ac:dyDescent="0.25">
      <c r="A18912" t="s">
        <v>29837</v>
      </c>
      <c r="B18912" t="s">
        <v>29839</v>
      </c>
      <c r="C18912">
        <v>0</v>
      </c>
      <c r="D18912">
        <v>0</v>
      </c>
    </row>
    <row r="18913" spans="1:4" x14ac:dyDescent="0.25">
      <c r="A18913" t="s">
        <v>29837</v>
      </c>
      <c r="B18913" t="s">
        <v>29840</v>
      </c>
      <c r="C18913">
        <v>1</v>
      </c>
      <c r="D18913">
        <v>0</v>
      </c>
    </row>
    <row r="18914" spans="1:4" x14ac:dyDescent="0.25">
      <c r="A18914" t="s">
        <v>29841</v>
      </c>
      <c r="B18914" t="s">
        <v>7913</v>
      </c>
      <c r="C18914">
        <v>1</v>
      </c>
      <c r="D18914">
        <v>0</v>
      </c>
    </row>
    <row r="18915" spans="1:4" x14ac:dyDescent="0.25">
      <c r="A18915" t="s">
        <v>29841</v>
      </c>
      <c r="B18915" t="s">
        <v>398</v>
      </c>
      <c r="C18915">
        <v>0</v>
      </c>
      <c r="D18915">
        <v>0</v>
      </c>
    </row>
    <row r="18916" spans="1:4" x14ac:dyDescent="0.25">
      <c r="A18916" t="s">
        <v>29842</v>
      </c>
      <c r="B18916" t="s">
        <v>29843</v>
      </c>
      <c r="C18916">
        <v>1</v>
      </c>
      <c r="D18916">
        <v>0</v>
      </c>
    </row>
    <row r="18917" spans="1:4" x14ac:dyDescent="0.25">
      <c r="A18917" t="s">
        <v>29842</v>
      </c>
      <c r="B18917" t="s">
        <v>29844</v>
      </c>
      <c r="C18917">
        <v>1</v>
      </c>
      <c r="D18917">
        <v>0</v>
      </c>
    </row>
    <row r="18918" spans="1:4" x14ac:dyDescent="0.25">
      <c r="A18918" t="s">
        <v>29845</v>
      </c>
      <c r="B18918" t="s">
        <v>29846</v>
      </c>
      <c r="C18918">
        <v>2</v>
      </c>
      <c r="D18918">
        <v>0</v>
      </c>
    </row>
    <row r="18919" spans="1:4" x14ac:dyDescent="0.25">
      <c r="A18919" t="s">
        <v>29845</v>
      </c>
      <c r="B18919" t="s">
        <v>29847</v>
      </c>
      <c r="C18919">
        <v>1</v>
      </c>
      <c r="D18919">
        <v>0</v>
      </c>
    </row>
    <row r="18920" spans="1:4" x14ac:dyDescent="0.25">
      <c r="A18920" t="s">
        <v>29845</v>
      </c>
      <c r="B18920" t="s">
        <v>29848</v>
      </c>
      <c r="C18920">
        <v>1</v>
      </c>
      <c r="D18920">
        <v>0</v>
      </c>
    </row>
    <row r="18921" spans="1:4" x14ac:dyDescent="0.25">
      <c r="A18921" t="s">
        <v>29849</v>
      </c>
      <c r="B18921" t="s">
        <v>29850</v>
      </c>
      <c r="C18921">
        <v>2</v>
      </c>
      <c r="D18921">
        <v>0</v>
      </c>
    </row>
    <row r="18922" spans="1:4" x14ac:dyDescent="0.25">
      <c r="A18922" t="s">
        <v>29849</v>
      </c>
      <c r="B18922" t="s">
        <v>29851</v>
      </c>
      <c r="C18922">
        <v>1</v>
      </c>
      <c r="D18922">
        <v>0</v>
      </c>
    </row>
    <row r="18923" spans="1:4" x14ac:dyDescent="0.25">
      <c r="A18923" t="s">
        <v>29852</v>
      </c>
      <c r="B18923" t="s">
        <v>29853</v>
      </c>
      <c r="C18923">
        <v>1</v>
      </c>
      <c r="D18923">
        <v>0</v>
      </c>
    </row>
    <row r="18924" spans="1:4" x14ac:dyDescent="0.25">
      <c r="A18924" t="s">
        <v>29852</v>
      </c>
      <c r="B18924" t="s">
        <v>5244</v>
      </c>
      <c r="C18924">
        <v>0</v>
      </c>
      <c r="D18924">
        <v>0</v>
      </c>
    </row>
    <row r="18925" spans="1:4" x14ac:dyDescent="0.25">
      <c r="A18925" t="s">
        <v>29852</v>
      </c>
      <c r="B18925" t="s">
        <v>29854</v>
      </c>
      <c r="C18925">
        <v>1</v>
      </c>
      <c r="D18925">
        <v>0</v>
      </c>
    </row>
    <row r="18926" spans="1:4" x14ac:dyDescent="0.25">
      <c r="A18926" t="s">
        <v>29855</v>
      </c>
      <c r="B18926" t="s">
        <v>29856</v>
      </c>
      <c r="C18926">
        <v>2</v>
      </c>
      <c r="D18926">
        <v>0</v>
      </c>
    </row>
    <row r="18927" spans="1:4" x14ac:dyDescent="0.25">
      <c r="A18927" t="s">
        <v>29855</v>
      </c>
      <c r="B18927" t="s">
        <v>29857</v>
      </c>
      <c r="C18927">
        <v>1</v>
      </c>
      <c r="D18927">
        <v>0</v>
      </c>
    </row>
    <row r="18928" spans="1:4" x14ac:dyDescent="0.25">
      <c r="A18928" t="s">
        <v>29858</v>
      </c>
      <c r="B18928" t="s">
        <v>29859</v>
      </c>
      <c r="C18928">
        <v>0</v>
      </c>
      <c r="D18928">
        <v>0</v>
      </c>
    </row>
    <row r="18929" spans="1:4" x14ac:dyDescent="0.25">
      <c r="A18929" t="s">
        <v>29858</v>
      </c>
      <c r="B18929" t="s">
        <v>29860</v>
      </c>
      <c r="C18929">
        <v>1</v>
      </c>
      <c r="D18929">
        <v>0</v>
      </c>
    </row>
    <row r="18930" spans="1:4" x14ac:dyDescent="0.25">
      <c r="A18930" t="s">
        <v>29861</v>
      </c>
      <c r="B18930" t="s">
        <v>29862</v>
      </c>
      <c r="C18930">
        <v>0</v>
      </c>
      <c r="D18930">
        <v>0</v>
      </c>
    </row>
    <row r="18931" spans="1:4" x14ac:dyDescent="0.25">
      <c r="A18931" t="s">
        <v>29861</v>
      </c>
      <c r="B18931" t="s">
        <v>29863</v>
      </c>
      <c r="C18931">
        <v>0</v>
      </c>
      <c r="D18931">
        <v>0</v>
      </c>
    </row>
    <row r="18932" spans="1:4" x14ac:dyDescent="0.25">
      <c r="A18932" t="s">
        <v>29861</v>
      </c>
      <c r="B18932" t="s">
        <v>29864</v>
      </c>
      <c r="C18932">
        <v>1</v>
      </c>
      <c r="D18932">
        <v>0</v>
      </c>
    </row>
    <row r="18933" spans="1:4" x14ac:dyDescent="0.25">
      <c r="A18933" t="s">
        <v>29865</v>
      </c>
      <c r="B18933" t="s">
        <v>1695</v>
      </c>
      <c r="C18933">
        <v>1</v>
      </c>
      <c r="D18933">
        <v>0</v>
      </c>
    </row>
    <row r="18934" spans="1:4" x14ac:dyDescent="0.25">
      <c r="A18934" t="s">
        <v>29865</v>
      </c>
      <c r="B18934" t="s">
        <v>29866</v>
      </c>
      <c r="C18934">
        <v>0</v>
      </c>
      <c r="D18934">
        <v>0</v>
      </c>
    </row>
    <row r="18935" spans="1:4" x14ac:dyDescent="0.25">
      <c r="A18935" t="s">
        <v>29867</v>
      </c>
      <c r="B18935" t="s">
        <v>29868</v>
      </c>
      <c r="C18935">
        <v>1</v>
      </c>
      <c r="D18935">
        <v>0</v>
      </c>
    </row>
    <row r="18936" spans="1:4" x14ac:dyDescent="0.25">
      <c r="A18936" t="s">
        <v>29867</v>
      </c>
      <c r="B18936" t="s">
        <v>29869</v>
      </c>
      <c r="C18936">
        <v>1</v>
      </c>
      <c r="D18936">
        <v>0</v>
      </c>
    </row>
    <row r="18937" spans="1:4" x14ac:dyDescent="0.25">
      <c r="A18937" t="s">
        <v>29867</v>
      </c>
      <c r="B18937" t="s">
        <v>29870</v>
      </c>
      <c r="C18937">
        <v>2</v>
      </c>
      <c r="D18937">
        <v>0</v>
      </c>
    </row>
    <row r="18938" spans="1:4" x14ac:dyDescent="0.25">
      <c r="A18938" t="s">
        <v>29871</v>
      </c>
      <c r="B18938" t="s">
        <v>29872</v>
      </c>
      <c r="C18938">
        <v>2</v>
      </c>
      <c r="D18938">
        <v>0</v>
      </c>
    </row>
    <row r="18939" spans="1:4" x14ac:dyDescent="0.25">
      <c r="A18939" t="s">
        <v>29871</v>
      </c>
      <c r="B18939" t="s">
        <v>29873</v>
      </c>
      <c r="C18939">
        <v>2</v>
      </c>
      <c r="D18939">
        <v>0</v>
      </c>
    </row>
    <row r="18940" spans="1:4" x14ac:dyDescent="0.25">
      <c r="A18940" t="s">
        <v>29871</v>
      </c>
      <c r="B18940" t="s">
        <v>29874</v>
      </c>
      <c r="C18940">
        <v>0</v>
      </c>
      <c r="D18940">
        <v>0</v>
      </c>
    </row>
    <row r="18941" spans="1:4" x14ac:dyDescent="0.25">
      <c r="A18941" t="s">
        <v>29875</v>
      </c>
      <c r="B18941" t="s">
        <v>29876</v>
      </c>
      <c r="C18941">
        <v>1</v>
      </c>
      <c r="D18941">
        <v>0</v>
      </c>
    </row>
    <row r="18942" spans="1:4" x14ac:dyDescent="0.25">
      <c r="A18942" t="s">
        <v>29875</v>
      </c>
      <c r="B18942" t="s">
        <v>29877</v>
      </c>
      <c r="C18942">
        <v>1</v>
      </c>
      <c r="D18942">
        <v>0</v>
      </c>
    </row>
    <row r="18943" spans="1:4" x14ac:dyDescent="0.25">
      <c r="A18943" t="s">
        <v>29875</v>
      </c>
      <c r="B18943" t="s">
        <v>29878</v>
      </c>
      <c r="C18943">
        <v>2</v>
      </c>
      <c r="D18943">
        <v>0</v>
      </c>
    </row>
    <row r="18944" spans="1:4" x14ac:dyDescent="0.25">
      <c r="A18944" t="s">
        <v>29879</v>
      </c>
      <c r="B18944" t="s">
        <v>29880</v>
      </c>
      <c r="C18944">
        <v>1</v>
      </c>
      <c r="D18944">
        <v>0</v>
      </c>
    </row>
    <row r="18945" spans="1:4" x14ac:dyDescent="0.25">
      <c r="A18945" t="s">
        <v>29879</v>
      </c>
      <c r="B18945" t="s">
        <v>29881</v>
      </c>
      <c r="C18945">
        <v>1</v>
      </c>
      <c r="D18945">
        <v>0</v>
      </c>
    </row>
    <row r="18946" spans="1:4" x14ac:dyDescent="0.25">
      <c r="A18946" t="s">
        <v>29879</v>
      </c>
      <c r="B18946" t="s">
        <v>29882</v>
      </c>
      <c r="C18946">
        <v>1</v>
      </c>
      <c r="D18946">
        <v>0</v>
      </c>
    </row>
    <row r="18947" spans="1:4" x14ac:dyDescent="0.25">
      <c r="A18947" t="s">
        <v>29883</v>
      </c>
      <c r="B18947" t="s">
        <v>29884</v>
      </c>
      <c r="C18947">
        <v>0</v>
      </c>
      <c r="D18947">
        <v>0</v>
      </c>
    </row>
    <row r="18948" spans="1:4" x14ac:dyDescent="0.25">
      <c r="A18948" t="s">
        <v>29883</v>
      </c>
      <c r="B18948" t="s">
        <v>29885</v>
      </c>
      <c r="C18948">
        <v>2</v>
      </c>
      <c r="D18948">
        <v>0</v>
      </c>
    </row>
    <row r="18949" spans="1:4" x14ac:dyDescent="0.25">
      <c r="A18949" t="s">
        <v>29886</v>
      </c>
      <c r="B18949" t="s">
        <v>29887</v>
      </c>
      <c r="C18949">
        <v>0</v>
      </c>
      <c r="D18949">
        <v>0</v>
      </c>
    </row>
    <row r="18950" spans="1:4" x14ac:dyDescent="0.25">
      <c r="A18950" t="s">
        <v>29886</v>
      </c>
      <c r="B18950" t="s">
        <v>29888</v>
      </c>
      <c r="C18950">
        <v>0</v>
      </c>
      <c r="D18950">
        <v>0</v>
      </c>
    </row>
    <row r="18951" spans="1:4" x14ac:dyDescent="0.25">
      <c r="A18951" t="s">
        <v>29889</v>
      </c>
      <c r="B18951" t="s">
        <v>29890</v>
      </c>
      <c r="C18951">
        <v>0</v>
      </c>
      <c r="D18951">
        <v>0</v>
      </c>
    </row>
    <row r="18952" spans="1:4" x14ac:dyDescent="0.25">
      <c r="A18952" t="s">
        <v>29891</v>
      </c>
      <c r="B18952" t="s">
        <v>29892</v>
      </c>
      <c r="C18952">
        <v>0</v>
      </c>
      <c r="D18952">
        <v>0</v>
      </c>
    </row>
    <row r="18953" spans="1:4" x14ac:dyDescent="0.25">
      <c r="A18953" t="s">
        <v>29893</v>
      </c>
      <c r="B18953" t="s">
        <v>29894</v>
      </c>
      <c r="C18953">
        <v>1</v>
      </c>
      <c r="D18953">
        <v>0</v>
      </c>
    </row>
    <row r="18954" spans="1:4" x14ac:dyDescent="0.25">
      <c r="A18954" t="s">
        <v>29893</v>
      </c>
      <c r="B18954" t="s">
        <v>29895</v>
      </c>
      <c r="C18954">
        <v>1</v>
      </c>
      <c r="D18954">
        <v>0</v>
      </c>
    </row>
    <row r="18955" spans="1:4" x14ac:dyDescent="0.25">
      <c r="A18955" t="s">
        <v>29896</v>
      </c>
      <c r="B18955" t="s">
        <v>29897</v>
      </c>
      <c r="C18955">
        <v>1</v>
      </c>
      <c r="D18955">
        <v>0</v>
      </c>
    </row>
    <row r="18956" spans="1:4" x14ac:dyDescent="0.25">
      <c r="A18956" t="s">
        <v>29896</v>
      </c>
      <c r="B18956" t="s">
        <v>29898</v>
      </c>
      <c r="C18956">
        <v>1</v>
      </c>
      <c r="D18956">
        <v>0</v>
      </c>
    </row>
    <row r="18957" spans="1:4" x14ac:dyDescent="0.25">
      <c r="A18957" t="s">
        <v>29896</v>
      </c>
      <c r="B18957" t="s">
        <v>29899</v>
      </c>
      <c r="C18957">
        <v>1</v>
      </c>
      <c r="D18957">
        <v>0</v>
      </c>
    </row>
    <row r="18958" spans="1:4" x14ac:dyDescent="0.25">
      <c r="A18958" t="s">
        <v>29900</v>
      </c>
      <c r="B18958" t="s">
        <v>29901</v>
      </c>
      <c r="C18958">
        <v>1</v>
      </c>
      <c r="D18958">
        <v>0</v>
      </c>
    </row>
    <row r="18959" spans="1:4" x14ac:dyDescent="0.25">
      <c r="A18959" t="s">
        <v>29902</v>
      </c>
      <c r="B18959" t="s">
        <v>29903</v>
      </c>
      <c r="C18959">
        <v>1</v>
      </c>
      <c r="D18959">
        <v>0</v>
      </c>
    </row>
    <row r="18960" spans="1:4" x14ac:dyDescent="0.25">
      <c r="A18960" t="s">
        <v>29902</v>
      </c>
      <c r="B18960" t="s">
        <v>29904</v>
      </c>
      <c r="C18960">
        <v>0</v>
      </c>
      <c r="D18960">
        <v>0</v>
      </c>
    </row>
    <row r="18961" spans="1:4" x14ac:dyDescent="0.25">
      <c r="A18961" t="s">
        <v>29905</v>
      </c>
      <c r="B18961" t="s">
        <v>29906</v>
      </c>
      <c r="C18961">
        <v>0</v>
      </c>
      <c r="D18961">
        <v>0</v>
      </c>
    </row>
    <row r="18962" spans="1:4" x14ac:dyDescent="0.25">
      <c r="A18962" t="s">
        <v>29907</v>
      </c>
      <c r="B18962" t="s">
        <v>29908</v>
      </c>
      <c r="C18962">
        <v>1</v>
      </c>
      <c r="D18962">
        <v>0</v>
      </c>
    </row>
    <row r="18963" spans="1:4" x14ac:dyDescent="0.25">
      <c r="A18963" t="s">
        <v>29909</v>
      </c>
      <c r="B18963" t="s">
        <v>29910</v>
      </c>
      <c r="C18963">
        <v>1</v>
      </c>
      <c r="D18963">
        <v>0</v>
      </c>
    </row>
    <row r="18964" spans="1:4" x14ac:dyDescent="0.25">
      <c r="A18964" t="s">
        <v>29909</v>
      </c>
      <c r="B18964" t="s">
        <v>29911</v>
      </c>
      <c r="C18964">
        <v>2</v>
      </c>
      <c r="D18964">
        <v>0</v>
      </c>
    </row>
    <row r="18965" spans="1:4" x14ac:dyDescent="0.25">
      <c r="A18965" t="s">
        <v>29912</v>
      </c>
      <c r="B18965" t="s">
        <v>29913</v>
      </c>
      <c r="C18965">
        <v>1</v>
      </c>
      <c r="D18965">
        <v>0</v>
      </c>
    </row>
    <row r="18966" spans="1:4" x14ac:dyDescent="0.25">
      <c r="A18966" t="s">
        <v>29912</v>
      </c>
      <c r="B18966" t="s">
        <v>29914</v>
      </c>
      <c r="C18966">
        <v>2</v>
      </c>
      <c r="D18966">
        <v>0</v>
      </c>
    </row>
    <row r="18967" spans="1:4" x14ac:dyDescent="0.25">
      <c r="A18967" t="s">
        <v>29915</v>
      </c>
      <c r="B18967" t="s">
        <v>29916</v>
      </c>
      <c r="C18967">
        <v>1</v>
      </c>
      <c r="D18967">
        <v>0</v>
      </c>
    </row>
    <row r="18968" spans="1:4" x14ac:dyDescent="0.25">
      <c r="A18968" t="s">
        <v>29915</v>
      </c>
      <c r="B18968" t="s">
        <v>29917</v>
      </c>
      <c r="C18968">
        <v>1</v>
      </c>
      <c r="D18968">
        <v>0</v>
      </c>
    </row>
    <row r="18969" spans="1:4" x14ac:dyDescent="0.25">
      <c r="A18969" t="s">
        <v>29915</v>
      </c>
      <c r="B18969" t="s">
        <v>29918</v>
      </c>
      <c r="C18969">
        <v>1</v>
      </c>
      <c r="D18969">
        <v>0</v>
      </c>
    </row>
    <row r="18970" spans="1:4" x14ac:dyDescent="0.25">
      <c r="A18970" t="s">
        <v>29919</v>
      </c>
      <c r="B18970" t="s">
        <v>29920</v>
      </c>
      <c r="C18970">
        <v>0</v>
      </c>
      <c r="D18970">
        <v>0</v>
      </c>
    </row>
    <row r="18971" spans="1:4" x14ac:dyDescent="0.25">
      <c r="A18971" t="s">
        <v>29919</v>
      </c>
      <c r="B18971" t="s">
        <v>29921</v>
      </c>
      <c r="C18971">
        <v>1</v>
      </c>
      <c r="D18971">
        <v>0</v>
      </c>
    </row>
    <row r="18972" spans="1:4" x14ac:dyDescent="0.25">
      <c r="A18972" t="s">
        <v>29922</v>
      </c>
      <c r="B18972" t="s">
        <v>29923</v>
      </c>
      <c r="C18972">
        <v>0</v>
      </c>
      <c r="D18972">
        <v>0</v>
      </c>
    </row>
    <row r="18973" spans="1:4" x14ac:dyDescent="0.25">
      <c r="A18973" t="s">
        <v>29922</v>
      </c>
      <c r="B18973" t="s">
        <v>29924</v>
      </c>
      <c r="C18973">
        <v>2</v>
      </c>
      <c r="D18973">
        <v>0</v>
      </c>
    </row>
    <row r="18974" spans="1:4" x14ac:dyDescent="0.25">
      <c r="A18974" t="s">
        <v>29922</v>
      </c>
      <c r="B18974" t="s">
        <v>29925</v>
      </c>
      <c r="C18974">
        <v>2</v>
      </c>
      <c r="D18974">
        <v>0</v>
      </c>
    </row>
    <row r="18975" spans="1:4" x14ac:dyDescent="0.25">
      <c r="A18975" t="s">
        <v>29926</v>
      </c>
      <c r="B18975" t="s">
        <v>29927</v>
      </c>
      <c r="C18975">
        <v>2</v>
      </c>
      <c r="D18975">
        <v>0</v>
      </c>
    </row>
    <row r="18976" spans="1:4" x14ac:dyDescent="0.25">
      <c r="A18976" t="s">
        <v>29926</v>
      </c>
      <c r="B18976" t="s">
        <v>29928</v>
      </c>
      <c r="C18976">
        <v>2</v>
      </c>
      <c r="D18976">
        <v>0</v>
      </c>
    </row>
    <row r="18977" spans="1:4" x14ac:dyDescent="0.25">
      <c r="A18977" t="s">
        <v>29926</v>
      </c>
      <c r="B18977" t="s">
        <v>29929</v>
      </c>
      <c r="C18977">
        <v>2</v>
      </c>
      <c r="D18977">
        <v>0</v>
      </c>
    </row>
    <row r="18978" spans="1:4" x14ac:dyDescent="0.25">
      <c r="A18978" t="s">
        <v>29930</v>
      </c>
      <c r="B18978" t="s">
        <v>29931</v>
      </c>
      <c r="C18978">
        <v>0</v>
      </c>
      <c r="D18978">
        <v>0</v>
      </c>
    </row>
    <row r="18979" spans="1:4" x14ac:dyDescent="0.25">
      <c r="A18979" t="s">
        <v>29930</v>
      </c>
      <c r="B18979" t="s">
        <v>29932</v>
      </c>
      <c r="C18979">
        <v>0</v>
      </c>
      <c r="D18979">
        <v>0</v>
      </c>
    </row>
    <row r="18980" spans="1:4" x14ac:dyDescent="0.25">
      <c r="A18980" t="s">
        <v>29930</v>
      </c>
      <c r="B18980" t="s">
        <v>29933</v>
      </c>
      <c r="C18980">
        <v>0</v>
      </c>
      <c r="D18980">
        <v>0</v>
      </c>
    </row>
    <row r="18981" spans="1:4" x14ac:dyDescent="0.25">
      <c r="A18981" t="s">
        <v>29934</v>
      </c>
      <c r="B18981" t="s">
        <v>29935</v>
      </c>
      <c r="C18981">
        <v>0</v>
      </c>
      <c r="D18981">
        <v>0</v>
      </c>
    </row>
    <row r="18982" spans="1:4" x14ac:dyDescent="0.25">
      <c r="A18982" t="s">
        <v>29936</v>
      </c>
      <c r="B18982" t="s">
        <v>1387</v>
      </c>
      <c r="C18982">
        <v>1</v>
      </c>
      <c r="D18982">
        <v>0</v>
      </c>
    </row>
    <row r="18983" spans="1:4" x14ac:dyDescent="0.25">
      <c r="A18983" t="s">
        <v>29937</v>
      </c>
      <c r="B18983" t="s">
        <v>1001</v>
      </c>
      <c r="C18983">
        <v>1</v>
      </c>
      <c r="D18983">
        <v>0</v>
      </c>
    </row>
    <row r="18984" spans="1:4" x14ac:dyDescent="0.25">
      <c r="A18984" t="s">
        <v>29937</v>
      </c>
      <c r="B18984" t="s">
        <v>969</v>
      </c>
      <c r="C18984">
        <v>0</v>
      </c>
      <c r="D18984">
        <v>0</v>
      </c>
    </row>
    <row r="18985" spans="1:4" x14ac:dyDescent="0.25">
      <c r="A18985" t="s">
        <v>29938</v>
      </c>
      <c r="B18985" t="s">
        <v>29939</v>
      </c>
      <c r="C18985">
        <v>1</v>
      </c>
      <c r="D18985">
        <v>0</v>
      </c>
    </row>
    <row r="18986" spans="1:4" x14ac:dyDescent="0.25">
      <c r="A18986" t="s">
        <v>29938</v>
      </c>
      <c r="B18986" t="s">
        <v>29940</v>
      </c>
      <c r="C18986">
        <v>0</v>
      </c>
      <c r="D18986">
        <v>0</v>
      </c>
    </row>
    <row r="18987" spans="1:4" x14ac:dyDescent="0.25">
      <c r="A18987" t="s">
        <v>29938</v>
      </c>
      <c r="B18987" t="s">
        <v>29941</v>
      </c>
      <c r="C18987">
        <v>2</v>
      </c>
      <c r="D18987">
        <v>0</v>
      </c>
    </row>
    <row r="18988" spans="1:4" x14ac:dyDescent="0.25">
      <c r="A18988" t="s">
        <v>29942</v>
      </c>
      <c r="B18988" t="s">
        <v>29943</v>
      </c>
      <c r="C18988">
        <v>0</v>
      </c>
      <c r="D18988">
        <v>0</v>
      </c>
    </row>
    <row r="18989" spans="1:4" x14ac:dyDescent="0.25">
      <c r="A18989" t="s">
        <v>29942</v>
      </c>
      <c r="B18989" t="s">
        <v>29944</v>
      </c>
      <c r="C18989">
        <v>1</v>
      </c>
      <c r="D18989">
        <v>0</v>
      </c>
    </row>
    <row r="18990" spans="1:4" x14ac:dyDescent="0.25">
      <c r="A18990" t="s">
        <v>29942</v>
      </c>
      <c r="B18990" t="s">
        <v>29945</v>
      </c>
      <c r="C18990">
        <v>1</v>
      </c>
      <c r="D18990">
        <v>0</v>
      </c>
    </row>
    <row r="18991" spans="1:4" x14ac:dyDescent="0.25">
      <c r="A18991" t="s">
        <v>29946</v>
      </c>
      <c r="B18991" t="s">
        <v>29947</v>
      </c>
      <c r="C18991">
        <v>1</v>
      </c>
      <c r="D18991">
        <v>0</v>
      </c>
    </row>
    <row r="18992" spans="1:4" x14ac:dyDescent="0.25">
      <c r="A18992" t="s">
        <v>29948</v>
      </c>
      <c r="B18992" t="s">
        <v>29949</v>
      </c>
      <c r="C18992">
        <v>0</v>
      </c>
      <c r="D18992">
        <v>0</v>
      </c>
    </row>
    <row r="18993" spans="1:4" x14ac:dyDescent="0.25">
      <c r="A18993" t="s">
        <v>29950</v>
      </c>
      <c r="B18993" t="s">
        <v>2450</v>
      </c>
      <c r="C18993">
        <v>1</v>
      </c>
      <c r="D18993">
        <v>0</v>
      </c>
    </row>
    <row r="18994" spans="1:4" x14ac:dyDescent="0.25">
      <c r="A18994" t="s">
        <v>29951</v>
      </c>
      <c r="B18994" t="s">
        <v>29952</v>
      </c>
      <c r="C18994">
        <v>1</v>
      </c>
      <c r="D18994">
        <v>0</v>
      </c>
    </row>
    <row r="18995" spans="1:4" x14ac:dyDescent="0.25">
      <c r="A18995" t="s">
        <v>29951</v>
      </c>
      <c r="B18995" t="s">
        <v>29953</v>
      </c>
      <c r="C18995">
        <v>1</v>
      </c>
      <c r="D18995">
        <v>0</v>
      </c>
    </row>
    <row r="18996" spans="1:4" x14ac:dyDescent="0.25">
      <c r="A18996" t="s">
        <v>29951</v>
      </c>
      <c r="B18996" t="s">
        <v>29954</v>
      </c>
      <c r="C18996">
        <v>1</v>
      </c>
      <c r="D18996">
        <v>0</v>
      </c>
    </row>
    <row r="18997" spans="1:4" x14ac:dyDescent="0.25">
      <c r="A18997" t="s">
        <v>29955</v>
      </c>
      <c r="B18997" t="s">
        <v>29956</v>
      </c>
      <c r="C18997">
        <v>2</v>
      </c>
      <c r="D18997">
        <v>0</v>
      </c>
    </row>
    <row r="18998" spans="1:4" x14ac:dyDescent="0.25">
      <c r="A18998" t="s">
        <v>29955</v>
      </c>
      <c r="B18998" t="s">
        <v>29957</v>
      </c>
      <c r="C18998">
        <v>2</v>
      </c>
      <c r="D18998">
        <v>0</v>
      </c>
    </row>
    <row r="18999" spans="1:4" x14ac:dyDescent="0.25">
      <c r="A18999" t="s">
        <v>29958</v>
      </c>
      <c r="B18999" t="s">
        <v>398</v>
      </c>
      <c r="C18999">
        <v>0</v>
      </c>
      <c r="D18999">
        <v>0</v>
      </c>
    </row>
    <row r="19000" spans="1:4" x14ac:dyDescent="0.25">
      <c r="A19000" t="s">
        <v>29959</v>
      </c>
      <c r="B19000" t="s">
        <v>29960</v>
      </c>
      <c r="C19000">
        <v>1</v>
      </c>
      <c r="D19000">
        <v>0</v>
      </c>
    </row>
    <row r="19001" spans="1:4" x14ac:dyDescent="0.25">
      <c r="A19001" t="s">
        <v>29959</v>
      </c>
      <c r="B19001" t="s">
        <v>29961</v>
      </c>
      <c r="C19001">
        <v>1</v>
      </c>
      <c r="D19001">
        <v>0</v>
      </c>
    </row>
    <row r="19002" spans="1:4" x14ac:dyDescent="0.25">
      <c r="A19002" t="s">
        <v>29959</v>
      </c>
      <c r="B19002" t="s">
        <v>29962</v>
      </c>
      <c r="C19002">
        <v>1</v>
      </c>
      <c r="D19002">
        <v>0</v>
      </c>
    </row>
    <row r="19003" spans="1:4" x14ac:dyDescent="0.25">
      <c r="A19003" t="s">
        <v>29963</v>
      </c>
      <c r="B19003" t="s">
        <v>29964</v>
      </c>
      <c r="C19003">
        <v>2</v>
      </c>
      <c r="D19003">
        <v>0</v>
      </c>
    </row>
    <row r="19004" spans="1:4" x14ac:dyDescent="0.25">
      <c r="A19004" t="s">
        <v>29963</v>
      </c>
      <c r="B19004" t="s">
        <v>6560</v>
      </c>
      <c r="C19004">
        <v>0</v>
      </c>
      <c r="D19004">
        <v>0</v>
      </c>
    </row>
    <row r="19005" spans="1:4" x14ac:dyDescent="0.25">
      <c r="A19005" t="s">
        <v>29963</v>
      </c>
      <c r="B19005" t="s">
        <v>29965</v>
      </c>
      <c r="C19005">
        <v>1</v>
      </c>
      <c r="D19005">
        <v>0</v>
      </c>
    </row>
    <row r="19006" spans="1:4" x14ac:dyDescent="0.25">
      <c r="A19006" t="s">
        <v>29966</v>
      </c>
      <c r="B19006" t="s">
        <v>29967</v>
      </c>
      <c r="C19006">
        <v>1</v>
      </c>
      <c r="D19006">
        <v>0</v>
      </c>
    </row>
    <row r="19007" spans="1:4" x14ac:dyDescent="0.25">
      <c r="A19007" t="s">
        <v>29966</v>
      </c>
      <c r="B19007" t="s">
        <v>29968</v>
      </c>
      <c r="C19007">
        <v>1</v>
      </c>
      <c r="D19007">
        <v>0</v>
      </c>
    </row>
    <row r="19008" spans="1:4" x14ac:dyDescent="0.25">
      <c r="A19008" t="s">
        <v>29966</v>
      </c>
      <c r="B19008" t="s">
        <v>29969</v>
      </c>
      <c r="C19008">
        <v>2</v>
      </c>
      <c r="D19008">
        <v>0</v>
      </c>
    </row>
    <row r="19009" spans="1:4" x14ac:dyDescent="0.25">
      <c r="A19009" t="s">
        <v>29970</v>
      </c>
      <c r="B19009" t="s">
        <v>29971</v>
      </c>
      <c r="C19009">
        <v>1</v>
      </c>
      <c r="D19009">
        <v>0</v>
      </c>
    </row>
    <row r="19010" spans="1:4" x14ac:dyDescent="0.25">
      <c r="A19010" t="s">
        <v>29970</v>
      </c>
      <c r="B19010" t="s">
        <v>29972</v>
      </c>
      <c r="C19010">
        <v>0</v>
      </c>
      <c r="D19010">
        <v>0</v>
      </c>
    </row>
    <row r="19011" spans="1:4" x14ac:dyDescent="0.25">
      <c r="A19011" t="s">
        <v>29973</v>
      </c>
      <c r="B19011" t="s">
        <v>29974</v>
      </c>
      <c r="C19011">
        <v>0</v>
      </c>
      <c r="D19011">
        <v>0</v>
      </c>
    </row>
    <row r="19012" spans="1:4" x14ac:dyDescent="0.25">
      <c r="A19012" t="s">
        <v>29973</v>
      </c>
      <c r="B19012" t="s">
        <v>29975</v>
      </c>
      <c r="C19012">
        <v>1</v>
      </c>
      <c r="D19012">
        <v>0</v>
      </c>
    </row>
    <row r="19013" spans="1:4" x14ac:dyDescent="0.25">
      <c r="A19013" t="s">
        <v>29973</v>
      </c>
      <c r="B19013" t="s">
        <v>29976</v>
      </c>
      <c r="C19013">
        <v>1</v>
      </c>
      <c r="D19013">
        <v>0</v>
      </c>
    </row>
    <row r="19014" spans="1:4" x14ac:dyDescent="0.25">
      <c r="A19014" t="s">
        <v>29977</v>
      </c>
      <c r="B19014" t="s">
        <v>29978</v>
      </c>
      <c r="C19014">
        <v>2</v>
      </c>
      <c r="D19014">
        <v>0</v>
      </c>
    </row>
    <row r="19015" spans="1:4" x14ac:dyDescent="0.25">
      <c r="A19015" t="s">
        <v>29977</v>
      </c>
      <c r="B19015" t="s">
        <v>29979</v>
      </c>
      <c r="C19015">
        <v>2</v>
      </c>
      <c r="D19015">
        <v>0</v>
      </c>
    </row>
    <row r="19016" spans="1:4" x14ac:dyDescent="0.25">
      <c r="A19016" t="s">
        <v>29980</v>
      </c>
      <c r="B19016" t="s">
        <v>398</v>
      </c>
      <c r="C19016">
        <v>0</v>
      </c>
      <c r="D19016">
        <v>0</v>
      </c>
    </row>
    <row r="19017" spans="1:4" x14ac:dyDescent="0.25">
      <c r="A19017" t="s">
        <v>29981</v>
      </c>
      <c r="B19017" t="s">
        <v>29982</v>
      </c>
      <c r="C19017">
        <v>0</v>
      </c>
      <c r="D19017">
        <v>0</v>
      </c>
    </row>
    <row r="19018" spans="1:4" x14ac:dyDescent="0.25">
      <c r="A19018" t="s">
        <v>29983</v>
      </c>
      <c r="B19018" t="s">
        <v>29984</v>
      </c>
      <c r="C19018">
        <v>1</v>
      </c>
      <c r="D19018">
        <v>0</v>
      </c>
    </row>
    <row r="19019" spans="1:4" x14ac:dyDescent="0.25">
      <c r="A19019" t="s">
        <v>29983</v>
      </c>
      <c r="B19019" t="s">
        <v>29985</v>
      </c>
      <c r="C19019">
        <v>1</v>
      </c>
      <c r="D19019">
        <v>0</v>
      </c>
    </row>
    <row r="19020" spans="1:4" x14ac:dyDescent="0.25">
      <c r="A19020" t="s">
        <v>29986</v>
      </c>
      <c r="B19020" t="s">
        <v>29987</v>
      </c>
      <c r="C19020">
        <v>1</v>
      </c>
      <c r="D19020">
        <v>0</v>
      </c>
    </row>
    <row r="19021" spans="1:4" x14ac:dyDescent="0.25">
      <c r="A19021" t="s">
        <v>29986</v>
      </c>
      <c r="B19021" t="s">
        <v>29988</v>
      </c>
      <c r="C19021">
        <v>0</v>
      </c>
      <c r="D19021">
        <v>0</v>
      </c>
    </row>
    <row r="19022" spans="1:4" x14ac:dyDescent="0.25">
      <c r="A19022" t="s">
        <v>29989</v>
      </c>
      <c r="B19022" t="s">
        <v>29990</v>
      </c>
      <c r="C19022">
        <v>0</v>
      </c>
      <c r="D19022">
        <v>0</v>
      </c>
    </row>
    <row r="19023" spans="1:4" x14ac:dyDescent="0.25">
      <c r="A19023" t="s">
        <v>29989</v>
      </c>
      <c r="B19023" t="s">
        <v>29991</v>
      </c>
      <c r="C19023">
        <v>1</v>
      </c>
      <c r="D19023">
        <v>0</v>
      </c>
    </row>
    <row r="19024" spans="1:4" x14ac:dyDescent="0.25">
      <c r="A19024" t="s">
        <v>29989</v>
      </c>
      <c r="B19024" t="s">
        <v>1387</v>
      </c>
      <c r="C19024">
        <v>1</v>
      </c>
      <c r="D19024">
        <v>0</v>
      </c>
    </row>
    <row r="19025" spans="1:4" x14ac:dyDescent="0.25">
      <c r="A19025" t="s">
        <v>29992</v>
      </c>
      <c r="B19025" t="s">
        <v>29993</v>
      </c>
      <c r="C19025">
        <v>2</v>
      </c>
      <c r="D19025">
        <v>0</v>
      </c>
    </row>
    <row r="19026" spans="1:4" x14ac:dyDescent="0.25">
      <c r="A19026" t="s">
        <v>29992</v>
      </c>
      <c r="B19026" t="s">
        <v>29994</v>
      </c>
      <c r="C19026">
        <v>0</v>
      </c>
      <c r="D19026">
        <v>0</v>
      </c>
    </row>
    <row r="19027" spans="1:4" x14ac:dyDescent="0.25">
      <c r="A19027" t="s">
        <v>29992</v>
      </c>
      <c r="B19027" t="s">
        <v>29995</v>
      </c>
      <c r="C19027">
        <v>0</v>
      </c>
      <c r="D19027">
        <v>0</v>
      </c>
    </row>
    <row r="19028" spans="1:4" x14ac:dyDescent="0.25">
      <c r="A19028" t="s">
        <v>29996</v>
      </c>
      <c r="B19028" t="s">
        <v>29997</v>
      </c>
      <c r="C19028">
        <v>1</v>
      </c>
      <c r="D19028">
        <v>0</v>
      </c>
    </row>
    <row r="19029" spans="1:4" x14ac:dyDescent="0.25">
      <c r="A19029" t="s">
        <v>29998</v>
      </c>
      <c r="B19029" t="s">
        <v>29999</v>
      </c>
      <c r="C19029">
        <v>1</v>
      </c>
      <c r="D19029">
        <v>0</v>
      </c>
    </row>
    <row r="19030" spans="1:4" x14ac:dyDescent="0.25">
      <c r="A19030" t="s">
        <v>30000</v>
      </c>
      <c r="B19030" t="s">
        <v>30001</v>
      </c>
      <c r="C19030">
        <v>1</v>
      </c>
      <c r="D19030">
        <v>0</v>
      </c>
    </row>
    <row r="19031" spans="1:4" x14ac:dyDescent="0.25">
      <c r="A19031" t="s">
        <v>30000</v>
      </c>
      <c r="B19031" t="s">
        <v>30002</v>
      </c>
      <c r="C19031">
        <v>1</v>
      </c>
      <c r="D19031">
        <v>0</v>
      </c>
    </row>
    <row r="19032" spans="1:4" x14ac:dyDescent="0.25">
      <c r="A19032" t="s">
        <v>30003</v>
      </c>
      <c r="B19032" t="s">
        <v>30004</v>
      </c>
      <c r="C19032">
        <v>1</v>
      </c>
      <c r="D19032">
        <v>0</v>
      </c>
    </row>
    <row r="19033" spans="1:4" x14ac:dyDescent="0.25">
      <c r="A19033" t="s">
        <v>30003</v>
      </c>
      <c r="B19033" t="s">
        <v>30005</v>
      </c>
      <c r="C19033">
        <v>1</v>
      </c>
      <c r="D19033">
        <v>0</v>
      </c>
    </row>
    <row r="19034" spans="1:4" x14ac:dyDescent="0.25">
      <c r="A19034" t="s">
        <v>30003</v>
      </c>
      <c r="B19034" t="s">
        <v>30006</v>
      </c>
      <c r="C19034">
        <v>1</v>
      </c>
      <c r="D19034">
        <v>0</v>
      </c>
    </row>
    <row r="19035" spans="1:4" x14ac:dyDescent="0.25">
      <c r="A19035" t="s">
        <v>30007</v>
      </c>
      <c r="B19035" t="s">
        <v>30008</v>
      </c>
      <c r="C19035">
        <v>1</v>
      </c>
      <c r="D19035">
        <v>0</v>
      </c>
    </row>
    <row r="19036" spans="1:4" x14ac:dyDescent="0.25">
      <c r="A19036" t="s">
        <v>30007</v>
      </c>
      <c r="B19036" t="s">
        <v>30009</v>
      </c>
      <c r="C19036">
        <v>1</v>
      </c>
      <c r="D19036">
        <v>0</v>
      </c>
    </row>
    <row r="19037" spans="1:4" x14ac:dyDescent="0.25">
      <c r="A19037" t="s">
        <v>30007</v>
      </c>
      <c r="B19037" t="s">
        <v>30010</v>
      </c>
      <c r="C19037">
        <v>1</v>
      </c>
      <c r="D19037">
        <v>0</v>
      </c>
    </row>
    <row r="19038" spans="1:4" x14ac:dyDescent="0.25">
      <c r="A19038" t="s">
        <v>30011</v>
      </c>
      <c r="B19038" t="s">
        <v>30012</v>
      </c>
      <c r="C19038">
        <v>1</v>
      </c>
      <c r="D19038">
        <v>0</v>
      </c>
    </row>
    <row r="19039" spans="1:4" x14ac:dyDescent="0.25">
      <c r="A19039" t="s">
        <v>30011</v>
      </c>
      <c r="B19039" t="s">
        <v>30013</v>
      </c>
      <c r="C19039">
        <v>0</v>
      </c>
      <c r="D19039">
        <v>0</v>
      </c>
    </row>
    <row r="19040" spans="1:4" x14ac:dyDescent="0.25">
      <c r="A19040" t="s">
        <v>30014</v>
      </c>
      <c r="B19040" t="s">
        <v>30015</v>
      </c>
      <c r="C19040">
        <v>1</v>
      </c>
      <c r="D19040">
        <v>0</v>
      </c>
    </row>
    <row r="19041" spans="1:4" x14ac:dyDescent="0.25">
      <c r="A19041" t="s">
        <v>30014</v>
      </c>
      <c r="B19041" t="s">
        <v>30016</v>
      </c>
      <c r="C19041">
        <v>2</v>
      </c>
      <c r="D19041">
        <v>0</v>
      </c>
    </row>
    <row r="19042" spans="1:4" x14ac:dyDescent="0.25">
      <c r="A19042" t="s">
        <v>30014</v>
      </c>
      <c r="B19042" t="s">
        <v>30017</v>
      </c>
      <c r="C19042">
        <v>1</v>
      </c>
      <c r="D19042">
        <v>0</v>
      </c>
    </row>
    <row r="19043" spans="1:4" x14ac:dyDescent="0.25">
      <c r="A19043" t="s">
        <v>30018</v>
      </c>
      <c r="B19043" t="s">
        <v>30019</v>
      </c>
      <c r="C19043">
        <v>1</v>
      </c>
      <c r="D19043">
        <v>0</v>
      </c>
    </row>
    <row r="19044" spans="1:4" x14ac:dyDescent="0.25">
      <c r="A19044" t="s">
        <v>30018</v>
      </c>
      <c r="B19044" t="s">
        <v>30020</v>
      </c>
      <c r="C19044">
        <v>1</v>
      </c>
      <c r="D19044">
        <v>0</v>
      </c>
    </row>
    <row r="19045" spans="1:4" x14ac:dyDescent="0.25">
      <c r="A19045" t="s">
        <v>30018</v>
      </c>
      <c r="B19045" t="s">
        <v>30021</v>
      </c>
      <c r="C19045">
        <v>2</v>
      </c>
      <c r="D19045">
        <v>0</v>
      </c>
    </row>
    <row r="19046" spans="1:4" x14ac:dyDescent="0.25">
      <c r="A19046" t="s">
        <v>30022</v>
      </c>
      <c r="B19046" t="s">
        <v>852</v>
      </c>
      <c r="C19046">
        <v>0</v>
      </c>
      <c r="D19046">
        <v>0</v>
      </c>
    </row>
    <row r="19047" spans="1:4" x14ac:dyDescent="0.25">
      <c r="A19047" t="s">
        <v>30023</v>
      </c>
      <c r="B19047" t="s">
        <v>30024</v>
      </c>
      <c r="C19047">
        <v>2</v>
      </c>
      <c r="D19047">
        <v>0</v>
      </c>
    </row>
    <row r="19048" spans="1:4" x14ac:dyDescent="0.25">
      <c r="A19048" t="s">
        <v>30023</v>
      </c>
      <c r="B19048" t="s">
        <v>30025</v>
      </c>
      <c r="C19048">
        <v>1</v>
      </c>
      <c r="D19048">
        <v>0</v>
      </c>
    </row>
    <row r="19049" spans="1:4" x14ac:dyDescent="0.25">
      <c r="A19049" t="s">
        <v>30023</v>
      </c>
      <c r="B19049" t="s">
        <v>30026</v>
      </c>
      <c r="C19049">
        <v>2</v>
      </c>
      <c r="D19049">
        <v>0</v>
      </c>
    </row>
    <row r="19050" spans="1:4" x14ac:dyDescent="0.25">
      <c r="A19050" t="s">
        <v>30027</v>
      </c>
      <c r="B19050" t="s">
        <v>30028</v>
      </c>
      <c r="C19050">
        <v>0</v>
      </c>
      <c r="D19050">
        <v>0</v>
      </c>
    </row>
    <row r="19051" spans="1:4" x14ac:dyDescent="0.25">
      <c r="A19051" t="s">
        <v>30027</v>
      </c>
      <c r="B19051" t="s">
        <v>30029</v>
      </c>
      <c r="C19051">
        <v>0</v>
      </c>
      <c r="D19051">
        <v>0</v>
      </c>
    </row>
    <row r="19052" spans="1:4" x14ac:dyDescent="0.25">
      <c r="A19052" t="s">
        <v>30027</v>
      </c>
      <c r="B19052" t="s">
        <v>3402</v>
      </c>
      <c r="C19052">
        <v>0</v>
      </c>
      <c r="D19052">
        <v>0</v>
      </c>
    </row>
    <row r="19053" spans="1:4" x14ac:dyDescent="0.25">
      <c r="A19053" t="s">
        <v>30030</v>
      </c>
      <c r="B19053" t="s">
        <v>30031</v>
      </c>
      <c r="C19053">
        <v>1</v>
      </c>
      <c r="D19053">
        <v>0</v>
      </c>
    </row>
    <row r="19054" spans="1:4" x14ac:dyDescent="0.25">
      <c r="A19054" t="s">
        <v>30030</v>
      </c>
      <c r="B19054" t="s">
        <v>30032</v>
      </c>
      <c r="C19054">
        <v>0</v>
      </c>
      <c r="D19054">
        <v>0</v>
      </c>
    </row>
    <row r="19055" spans="1:4" x14ac:dyDescent="0.25">
      <c r="A19055" t="s">
        <v>30033</v>
      </c>
      <c r="B19055" t="s">
        <v>30034</v>
      </c>
      <c r="C19055">
        <v>1</v>
      </c>
      <c r="D19055">
        <v>0</v>
      </c>
    </row>
    <row r="19056" spans="1:4" x14ac:dyDescent="0.25">
      <c r="A19056" t="s">
        <v>30033</v>
      </c>
      <c r="B19056" t="s">
        <v>30035</v>
      </c>
      <c r="C19056">
        <v>1</v>
      </c>
      <c r="D19056">
        <v>0</v>
      </c>
    </row>
    <row r="19057" spans="1:4" x14ac:dyDescent="0.25">
      <c r="A19057" t="s">
        <v>30036</v>
      </c>
      <c r="B19057" t="s">
        <v>30037</v>
      </c>
      <c r="C19057">
        <v>0</v>
      </c>
      <c r="D19057">
        <v>0</v>
      </c>
    </row>
    <row r="19058" spans="1:4" x14ac:dyDescent="0.25">
      <c r="A19058" t="s">
        <v>30038</v>
      </c>
      <c r="B19058" t="s">
        <v>30039</v>
      </c>
      <c r="C19058">
        <v>0</v>
      </c>
      <c r="D19058">
        <v>0</v>
      </c>
    </row>
    <row r="19059" spans="1:4" x14ac:dyDescent="0.25">
      <c r="A19059" t="s">
        <v>30038</v>
      </c>
      <c r="B19059" t="s">
        <v>30040</v>
      </c>
      <c r="C19059">
        <v>1</v>
      </c>
      <c r="D19059">
        <v>0</v>
      </c>
    </row>
    <row r="19060" spans="1:4" x14ac:dyDescent="0.25">
      <c r="A19060" t="s">
        <v>30041</v>
      </c>
      <c r="B19060" t="s">
        <v>3858</v>
      </c>
      <c r="C19060">
        <v>1</v>
      </c>
      <c r="D19060">
        <v>0</v>
      </c>
    </row>
    <row r="19061" spans="1:4" x14ac:dyDescent="0.25">
      <c r="A19061" t="s">
        <v>30041</v>
      </c>
      <c r="B19061" t="s">
        <v>30042</v>
      </c>
      <c r="C19061">
        <v>0</v>
      </c>
      <c r="D19061">
        <v>0</v>
      </c>
    </row>
    <row r="19062" spans="1:4" x14ac:dyDescent="0.25">
      <c r="A19062" t="s">
        <v>30041</v>
      </c>
      <c r="B19062" t="s">
        <v>30043</v>
      </c>
      <c r="C19062">
        <v>2</v>
      </c>
      <c r="D19062">
        <v>0</v>
      </c>
    </row>
    <row r="19063" spans="1:4" x14ac:dyDescent="0.25">
      <c r="A19063" t="s">
        <v>30044</v>
      </c>
      <c r="B19063" t="s">
        <v>30045</v>
      </c>
      <c r="C19063">
        <v>1</v>
      </c>
      <c r="D19063">
        <v>0</v>
      </c>
    </row>
    <row r="19064" spans="1:4" x14ac:dyDescent="0.25">
      <c r="A19064" t="s">
        <v>30044</v>
      </c>
      <c r="B19064" t="s">
        <v>30046</v>
      </c>
      <c r="C19064">
        <v>1</v>
      </c>
      <c r="D19064">
        <v>0</v>
      </c>
    </row>
    <row r="19065" spans="1:4" x14ac:dyDescent="0.25">
      <c r="A19065" t="s">
        <v>30047</v>
      </c>
      <c r="B19065" t="s">
        <v>30048</v>
      </c>
      <c r="C19065">
        <v>1</v>
      </c>
      <c r="D19065">
        <v>0</v>
      </c>
    </row>
    <row r="19066" spans="1:4" x14ac:dyDescent="0.25">
      <c r="A19066" t="s">
        <v>30049</v>
      </c>
      <c r="B19066" t="s">
        <v>30050</v>
      </c>
      <c r="C19066">
        <v>0</v>
      </c>
      <c r="D19066">
        <v>0</v>
      </c>
    </row>
    <row r="19067" spans="1:4" x14ac:dyDescent="0.25">
      <c r="A19067" t="s">
        <v>30049</v>
      </c>
      <c r="B19067" t="s">
        <v>30051</v>
      </c>
      <c r="C19067">
        <v>0</v>
      </c>
      <c r="D19067">
        <v>0</v>
      </c>
    </row>
    <row r="19068" spans="1:4" x14ac:dyDescent="0.25">
      <c r="A19068" t="s">
        <v>30052</v>
      </c>
      <c r="B19068" t="s">
        <v>30053</v>
      </c>
      <c r="C19068">
        <v>1</v>
      </c>
      <c r="D19068">
        <v>0</v>
      </c>
    </row>
    <row r="19069" spans="1:4" x14ac:dyDescent="0.25">
      <c r="A19069" t="s">
        <v>30054</v>
      </c>
      <c r="B19069" t="s">
        <v>30055</v>
      </c>
      <c r="C19069">
        <v>1</v>
      </c>
      <c r="D19069">
        <v>0</v>
      </c>
    </row>
    <row r="19070" spans="1:4" x14ac:dyDescent="0.25">
      <c r="A19070" t="s">
        <v>30054</v>
      </c>
      <c r="B19070" t="s">
        <v>30056</v>
      </c>
      <c r="C19070">
        <v>1</v>
      </c>
      <c r="D19070">
        <v>0</v>
      </c>
    </row>
    <row r="19071" spans="1:4" x14ac:dyDescent="0.25">
      <c r="A19071" t="s">
        <v>30057</v>
      </c>
      <c r="B19071" t="s">
        <v>30058</v>
      </c>
      <c r="C19071">
        <v>1</v>
      </c>
      <c r="D19071">
        <v>0</v>
      </c>
    </row>
    <row r="19072" spans="1:4" x14ac:dyDescent="0.25">
      <c r="A19072" t="s">
        <v>30059</v>
      </c>
      <c r="B19072" t="s">
        <v>30060</v>
      </c>
      <c r="C19072">
        <v>1</v>
      </c>
      <c r="D19072">
        <v>0</v>
      </c>
    </row>
    <row r="19073" spans="1:4" x14ac:dyDescent="0.25">
      <c r="A19073" t="s">
        <v>30059</v>
      </c>
      <c r="B19073" t="s">
        <v>30061</v>
      </c>
      <c r="C19073">
        <v>0</v>
      </c>
      <c r="D19073">
        <v>0</v>
      </c>
    </row>
    <row r="19074" spans="1:4" x14ac:dyDescent="0.25">
      <c r="A19074" t="s">
        <v>30059</v>
      </c>
      <c r="B19074" t="s">
        <v>30062</v>
      </c>
      <c r="C19074">
        <v>1</v>
      </c>
      <c r="D19074">
        <v>0</v>
      </c>
    </row>
    <row r="19075" spans="1:4" x14ac:dyDescent="0.25">
      <c r="A19075" t="s">
        <v>30063</v>
      </c>
      <c r="B19075" t="s">
        <v>30064</v>
      </c>
      <c r="C19075">
        <v>0</v>
      </c>
      <c r="D19075">
        <v>0</v>
      </c>
    </row>
    <row r="19076" spans="1:4" x14ac:dyDescent="0.25">
      <c r="A19076" t="s">
        <v>30065</v>
      </c>
      <c r="B19076" t="s">
        <v>30066</v>
      </c>
      <c r="C19076">
        <v>0</v>
      </c>
      <c r="D19076">
        <v>0</v>
      </c>
    </row>
    <row r="19077" spans="1:4" x14ac:dyDescent="0.25">
      <c r="A19077" t="s">
        <v>30067</v>
      </c>
      <c r="B19077" t="s">
        <v>1246</v>
      </c>
      <c r="C19077">
        <v>0</v>
      </c>
      <c r="D19077">
        <v>0</v>
      </c>
    </row>
    <row r="19078" spans="1:4" x14ac:dyDescent="0.25">
      <c r="A19078" t="s">
        <v>30068</v>
      </c>
      <c r="B19078" t="s">
        <v>30069</v>
      </c>
      <c r="C19078">
        <v>0</v>
      </c>
      <c r="D19078">
        <v>0</v>
      </c>
    </row>
    <row r="19079" spans="1:4" x14ac:dyDescent="0.25">
      <c r="A19079" t="s">
        <v>30068</v>
      </c>
      <c r="B19079" t="s">
        <v>30070</v>
      </c>
      <c r="C19079">
        <v>1</v>
      </c>
      <c r="D19079">
        <v>0</v>
      </c>
    </row>
    <row r="19080" spans="1:4" x14ac:dyDescent="0.25">
      <c r="A19080" t="s">
        <v>30071</v>
      </c>
      <c r="B19080" t="s">
        <v>30072</v>
      </c>
      <c r="C19080">
        <v>0</v>
      </c>
      <c r="D19080">
        <v>0</v>
      </c>
    </row>
    <row r="19081" spans="1:4" x14ac:dyDescent="0.25">
      <c r="A19081" t="s">
        <v>30073</v>
      </c>
      <c r="B19081" t="s">
        <v>30074</v>
      </c>
      <c r="C19081">
        <v>2</v>
      </c>
      <c r="D19081">
        <v>0</v>
      </c>
    </row>
    <row r="19082" spans="1:4" x14ac:dyDescent="0.25">
      <c r="A19082" t="s">
        <v>30075</v>
      </c>
      <c r="B19082" t="s">
        <v>30076</v>
      </c>
      <c r="C19082">
        <v>2</v>
      </c>
      <c r="D19082">
        <v>0</v>
      </c>
    </row>
    <row r="19083" spans="1:4" x14ac:dyDescent="0.25">
      <c r="A19083" t="s">
        <v>30077</v>
      </c>
      <c r="B19083" t="s">
        <v>30078</v>
      </c>
      <c r="C19083">
        <v>1</v>
      </c>
      <c r="D19083">
        <v>0</v>
      </c>
    </row>
    <row r="19084" spans="1:4" x14ac:dyDescent="0.25">
      <c r="A19084" t="s">
        <v>30079</v>
      </c>
      <c r="B19084" t="s">
        <v>30080</v>
      </c>
      <c r="C19084">
        <v>2</v>
      </c>
      <c r="D19084">
        <v>0</v>
      </c>
    </row>
    <row r="19085" spans="1:4" x14ac:dyDescent="0.25">
      <c r="A19085" t="s">
        <v>30079</v>
      </c>
      <c r="B19085" t="s">
        <v>30081</v>
      </c>
      <c r="C19085">
        <v>0</v>
      </c>
      <c r="D19085">
        <v>0</v>
      </c>
    </row>
    <row r="19086" spans="1:4" x14ac:dyDescent="0.25">
      <c r="A19086" t="s">
        <v>30082</v>
      </c>
      <c r="B19086" t="s">
        <v>1102</v>
      </c>
      <c r="C19086">
        <v>0</v>
      </c>
      <c r="D19086">
        <v>0</v>
      </c>
    </row>
    <row r="19087" spans="1:4" x14ac:dyDescent="0.25">
      <c r="A19087" t="s">
        <v>30083</v>
      </c>
      <c r="B19087" t="s">
        <v>30084</v>
      </c>
      <c r="C19087">
        <v>2</v>
      </c>
      <c r="D19087">
        <v>0</v>
      </c>
    </row>
    <row r="19088" spans="1:4" x14ac:dyDescent="0.25">
      <c r="A19088" t="s">
        <v>30083</v>
      </c>
      <c r="B19088" t="s">
        <v>30085</v>
      </c>
      <c r="C19088">
        <v>2</v>
      </c>
      <c r="D19088">
        <v>0</v>
      </c>
    </row>
    <row r="19089" spans="1:4" x14ac:dyDescent="0.25">
      <c r="A19089" t="s">
        <v>30086</v>
      </c>
      <c r="B19089" t="s">
        <v>30087</v>
      </c>
      <c r="C19089">
        <v>0</v>
      </c>
      <c r="D19089">
        <v>0</v>
      </c>
    </row>
    <row r="19090" spans="1:4" x14ac:dyDescent="0.25">
      <c r="A19090" t="s">
        <v>30086</v>
      </c>
      <c r="B19090" t="s">
        <v>30088</v>
      </c>
      <c r="C19090">
        <v>2</v>
      </c>
      <c r="D19090">
        <v>0</v>
      </c>
    </row>
    <row r="19091" spans="1:4" x14ac:dyDescent="0.25">
      <c r="A19091" t="s">
        <v>30089</v>
      </c>
      <c r="B19091" t="s">
        <v>30090</v>
      </c>
      <c r="C19091">
        <v>0</v>
      </c>
      <c r="D19091">
        <v>0</v>
      </c>
    </row>
    <row r="19092" spans="1:4" x14ac:dyDescent="0.25">
      <c r="A19092" t="s">
        <v>30091</v>
      </c>
      <c r="B19092" t="s">
        <v>30092</v>
      </c>
      <c r="C19092">
        <v>0</v>
      </c>
      <c r="D19092">
        <v>0</v>
      </c>
    </row>
    <row r="19093" spans="1:4" x14ac:dyDescent="0.25">
      <c r="A19093" t="s">
        <v>30093</v>
      </c>
      <c r="B19093" t="s">
        <v>30094</v>
      </c>
      <c r="C19093">
        <v>2</v>
      </c>
      <c r="D19093">
        <v>0</v>
      </c>
    </row>
    <row r="19094" spans="1:4" x14ac:dyDescent="0.25">
      <c r="A19094" t="s">
        <v>30095</v>
      </c>
      <c r="B19094" t="s">
        <v>30096</v>
      </c>
      <c r="C19094">
        <v>1</v>
      </c>
      <c r="D19094">
        <v>0</v>
      </c>
    </row>
    <row r="19095" spans="1:4" x14ac:dyDescent="0.25">
      <c r="A19095" t="s">
        <v>30095</v>
      </c>
      <c r="B19095" t="s">
        <v>30097</v>
      </c>
      <c r="C19095">
        <v>0</v>
      </c>
      <c r="D19095">
        <v>0</v>
      </c>
    </row>
    <row r="19096" spans="1:4" x14ac:dyDescent="0.25">
      <c r="A19096" t="s">
        <v>30098</v>
      </c>
      <c r="B19096" t="s">
        <v>30099</v>
      </c>
      <c r="C19096">
        <v>2</v>
      </c>
      <c r="D19096">
        <v>0</v>
      </c>
    </row>
    <row r="19097" spans="1:4" x14ac:dyDescent="0.25">
      <c r="A19097" t="s">
        <v>30098</v>
      </c>
      <c r="B19097" t="s">
        <v>30100</v>
      </c>
      <c r="C19097">
        <v>0</v>
      </c>
      <c r="D19097">
        <v>0</v>
      </c>
    </row>
    <row r="19098" spans="1:4" x14ac:dyDescent="0.25">
      <c r="A19098" t="s">
        <v>30098</v>
      </c>
      <c r="B19098" t="s">
        <v>30101</v>
      </c>
      <c r="C19098">
        <v>0</v>
      </c>
      <c r="D19098">
        <v>0</v>
      </c>
    </row>
    <row r="19099" spans="1:4" x14ac:dyDescent="0.25">
      <c r="A19099" t="s">
        <v>30102</v>
      </c>
      <c r="B19099" t="s">
        <v>30103</v>
      </c>
      <c r="C19099">
        <v>0</v>
      </c>
      <c r="D19099">
        <v>0</v>
      </c>
    </row>
    <row r="19100" spans="1:4" x14ac:dyDescent="0.25">
      <c r="A19100" t="s">
        <v>30104</v>
      </c>
      <c r="B19100" t="s">
        <v>30105</v>
      </c>
      <c r="C19100">
        <v>0</v>
      </c>
      <c r="D19100">
        <v>0</v>
      </c>
    </row>
    <row r="19101" spans="1:4" x14ac:dyDescent="0.25">
      <c r="A19101" t="s">
        <v>30104</v>
      </c>
      <c r="B19101" t="s">
        <v>30106</v>
      </c>
      <c r="C19101">
        <v>1</v>
      </c>
      <c r="D19101">
        <v>0</v>
      </c>
    </row>
    <row r="19102" spans="1:4" x14ac:dyDescent="0.25">
      <c r="A19102" t="s">
        <v>30104</v>
      </c>
      <c r="B19102" t="s">
        <v>30107</v>
      </c>
      <c r="C19102">
        <v>1</v>
      </c>
      <c r="D19102">
        <v>0</v>
      </c>
    </row>
    <row r="19103" spans="1:4" x14ac:dyDescent="0.25">
      <c r="A19103" t="s">
        <v>30108</v>
      </c>
      <c r="B19103" t="s">
        <v>30109</v>
      </c>
      <c r="C19103">
        <v>2</v>
      </c>
      <c r="D19103">
        <v>0</v>
      </c>
    </row>
    <row r="19104" spans="1:4" x14ac:dyDescent="0.25">
      <c r="A19104" t="s">
        <v>30108</v>
      </c>
      <c r="B19104" t="s">
        <v>30110</v>
      </c>
      <c r="C19104">
        <v>0</v>
      </c>
      <c r="D19104">
        <v>0</v>
      </c>
    </row>
    <row r="19105" spans="1:4" x14ac:dyDescent="0.25">
      <c r="A19105" t="s">
        <v>30108</v>
      </c>
      <c r="B19105" t="s">
        <v>30111</v>
      </c>
      <c r="C19105">
        <v>1</v>
      </c>
      <c r="D19105">
        <v>0</v>
      </c>
    </row>
    <row r="19106" spans="1:4" x14ac:dyDescent="0.25">
      <c r="A19106" t="s">
        <v>30112</v>
      </c>
      <c r="B19106" t="s">
        <v>30113</v>
      </c>
      <c r="C19106">
        <v>1</v>
      </c>
      <c r="D19106">
        <v>0</v>
      </c>
    </row>
    <row r="19107" spans="1:4" x14ac:dyDescent="0.25">
      <c r="A19107" t="s">
        <v>30114</v>
      </c>
      <c r="B19107" t="s">
        <v>30115</v>
      </c>
      <c r="C19107">
        <v>1</v>
      </c>
      <c r="D19107">
        <v>0</v>
      </c>
    </row>
    <row r="19108" spans="1:4" x14ac:dyDescent="0.25">
      <c r="A19108" t="s">
        <v>30114</v>
      </c>
      <c r="B19108" t="s">
        <v>30116</v>
      </c>
      <c r="C19108">
        <v>0</v>
      </c>
      <c r="D19108">
        <v>0</v>
      </c>
    </row>
    <row r="19109" spans="1:4" x14ac:dyDescent="0.25">
      <c r="A19109" t="s">
        <v>30117</v>
      </c>
      <c r="B19109" t="s">
        <v>30118</v>
      </c>
      <c r="C19109">
        <v>2</v>
      </c>
      <c r="D19109">
        <v>0</v>
      </c>
    </row>
    <row r="19110" spans="1:4" x14ac:dyDescent="0.25">
      <c r="A19110" t="s">
        <v>30119</v>
      </c>
      <c r="B19110" t="s">
        <v>30120</v>
      </c>
      <c r="C19110">
        <v>1</v>
      </c>
      <c r="D19110">
        <v>0</v>
      </c>
    </row>
    <row r="19111" spans="1:4" x14ac:dyDescent="0.25">
      <c r="A19111" t="s">
        <v>30121</v>
      </c>
      <c r="B19111" t="s">
        <v>30122</v>
      </c>
      <c r="C19111">
        <v>2</v>
      </c>
      <c r="D19111">
        <v>0</v>
      </c>
    </row>
    <row r="19112" spans="1:4" x14ac:dyDescent="0.25">
      <c r="A19112" t="s">
        <v>30121</v>
      </c>
      <c r="B19112" t="s">
        <v>30123</v>
      </c>
      <c r="C19112">
        <v>1</v>
      </c>
      <c r="D19112">
        <v>0</v>
      </c>
    </row>
    <row r="19113" spans="1:4" x14ac:dyDescent="0.25">
      <c r="A19113" t="s">
        <v>30124</v>
      </c>
      <c r="B19113" t="s">
        <v>30125</v>
      </c>
      <c r="C19113">
        <v>1</v>
      </c>
      <c r="D19113">
        <v>0</v>
      </c>
    </row>
    <row r="19114" spans="1:4" x14ac:dyDescent="0.25">
      <c r="A19114" t="s">
        <v>30124</v>
      </c>
      <c r="B19114" t="s">
        <v>30126</v>
      </c>
      <c r="C19114">
        <v>0</v>
      </c>
      <c r="D19114">
        <v>0</v>
      </c>
    </row>
    <row r="19115" spans="1:4" x14ac:dyDescent="0.25">
      <c r="A19115" t="s">
        <v>30127</v>
      </c>
      <c r="B19115" t="s">
        <v>923</v>
      </c>
      <c r="C19115">
        <v>0</v>
      </c>
      <c r="D19115">
        <v>0</v>
      </c>
    </row>
    <row r="19116" spans="1:4" x14ac:dyDescent="0.25">
      <c r="A19116" t="s">
        <v>30127</v>
      </c>
      <c r="B19116" t="s">
        <v>30128</v>
      </c>
      <c r="C19116">
        <v>2</v>
      </c>
      <c r="D19116">
        <v>0</v>
      </c>
    </row>
    <row r="19117" spans="1:4" x14ac:dyDescent="0.25">
      <c r="A19117" t="s">
        <v>30129</v>
      </c>
      <c r="B19117" t="s">
        <v>30130</v>
      </c>
      <c r="C19117">
        <v>1</v>
      </c>
      <c r="D19117">
        <v>0</v>
      </c>
    </row>
    <row r="19118" spans="1:4" x14ac:dyDescent="0.25">
      <c r="A19118" t="s">
        <v>30129</v>
      </c>
      <c r="B19118" t="s">
        <v>30131</v>
      </c>
      <c r="C19118">
        <v>0</v>
      </c>
      <c r="D19118">
        <v>0</v>
      </c>
    </row>
    <row r="19119" spans="1:4" x14ac:dyDescent="0.25">
      <c r="A19119" t="s">
        <v>30132</v>
      </c>
      <c r="B19119" t="s">
        <v>30133</v>
      </c>
      <c r="C19119">
        <v>2</v>
      </c>
      <c r="D19119">
        <v>0</v>
      </c>
    </row>
    <row r="19120" spans="1:4" x14ac:dyDescent="0.25">
      <c r="A19120" t="s">
        <v>30132</v>
      </c>
      <c r="B19120" t="s">
        <v>30134</v>
      </c>
      <c r="C19120">
        <v>0</v>
      </c>
      <c r="D19120">
        <v>0</v>
      </c>
    </row>
    <row r="19121" spans="1:4" x14ac:dyDescent="0.25">
      <c r="A19121" t="s">
        <v>30132</v>
      </c>
      <c r="B19121" t="s">
        <v>30135</v>
      </c>
      <c r="C19121">
        <v>2</v>
      </c>
      <c r="D19121">
        <v>0</v>
      </c>
    </row>
    <row r="19122" spans="1:4" x14ac:dyDescent="0.25">
      <c r="A19122" t="s">
        <v>30136</v>
      </c>
      <c r="B19122" t="s">
        <v>30137</v>
      </c>
      <c r="C19122">
        <v>1</v>
      </c>
      <c r="D19122">
        <v>0</v>
      </c>
    </row>
    <row r="19123" spans="1:4" x14ac:dyDescent="0.25">
      <c r="A19123" t="s">
        <v>30138</v>
      </c>
      <c r="B19123" t="s">
        <v>30139</v>
      </c>
      <c r="C19123">
        <v>1</v>
      </c>
      <c r="D19123">
        <v>0</v>
      </c>
    </row>
    <row r="19124" spans="1:4" x14ac:dyDescent="0.25">
      <c r="A19124" t="s">
        <v>30140</v>
      </c>
      <c r="B19124" t="s">
        <v>30141</v>
      </c>
      <c r="C19124">
        <v>1</v>
      </c>
      <c r="D19124">
        <v>0</v>
      </c>
    </row>
    <row r="19125" spans="1:4" x14ac:dyDescent="0.25">
      <c r="A19125" t="s">
        <v>30140</v>
      </c>
      <c r="B19125" t="s">
        <v>30142</v>
      </c>
      <c r="C19125">
        <v>1</v>
      </c>
      <c r="D19125">
        <v>0</v>
      </c>
    </row>
    <row r="19126" spans="1:4" x14ac:dyDescent="0.25">
      <c r="A19126" t="s">
        <v>30143</v>
      </c>
      <c r="B19126" t="s">
        <v>968</v>
      </c>
      <c r="C19126">
        <v>1</v>
      </c>
      <c r="D19126">
        <v>0</v>
      </c>
    </row>
    <row r="19127" spans="1:4" x14ac:dyDescent="0.25">
      <c r="A19127" t="s">
        <v>30144</v>
      </c>
      <c r="B19127" t="s">
        <v>30145</v>
      </c>
      <c r="C19127">
        <v>0</v>
      </c>
      <c r="D19127">
        <v>0</v>
      </c>
    </row>
    <row r="19128" spans="1:4" x14ac:dyDescent="0.25">
      <c r="A19128" t="s">
        <v>30146</v>
      </c>
      <c r="B19128" t="s">
        <v>30147</v>
      </c>
      <c r="C19128">
        <v>2</v>
      </c>
      <c r="D19128">
        <v>0</v>
      </c>
    </row>
    <row r="19129" spans="1:4" x14ac:dyDescent="0.25">
      <c r="A19129" t="s">
        <v>30148</v>
      </c>
      <c r="B19129" t="s">
        <v>30149</v>
      </c>
      <c r="C19129">
        <v>1</v>
      </c>
      <c r="D19129">
        <v>0</v>
      </c>
    </row>
    <row r="19130" spans="1:4" x14ac:dyDescent="0.25">
      <c r="A19130" t="s">
        <v>30148</v>
      </c>
      <c r="B19130" t="s">
        <v>30150</v>
      </c>
      <c r="C19130">
        <v>2</v>
      </c>
      <c r="D19130">
        <v>0</v>
      </c>
    </row>
    <row r="19131" spans="1:4" x14ac:dyDescent="0.25">
      <c r="A19131" t="s">
        <v>30148</v>
      </c>
      <c r="B19131" t="s">
        <v>30151</v>
      </c>
      <c r="C19131">
        <v>1</v>
      </c>
      <c r="D19131">
        <v>0</v>
      </c>
    </row>
    <row r="19132" spans="1:4" x14ac:dyDescent="0.25">
      <c r="A19132" t="s">
        <v>30152</v>
      </c>
      <c r="B19132" t="s">
        <v>30153</v>
      </c>
      <c r="C19132">
        <v>0</v>
      </c>
      <c r="D19132">
        <v>0</v>
      </c>
    </row>
    <row r="19133" spans="1:4" x14ac:dyDescent="0.25">
      <c r="A19133" t="s">
        <v>30154</v>
      </c>
      <c r="B19133" t="s">
        <v>30155</v>
      </c>
      <c r="C19133">
        <v>1</v>
      </c>
      <c r="D19133">
        <v>0</v>
      </c>
    </row>
    <row r="19134" spans="1:4" x14ac:dyDescent="0.25">
      <c r="A19134" t="s">
        <v>30154</v>
      </c>
      <c r="B19134" t="s">
        <v>30156</v>
      </c>
      <c r="C19134">
        <v>0</v>
      </c>
      <c r="D19134">
        <v>0</v>
      </c>
    </row>
    <row r="19135" spans="1:4" x14ac:dyDescent="0.25">
      <c r="A19135" t="s">
        <v>30157</v>
      </c>
      <c r="B19135" t="s">
        <v>30158</v>
      </c>
      <c r="C19135">
        <v>0</v>
      </c>
      <c r="D19135">
        <v>0</v>
      </c>
    </row>
    <row r="19136" spans="1:4" x14ac:dyDescent="0.25">
      <c r="A19136" t="s">
        <v>30159</v>
      </c>
      <c r="B19136" t="s">
        <v>30160</v>
      </c>
      <c r="C19136">
        <v>1</v>
      </c>
      <c r="D19136">
        <v>0</v>
      </c>
    </row>
    <row r="19137" spans="1:4" x14ac:dyDescent="0.25">
      <c r="A19137" t="s">
        <v>30161</v>
      </c>
      <c r="B19137" t="s">
        <v>1938</v>
      </c>
      <c r="C19137">
        <v>0</v>
      </c>
      <c r="D19137">
        <v>0</v>
      </c>
    </row>
    <row r="19138" spans="1:4" x14ac:dyDescent="0.25">
      <c r="A19138" t="s">
        <v>30162</v>
      </c>
      <c r="B19138" t="s">
        <v>843</v>
      </c>
      <c r="C19138">
        <v>1</v>
      </c>
      <c r="D19138">
        <v>0</v>
      </c>
    </row>
    <row r="19139" spans="1:4" x14ac:dyDescent="0.25">
      <c r="A19139" t="s">
        <v>30163</v>
      </c>
      <c r="B19139" t="s">
        <v>30164</v>
      </c>
      <c r="C19139">
        <v>1</v>
      </c>
      <c r="D19139">
        <v>0</v>
      </c>
    </row>
    <row r="19140" spans="1:4" x14ac:dyDescent="0.25">
      <c r="A19140" t="s">
        <v>30163</v>
      </c>
      <c r="B19140" t="s">
        <v>5588</v>
      </c>
      <c r="C19140">
        <v>0</v>
      </c>
      <c r="D19140">
        <v>0</v>
      </c>
    </row>
    <row r="19141" spans="1:4" x14ac:dyDescent="0.25">
      <c r="A19141" t="s">
        <v>30165</v>
      </c>
      <c r="B19141" t="s">
        <v>30166</v>
      </c>
      <c r="C19141">
        <v>1</v>
      </c>
      <c r="D19141">
        <v>0</v>
      </c>
    </row>
    <row r="19142" spans="1:4" x14ac:dyDescent="0.25">
      <c r="A19142" t="s">
        <v>30165</v>
      </c>
      <c r="B19142" t="s">
        <v>30167</v>
      </c>
      <c r="C19142">
        <v>1</v>
      </c>
      <c r="D19142">
        <v>0</v>
      </c>
    </row>
    <row r="19143" spans="1:4" x14ac:dyDescent="0.25">
      <c r="A19143" t="s">
        <v>30165</v>
      </c>
      <c r="B19143" t="s">
        <v>30168</v>
      </c>
      <c r="C19143">
        <v>1</v>
      </c>
      <c r="D19143">
        <v>0</v>
      </c>
    </row>
    <row r="19144" spans="1:4" x14ac:dyDescent="0.25">
      <c r="A19144" t="s">
        <v>30169</v>
      </c>
      <c r="B19144" t="s">
        <v>4349</v>
      </c>
      <c r="C19144">
        <v>1</v>
      </c>
      <c r="D19144">
        <v>0</v>
      </c>
    </row>
    <row r="19145" spans="1:4" x14ac:dyDescent="0.25">
      <c r="A19145" t="s">
        <v>30170</v>
      </c>
      <c r="B19145" t="s">
        <v>8993</v>
      </c>
      <c r="C19145">
        <v>0</v>
      </c>
      <c r="D19145">
        <v>0</v>
      </c>
    </row>
    <row r="19146" spans="1:4" x14ac:dyDescent="0.25">
      <c r="A19146" t="s">
        <v>30170</v>
      </c>
      <c r="B19146" t="s">
        <v>28545</v>
      </c>
      <c r="C19146">
        <v>0</v>
      </c>
      <c r="D19146">
        <v>0</v>
      </c>
    </row>
    <row r="19147" spans="1:4" x14ac:dyDescent="0.25">
      <c r="A19147" t="s">
        <v>30171</v>
      </c>
      <c r="B19147" t="s">
        <v>30172</v>
      </c>
      <c r="C19147">
        <v>2</v>
      </c>
      <c r="D19147">
        <v>0</v>
      </c>
    </row>
    <row r="19148" spans="1:4" x14ac:dyDescent="0.25">
      <c r="A19148" t="s">
        <v>30171</v>
      </c>
      <c r="B19148" t="s">
        <v>30173</v>
      </c>
      <c r="C19148">
        <v>2</v>
      </c>
      <c r="D19148">
        <v>0</v>
      </c>
    </row>
    <row r="19149" spans="1:4" x14ac:dyDescent="0.25">
      <c r="A19149" t="s">
        <v>30171</v>
      </c>
      <c r="B19149" t="s">
        <v>30174</v>
      </c>
      <c r="C19149">
        <v>2</v>
      </c>
      <c r="D19149">
        <v>0</v>
      </c>
    </row>
    <row r="19150" spans="1:4" x14ac:dyDescent="0.25">
      <c r="A19150" t="s">
        <v>30175</v>
      </c>
      <c r="B19150" t="s">
        <v>30176</v>
      </c>
      <c r="C19150">
        <v>1</v>
      </c>
      <c r="D19150">
        <v>0</v>
      </c>
    </row>
    <row r="19151" spans="1:4" x14ac:dyDescent="0.25">
      <c r="A19151" t="s">
        <v>30175</v>
      </c>
      <c r="B19151" t="s">
        <v>30177</v>
      </c>
      <c r="C19151">
        <v>1</v>
      </c>
      <c r="D19151">
        <v>0</v>
      </c>
    </row>
    <row r="19152" spans="1:4" x14ac:dyDescent="0.25">
      <c r="A19152" t="s">
        <v>30175</v>
      </c>
      <c r="B19152" t="s">
        <v>30178</v>
      </c>
      <c r="C19152">
        <v>1</v>
      </c>
      <c r="D19152">
        <v>0</v>
      </c>
    </row>
    <row r="19153" spans="1:4" x14ac:dyDescent="0.25">
      <c r="A19153" t="s">
        <v>30179</v>
      </c>
      <c r="B19153" t="s">
        <v>30180</v>
      </c>
      <c r="C19153">
        <v>0</v>
      </c>
      <c r="D19153">
        <v>0</v>
      </c>
    </row>
    <row r="19154" spans="1:4" x14ac:dyDescent="0.25">
      <c r="A19154" t="s">
        <v>30179</v>
      </c>
      <c r="B19154" t="s">
        <v>30181</v>
      </c>
      <c r="C19154">
        <v>1</v>
      </c>
      <c r="D19154">
        <v>0</v>
      </c>
    </row>
    <row r="19155" spans="1:4" x14ac:dyDescent="0.25">
      <c r="A19155" t="s">
        <v>30182</v>
      </c>
      <c r="B19155" t="s">
        <v>30183</v>
      </c>
      <c r="C19155">
        <v>0</v>
      </c>
      <c r="D19155">
        <v>0</v>
      </c>
    </row>
    <row r="19156" spans="1:4" x14ac:dyDescent="0.25">
      <c r="A19156" t="s">
        <v>30182</v>
      </c>
      <c r="B19156" t="s">
        <v>30184</v>
      </c>
      <c r="C19156">
        <v>2</v>
      </c>
      <c r="D19156">
        <v>0</v>
      </c>
    </row>
    <row r="19157" spans="1:4" x14ac:dyDescent="0.25">
      <c r="A19157" t="s">
        <v>30182</v>
      </c>
      <c r="B19157" t="s">
        <v>30185</v>
      </c>
      <c r="C19157">
        <v>0</v>
      </c>
      <c r="D19157">
        <v>0</v>
      </c>
    </row>
    <row r="19158" spans="1:4" x14ac:dyDescent="0.25">
      <c r="A19158" t="s">
        <v>30186</v>
      </c>
      <c r="B19158" t="s">
        <v>30187</v>
      </c>
      <c r="C19158">
        <v>2</v>
      </c>
      <c r="D19158">
        <v>0</v>
      </c>
    </row>
    <row r="19159" spans="1:4" x14ac:dyDescent="0.25">
      <c r="A19159" t="s">
        <v>30186</v>
      </c>
      <c r="B19159" t="s">
        <v>30188</v>
      </c>
      <c r="C19159">
        <v>0</v>
      </c>
      <c r="D19159">
        <v>0</v>
      </c>
    </row>
    <row r="19160" spans="1:4" x14ac:dyDescent="0.25">
      <c r="A19160" t="s">
        <v>30189</v>
      </c>
      <c r="B19160" t="s">
        <v>30190</v>
      </c>
      <c r="C19160">
        <v>2</v>
      </c>
      <c r="D19160">
        <v>0</v>
      </c>
    </row>
    <row r="19161" spans="1:4" x14ac:dyDescent="0.25">
      <c r="A19161" t="s">
        <v>30191</v>
      </c>
      <c r="B19161" t="s">
        <v>30192</v>
      </c>
      <c r="C19161">
        <v>0</v>
      </c>
      <c r="D19161">
        <v>0</v>
      </c>
    </row>
    <row r="19162" spans="1:4" x14ac:dyDescent="0.25">
      <c r="A19162" t="s">
        <v>30191</v>
      </c>
      <c r="B19162" t="s">
        <v>30193</v>
      </c>
      <c r="C19162">
        <v>1</v>
      </c>
      <c r="D19162">
        <v>0</v>
      </c>
    </row>
    <row r="19163" spans="1:4" x14ac:dyDescent="0.25">
      <c r="A19163" t="s">
        <v>30191</v>
      </c>
      <c r="B19163" t="s">
        <v>30194</v>
      </c>
      <c r="C19163">
        <v>2</v>
      </c>
      <c r="D19163">
        <v>0</v>
      </c>
    </row>
    <row r="19164" spans="1:4" x14ac:dyDescent="0.25">
      <c r="A19164" t="s">
        <v>30195</v>
      </c>
      <c r="B19164" t="s">
        <v>30196</v>
      </c>
      <c r="C19164">
        <v>1</v>
      </c>
      <c r="D19164">
        <v>0</v>
      </c>
    </row>
    <row r="19165" spans="1:4" x14ac:dyDescent="0.25">
      <c r="A19165" t="s">
        <v>30195</v>
      </c>
      <c r="B19165" t="s">
        <v>30197</v>
      </c>
      <c r="C19165">
        <v>0</v>
      </c>
      <c r="D19165">
        <v>0</v>
      </c>
    </row>
    <row r="19166" spans="1:4" x14ac:dyDescent="0.25">
      <c r="A19166" t="s">
        <v>30198</v>
      </c>
      <c r="B19166" t="s">
        <v>30199</v>
      </c>
      <c r="C19166">
        <v>1</v>
      </c>
      <c r="D19166">
        <v>0</v>
      </c>
    </row>
    <row r="19167" spans="1:4" x14ac:dyDescent="0.25">
      <c r="A19167" t="s">
        <v>30198</v>
      </c>
      <c r="B19167" t="s">
        <v>7704</v>
      </c>
      <c r="C19167">
        <v>1</v>
      </c>
      <c r="D19167">
        <v>0</v>
      </c>
    </row>
    <row r="19168" spans="1:4" x14ac:dyDescent="0.25">
      <c r="A19168" t="s">
        <v>30200</v>
      </c>
      <c r="B19168" t="s">
        <v>30201</v>
      </c>
      <c r="C19168">
        <v>0</v>
      </c>
      <c r="D19168">
        <v>0</v>
      </c>
    </row>
    <row r="19169" spans="1:4" x14ac:dyDescent="0.25">
      <c r="A19169" t="s">
        <v>30202</v>
      </c>
      <c r="B19169" t="s">
        <v>30203</v>
      </c>
      <c r="C19169">
        <v>2</v>
      </c>
      <c r="D19169">
        <v>0</v>
      </c>
    </row>
    <row r="19170" spans="1:4" x14ac:dyDescent="0.25">
      <c r="A19170" t="s">
        <v>30202</v>
      </c>
      <c r="B19170" t="s">
        <v>30204</v>
      </c>
      <c r="C19170">
        <v>2</v>
      </c>
      <c r="D19170">
        <v>0</v>
      </c>
    </row>
    <row r="19171" spans="1:4" x14ac:dyDescent="0.25">
      <c r="A19171" t="s">
        <v>30202</v>
      </c>
      <c r="B19171" t="s">
        <v>1294</v>
      </c>
      <c r="C19171">
        <v>1</v>
      </c>
      <c r="D19171">
        <v>0</v>
      </c>
    </row>
    <row r="19172" spans="1:4" x14ac:dyDescent="0.25">
      <c r="A19172" t="s">
        <v>30205</v>
      </c>
      <c r="B19172" t="s">
        <v>11948</v>
      </c>
      <c r="C19172">
        <v>0</v>
      </c>
      <c r="D19172">
        <v>0</v>
      </c>
    </row>
    <row r="19173" spans="1:4" x14ac:dyDescent="0.25">
      <c r="A19173" t="s">
        <v>30206</v>
      </c>
      <c r="B19173" t="s">
        <v>30207</v>
      </c>
      <c r="C19173">
        <v>0</v>
      </c>
      <c r="D19173">
        <v>0</v>
      </c>
    </row>
    <row r="19174" spans="1:4" x14ac:dyDescent="0.25">
      <c r="A19174" t="s">
        <v>30206</v>
      </c>
      <c r="B19174" t="s">
        <v>30208</v>
      </c>
      <c r="C19174">
        <v>2</v>
      </c>
      <c r="D19174">
        <v>0</v>
      </c>
    </row>
    <row r="19175" spans="1:4" x14ac:dyDescent="0.25">
      <c r="A19175" t="s">
        <v>30206</v>
      </c>
      <c r="B19175" t="s">
        <v>30209</v>
      </c>
      <c r="C19175">
        <v>0</v>
      </c>
      <c r="D19175">
        <v>0</v>
      </c>
    </row>
    <row r="19176" spans="1:4" x14ac:dyDescent="0.25">
      <c r="A19176" t="s">
        <v>30210</v>
      </c>
      <c r="B19176" t="s">
        <v>30211</v>
      </c>
      <c r="C19176">
        <v>0</v>
      </c>
      <c r="D19176">
        <v>0</v>
      </c>
    </row>
    <row r="19177" spans="1:4" x14ac:dyDescent="0.25">
      <c r="A19177" t="s">
        <v>30210</v>
      </c>
      <c r="B19177" t="s">
        <v>30212</v>
      </c>
      <c r="C19177">
        <v>1</v>
      </c>
      <c r="D19177">
        <v>0</v>
      </c>
    </row>
    <row r="19178" spans="1:4" x14ac:dyDescent="0.25">
      <c r="A19178" t="s">
        <v>30210</v>
      </c>
      <c r="B19178" t="s">
        <v>30213</v>
      </c>
      <c r="C19178">
        <v>0</v>
      </c>
      <c r="D19178">
        <v>0</v>
      </c>
    </row>
    <row r="19179" spans="1:4" x14ac:dyDescent="0.25">
      <c r="A19179" t="s">
        <v>30214</v>
      </c>
      <c r="B19179" t="s">
        <v>30215</v>
      </c>
      <c r="C19179">
        <v>0</v>
      </c>
      <c r="D19179">
        <v>0</v>
      </c>
    </row>
    <row r="19180" spans="1:4" x14ac:dyDescent="0.25">
      <c r="A19180" t="s">
        <v>30216</v>
      </c>
      <c r="B19180" t="s">
        <v>30217</v>
      </c>
      <c r="C19180">
        <v>0</v>
      </c>
      <c r="D19180">
        <v>0</v>
      </c>
    </row>
    <row r="19181" spans="1:4" x14ac:dyDescent="0.25">
      <c r="A19181" t="s">
        <v>30218</v>
      </c>
      <c r="B19181" t="s">
        <v>30219</v>
      </c>
      <c r="C19181">
        <v>1</v>
      </c>
      <c r="D19181">
        <v>0</v>
      </c>
    </row>
    <row r="19182" spans="1:4" x14ac:dyDescent="0.25">
      <c r="A19182" t="s">
        <v>30218</v>
      </c>
      <c r="B19182" t="s">
        <v>3410</v>
      </c>
      <c r="C19182">
        <v>1</v>
      </c>
      <c r="D19182">
        <v>0</v>
      </c>
    </row>
    <row r="19183" spans="1:4" x14ac:dyDescent="0.25">
      <c r="A19183" t="s">
        <v>30220</v>
      </c>
      <c r="B19183" t="s">
        <v>4349</v>
      </c>
      <c r="C19183">
        <v>1</v>
      </c>
      <c r="D19183">
        <v>0</v>
      </c>
    </row>
    <row r="19184" spans="1:4" x14ac:dyDescent="0.25">
      <c r="A19184" t="s">
        <v>30220</v>
      </c>
      <c r="B19184" t="s">
        <v>797</v>
      </c>
      <c r="C19184">
        <v>0</v>
      </c>
      <c r="D19184">
        <v>0</v>
      </c>
    </row>
    <row r="19185" spans="1:4" x14ac:dyDescent="0.25">
      <c r="A19185" t="s">
        <v>30221</v>
      </c>
      <c r="B19185" t="s">
        <v>30222</v>
      </c>
      <c r="C19185">
        <v>1</v>
      </c>
      <c r="D19185">
        <v>0</v>
      </c>
    </row>
    <row r="19186" spans="1:4" x14ac:dyDescent="0.25">
      <c r="A19186" t="s">
        <v>30221</v>
      </c>
      <c r="B19186" t="s">
        <v>30223</v>
      </c>
      <c r="C19186">
        <v>0</v>
      </c>
      <c r="D19186">
        <v>0</v>
      </c>
    </row>
    <row r="19187" spans="1:4" x14ac:dyDescent="0.25">
      <c r="A19187" t="s">
        <v>30221</v>
      </c>
      <c r="B19187" t="s">
        <v>30224</v>
      </c>
      <c r="C19187">
        <v>0</v>
      </c>
      <c r="D19187">
        <v>0</v>
      </c>
    </row>
    <row r="19188" spans="1:4" x14ac:dyDescent="0.25">
      <c r="A19188" t="s">
        <v>30225</v>
      </c>
      <c r="B19188" t="s">
        <v>30226</v>
      </c>
      <c r="C19188">
        <v>1</v>
      </c>
      <c r="D19188">
        <v>0</v>
      </c>
    </row>
    <row r="19189" spans="1:4" x14ac:dyDescent="0.25">
      <c r="A19189" t="s">
        <v>30227</v>
      </c>
      <c r="B19189" t="s">
        <v>30228</v>
      </c>
      <c r="C19189">
        <v>1</v>
      </c>
      <c r="D19189">
        <v>0</v>
      </c>
    </row>
    <row r="19190" spans="1:4" x14ac:dyDescent="0.25">
      <c r="A19190" t="s">
        <v>30229</v>
      </c>
      <c r="B19190" t="s">
        <v>1001</v>
      </c>
      <c r="C19190">
        <v>1</v>
      </c>
      <c r="D19190">
        <v>0</v>
      </c>
    </row>
    <row r="19191" spans="1:4" x14ac:dyDescent="0.25">
      <c r="A19191" t="s">
        <v>30230</v>
      </c>
      <c r="B19191" t="s">
        <v>1499</v>
      </c>
      <c r="C19191">
        <v>1</v>
      </c>
      <c r="D19191">
        <v>0</v>
      </c>
    </row>
    <row r="19192" spans="1:4" x14ac:dyDescent="0.25">
      <c r="A19192" t="s">
        <v>30230</v>
      </c>
      <c r="B19192" t="s">
        <v>30231</v>
      </c>
      <c r="C19192">
        <v>0</v>
      </c>
      <c r="D19192">
        <v>0</v>
      </c>
    </row>
    <row r="19193" spans="1:4" x14ac:dyDescent="0.25">
      <c r="A19193" t="s">
        <v>30232</v>
      </c>
      <c r="B19193" t="s">
        <v>30233</v>
      </c>
      <c r="C19193">
        <v>1</v>
      </c>
      <c r="D19193">
        <v>0</v>
      </c>
    </row>
    <row r="19194" spans="1:4" x14ac:dyDescent="0.25">
      <c r="A19194" t="s">
        <v>30232</v>
      </c>
      <c r="B19194" t="s">
        <v>30234</v>
      </c>
      <c r="C19194">
        <v>2</v>
      </c>
      <c r="D19194">
        <v>0</v>
      </c>
    </row>
    <row r="19195" spans="1:4" x14ac:dyDescent="0.25">
      <c r="A19195" t="s">
        <v>30232</v>
      </c>
      <c r="B19195" t="s">
        <v>30235</v>
      </c>
      <c r="C19195">
        <v>2</v>
      </c>
      <c r="D19195">
        <v>0</v>
      </c>
    </row>
    <row r="19196" spans="1:4" x14ac:dyDescent="0.25">
      <c r="A19196" t="s">
        <v>30236</v>
      </c>
      <c r="B19196" t="s">
        <v>30237</v>
      </c>
      <c r="C19196">
        <v>1</v>
      </c>
      <c r="D19196">
        <v>0</v>
      </c>
    </row>
    <row r="19197" spans="1:4" x14ac:dyDescent="0.25">
      <c r="A19197" t="s">
        <v>30236</v>
      </c>
      <c r="B19197" t="s">
        <v>30238</v>
      </c>
      <c r="C19197">
        <v>1</v>
      </c>
      <c r="D19197">
        <v>0</v>
      </c>
    </row>
    <row r="19198" spans="1:4" x14ac:dyDescent="0.25">
      <c r="A19198" t="s">
        <v>30236</v>
      </c>
      <c r="B19198" t="s">
        <v>3926</v>
      </c>
      <c r="C19198">
        <v>1</v>
      </c>
      <c r="D19198">
        <v>0</v>
      </c>
    </row>
    <row r="19199" spans="1:4" x14ac:dyDescent="0.25">
      <c r="A19199" t="s">
        <v>30239</v>
      </c>
      <c r="B19199" t="s">
        <v>30240</v>
      </c>
      <c r="C19199">
        <v>0</v>
      </c>
      <c r="D19199">
        <v>0</v>
      </c>
    </row>
    <row r="19200" spans="1:4" x14ac:dyDescent="0.25">
      <c r="A19200" t="s">
        <v>30239</v>
      </c>
      <c r="B19200" t="s">
        <v>30241</v>
      </c>
      <c r="C19200">
        <v>1</v>
      </c>
      <c r="D19200">
        <v>0</v>
      </c>
    </row>
    <row r="19201" spans="1:4" x14ac:dyDescent="0.25">
      <c r="A19201" t="s">
        <v>30239</v>
      </c>
      <c r="B19201" t="s">
        <v>30242</v>
      </c>
      <c r="C19201">
        <v>1</v>
      </c>
      <c r="D19201">
        <v>0</v>
      </c>
    </row>
    <row r="19202" spans="1:4" x14ac:dyDescent="0.25">
      <c r="A19202" t="s">
        <v>30243</v>
      </c>
      <c r="B19202" t="s">
        <v>30244</v>
      </c>
      <c r="C19202">
        <v>0</v>
      </c>
      <c r="D19202">
        <v>0</v>
      </c>
    </row>
    <row r="19203" spans="1:4" x14ac:dyDescent="0.25">
      <c r="A19203" t="s">
        <v>30245</v>
      </c>
      <c r="B19203" t="s">
        <v>30246</v>
      </c>
      <c r="C19203">
        <v>1</v>
      </c>
      <c r="D19203">
        <v>0</v>
      </c>
    </row>
    <row r="19204" spans="1:4" x14ac:dyDescent="0.25">
      <c r="A19204" t="s">
        <v>30247</v>
      </c>
      <c r="B19204" t="s">
        <v>30248</v>
      </c>
      <c r="C19204">
        <v>2</v>
      </c>
      <c r="D19204">
        <v>0</v>
      </c>
    </row>
    <row r="19205" spans="1:4" x14ac:dyDescent="0.25">
      <c r="A19205" t="s">
        <v>30247</v>
      </c>
      <c r="B19205" t="s">
        <v>30249</v>
      </c>
      <c r="C19205">
        <v>2</v>
      </c>
      <c r="D19205">
        <v>0</v>
      </c>
    </row>
    <row r="19206" spans="1:4" x14ac:dyDescent="0.25">
      <c r="A19206" t="s">
        <v>30247</v>
      </c>
      <c r="B19206" t="s">
        <v>30250</v>
      </c>
      <c r="C19206">
        <v>2</v>
      </c>
      <c r="D19206">
        <v>0</v>
      </c>
    </row>
    <row r="19207" spans="1:4" x14ac:dyDescent="0.25">
      <c r="A19207" t="s">
        <v>30251</v>
      </c>
      <c r="B19207" t="s">
        <v>30252</v>
      </c>
      <c r="C19207">
        <v>1</v>
      </c>
      <c r="D19207">
        <v>0</v>
      </c>
    </row>
    <row r="19208" spans="1:4" x14ac:dyDescent="0.25">
      <c r="A19208" t="s">
        <v>30251</v>
      </c>
      <c r="B19208" t="s">
        <v>30253</v>
      </c>
      <c r="C19208">
        <v>0</v>
      </c>
      <c r="D19208">
        <v>0</v>
      </c>
    </row>
    <row r="19209" spans="1:4" x14ac:dyDescent="0.25">
      <c r="A19209" t="s">
        <v>30251</v>
      </c>
      <c r="B19209" t="s">
        <v>30254</v>
      </c>
      <c r="C19209">
        <v>2</v>
      </c>
      <c r="D19209">
        <v>0</v>
      </c>
    </row>
    <row r="19210" spans="1:4" x14ac:dyDescent="0.25">
      <c r="A19210" t="s">
        <v>30255</v>
      </c>
      <c r="B19210" t="s">
        <v>30256</v>
      </c>
      <c r="C19210">
        <v>1</v>
      </c>
      <c r="D19210">
        <v>0</v>
      </c>
    </row>
    <row r="19211" spans="1:4" x14ac:dyDescent="0.25">
      <c r="A19211" t="s">
        <v>30257</v>
      </c>
      <c r="B19211" t="s">
        <v>398</v>
      </c>
      <c r="C19211">
        <v>0</v>
      </c>
      <c r="D19211">
        <v>0</v>
      </c>
    </row>
    <row r="19212" spans="1:4" x14ac:dyDescent="0.25">
      <c r="A19212" t="s">
        <v>30257</v>
      </c>
      <c r="B19212" t="s">
        <v>30258</v>
      </c>
      <c r="C19212">
        <v>0</v>
      </c>
      <c r="D19212">
        <v>0</v>
      </c>
    </row>
    <row r="19213" spans="1:4" x14ac:dyDescent="0.25">
      <c r="A19213" t="s">
        <v>30259</v>
      </c>
      <c r="B19213" t="s">
        <v>30260</v>
      </c>
      <c r="C19213">
        <v>1</v>
      </c>
      <c r="D19213">
        <v>0</v>
      </c>
    </row>
    <row r="19214" spans="1:4" x14ac:dyDescent="0.25">
      <c r="A19214" t="s">
        <v>30261</v>
      </c>
      <c r="B19214" t="s">
        <v>30262</v>
      </c>
      <c r="C19214">
        <v>1</v>
      </c>
      <c r="D19214">
        <v>0</v>
      </c>
    </row>
    <row r="19215" spans="1:4" x14ac:dyDescent="0.25">
      <c r="A19215" t="s">
        <v>30261</v>
      </c>
      <c r="B19215" t="s">
        <v>30263</v>
      </c>
      <c r="C19215">
        <v>2</v>
      </c>
      <c r="D19215">
        <v>0</v>
      </c>
    </row>
    <row r="19216" spans="1:4" x14ac:dyDescent="0.25">
      <c r="A19216" t="s">
        <v>30261</v>
      </c>
      <c r="B19216" t="s">
        <v>2061</v>
      </c>
      <c r="C19216">
        <v>0</v>
      </c>
      <c r="D19216">
        <v>0</v>
      </c>
    </row>
    <row r="19217" spans="1:4" x14ac:dyDescent="0.25">
      <c r="A19217" t="s">
        <v>30264</v>
      </c>
      <c r="B19217" t="s">
        <v>852</v>
      </c>
      <c r="C19217">
        <v>0</v>
      </c>
      <c r="D19217">
        <v>0</v>
      </c>
    </row>
    <row r="19218" spans="1:4" x14ac:dyDescent="0.25">
      <c r="A19218" t="s">
        <v>30265</v>
      </c>
      <c r="B19218" t="s">
        <v>30266</v>
      </c>
      <c r="C19218">
        <v>1</v>
      </c>
      <c r="D19218">
        <v>0</v>
      </c>
    </row>
    <row r="19219" spans="1:4" x14ac:dyDescent="0.25">
      <c r="A19219" t="s">
        <v>30265</v>
      </c>
      <c r="B19219" t="s">
        <v>30267</v>
      </c>
      <c r="C19219">
        <v>2</v>
      </c>
      <c r="D19219">
        <v>0</v>
      </c>
    </row>
    <row r="19220" spans="1:4" x14ac:dyDescent="0.25">
      <c r="A19220" t="s">
        <v>30268</v>
      </c>
      <c r="B19220" t="s">
        <v>30269</v>
      </c>
      <c r="C19220">
        <v>1</v>
      </c>
      <c r="D19220">
        <v>0</v>
      </c>
    </row>
    <row r="19221" spans="1:4" x14ac:dyDescent="0.25">
      <c r="A19221" t="s">
        <v>30268</v>
      </c>
      <c r="B19221" t="s">
        <v>30270</v>
      </c>
      <c r="C19221">
        <v>0</v>
      </c>
      <c r="D19221">
        <v>0</v>
      </c>
    </row>
    <row r="19222" spans="1:4" x14ac:dyDescent="0.25">
      <c r="A19222" t="s">
        <v>30268</v>
      </c>
      <c r="B19222" t="s">
        <v>30271</v>
      </c>
      <c r="C19222">
        <v>2</v>
      </c>
      <c r="D19222">
        <v>0</v>
      </c>
    </row>
    <row r="19223" spans="1:4" x14ac:dyDescent="0.25">
      <c r="A19223" t="s">
        <v>30272</v>
      </c>
      <c r="B19223" t="s">
        <v>30273</v>
      </c>
      <c r="C19223">
        <v>1</v>
      </c>
      <c r="D19223">
        <v>0</v>
      </c>
    </row>
    <row r="19224" spans="1:4" x14ac:dyDescent="0.25">
      <c r="A19224" t="s">
        <v>30272</v>
      </c>
      <c r="B19224" t="s">
        <v>30274</v>
      </c>
      <c r="C19224">
        <v>0</v>
      </c>
      <c r="D19224">
        <v>0</v>
      </c>
    </row>
    <row r="19225" spans="1:4" x14ac:dyDescent="0.25">
      <c r="A19225" t="s">
        <v>30272</v>
      </c>
      <c r="B19225" t="s">
        <v>30275</v>
      </c>
      <c r="C19225">
        <v>1</v>
      </c>
      <c r="D19225">
        <v>0</v>
      </c>
    </row>
    <row r="19226" spans="1:4" x14ac:dyDescent="0.25">
      <c r="A19226" t="s">
        <v>30276</v>
      </c>
      <c r="B19226" t="s">
        <v>30277</v>
      </c>
      <c r="C19226">
        <v>0</v>
      </c>
      <c r="D19226">
        <v>0</v>
      </c>
    </row>
    <row r="19227" spans="1:4" x14ac:dyDescent="0.25">
      <c r="A19227" t="s">
        <v>30276</v>
      </c>
      <c r="B19227" t="s">
        <v>30278</v>
      </c>
      <c r="C19227">
        <v>1</v>
      </c>
      <c r="D19227">
        <v>0</v>
      </c>
    </row>
    <row r="19228" spans="1:4" x14ac:dyDescent="0.25">
      <c r="A19228" t="s">
        <v>30279</v>
      </c>
      <c r="B19228" t="s">
        <v>30280</v>
      </c>
      <c r="C19228">
        <v>1</v>
      </c>
      <c r="D19228">
        <v>0</v>
      </c>
    </row>
    <row r="19229" spans="1:4" x14ac:dyDescent="0.25">
      <c r="A19229" t="s">
        <v>30279</v>
      </c>
      <c r="B19229" t="s">
        <v>30281</v>
      </c>
      <c r="C19229">
        <v>1</v>
      </c>
      <c r="D19229">
        <v>0</v>
      </c>
    </row>
    <row r="19230" spans="1:4" x14ac:dyDescent="0.25">
      <c r="A19230" t="s">
        <v>30279</v>
      </c>
      <c r="B19230" t="s">
        <v>30282</v>
      </c>
      <c r="C19230">
        <v>1</v>
      </c>
      <c r="D19230">
        <v>0</v>
      </c>
    </row>
    <row r="19231" spans="1:4" x14ac:dyDescent="0.25">
      <c r="A19231" t="s">
        <v>30283</v>
      </c>
      <c r="B19231" t="s">
        <v>2061</v>
      </c>
      <c r="C19231">
        <v>0</v>
      </c>
      <c r="D19231">
        <v>0</v>
      </c>
    </row>
    <row r="19232" spans="1:4" x14ac:dyDescent="0.25">
      <c r="A19232" t="s">
        <v>30284</v>
      </c>
      <c r="B19232" t="s">
        <v>30285</v>
      </c>
      <c r="C19232">
        <v>2</v>
      </c>
      <c r="D19232">
        <v>0</v>
      </c>
    </row>
    <row r="19233" spans="1:4" x14ac:dyDescent="0.25">
      <c r="A19233" t="s">
        <v>30284</v>
      </c>
      <c r="B19233" t="s">
        <v>30286</v>
      </c>
      <c r="C19233">
        <v>0</v>
      </c>
      <c r="D19233">
        <v>0</v>
      </c>
    </row>
    <row r="19234" spans="1:4" x14ac:dyDescent="0.25">
      <c r="A19234" t="s">
        <v>30287</v>
      </c>
      <c r="B19234" t="s">
        <v>30288</v>
      </c>
      <c r="C19234">
        <v>1</v>
      </c>
      <c r="D19234">
        <v>0</v>
      </c>
    </row>
    <row r="19235" spans="1:4" x14ac:dyDescent="0.25">
      <c r="A19235" t="s">
        <v>30287</v>
      </c>
      <c r="B19235" t="s">
        <v>30289</v>
      </c>
      <c r="C19235">
        <v>0</v>
      </c>
      <c r="D19235">
        <v>0</v>
      </c>
    </row>
    <row r="19236" spans="1:4" x14ac:dyDescent="0.25">
      <c r="A19236" t="s">
        <v>30290</v>
      </c>
      <c r="B19236" t="s">
        <v>30291</v>
      </c>
      <c r="C19236">
        <v>1</v>
      </c>
      <c r="D19236">
        <v>0</v>
      </c>
    </row>
    <row r="19237" spans="1:4" x14ac:dyDescent="0.25">
      <c r="A19237" t="s">
        <v>30292</v>
      </c>
      <c r="B19237" t="s">
        <v>30293</v>
      </c>
      <c r="C19237">
        <v>1</v>
      </c>
      <c r="D19237">
        <v>0</v>
      </c>
    </row>
    <row r="19238" spans="1:4" x14ac:dyDescent="0.25">
      <c r="A19238" t="s">
        <v>30294</v>
      </c>
      <c r="B19238" t="s">
        <v>30295</v>
      </c>
      <c r="C19238">
        <v>1</v>
      </c>
      <c r="D19238">
        <v>0</v>
      </c>
    </row>
    <row r="19239" spans="1:4" x14ac:dyDescent="0.25">
      <c r="A19239" t="s">
        <v>30294</v>
      </c>
      <c r="B19239" t="s">
        <v>30296</v>
      </c>
      <c r="C19239">
        <v>1</v>
      </c>
      <c r="D19239">
        <v>0</v>
      </c>
    </row>
    <row r="19240" spans="1:4" x14ac:dyDescent="0.25">
      <c r="A19240" t="s">
        <v>30294</v>
      </c>
      <c r="B19240" t="s">
        <v>30297</v>
      </c>
      <c r="C19240">
        <v>1</v>
      </c>
      <c r="D19240">
        <v>0</v>
      </c>
    </row>
    <row r="19241" spans="1:4" x14ac:dyDescent="0.25">
      <c r="A19241" t="s">
        <v>30298</v>
      </c>
      <c r="B19241" t="s">
        <v>30299</v>
      </c>
      <c r="C19241">
        <v>1</v>
      </c>
      <c r="D19241">
        <v>0</v>
      </c>
    </row>
    <row r="19242" spans="1:4" x14ac:dyDescent="0.25">
      <c r="A19242" t="s">
        <v>30300</v>
      </c>
      <c r="B19242" t="s">
        <v>30301</v>
      </c>
      <c r="C19242">
        <v>1</v>
      </c>
      <c r="D19242">
        <v>0</v>
      </c>
    </row>
    <row r="19243" spans="1:4" x14ac:dyDescent="0.25">
      <c r="A19243" t="s">
        <v>30300</v>
      </c>
      <c r="B19243" t="s">
        <v>30302</v>
      </c>
      <c r="C19243">
        <v>1</v>
      </c>
      <c r="D19243">
        <v>0</v>
      </c>
    </row>
    <row r="19244" spans="1:4" x14ac:dyDescent="0.25">
      <c r="A19244" t="s">
        <v>30303</v>
      </c>
      <c r="B19244" t="s">
        <v>30304</v>
      </c>
      <c r="C19244">
        <v>1</v>
      </c>
      <c r="D19244">
        <v>0</v>
      </c>
    </row>
    <row r="19245" spans="1:4" x14ac:dyDescent="0.25">
      <c r="A19245" t="s">
        <v>30305</v>
      </c>
      <c r="B19245" t="s">
        <v>30306</v>
      </c>
      <c r="C19245">
        <v>0</v>
      </c>
      <c r="D19245">
        <v>0</v>
      </c>
    </row>
    <row r="19246" spans="1:4" x14ac:dyDescent="0.25">
      <c r="A19246" t="s">
        <v>30307</v>
      </c>
      <c r="B19246" t="s">
        <v>30308</v>
      </c>
      <c r="C19246">
        <v>0</v>
      </c>
      <c r="D19246">
        <v>0</v>
      </c>
    </row>
    <row r="19247" spans="1:4" x14ac:dyDescent="0.25">
      <c r="A19247" t="s">
        <v>30307</v>
      </c>
      <c r="B19247" t="s">
        <v>30309</v>
      </c>
      <c r="C19247">
        <v>1</v>
      </c>
      <c r="D19247">
        <v>0</v>
      </c>
    </row>
    <row r="19248" spans="1:4" x14ac:dyDescent="0.25">
      <c r="A19248" t="s">
        <v>30310</v>
      </c>
      <c r="B19248" t="s">
        <v>30311</v>
      </c>
      <c r="C19248">
        <v>1</v>
      </c>
      <c r="D19248">
        <v>0</v>
      </c>
    </row>
    <row r="19249" spans="1:4" x14ac:dyDescent="0.25">
      <c r="A19249" t="s">
        <v>30310</v>
      </c>
      <c r="B19249" t="s">
        <v>30312</v>
      </c>
      <c r="C19249">
        <v>1</v>
      </c>
      <c r="D19249">
        <v>0</v>
      </c>
    </row>
    <row r="19250" spans="1:4" x14ac:dyDescent="0.25">
      <c r="A19250" t="s">
        <v>30310</v>
      </c>
      <c r="B19250" t="s">
        <v>30313</v>
      </c>
      <c r="C19250">
        <v>0</v>
      </c>
      <c r="D19250">
        <v>0</v>
      </c>
    </row>
    <row r="19251" spans="1:4" x14ac:dyDescent="0.25">
      <c r="A19251" t="s">
        <v>30314</v>
      </c>
      <c r="B19251" t="s">
        <v>30315</v>
      </c>
      <c r="C19251">
        <v>0</v>
      </c>
      <c r="D19251">
        <v>0</v>
      </c>
    </row>
    <row r="19252" spans="1:4" x14ac:dyDescent="0.25">
      <c r="A19252" t="s">
        <v>30314</v>
      </c>
      <c r="B19252" t="s">
        <v>30316</v>
      </c>
      <c r="C19252">
        <v>0</v>
      </c>
      <c r="D19252">
        <v>0</v>
      </c>
    </row>
    <row r="19253" spans="1:4" x14ac:dyDescent="0.25">
      <c r="A19253" t="s">
        <v>30317</v>
      </c>
      <c r="B19253" t="s">
        <v>30318</v>
      </c>
      <c r="C19253">
        <v>0</v>
      </c>
      <c r="D19253">
        <v>0</v>
      </c>
    </row>
    <row r="19254" spans="1:4" x14ac:dyDescent="0.25">
      <c r="A19254" t="s">
        <v>30317</v>
      </c>
      <c r="B19254" t="s">
        <v>30319</v>
      </c>
      <c r="C19254">
        <v>1</v>
      </c>
      <c r="D19254">
        <v>0</v>
      </c>
    </row>
    <row r="19255" spans="1:4" x14ac:dyDescent="0.25">
      <c r="A19255" t="s">
        <v>30317</v>
      </c>
      <c r="B19255" t="s">
        <v>30320</v>
      </c>
      <c r="C19255">
        <v>1</v>
      </c>
      <c r="D19255">
        <v>0</v>
      </c>
    </row>
    <row r="19256" spans="1:4" x14ac:dyDescent="0.25">
      <c r="A19256" t="s">
        <v>30321</v>
      </c>
      <c r="B19256" t="s">
        <v>30322</v>
      </c>
      <c r="C19256">
        <v>1</v>
      </c>
      <c r="D19256">
        <v>0</v>
      </c>
    </row>
    <row r="19257" spans="1:4" x14ac:dyDescent="0.25">
      <c r="A19257" t="s">
        <v>30321</v>
      </c>
      <c r="B19257" t="s">
        <v>30323</v>
      </c>
      <c r="C19257">
        <v>1</v>
      </c>
      <c r="D19257">
        <v>0</v>
      </c>
    </row>
    <row r="19258" spans="1:4" x14ac:dyDescent="0.25">
      <c r="A19258" t="s">
        <v>30321</v>
      </c>
      <c r="B19258" t="s">
        <v>30324</v>
      </c>
      <c r="C19258">
        <v>1</v>
      </c>
      <c r="D19258">
        <v>0</v>
      </c>
    </row>
    <row r="19259" spans="1:4" x14ac:dyDescent="0.25">
      <c r="A19259" t="s">
        <v>30325</v>
      </c>
      <c r="B19259" t="s">
        <v>30326</v>
      </c>
      <c r="C19259">
        <v>1</v>
      </c>
      <c r="D19259">
        <v>0</v>
      </c>
    </row>
    <row r="19260" spans="1:4" x14ac:dyDescent="0.25">
      <c r="A19260" t="s">
        <v>30325</v>
      </c>
      <c r="B19260" t="s">
        <v>30327</v>
      </c>
      <c r="C19260">
        <v>0</v>
      </c>
      <c r="D19260">
        <v>0</v>
      </c>
    </row>
    <row r="19261" spans="1:4" x14ac:dyDescent="0.25">
      <c r="A19261" t="s">
        <v>30328</v>
      </c>
      <c r="B19261" t="s">
        <v>30329</v>
      </c>
      <c r="C19261">
        <v>1</v>
      </c>
      <c r="D19261">
        <v>0</v>
      </c>
    </row>
    <row r="19262" spans="1:4" x14ac:dyDescent="0.25">
      <c r="A19262" t="s">
        <v>30328</v>
      </c>
      <c r="B19262" t="s">
        <v>30330</v>
      </c>
      <c r="C19262">
        <v>1</v>
      </c>
      <c r="D19262">
        <v>0</v>
      </c>
    </row>
    <row r="19263" spans="1:4" x14ac:dyDescent="0.25">
      <c r="A19263" t="s">
        <v>30331</v>
      </c>
      <c r="B19263" t="s">
        <v>27936</v>
      </c>
      <c r="C19263">
        <v>1</v>
      </c>
      <c r="D19263">
        <v>0</v>
      </c>
    </row>
    <row r="19264" spans="1:4" x14ac:dyDescent="0.25">
      <c r="A19264" t="s">
        <v>30331</v>
      </c>
      <c r="B19264" t="s">
        <v>30332</v>
      </c>
      <c r="C19264">
        <v>0</v>
      </c>
      <c r="D19264">
        <v>0</v>
      </c>
    </row>
    <row r="19265" spans="1:4" x14ac:dyDescent="0.25">
      <c r="A19265" t="s">
        <v>30331</v>
      </c>
      <c r="B19265" t="s">
        <v>30333</v>
      </c>
      <c r="C19265">
        <v>2</v>
      </c>
      <c r="D19265">
        <v>0</v>
      </c>
    </row>
    <row r="19266" spans="1:4" x14ac:dyDescent="0.25">
      <c r="A19266" t="s">
        <v>30334</v>
      </c>
      <c r="B19266" t="s">
        <v>2061</v>
      </c>
      <c r="C19266">
        <v>0</v>
      </c>
      <c r="D19266">
        <v>0</v>
      </c>
    </row>
    <row r="19267" spans="1:4" x14ac:dyDescent="0.25">
      <c r="A19267" t="s">
        <v>30334</v>
      </c>
      <c r="B19267" t="s">
        <v>30335</v>
      </c>
      <c r="C19267">
        <v>2</v>
      </c>
      <c r="D19267">
        <v>0</v>
      </c>
    </row>
    <row r="19268" spans="1:4" x14ac:dyDescent="0.25">
      <c r="A19268" t="s">
        <v>30336</v>
      </c>
      <c r="B19268" t="s">
        <v>30337</v>
      </c>
      <c r="C19268">
        <v>2</v>
      </c>
      <c r="D19268">
        <v>0</v>
      </c>
    </row>
    <row r="19269" spans="1:4" x14ac:dyDescent="0.25">
      <c r="A19269" t="s">
        <v>30336</v>
      </c>
      <c r="B19269" t="s">
        <v>30338</v>
      </c>
      <c r="C19269">
        <v>2</v>
      </c>
      <c r="D19269">
        <v>0</v>
      </c>
    </row>
    <row r="19270" spans="1:4" x14ac:dyDescent="0.25">
      <c r="A19270" t="s">
        <v>30336</v>
      </c>
      <c r="B19270" t="s">
        <v>30339</v>
      </c>
      <c r="C19270">
        <v>2</v>
      </c>
      <c r="D19270">
        <v>0</v>
      </c>
    </row>
    <row r="19271" spans="1:4" x14ac:dyDescent="0.25">
      <c r="A19271" t="s">
        <v>30340</v>
      </c>
      <c r="B19271" t="s">
        <v>30341</v>
      </c>
      <c r="C19271">
        <v>1</v>
      </c>
      <c r="D19271">
        <v>0</v>
      </c>
    </row>
    <row r="19272" spans="1:4" x14ac:dyDescent="0.25">
      <c r="A19272" t="s">
        <v>30342</v>
      </c>
      <c r="B19272" t="s">
        <v>30343</v>
      </c>
      <c r="C19272">
        <v>2</v>
      </c>
      <c r="D19272">
        <v>0</v>
      </c>
    </row>
    <row r="19273" spans="1:4" x14ac:dyDescent="0.25">
      <c r="A19273" t="s">
        <v>30342</v>
      </c>
      <c r="B19273" t="s">
        <v>30344</v>
      </c>
      <c r="C19273">
        <v>2</v>
      </c>
      <c r="D19273">
        <v>0</v>
      </c>
    </row>
    <row r="19274" spans="1:4" x14ac:dyDescent="0.25">
      <c r="A19274" t="s">
        <v>30342</v>
      </c>
      <c r="B19274" t="s">
        <v>30345</v>
      </c>
      <c r="C19274">
        <v>1</v>
      </c>
      <c r="D19274">
        <v>0</v>
      </c>
    </row>
    <row r="19275" spans="1:4" x14ac:dyDescent="0.25">
      <c r="A19275" t="s">
        <v>30346</v>
      </c>
      <c r="B19275" t="s">
        <v>30347</v>
      </c>
      <c r="C19275">
        <v>1</v>
      </c>
      <c r="D19275">
        <v>0</v>
      </c>
    </row>
    <row r="19276" spans="1:4" x14ac:dyDescent="0.25">
      <c r="A19276" t="s">
        <v>30346</v>
      </c>
      <c r="B19276" t="s">
        <v>30348</v>
      </c>
      <c r="C19276">
        <v>1</v>
      </c>
      <c r="D19276">
        <v>0</v>
      </c>
    </row>
    <row r="19277" spans="1:4" x14ac:dyDescent="0.25">
      <c r="A19277" t="s">
        <v>30346</v>
      </c>
      <c r="B19277" t="s">
        <v>30349</v>
      </c>
      <c r="C19277">
        <v>0</v>
      </c>
      <c r="D19277">
        <v>0</v>
      </c>
    </row>
    <row r="19278" spans="1:4" x14ac:dyDescent="0.25">
      <c r="A19278" t="s">
        <v>30350</v>
      </c>
      <c r="B19278" t="s">
        <v>30351</v>
      </c>
      <c r="C19278">
        <v>1</v>
      </c>
      <c r="D19278">
        <v>0</v>
      </c>
    </row>
    <row r="19279" spans="1:4" x14ac:dyDescent="0.25">
      <c r="A19279" t="s">
        <v>30352</v>
      </c>
      <c r="B19279" t="s">
        <v>30353</v>
      </c>
      <c r="C19279">
        <v>0</v>
      </c>
      <c r="D19279">
        <v>0</v>
      </c>
    </row>
    <row r="19280" spans="1:4" x14ac:dyDescent="0.25">
      <c r="A19280" t="s">
        <v>30354</v>
      </c>
      <c r="B19280" t="s">
        <v>30355</v>
      </c>
      <c r="C19280">
        <v>1</v>
      </c>
      <c r="D19280">
        <v>0</v>
      </c>
    </row>
    <row r="19281" spans="1:4" x14ac:dyDescent="0.25">
      <c r="A19281" t="s">
        <v>30354</v>
      </c>
      <c r="B19281" t="s">
        <v>30356</v>
      </c>
      <c r="C19281">
        <v>0</v>
      </c>
      <c r="D19281">
        <v>0</v>
      </c>
    </row>
    <row r="19282" spans="1:4" x14ac:dyDescent="0.25">
      <c r="A19282" t="s">
        <v>30354</v>
      </c>
      <c r="B19282" t="s">
        <v>30357</v>
      </c>
      <c r="C19282">
        <v>0</v>
      </c>
      <c r="D19282">
        <v>0</v>
      </c>
    </row>
    <row r="19283" spans="1:4" x14ac:dyDescent="0.25">
      <c r="A19283" t="s">
        <v>30358</v>
      </c>
      <c r="B19283" t="s">
        <v>30359</v>
      </c>
      <c r="C19283">
        <v>1</v>
      </c>
      <c r="D19283">
        <v>0</v>
      </c>
    </row>
    <row r="19284" spans="1:4" x14ac:dyDescent="0.25">
      <c r="A19284" t="s">
        <v>30360</v>
      </c>
      <c r="B19284" t="s">
        <v>30361</v>
      </c>
      <c r="C19284">
        <v>0</v>
      </c>
      <c r="D19284">
        <v>0</v>
      </c>
    </row>
    <row r="19285" spans="1:4" x14ac:dyDescent="0.25">
      <c r="A19285" t="s">
        <v>30360</v>
      </c>
      <c r="B19285" t="s">
        <v>30362</v>
      </c>
      <c r="C19285">
        <v>0</v>
      </c>
      <c r="D19285">
        <v>0</v>
      </c>
    </row>
    <row r="19286" spans="1:4" x14ac:dyDescent="0.25">
      <c r="A19286" t="s">
        <v>30363</v>
      </c>
      <c r="B19286" t="s">
        <v>30364</v>
      </c>
      <c r="C19286">
        <v>1</v>
      </c>
      <c r="D19286">
        <v>0</v>
      </c>
    </row>
    <row r="19287" spans="1:4" x14ac:dyDescent="0.25">
      <c r="A19287" t="s">
        <v>30363</v>
      </c>
      <c r="B19287" t="s">
        <v>30365</v>
      </c>
      <c r="C19287">
        <v>0</v>
      </c>
      <c r="D19287">
        <v>0</v>
      </c>
    </row>
    <row r="19288" spans="1:4" x14ac:dyDescent="0.25">
      <c r="A19288" t="s">
        <v>30363</v>
      </c>
      <c r="B19288" t="s">
        <v>30366</v>
      </c>
      <c r="C19288">
        <v>0</v>
      </c>
      <c r="D19288">
        <v>0</v>
      </c>
    </row>
    <row r="19289" spans="1:4" x14ac:dyDescent="0.25">
      <c r="A19289" t="s">
        <v>30367</v>
      </c>
      <c r="B19289" t="s">
        <v>1499</v>
      </c>
      <c r="C19289">
        <v>1</v>
      </c>
      <c r="D19289">
        <v>0</v>
      </c>
    </row>
    <row r="19290" spans="1:4" x14ac:dyDescent="0.25">
      <c r="A19290" t="s">
        <v>30367</v>
      </c>
      <c r="B19290" t="s">
        <v>1938</v>
      </c>
      <c r="C19290">
        <v>0</v>
      </c>
      <c r="D19290">
        <v>0</v>
      </c>
    </row>
    <row r="19291" spans="1:4" x14ac:dyDescent="0.25">
      <c r="A19291" t="s">
        <v>30367</v>
      </c>
      <c r="B19291" t="s">
        <v>30368</v>
      </c>
      <c r="C19291">
        <v>2</v>
      </c>
      <c r="D19291">
        <v>0</v>
      </c>
    </row>
    <row r="19292" spans="1:4" x14ac:dyDescent="0.25">
      <c r="A19292" t="s">
        <v>30369</v>
      </c>
      <c r="B19292" t="s">
        <v>30370</v>
      </c>
      <c r="C19292">
        <v>0</v>
      </c>
      <c r="D19292">
        <v>0</v>
      </c>
    </row>
    <row r="19293" spans="1:4" x14ac:dyDescent="0.25">
      <c r="A19293" t="s">
        <v>30369</v>
      </c>
      <c r="B19293" t="s">
        <v>30371</v>
      </c>
      <c r="C19293">
        <v>0</v>
      </c>
      <c r="D19293">
        <v>0</v>
      </c>
    </row>
    <row r="19294" spans="1:4" x14ac:dyDescent="0.25">
      <c r="A19294" t="s">
        <v>30372</v>
      </c>
      <c r="B19294" t="s">
        <v>30373</v>
      </c>
      <c r="C19294">
        <v>0</v>
      </c>
      <c r="D19294">
        <v>0</v>
      </c>
    </row>
    <row r="19295" spans="1:4" x14ac:dyDescent="0.25">
      <c r="A19295" t="s">
        <v>30374</v>
      </c>
      <c r="B19295" t="s">
        <v>30375</v>
      </c>
      <c r="C19295">
        <v>1</v>
      </c>
      <c r="D19295">
        <v>0</v>
      </c>
    </row>
    <row r="19296" spans="1:4" x14ac:dyDescent="0.25">
      <c r="A19296" t="s">
        <v>30376</v>
      </c>
      <c r="B19296" t="s">
        <v>30377</v>
      </c>
      <c r="C19296">
        <v>1</v>
      </c>
      <c r="D19296">
        <v>0</v>
      </c>
    </row>
    <row r="19297" spans="1:4" x14ac:dyDescent="0.25">
      <c r="A19297" t="s">
        <v>30376</v>
      </c>
      <c r="B19297" t="s">
        <v>30378</v>
      </c>
      <c r="C19297">
        <v>0</v>
      </c>
      <c r="D19297">
        <v>0</v>
      </c>
    </row>
    <row r="19298" spans="1:4" x14ac:dyDescent="0.25">
      <c r="A19298" t="s">
        <v>30376</v>
      </c>
      <c r="B19298" t="s">
        <v>30379</v>
      </c>
      <c r="C19298">
        <v>1</v>
      </c>
      <c r="D19298">
        <v>0</v>
      </c>
    </row>
    <row r="19299" spans="1:4" x14ac:dyDescent="0.25">
      <c r="A19299" t="s">
        <v>30380</v>
      </c>
      <c r="B19299" t="s">
        <v>30381</v>
      </c>
      <c r="C19299">
        <v>0</v>
      </c>
      <c r="D19299">
        <v>0</v>
      </c>
    </row>
    <row r="19300" spans="1:4" x14ac:dyDescent="0.25">
      <c r="A19300" t="s">
        <v>30380</v>
      </c>
      <c r="B19300" t="s">
        <v>30382</v>
      </c>
      <c r="C19300">
        <v>2</v>
      </c>
      <c r="D19300">
        <v>0</v>
      </c>
    </row>
    <row r="19301" spans="1:4" x14ac:dyDescent="0.25">
      <c r="A19301" t="s">
        <v>30380</v>
      </c>
      <c r="B19301" t="s">
        <v>30383</v>
      </c>
      <c r="C19301">
        <v>1</v>
      </c>
      <c r="D19301">
        <v>0</v>
      </c>
    </row>
    <row r="19302" spans="1:4" x14ac:dyDescent="0.25">
      <c r="A19302" t="s">
        <v>30384</v>
      </c>
      <c r="B19302" t="s">
        <v>30385</v>
      </c>
      <c r="C19302">
        <v>1</v>
      </c>
      <c r="D19302">
        <v>0</v>
      </c>
    </row>
    <row r="19303" spans="1:4" x14ac:dyDescent="0.25">
      <c r="A19303" t="s">
        <v>30384</v>
      </c>
      <c r="B19303" t="s">
        <v>30386</v>
      </c>
      <c r="C19303">
        <v>2</v>
      </c>
      <c r="D19303">
        <v>0</v>
      </c>
    </row>
    <row r="19304" spans="1:4" x14ac:dyDescent="0.25">
      <c r="A19304" t="s">
        <v>30384</v>
      </c>
      <c r="B19304" t="s">
        <v>30387</v>
      </c>
      <c r="C19304">
        <v>0</v>
      </c>
      <c r="D19304">
        <v>0</v>
      </c>
    </row>
    <row r="19305" spans="1:4" x14ac:dyDescent="0.25">
      <c r="A19305" t="s">
        <v>30388</v>
      </c>
      <c r="B19305" t="s">
        <v>30389</v>
      </c>
      <c r="C19305">
        <v>2</v>
      </c>
      <c r="D19305">
        <v>0</v>
      </c>
    </row>
    <row r="19306" spans="1:4" x14ac:dyDescent="0.25">
      <c r="A19306" t="s">
        <v>30388</v>
      </c>
      <c r="B19306" t="s">
        <v>30390</v>
      </c>
      <c r="C19306">
        <v>0</v>
      </c>
      <c r="D19306">
        <v>0</v>
      </c>
    </row>
    <row r="19307" spans="1:4" x14ac:dyDescent="0.25">
      <c r="A19307" t="s">
        <v>30391</v>
      </c>
      <c r="B19307" t="s">
        <v>5713</v>
      </c>
      <c r="C19307">
        <v>1</v>
      </c>
      <c r="D19307">
        <v>0</v>
      </c>
    </row>
    <row r="19308" spans="1:4" x14ac:dyDescent="0.25">
      <c r="A19308" t="s">
        <v>30392</v>
      </c>
      <c r="B19308" t="s">
        <v>30393</v>
      </c>
      <c r="C19308">
        <v>1</v>
      </c>
      <c r="D19308">
        <v>0</v>
      </c>
    </row>
    <row r="19309" spans="1:4" x14ac:dyDescent="0.25">
      <c r="A19309" t="s">
        <v>30392</v>
      </c>
      <c r="B19309" t="s">
        <v>30394</v>
      </c>
      <c r="C19309">
        <v>1</v>
      </c>
      <c r="D19309">
        <v>0</v>
      </c>
    </row>
    <row r="19310" spans="1:4" x14ac:dyDescent="0.25">
      <c r="A19310" t="s">
        <v>30395</v>
      </c>
      <c r="B19310" t="s">
        <v>30396</v>
      </c>
      <c r="C19310">
        <v>1</v>
      </c>
      <c r="D19310">
        <v>0</v>
      </c>
    </row>
    <row r="19311" spans="1:4" x14ac:dyDescent="0.25">
      <c r="A19311" t="s">
        <v>30395</v>
      </c>
      <c r="B19311" t="s">
        <v>30397</v>
      </c>
      <c r="C19311">
        <v>1</v>
      </c>
      <c r="D19311">
        <v>0</v>
      </c>
    </row>
    <row r="19312" spans="1:4" x14ac:dyDescent="0.25">
      <c r="A19312" t="s">
        <v>30395</v>
      </c>
      <c r="B19312" t="s">
        <v>30398</v>
      </c>
      <c r="C19312">
        <v>0</v>
      </c>
      <c r="D19312">
        <v>0</v>
      </c>
    </row>
    <row r="19313" spans="1:4" x14ac:dyDescent="0.25">
      <c r="A19313" t="s">
        <v>30399</v>
      </c>
      <c r="B19313" t="s">
        <v>30400</v>
      </c>
      <c r="C19313">
        <v>1</v>
      </c>
      <c r="D19313">
        <v>0</v>
      </c>
    </row>
    <row r="19314" spans="1:4" x14ac:dyDescent="0.25">
      <c r="A19314" t="s">
        <v>30399</v>
      </c>
      <c r="B19314" t="s">
        <v>30401</v>
      </c>
      <c r="C19314">
        <v>1</v>
      </c>
      <c r="D19314">
        <v>0</v>
      </c>
    </row>
    <row r="19315" spans="1:4" x14ac:dyDescent="0.25">
      <c r="A19315" t="s">
        <v>30399</v>
      </c>
      <c r="B19315" t="s">
        <v>1151</v>
      </c>
      <c r="C19315">
        <v>1</v>
      </c>
      <c r="D19315">
        <v>0</v>
      </c>
    </row>
    <row r="19316" spans="1:4" x14ac:dyDescent="0.25">
      <c r="A19316" t="s">
        <v>30402</v>
      </c>
      <c r="B19316" t="s">
        <v>30403</v>
      </c>
      <c r="C19316">
        <v>1</v>
      </c>
      <c r="D19316">
        <v>0</v>
      </c>
    </row>
    <row r="19317" spans="1:4" x14ac:dyDescent="0.25">
      <c r="A19317" t="s">
        <v>30402</v>
      </c>
      <c r="B19317" t="s">
        <v>30404</v>
      </c>
      <c r="C19317">
        <v>1</v>
      </c>
      <c r="D19317">
        <v>0</v>
      </c>
    </row>
    <row r="19318" spans="1:4" x14ac:dyDescent="0.25">
      <c r="A19318" t="s">
        <v>30405</v>
      </c>
      <c r="B19318" t="s">
        <v>30406</v>
      </c>
      <c r="C19318">
        <v>1</v>
      </c>
      <c r="D19318">
        <v>0</v>
      </c>
    </row>
    <row r="19319" spans="1:4" x14ac:dyDescent="0.25">
      <c r="A19319" t="s">
        <v>30407</v>
      </c>
      <c r="B19319" t="s">
        <v>30408</v>
      </c>
      <c r="C19319">
        <v>0</v>
      </c>
      <c r="D19319">
        <v>0</v>
      </c>
    </row>
    <row r="19320" spans="1:4" x14ac:dyDescent="0.25">
      <c r="A19320" t="s">
        <v>30409</v>
      </c>
      <c r="B19320" t="s">
        <v>30410</v>
      </c>
      <c r="C19320">
        <v>0</v>
      </c>
      <c r="D19320">
        <v>0</v>
      </c>
    </row>
    <row r="19321" spans="1:4" x14ac:dyDescent="0.25">
      <c r="A19321" t="s">
        <v>30411</v>
      </c>
      <c r="B19321" t="s">
        <v>6810</v>
      </c>
      <c r="C19321">
        <v>1</v>
      </c>
      <c r="D19321">
        <v>0</v>
      </c>
    </row>
    <row r="19322" spans="1:4" x14ac:dyDescent="0.25">
      <c r="A19322" t="s">
        <v>30411</v>
      </c>
      <c r="B19322" t="s">
        <v>30412</v>
      </c>
      <c r="C19322">
        <v>2</v>
      </c>
      <c r="D19322">
        <v>0</v>
      </c>
    </row>
    <row r="19323" spans="1:4" x14ac:dyDescent="0.25">
      <c r="A19323" t="s">
        <v>30413</v>
      </c>
      <c r="B19323" t="s">
        <v>843</v>
      </c>
      <c r="C19323">
        <v>1</v>
      </c>
      <c r="D19323">
        <v>0</v>
      </c>
    </row>
    <row r="19324" spans="1:4" x14ac:dyDescent="0.25">
      <c r="A19324" t="s">
        <v>30414</v>
      </c>
      <c r="B19324" t="s">
        <v>30415</v>
      </c>
      <c r="C19324">
        <v>1</v>
      </c>
      <c r="D19324">
        <v>0</v>
      </c>
    </row>
    <row r="19325" spans="1:4" x14ac:dyDescent="0.25">
      <c r="A19325" t="s">
        <v>30416</v>
      </c>
      <c r="B19325" t="s">
        <v>30417</v>
      </c>
      <c r="C19325">
        <v>0</v>
      </c>
      <c r="D19325">
        <v>0</v>
      </c>
    </row>
    <row r="19326" spans="1:4" x14ac:dyDescent="0.25">
      <c r="A19326" t="s">
        <v>30416</v>
      </c>
      <c r="B19326" t="s">
        <v>30418</v>
      </c>
      <c r="C19326">
        <v>2</v>
      </c>
      <c r="D19326">
        <v>0</v>
      </c>
    </row>
    <row r="19327" spans="1:4" x14ac:dyDescent="0.25">
      <c r="A19327" t="s">
        <v>30416</v>
      </c>
      <c r="B19327" t="s">
        <v>30419</v>
      </c>
      <c r="C19327">
        <v>0</v>
      </c>
      <c r="D19327">
        <v>0</v>
      </c>
    </row>
    <row r="19328" spans="1:4" x14ac:dyDescent="0.25">
      <c r="A19328" t="s">
        <v>30420</v>
      </c>
      <c r="B19328" t="s">
        <v>30421</v>
      </c>
      <c r="C19328">
        <v>0</v>
      </c>
      <c r="D19328">
        <v>0</v>
      </c>
    </row>
    <row r="19329" spans="1:4" x14ac:dyDescent="0.25">
      <c r="A19329" t="s">
        <v>30420</v>
      </c>
      <c r="B19329" t="s">
        <v>30422</v>
      </c>
      <c r="C19329">
        <v>0</v>
      </c>
      <c r="D19329">
        <v>0</v>
      </c>
    </row>
    <row r="19330" spans="1:4" x14ac:dyDescent="0.25">
      <c r="A19330" t="s">
        <v>30420</v>
      </c>
      <c r="B19330" t="s">
        <v>30423</v>
      </c>
      <c r="C19330">
        <v>0</v>
      </c>
      <c r="D19330">
        <v>0</v>
      </c>
    </row>
    <row r="19331" spans="1:4" x14ac:dyDescent="0.25">
      <c r="A19331" t="s">
        <v>30424</v>
      </c>
      <c r="B19331" t="s">
        <v>30425</v>
      </c>
      <c r="C19331">
        <v>0</v>
      </c>
      <c r="D19331">
        <v>0</v>
      </c>
    </row>
    <row r="19332" spans="1:4" x14ac:dyDescent="0.25">
      <c r="A19332" t="s">
        <v>30424</v>
      </c>
      <c r="B19332" t="s">
        <v>30426</v>
      </c>
      <c r="C19332">
        <v>2</v>
      </c>
      <c r="D19332">
        <v>0</v>
      </c>
    </row>
    <row r="19333" spans="1:4" x14ac:dyDescent="0.25">
      <c r="A19333" t="s">
        <v>30424</v>
      </c>
      <c r="B19333" t="s">
        <v>30427</v>
      </c>
      <c r="C19333">
        <v>0</v>
      </c>
      <c r="D19333">
        <v>0</v>
      </c>
    </row>
    <row r="19334" spans="1:4" x14ac:dyDescent="0.25">
      <c r="A19334" t="s">
        <v>30428</v>
      </c>
      <c r="B19334" t="s">
        <v>30429</v>
      </c>
      <c r="C19334">
        <v>1</v>
      </c>
      <c r="D19334">
        <v>0</v>
      </c>
    </row>
    <row r="19335" spans="1:4" x14ac:dyDescent="0.25">
      <c r="A19335" t="s">
        <v>30428</v>
      </c>
      <c r="B19335" t="s">
        <v>30430</v>
      </c>
      <c r="C19335">
        <v>1</v>
      </c>
      <c r="D19335">
        <v>0</v>
      </c>
    </row>
    <row r="19336" spans="1:4" x14ac:dyDescent="0.25">
      <c r="A19336" t="s">
        <v>30428</v>
      </c>
      <c r="B19336" t="s">
        <v>30431</v>
      </c>
      <c r="C19336">
        <v>0</v>
      </c>
      <c r="D19336">
        <v>0</v>
      </c>
    </row>
    <row r="19337" spans="1:4" x14ac:dyDescent="0.25">
      <c r="A19337" t="s">
        <v>30432</v>
      </c>
      <c r="B19337" t="s">
        <v>11506</v>
      </c>
      <c r="C19337">
        <v>1</v>
      </c>
      <c r="D19337">
        <v>0</v>
      </c>
    </row>
    <row r="19338" spans="1:4" x14ac:dyDescent="0.25">
      <c r="A19338" t="s">
        <v>30433</v>
      </c>
      <c r="B19338" t="s">
        <v>30434</v>
      </c>
      <c r="C19338">
        <v>0</v>
      </c>
      <c r="D19338">
        <v>0</v>
      </c>
    </row>
    <row r="19339" spans="1:4" x14ac:dyDescent="0.25">
      <c r="A19339" t="s">
        <v>30435</v>
      </c>
      <c r="B19339" t="s">
        <v>30436</v>
      </c>
      <c r="C19339">
        <v>0</v>
      </c>
      <c r="D19339">
        <v>0</v>
      </c>
    </row>
    <row r="19340" spans="1:4" x14ac:dyDescent="0.25">
      <c r="A19340" t="s">
        <v>30437</v>
      </c>
      <c r="B19340" t="s">
        <v>30438</v>
      </c>
      <c r="C19340">
        <v>1</v>
      </c>
      <c r="D19340">
        <v>0</v>
      </c>
    </row>
    <row r="19341" spans="1:4" x14ac:dyDescent="0.25">
      <c r="A19341" t="s">
        <v>30437</v>
      </c>
      <c r="B19341" t="s">
        <v>30439</v>
      </c>
      <c r="C19341">
        <v>0</v>
      </c>
      <c r="D19341">
        <v>0</v>
      </c>
    </row>
    <row r="19342" spans="1:4" x14ac:dyDescent="0.25">
      <c r="A19342" t="s">
        <v>30440</v>
      </c>
      <c r="B19342" t="s">
        <v>30441</v>
      </c>
      <c r="C19342">
        <v>1</v>
      </c>
      <c r="D19342">
        <v>0</v>
      </c>
    </row>
    <row r="19343" spans="1:4" x14ac:dyDescent="0.25">
      <c r="A19343" t="s">
        <v>30440</v>
      </c>
      <c r="B19343" t="s">
        <v>30442</v>
      </c>
      <c r="C19343">
        <v>1</v>
      </c>
      <c r="D19343">
        <v>0</v>
      </c>
    </row>
    <row r="19344" spans="1:4" x14ac:dyDescent="0.25">
      <c r="A19344" t="s">
        <v>30440</v>
      </c>
      <c r="B19344" t="s">
        <v>30443</v>
      </c>
      <c r="C19344">
        <v>0</v>
      </c>
      <c r="D19344">
        <v>0</v>
      </c>
    </row>
    <row r="19345" spans="1:4" x14ac:dyDescent="0.25">
      <c r="A19345" t="s">
        <v>30444</v>
      </c>
      <c r="B19345" t="s">
        <v>30445</v>
      </c>
      <c r="C19345">
        <v>1</v>
      </c>
      <c r="D19345">
        <v>0</v>
      </c>
    </row>
    <row r="19346" spans="1:4" x14ac:dyDescent="0.25">
      <c r="A19346" t="s">
        <v>30444</v>
      </c>
      <c r="B19346" t="s">
        <v>30446</v>
      </c>
      <c r="C19346">
        <v>0</v>
      </c>
      <c r="D19346">
        <v>0</v>
      </c>
    </row>
    <row r="19347" spans="1:4" x14ac:dyDescent="0.25">
      <c r="A19347" t="s">
        <v>30447</v>
      </c>
      <c r="B19347" t="s">
        <v>30448</v>
      </c>
      <c r="C19347">
        <v>0</v>
      </c>
      <c r="D19347">
        <v>0</v>
      </c>
    </row>
    <row r="19348" spans="1:4" x14ac:dyDescent="0.25">
      <c r="A19348" t="s">
        <v>30449</v>
      </c>
      <c r="B19348" t="s">
        <v>30450</v>
      </c>
      <c r="C19348">
        <v>2</v>
      </c>
      <c r="D19348">
        <v>0</v>
      </c>
    </row>
    <row r="19349" spans="1:4" x14ac:dyDescent="0.25">
      <c r="A19349" t="s">
        <v>30449</v>
      </c>
      <c r="B19349" t="s">
        <v>30451</v>
      </c>
      <c r="C19349">
        <v>1</v>
      </c>
      <c r="D19349">
        <v>0</v>
      </c>
    </row>
    <row r="19350" spans="1:4" x14ac:dyDescent="0.25">
      <c r="A19350" t="s">
        <v>30452</v>
      </c>
      <c r="B19350" t="s">
        <v>30453</v>
      </c>
      <c r="C19350">
        <v>0</v>
      </c>
      <c r="D19350">
        <v>0</v>
      </c>
    </row>
    <row r="19351" spans="1:4" x14ac:dyDescent="0.25">
      <c r="A19351" t="s">
        <v>30452</v>
      </c>
      <c r="B19351" t="s">
        <v>30454</v>
      </c>
      <c r="C19351">
        <v>1</v>
      </c>
      <c r="D19351">
        <v>0</v>
      </c>
    </row>
    <row r="19352" spans="1:4" x14ac:dyDescent="0.25">
      <c r="A19352" t="s">
        <v>30455</v>
      </c>
      <c r="B19352" t="s">
        <v>30456</v>
      </c>
      <c r="C19352">
        <v>1</v>
      </c>
      <c r="D19352">
        <v>0</v>
      </c>
    </row>
    <row r="19353" spans="1:4" x14ac:dyDescent="0.25">
      <c r="A19353" t="s">
        <v>30457</v>
      </c>
      <c r="B19353" t="s">
        <v>30458</v>
      </c>
      <c r="C19353">
        <v>0</v>
      </c>
      <c r="D19353">
        <v>0</v>
      </c>
    </row>
    <row r="19354" spans="1:4" x14ac:dyDescent="0.25">
      <c r="A19354" t="s">
        <v>30457</v>
      </c>
      <c r="B19354" t="s">
        <v>30459</v>
      </c>
      <c r="C19354">
        <v>1</v>
      </c>
      <c r="D19354">
        <v>0</v>
      </c>
    </row>
    <row r="19355" spans="1:4" x14ac:dyDescent="0.25">
      <c r="A19355" t="s">
        <v>30457</v>
      </c>
      <c r="B19355" t="s">
        <v>30460</v>
      </c>
      <c r="C19355">
        <v>0</v>
      </c>
      <c r="D19355">
        <v>0</v>
      </c>
    </row>
    <row r="19356" spans="1:4" x14ac:dyDescent="0.25">
      <c r="A19356" t="s">
        <v>30461</v>
      </c>
      <c r="B19356" t="s">
        <v>30462</v>
      </c>
      <c r="C19356">
        <v>1</v>
      </c>
      <c r="D19356">
        <v>0</v>
      </c>
    </row>
    <row r="19357" spans="1:4" x14ac:dyDescent="0.25">
      <c r="A19357" t="s">
        <v>30461</v>
      </c>
      <c r="B19357" t="s">
        <v>30463</v>
      </c>
      <c r="C19357">
        <v>0</v>
      </c>
      <c r="D19357">
        <v>0</v>
      </c>
    </row>
    <row r="19358" spans="1:4" x14ac:dyDescent="0.25">
      <c r="A19358" t="s">
        <v>30461</v>
      </c>
      <c r="B19358" t="s">
        <v>30464</v>
      </c>
      <c r="C19358">
        <v>0</v>
      </c>
      <c r="D19358">
        <v>0</v>
      </c>
    </row>
    <row r="19359" spans="1:4" x14ac:dyDescent="0.25">
      <c r="A19359" t="s">
        <v>30465</v>
      </c>
      <c r="B19359" t="s">
        <v>30466</v>
      </c>
      <c r="C19359">
        <v>0</v>
      </c>
      <c r="D19359">
        <v>0</v>
      </c>
    </row>
    <row r="19360" spans="1:4" x14ac:dyDescent="0.25">
      <c r="A19360" t="s">
        <v>30467</v>
      </c>
      <c r="B19360" t="s">
        <v>30468</v>
      </c>
      <c r="C19360">
        <v>0</v>
      </c>
      <c r="D19360">
        <v>0</v>
      </c>
    </row>
    <row r="19361" spans="1:4" x14ac:dyDescent="0.25">
      <c r="A19361" t="s">
        <v>30467</v>
      </c>
      <c r="B19361" t="s">
        <v>30469</v>
      </c>
      <c r="C19361">
        <v>0</v>
      </c>
      <c r="D19361">
        <v>0</v>
      </c>
    </row>
    <row r="19362" spans="1:4" x14ac:dyDescent="0.25">
      <c r="A19362" t="s">
        <v>30470</v>
      </c>
      <c r="B19362" t="s">
        <v>888</v>
      </c>
      <c r="C19362">
        <v>1</v>
      </c>
      <c r="D19362">
        <v>0</v>
      </c>
    </row>
    <row r="19363" spans="1:4" x14ac:dyDescent="0.25">
      <c r="A19363" t="s">
        <v>30470</v>
      </c>
      <c r="B19363" t="s">
        <v>30471</v>
      </c>
      <c r="C19363">
        <v>0</v>
      </c>
      <c r="D19363">
        <v>0</v>
      </c>
    </row>
    <row r="19364" spans="1:4" x14ac:dyDescent="0.25">
      <c r="A19364" t="s">
        <v>30470</v>
      </c>
      <c r="B19364" t="s">
        <v>30472</v>
      </c>
      <c r="C19364">
        <v>0</v>
      </c>
      <c r="D19364">
        <v>0</v>
      </c>
    </row>
    <row r="19365" spans="1:4" x14ac:dyDescent="0.25">
      <c r="A19365" t="s">
        <v>30473</v>
      </c>
      <c r="B19365" t="s">
        <v>30474</v>
      </c>
      <c r="C19365">
        <v>1</v>
      </c>
      <c r="D19365">
        <v>0</v>
      </c>
    </row>
    <row r="19366" spans="1:4" x14ac:dyDescent="0.25">
      <c r="A19366" t="s">
        <v>30473</v>
      </c>
      <c r="B19366" t="s">
        <v>30475</v>
      </c>
      <c r="C19366">
        <v>1</v>
      </c>
      <c r="D19366">
        <v>0</v>
      </c>
    </row>
    <row r="19367" spans="1:4" x14ac:dyDescent="0.25">
      <c r="A19367" t="s">
        <v>30473</v>
      </c>
      <c r="B19367" t="s">
        <v>30476</v>
      </c>
      <c r="C19367">
        <v>2</v>
      </c>
      <c r="D19367">
        <v>0</v>
      </c>
    </row>
    <row r="19368" spans="1:4" x14ac:dyDescent="0.25">
      <c r="A19368" t="s">
        <v>30477</v>
      </c>
      <c r="B19368" t="s">
        <v>30478</v>
      </c>
      <c r="C19368">
        <v>0</v>
      </c>
      <c r="D19368">
        <v>0</v>
      </c>
    </row>
    <row r="19369" spans="1:4" x14ac:dyDescent="0.25">
      <c r="A19369" t="s">
        <v>30477</v>
      </c>
      <c r="B19369" t="s">
        <v>30479</v>
      </c>
      <c r="C19369">
        <v>1</v>
      </c>
      <c r="D19369">
        <v>0</v>
      </c>
    </row>
    <row r="19370" spans="1:4" x14ac:dyDescent="0.25">
      <c r="A19370" t="s">
        <v>30480</v>
      </c>
      <c r="B19370" t="s">
        <v>30481</v>
      </c>
      <c r="C19370">
        <v>1</v>
      </c>
      <c r="D19370">
        <v>0</v>
      </c>
    </row>
    <row r="19371" spans="1:4" x14ac:dyDescent="0.25">
      <c r="A19371" t="s">
        <v>30480</v>
      </c>
      <c r="B19371" t="s">
        <v>30482</v>
      </c>
      <c r="C19371">
        <v>1</v>
      </c>
      <c r="D19371">
        <v>0</v>
      </c>
    </row>
    <row r="19372" spans="1:4" x14ac:dyDescent="0.25">
      <c r="A19372" t="s">
        <v>30480</v>
      </c>
      <c r="B19372" t="s">
        <v>30483</v>
      </c>
      <c r="C19372">
        <v>1</v>
      </c>
      <c r="D19372">
        <v>0</v>
      </c>
    </row>
    <row r="19373" spans="1:4" x14ac:dyDescent="0.25">
      <c r="A19373" t="s">
        <v>30484</v>
      </c>
      <c r="B19373" t="s">
        <v>30485</v>
      </c>
      <c r="C19373">
        <v>0</v>
      </c>
      <c r="D19373">
        <v>0</v>
      </c>
    </row>
    <row r="19374" spans="1:4" x14ac:dyDescent="0.25">
      <c r="A19374" t="s">
        <v>30484</v>
      </c>
      <c r="B19374" t="s">
        <v>30486</v>
      </c>
      <c r="C19374">
        <v>0</v>
      </c>
      <c r="D19374">
        <v>0</v>
      </c>
    </row>
    <row r="19375" spans="1:4" x14ac:dyDescent="0.25">
      <c r="A19375" t="s">
        <v>30487</v>
      </c>
      <c r="B19375" t="s">
        <v>816</v>
      </c>
      <c r="C19375">
        <v>1</v>
      </c>
      <c r="D19375">
        <v>0</v>
      </c>
    </row>
    <row r="19376" spans="1:4" x14ac:dyDescent="0.25">
      <c r="A19376" t="s">
        <v>30488</v>
      </c>
      <c r="B19376" t="s">
        <v>30489</v>
      </c>
      <c r="C19376">
        <v>1</v>
      </c>
      <c r="D19376">
        <v>0</v>
      </c>
    </row>
    <row r="19377" spans="1:4" x14ac:dyDescent="0.25">
      <c r="A19377" t="s">
        <v>30488</v>
      </c>
      <c r="B19377" t="s">
        <v>30490</v>
      </c>
      <c r="C19377">
        <v>0</v>
      </c>
      <c r="D19377">
        <v>0</v>
      </c>
    </row>
    <row r="19378" spans="1:4" x14ac:dyDescent="0.25">
      <c r="A19378" t="s">
        <v>30491</v>
      </c>
      <c r="B19378" t="s">
        <v>30492</v>
      </c>
      <c r="C19378">
        <v>1</v>
      </c>
      <c r="D19378">
        <v>0</v>
      </c>
    </row>
    <row r="19379" spans="1:4" x14ac:dyDescent="0.25">
      <c r="A19379" t="s">
        <v>30493</v>
      </c>
      <c r="B19379" t="s">
        <v>30494</v>
      </c>
      <c r="C19379">
        <v>1</v>
      </c>
      <c r="D19379">
        <v>0</v>
      </c>
    </row>
    <row r="19380" spans="1:4" x14ac:dyDescent="0.25">
      <c r="A19380" t="s">
        <v>30493</v>
      </c>
      <c r="B19380" t="s">
        <v>843</v>
      </c>
      <c r="C19380">
        <v>1</v>
      </c>
      <c r="D19380">
        <v>0</v>
      </c>
    </row>
    <row r="19381" spans="1:4" x14ac:dyDescent="0.25">
      <c r="A19381" t="s">
        <v>30495</v>
      </c>
      <c r="B19381" t="s">
        <v>30496</v>
      </c>
      <c r="C19381">
        <v>0</v>
      </c>
      <c r="D19381">
        <v>0</v>
      </c>
    </row>
    <row r="19382" spans="1:4" x14ac:dyDescent="0.25">
      <c r="A19382" t="s">
        <v>30495</v>
      </c>
      <c r="B19382" t="s">
        <v>30497</v>
      </c>
      <c r="C19382">
        <v>1</v>
      </c>
      <c r="D19382">
        <v>0</v>
      </c>
    </row>
    <row r="19383" spans="1:4" x14ac:dyDescent="0.25">
      <c r="A19383" t="s">
        <v>30498</v>
      </c>
      <c r="B19383" t="s">
        <v>30499</v>
      </c>
      <c r="C19383">
        <v>0</v>
      </c>
      <c r="D19383">
        <v>0</v>
      </c>
    </row>
    <row r="19384" spans="1:4" x14ac:dyDescent="0.25">
      <c r="A19384" t="s">
        <v>30498</v>
      </c>
      <c r="B19384" t="s">
        <v>30500</v>
      </c>
      <c r="C19384">
        <v>1</v>
      </c>
      <c r="D19384">
        <v>0</v>
      </c>
    </row>
    <row r="19385" spans="1:4" x14ac:dyDescent="0.25">
      <c r="A19385" t="s">
        <v>30498</v>
      </c>
      <c r="B19385" t="s">
        <v>30501</v>
      </c>
      <c r="C19385">
        <v>1</v>
      </c>
      <c r="D19385">
        <v>0</v>
      </c>
    </row>
    <row r="19386" spans="1:4" x14ac:dyDescent="0.25">
      <c r="A19386" t="s">
        <v>30502</v>
      </c>
      <c r="B19386" t="s">
        <v>30503</v>
      </c>
      <c r="C19386">
        <v>0</v>
      </c>
      <c r="D19386">
        <v>0</v>
      </c>
    </row>
    <row r="19387" spans="1:4" x14ac:dyDescent="0.25">
      <c r="A19387" t="s">
        <v>30504</v>
      </c>
      <c r="B19387" t="s">
        <v>30505</v>
      </c>
      <c r="C19387">
        <v>1</v>
      </c>
      <c r="D19387">
        <v>0</v>
      </c>
    </row>
    <row r="19388" spans="1:4" x14ac:dyDescent="0.25">
      <c r="A19388" t="s">
        <v>30504</v>
      </c>
      <c r="B19388" t="s">
        <v>30506</v>
      </c>
      <c r="C19388">
        <v>1</v>
      </c>
      <c r="D19388">
        <v>0</v>
      </c>
    </row>
    <row r="19389" spans="1:4" x14ac:dyDescent="0.25">
      <c r="A19389" t="s">
        <v>30507</v>
      </c>
      <c r="B19389" t="s">
        <v>30508</v>
      </c>
      <c r="C19389">
        <v>0</v>
      </c>
      <c r="D19389">
        <v>0</v>
      </c>
    </row>
    <row r="19390" spans="1:4" x14ac:dyDescent="0.25">
      <c r="A19390" t="s">
        <v>30509</v>
      </c>
      <c r="B19390" t="s">
        <v>30510</v>
      </c>
      <c r="C19390">
        <v>2</v>
      </c>
      <c r="D19390">
        <v>0</v>
      </c>
    </row>
    <row r="19391" spans="1:4" x14ac:dyDescent="0.25">
      <c r="A19391" t="s">
        <v>30511</v>
      </c>
      <c r="B19391" t="s">
        <v>30512</v>
      </c>
      <c r="C19391">
        <v>0</v>
      </c>
      <c r="D19391">
        <v>0</v>
      </c>
    </row>
    <row r="19392" spans="1:4" x14ac:dyDescent="0.25">
      <c r="A19392" t="s">
        <v>30513</v>
      </c>
      <c r="B19392" t="s">
        <v>11127</v>
      </c>
      <c r="C19392">
        <v>1</v>
      </c>
      <c r="D19392">
        <v>0</v>
      </c>
    </row>
    <row r="19393" spans="1:4" x14ac:dyDescent="0.25">
      <c r="A19393" t="s">
        <v>30513</v>
      </c>
      <c r="B19393" t="s">
        <v>30514</v>
      </c>
      <c r="C19393">
        <v>0</v>
      </c>
      <c r="D19393">
        <v>0</v>
      </c>
    </row>
    <row r="19394" spans="1:4" x14ac:dyDescent="0.25">
      <c r="A19394" t="s">
        <v>30515</v>
      </c>
      <c r="B19394" t="s">
        <v>1001</v>
      </c>
      <c r="C19394">
        <v>1</v>
      </c>
      <c r="D19394">
        <v>0</v>
      </c>
    </row>
    <row r="19395" spans="1:4" x14ac:dyDescent="0.25">
      <c r="A19395" t="s">
        <v>30515</v>
      </c>
      <c r="B19395" t="s">
        <v>30516</v>
      </c>
      <c r="C19395">
        <v>2</v>
      </c>
      <c r="D19395">
        <v>0</v>
      </c>
    </row>
    <row r="19396" spans="1:4" x14ac:dyDescent="0.25">
      <c r="A19396" t="s">
        <v>30517</v>
      </c>
      <c r="B19396" t="s">
        <v>30518</v>
      </c>
      <c r="C19396">
        <v>1</v>
      </c>
      <c r="D19396">
        <v>0</v>
      </c>
    </row>
    <row r="19397" spans="1:4" x14ac:dyDescent="0.25">
      <c r="A19397" t="s">
        <v>30519</v>
      </c>
      <c r="B19397" t="s">
        <v>30520</v>
      </c>
      <c r="C19397">
        <v>1</v>
      </c>
      <c r="D19397">
        <v>0</v>
      </c>
    </row>
    <row r="19398" spans="1:4" x14ac:dyDescent="0.25">
      <c r="A19398" t="s">
        <v>30519</v>
      </c>
      <c r="B19398" t="s">
        <v>30521</v>
      </c>
      <c r="C19398">
        <v>1</v>
      </c>
      <c r="D19398">
        <v>0</v>
      </c>
    </row>
    <row r="19399" spans="1:4" x14ac:dyDescent="0.25">
      <c r="A19399" t="s">
        <v>30519</v>
      </c>
      <c r="B19399" t="s">
        <v>398</v>
      </c>
      <c r="C19399">
        <v>0</v>
      </c>
      <c r="D19399">
        <v>0</v>
      </c>
    </row>
    <row r="19400" spans="1:4" x14ac:dyDescent="0.25">
      <c r="A19400" t="s">
        <v>30522</v>
      </c>
      <c r="B19400" t="s">
        <v>30523</v>
      </c>
      <c r="C19400">
        <v>0</v>
      </c>
      <c r="D19400">
        <v>0</v>
      </c>
    </row>
    <row r="19401" spans="1:4" x14ac:dyDescent="0.25">
      <c r="A19401" t="s">
        <v>30522</v>
      </c>
      <c r="B19401" t="s">
        <v>30524</v>
      </c>
      <c r="C19401">
        <v>0</v>
      </c>
      <c r="D19401">
        <v>0</v>
      </c>
    </row>
    <row r="19402" spans="1:4" x14ac:dyDescent="0.25">
      <c r="A19402" t="s">
        <v>30522</v>
      </c>
      <c r="B19402" t="s">
        <v>30525</v>
      </c>
      <c r="C19402">
        <v>2</v>
      </c>
      <c r="D19402">
        <v>0</v>
      </c>
    </row>
    <row r="19403" spans="1:4" x14ac:dyDescent="0.25">
      <c r="A19403" t="s">
        <v>30526</v>
      </c>
      <c r="B19403" t="s">
        <v>30527</v>
      </c>
      <c r="C19403">
        <v>0</v>
      </c>
      <c r="D19403">
        <v>0</v>
      </c>
    </row>
    <row r="19404" spans="1:4" x14ac:dyDescent="0.25">
      <c r="A19404" t="s">
        <v>30526</v>
      </c>
      <c r="B19404" t="s">
        <v>30528</v>
      </c>
      <c r="C19404">
        <v>0</v>
      </c>
      <c r="D19404">
        <v>0</v>
      </c>
    </row>
    <row r="19405" spans="1:4" x14ac:dyDescent="0.25">
      <c r="A19405" t="s">
        <v>30529</v>
      </c>
      <c r="B19405" t="s">
        <v>30530</v>
      </c>
      <c r="C19405">
        <v>0</v>
      </c>
      <c r="D19405">
        <v>0</v>
      </c>
    </row>
    <row r="19406" spans="1:4" x14ac:dyDescent="0.25">
      <c r="A19406" t="s">
        <v>30529</v>
      </c>
      <c r="B19406" t="s">
        <v>30531</v>
      </c>
      <c r="C19406">
        <v>2</v>
      </c>
      <c r="D19406">
        <v>0</v>
      </c>
    </row>
    <row r="19407" spans="1:4" x14ac:dyDescent="0.25">
      <c r="A19407" t="s">
        <v>30529</v>
      </c>
      <c r="B19407" t="s">
        <v>30532</v>
      </c>
      <c r="C19407">
        <v>0</v>
      </c>
      <c r="D19407">
        <v>0</v>
      </c>
    </row>
    <row r="19408" spans="1:4" x14ac:dyDescent="0.25">
      <c r="A19408" t="s">
        <v>30533</v>
      </c>
      <c r="B19408" t="s">
        <v>30534</v>
      </c>
      <c r="C19408">
        <v>1</v>
      </c>
      <c r="D19408">
        <v>0</v>
      </c>
    </row>
    <row r="19409" spans="1:4" x14ac:dyDescent="0.25">
      <c r="A19409" t="s">
        <v>30535</v>
      </c>
      <c r="B19409" t="s">
        <v>30536</v>
      </c>
      <c r="C19409">
        <v>1</v>
      </c>
      <c r="D19409">
        <v>0</v>
      </c>
    </row>
    <row r="19410" spans="1:4" x14ac:dyDescent="0.25">
      <c r="A19410" t="s">
        <v>30535</v>
      </c>
      <c r="B19410" t="s">
        <v>30537</v>
      </c>
      <c r="C19410">
        <v>1</v>
      </c>
      <c r="D19410">
        <v>0</v>
      </c>
    </row>
    <row r="19411" spans="1:4" x14ac:dyDescent="0.25">
      <c r="A19411" t="s">
        <v>30538</v>
      </c>
      <c r="B19411" t="s">
        <v>30539</v>
      </c>
      <c r="C19411">
        <v>1</v>
      </c>
      <c r="D19411">
        <v>0</v>
      </c>
    </row>
    <row r="19412" spans="1:4" x14ac:dyDescent="0.25">
      <c r="A19412" t="s">
        <v>30538</v>
      </c>
      <c r="B19412" t="s">
        <v>30540</v>
      </c>
      <c r="C19412">
        <v>1</v>
      </c>
      <c r="D19412">
        <v>0</v>
      </c>
    </row>
    <row r="19413" spans="1:4" x14ac:dyDescent="0.25">
      <c r="A19413" t="s">
        <v>30538</v>
      </c>
      <c r="B19413" t="s">
        <v>30541</v>
      </c>
      <c r="C19413">
        <v>0</v>
      </c>
      <c r="D19413">
        <v>0</v>
      </c>
    </row>
    <row r="19414" spans="1:4" x14ac:dyDescent="0.25">
      <c r="A19414" t="s">
        <v>30542</v>
      </c>
      <c r="B19414" t="s">
        <v>30543</v>
      </c>
      <c r="C19414">
        <v>0</v>
      </c>
      <c r="D19414">
        <v>0</v>
      </c>
    </row>
    <row r="19415" spans="1:4" x14ac:dyDescent="0.25">
      <c r="A19415" t="s">
        <v>30544</v>
      </c>
      <c r="B19415" t="s">
        <v>30545</v>
      </c>
      <c r="C19415">
        <v>0</v>
      </c>
      <c r="D19415">
        <v>0</v>
      </c>
    </row>
    <row r="19416" spans="1:4" x14ac:dyDescent="0.25">
      <c r="A19416" t="s">
        <v>30546</v>
      </c>
      <c r="B19416" t="s">
        <v>30547</v>
      </c>
      <c r="C19416">
        <v>1</v>
      </c>
      <c r="D19416">
        <v>0</v>
      </c>
    </row>
    <row r="19417" spans="1:4" x14ac:dyDescent="0.25">
      <c r="A19417" t="s">
        <v>30548</v>
      </c>
      <c r="B19417" t="s">
        <v>30549</v>
      </c>
      <c r="C19417">
        <v>0</v>
      </c>
      <c r="D19417">
        <v>0</v>
      </c>
    </row>
    <row r="19418" spans="1:4" x14ac:dyDescent="0.25">
      <c r="A19418" t="s">
        <v>30548</v>
      </c>
      <c r="B19418" t="s">
        <v>30550</v>
      </c>
      <c r="C19418">
        <v>0</v>
      </c>
      <c r="D19418">
        <v>0</v>
      </c>
    </row>
    <row r="19419" spans="1:4" x14ac:dyDescent="0.25">
      <c r="A19419" t="s">
        <v>30548</v>
      </c>
      <c r="B19419" t="s">
        <v>30551</v>
      </c>
      <c r="C19419">
        <v>0</v>
      </c>
      <c r="D19419">
        <v>0</v>
      </c>
    </row>
    <row r="19420" spans="1:4" x14ac:dyDescent="0.25">
      <c r="A19420" t="s">
        <v>30552</v>
      </c>
      <c r="B19420" t="s">
        <v>30553</v>
      </c>
      <c r="C19420">
        <v>1</v>
      </c>
      <c r="D19420">
        <v>0</v>
      </c>
    </row>
    <row r="19421" spans="1:4" x14ac:dyDescent="0.25">
      <c r="A19421" t="s">
        <v>30554</v>
      </c>
      <c r="B19421" t="s">
        <v>30555</v>
      </c>
      <c r="C19421">
        <v>2</v>
      </c>
      <c r="D19421">
        <v>0</v>
      </c>
    </row>
    <row r="19422" spans="1:4" x14ac:dyDescent="0.25">
      <c r="A19422" t="s">
        <v>30556</v>
      </c>
      <c r="B19422" t="s">
        <v>30557</v>
      </c>
      <c r="C19422">
        <v>2</v>
      </c>
      <c r="D19422">
        <v>0</v>
      </c>
    </row>
    <row r="19423" spans="1:4" x14ac:dyDescent="0.25">
      <c r="A19423" t="s">
        <v>30556</v>
      </c>
      <c r="B19423" t="s">
        <v>30558</v>
      </c>
      <c r="C19423">
        <v>0</v>
      </c>
      <c r="D19423">
        <v>0</v>
      </c>
    </row>
    <row r="19424" spans="1:4" x14ac:dyDescent="0.25">
      <c r="A19424" t="s">
        <v>30559</v>
      </c>
      <c r="B19424" t="s">
        <v>30560</v>
      </c>
      <c r="C19424">
        <v>0</v>
      </c>
      <c r="D19424">
        <v>0</v>
      </c>
    </row>
    <row r="19425" spans="1:4" x14ac:dyDescent="0.25">
      <c r="A19425" t="s">
        <v>30559</v>
      </c>
      <c r="B19425" t="s">
        <v>30561</v>
      </c>
      <c r="C19425">
        <v>0</v>
      </c>
      <c r="D19425">
        <v>0</v>
      </c>
    </row>
    <row r="19426" spans="1:4" x14ac:dyDescent="0.25">
      <c r="A19426" t="s">
        <v>30559</v>
      </c>
      <c r="B19426" t="s">
        <v>30562</v>
      </c>
      <c r="C19426">
        <v>0</v>
      </c>
      <c r="D19426">
        <v>0</v>
      </c>
    </row>
    <row r="19427" spans="1:4" x14ac:dyDescent="0.25">
      <c r="A19427" t="s">
        <v>30563</v>
      </c>
      <c r="B19427" t="s">
        <v>30564</v>
      </c>
      <c r="C19427">
        <v>0</v>
      </c>
      <c r="D19427">
        <v>0</v>
      </c>
    </row>
    <row r="19428" spans="1:4" x14ac:dyDescent="0.25">
      <c r="A19428" t="s">
        <v>30563</v>
      </c>
      <c r="B19428" t="s">
        <v>30565</v>
      </c>
      <c r="C19428">
        <v>0</v>
      </c>
      <c r="D19428">
        <v>0</v>
      </c>
    </row>
    <row r="19429" spans="1:4" x14ac:dyDescent="0.25">
      <c r="A19429" t="s">
        <v>30563</v>
      </c>
      <c r="B19429" t="s">
        <v>30566</v>
      </c>
      <c r="C19429">
        <v>0</v>
      </c>
      <c r="D19429">
        <v>0</v>
      </c>
    </row>
    <row r="19430" spans="1:4" x14ac:dyDescent="0.25">
      <c r="A19430" t="s">
        <v>30567</v>
      </c>
      <c r="B19430" t="s">
        <v>30568</v>
      </c>
      <c r="C19430">
        <v>1</v>
      </c>
      <c r="D19430">
        <v>0</v>
      </c>
    </row>
    <row r="19431" spans="1:4" x14ac:dyDescent="0.25">
      <c r="A19431" t="s">
        <v>30569</v>
      </c>
      <c r="B19431" t="s">
        <v>30570</v>
      </c>
      <c r="C19431">
        <v>2</v>
      </c>
      <c r="D19431">
        <v>0</v>
      </c>
    </row>
    <row r="19432" spans="1:4" x14ac:dyDescent="0.25">
      <c r="A19432" t="s">
        <v>30569</v>
      </c>
      <c r="B19432" t="s">
        <v>30571</v>
      </c>
      <c r="C19432">
        <v>1</v>
      </c>
      <c r="D19432">
        <v>0</v>
      </c>
    </row>
    <row r="19433" spans="1:4" x14ac:dyDescent="0.25">
      <c r="A19433" t="s">
        <v>30569</v>
      </c>
      <c r="B19433" t="s">
        <v>30572</v>
      </c>
      <c r="C19433">
        <v>1</v>
      </c>
      <c r="D19433">
        <v>0</v>
      </c>
    </row>
    <row r="19434" spans="1:4" x14ac:dyDescent="0.25">
      <c r="A19434" t="s">
        <v>30573</v>
      </c>
      <c r="B19434" t="s">
        <v>30574</v>
      </c>
      <c r="C19434">
        <v>1</v>
      </c>
      <c r="D19434">
        <v>0</v>
      </c>
    </row>
    <row r="19435" spans="1:4" x14ac:dyDescent="0.25">
      <c r="A19435" t="s">
        <v>30573</v>
      </c>
      <c r="B19435" t="s">
        <v>30575</v>
      </c>
      <c r="C19435">
        <v>2</v>
      </c>
      <c r="D19435">
        <v>0</v>
      </c>
    </row>
    <row r="19436" spans="1:4" x14ac:dyDescent="0.25">
      <c r="A19436" t="s">
        <v>30573</v>
      </c>
      <c r="B19436" t="s">
        <v>30576</v>
      </c>
      <c r="C19436">
        <v>0</v>
      </c>
      <c r="D19436">
        <v>0</v>
      </c>
    </row>
    <row r="19437" spans="1:4" x14ac:dyDescent="0.25">
      <c r="A19437" t="s">
        <v>30577</v>
      </c>
      <c r="B19437" t="s">
        <v>30578</v>
      </c>
      <c r="C19437">
        <v>1</v>
      </c>
      <c r="D19437">
        <v>0</v>
      </c>
    </row>
    <row r="19438" spans="1:4" x14ac:dyDescent="0.25">
      <c r="A19438" t="s">
        <v>30577</v>
      </c>
      <c r="B19438" t="s">
        <v>30579</v>
      </c>
      <c r="C19438">
        <v>1</v>
      </c>
      <c r="D19438">
        <v>0</v>
      </c>
    </row>
    <row r="19439" spans="1:4" x14ac:dyDescent="0.25">
      <c r="A19439" t="s">
        <v>30580</v>
      </c>
      <c r="B19439" t="s">
        <v>30581</v>
      </c>
      <c r="C19439">
        <v>0</v>
      </c>
      <c r="D19439">
        <v>0</v>
      </c>
    </row>
    <row r="19440" spans="1:4" x14ac:dyDescent="0.25">
      <c r="A19440" t="s">
        <v>30582</v>
      </c>
      <c r="B19440" t="s">
        <v>5322</v>
      </c>
      <c r="C19440">
        <v>1</v>
      </c>
      <c r="D19440">
        <v>0</v>
      </c>
    </row>
    <row r="19441" spans="1:4" x14ac:dyDescent="0.25">
      <c r="A19441" t="s">
        <v>30583</v>
      </c>
      <c r="B19441" t="s">
        <v>30584</v>
      </c>
      <c r="C19441">
        <v>0</v>
      </c>
      <c r="D19441">
        <v>0</v>
      </c>
    </row>
    <row r="19442" spans="1:4" x14ac:dyDescent="0.25">
      <c r="A19442" t="s">
        <v>30583</v>
      </c>
      <c r="B19442" t="s">
        <v>30585</v>
      </c>
      <c r="C19442">
        <v>0</v>
      </c>
      <c r="D19442">
        <v>0</v>
      </c>
    </row>
    <row r="19443" spans="1:4" x14ac:dyDescent="0.25">
      <c r="A19443" t="s">
        <v>30583</v>
      </c>
      <c r="B19443" t="s">
        <v>30586</v>
      </c>
      <c r="C19443">
        <v>1</v>
      </c>
      <c r="D19443">
        <v>0</v>
      </c>
    </row>
    <row r="19444" spans="1:4" x14ac:dyDescent="0.25">
      <c r="A19444" t="s">
        <v>30587</v>
      </c>
      <c r="B19444" t="s">
        <v>30588</v>
      </c>
      <c r="C19444">
        <v>1</v>
      </c>
      <c r="D19444">
        <v>0</v>
      </c>
    </row>
    <row r="19445" spans="1:4" x14ac:dyDescent="0.25">
      <c r="A19445" t="s">
        <v>30587</v>
      </c>
      <c r="B19445" t="s">
        <v>30589</v>
      </c>
      <c r="C19445">
        <v>1</v>
      </c>
      <c r="D19445">
        <v>0</v>
      </c>
    </row>
    <row r="19446" spans="1:4" x14ac:dyDescent="0.25">
      <c r="A19446" t="s">
        <v>30587</v>
      </c>
      <c r="B19446" t="s">
        <v>30590</v>
      </c>
      <c r="C19446">
        <v>2</v>
      </c>
      <c r="D19446">
        <v>0</v>
      </c>
    </row>
    <row r="19447" spans="1:4" x14ac:dyDescent="0.25">
      <c r="A19447" t="s">
        <v>30591</v>
      </c>
      <c r="B19447" t="s">
        <v>30592</v>
      </c>
      <c r="C19447">
        <v>1</v>
      </c>
      <c r="D19447">
        <v>0</v>
      </c>
    </row>
    <row r="19448" spans="1:4" x14ac:dyDescent="0.25">
      <c r="A19448" t="s">
        <v>30593</v>
      </c>
      <c r="B19448" t="s">
        <v>30594</v>
      </c>
      <c r="C19448">
        <v>1</v>
      </c>
      <c r="D19448">
        <v>0</v>
      </c>
    </row>
    <row r="19449" spans="1:4" x14ac:dyDescent="0.25">
      <c r="A19449" t="s">
        <v>30595</v>
      </c>
      <c r="B19449" t="s">
        <v>503</v>
      </c>
      <c r="C19449">
        <v>0</v>
      </c>
      <c r="D19449">
        <v>0</v>
      </c>
    </row>
    <row r="19450" spans="1:4" x14ac:dyDescent="0.25">
      <c r="A19450" t="s">
        <v>30595</v>
      </c>
      <c r="B19450" t="s">
        <v>30596</v>
      </c>
      <c r="C19450">
        <v>1</v>
      </c>
      <c r="D19450">
        <v>0</v>
      </c>
    </row>
    <row r="19451" spans="1:4" x14ac:dyDescent="0.25">
      <c r="A19451" t="s">
        <v>30597</v>
      </c>
      <c r="B19451" t="s">
        <v>30598</v>
      </c>
      <c r="C19451">
        <v>2</v>
      </c>
      <c r="D19451">
        <v>0</v>
      </c>
    </row>
    <row r="19452" spans="1:4" x14ac:dyDescent="0.25">
      <c r="A19452" t="s">
        <v>30599</v>
      </c>
      <c r="B19452" t="s">
        <v>30600</v>
      </c>
      <c r="C19452">
        <v>0</v>
      </c>
      <c r="D19452">
        <v>0</v>
      </c>
    </row>
    <row r="19453" spans="1:4" x14ac:dyDescent="0.25">
      <c r="A19453" t="s">
        <v>30601</v>
      </c>
      <c r="B19453" t="s">
        <v>1001</v>
      </c>
      <c r="C19453">
        <v>1</v>
      </c>
      <c r="D19453">
        <v>0</v>
      </c>
    </row>
    <row r="19454" spans="1:4" x14ac:dyDescent="0.25">
      <c r="A19454" t="s">
        <v>30602</v>
      </c>
      <c r="B19454" t="s">
        <v>30603</v>
      </c>
      <c r="C19454">
        <v>1</v>
      </c>
      <c r="D19454">
        <v>0</v>
      </c>
    </row>
    <row r="19455" spans="1:4" x14ac:dyDescent="0.25">
      <c r="A19455" t="s">
        <v>30602</v>
      </c>
      <c r="B19455" t="s">
        <v>30604</v>
      </c>
      <c r="C19455">
        <v>2</v>
      </c>
      <c r="D19455">
        <v>0</v>
      </c>
    </row>
    <row r="19456" spans="1:4" x14ac:dyDescent="0.25">
      <c r="A19456" t="s">
        <v>30602</v>
      </c>
      <c r="B19456" t="s">
        <v>3173</v>
      </c>
      <c r="C19456">
        <v>1</v>
      </c>
      <c r="D19456">
        <v>0</v>
      </c>
    </row>
    <row r="19457" spans="1:4" x14ac:dyDescent="0.25">
      <c r="A19457" t="s">
        <v>30605</v>
      </c>
      <c r="B19457" t="s">
        <v>30606</v>
      </c>
      <c r="C19457">
        <v>0</v>
      </c>
      <c r="D19457">
        <v>0</v>
      </c>
    </row>
    <row r="19458" spans="1:4" x14ac:dyDescent="0.25">
      <c r="A19458" t="s">
        <v>30607</v>
      </c>
      <c r="B19458" t="s">
        <v>30608</v>
      </c>
      <c r="C19458">
        <v>1</v>
      </c>
      <c r="D19458">
        <v>0</v>
      </c>
    </row>
    <row r="19459" spans="1:4" x14ac:dyDescent="0.25">
      <c r="A19459" t="s">
        <v>30609</v>
      </c>
      <c r="B19459" t="s">
        <v>1001</v>
      </c>
      <c r="C19459">
        <v>1</v>
      </c>
      <c r="D19459">
        <v>0</v>
      </c>
    </row>
    <row r="19460" spans="1:4" x14ac:dyDescent="0.25">
      <c r="A19460" t="s">
        <v>30610</v>
      </c>
      <c r="B19460" t="s">
        <v>30611</v>
      </c>
      <c r="C19460">
        <v>1</v>
      </c>
      <c r="D19460">
        <v>0</v>
      </c>
    </row>
    <row r="19461" spans="1:4" x14ac:dyDescent="0.25">
      <c r="A19461" t="s">
        <v>30610</v>
      </c>
      <c r="B19461" t="s">
        <v>30612</v>
      </c>
      <c r="C19461">
        <v>0</v>
      </c>
      <c r="D19461">
        <v>0</v>
      </c>
    </row>
    <row r="19462" spans="1:4" x14ac:dyDescent="0.25">
      <c r="A19462" t="s">
        <v>30613</v>
      </c>
      <c r="B19462" t="s">
        <v>30614</v>
      </c>
      <c r="C19462">
        <v>1</v>
      </c>
      <c r="D19462">
        <v>0</v>
      </c>
    </row>
    <row r="19463" spans="1:4" x14ac:dyDescent="0.25">
      <c r="A19463" t="s">
        <v>30615</v>
      </c>
      <c r="B19463" t="s">
        <v>398</v>
      </c>
      <c r="C19463">
        <v>0</v>
      </c>
      <c r="D19463">
        <v>0</v>
      </c>
    </row>
    <row r="19464" spans="1:4" x14ac:dyDescent="0.25">
      <c r="A19464" t="s">
        <v>30615</v>
      </c>
      <c r="B19464" t="s">
        <v>30616</v>
      </c>
      <c r="C19464">
        <v>2</v>
      </c>
      <c r="D19464">
        <v>0</v>
      </c>
    </row>
    <row r="19465" spans="1:4" x14ac:dyDescent="0.25">
      <c r="A19465" t="s">
        <v>30615</v>
      </c>
      <c r="B19465" t="s">
        <v>30617</v>
      </c>
      <c r="C19465">
        <v>2</v>
      </c>
      <c r="D19465">
        <v>0</v>
      </c>
    </row>
    <row r="19466" spans="1:4" x14ac:dyDescent="0.25">
      <c r="A19466" t="s">
        <v>30618</v>
      </c>
      <c r="B19466" t="s">
        <v>30619</v>
      </c>
      <c r="C19466">
        <v>1</v>
      </c>
      <c r="D19466">
        <v>0</v>
      </c>
    </row>
    <row r="19467" spans="1:4" x14ac:dyDescent="0.25">
      <c r="A19467" t="s">
        <v>30620</v>
      </c>
      <c r="B19467" t="s">
        <v>30621</v>
      </c>
      <c r="C19467">
        <v>0</v>
      </c>
      <c r="D19467">
        <v>0</v>
      </c>
    </row>
    <row r="19468" spans="1:4" x14ac:dyDescent="0.25">
      <c r="A19468" t="s">
        <v>30620</v>
      </c>
      <c r="B19468" t="s">
        <v>30622</v>
      </c>
      <c r="C19468">
        <v>0</v>
      </c>
      <c r="D19468">
        <v>0</v>
      </c>
    </row>
    <row r="19469" spans="1:4" x14ac:dyDescent="0.25">
      <c r="A19469" t="s">
        <v>30620</v>
      </c>
      <c r="B19469" t="s">
        <v>30623</v>
      </c>
      <c r="C19469">
        <v>2</v>
      </c>
      <c r="D19469">
        <v>0</v>
      </c>
    </row>
    <row r="19470" spans="1:4" x14ac:dyDescent="0.25">
      <c r="A19470" t="s">
        <v>30624</v>
      </c>
      <c r="B19470" t="s">
        <v>30625</v>
      </c>
      <c r="C19470">
        <v>2</v>
      </c>
      <c r="D19470">
        <v>0</v>
      </c>
    </row>
    <row r="19471" spans="1:4" x14ac:dyDescent="0.25">
      <c r="A19471" t="s">
        <v>30624</v>
      </c>
      <c r="B19471" t="s">
        <v>30626</v>
      </c>
      <c r="C19471">
        <v>2</v>
      </c>
      <c r="D19471">
        <v>0</v>
      </c>
    </row>
    <row r="19472" spans="1:4" x14ac:dyDescent="0.25">
      <c r="A19472" t="s">
        <v>30624</v>
      </c>
      <c r="B19472" t="s">
        <v>30627</v>
      </c>
      <c r="C19472">
        <v>0</v>
      </c>
      <c r="D19472">
        <v>0</v>
      </c>
    </row>
    <row r="19473" spans="1:4" x14ac:dyDescent="0.25">
      <c r="A19473" t="s">
        <v>30628</v>
      </c>
      <c r="B19473" t="s">
        <v>30629</v>
      </c>
      <c r="C19473">
        <v>0</v>
      </c>
      <c r="D19473">
        <v>0</v>
      </c>
    </row>
    <row r="19474" spans="1:4" x14ac:dyDescent="0.25">
      <c r="A19474" t="s">
        <v>30630</v>
      </c>
      <c r="B19474" t="s">
        <v>30631</v>
      </c>
      <c r="C19474">
        <v>2</v>
      </c>
      <c r="D19474">
        <v>0</v>
      </c>
    </row>
    <row r="19475" spans="1:4" x14ac:dyDescent="0.25">
      <c r="A19475" t="s">
        <v>30630</v>
      </c>
      <c r="B19475" t="s">
        <v>30632</v>
      </c>
      <c r="C19475">
        <v>1</v>
      </c>
      <c r="D19475">
        <v>0</v>
      </c>
    </row>
    <row r="19476" spans="1:4" x14ac:dyDescent="0.25">
      <c r="A19476" t="s">
        <v>30633</v>
      </c>
      <c r="B19476" t="s">
        <v>30634</v>
      </c>
      <c r="C19476">
        <v>0</v>
      </c>
      <c r="D19476">
        <v>0</v>
      </c>
    </row>
    <row r="19477" spans="1:4" x14ac:dyDescent="0.25">
      <c r="A19477" t="s">
        <v>30635</v>
      </c>
      <c r="B19477" t="s">
        <v>30636</v>
      </c>
      <c r="C19477">
        <v>0</v>
      </c>
      <c r="D19477">
        <v>0</v>
      </c>
    </row>
    <row r="19478" spans="1:4" x14ac:dyDescent="0.25">
      <c r="A19478" t="s">
        <v>30635</v>
      </c>
      <c r="B19478" t="s">
        <v>30637</v>
      </c>
      <c r="C19478">
        <v>0</v>
      </c>
      <c r="D19478">
        <v>0</v>
      </c>
    </row>
    <row r="19479" spans="1:4" x14ac:dyDescent="0.25">
      <c r="A19479" t="s">
        <v>30635</v>
      </c>
      <c r="B19479" t="s">
        <v>30638</v>
      </c>
      <c r="C19479">
        <v>1</v>
      </c>
      <c r="D19479">
        <v>0</v>
      </c>
    </row>
    <row r="19480" spans="1:4" x14ac:dyDescent="0.25">
      <c r="A19480" t="s">
        <v>30639</v>
      </c>
      <c r="B19480" t="s">
        <v>30640</v>
      </c>
      <c r="C19480">
        <v>1</v>
      </c>
      <c r="D19480">
        <v>0</v>
      </c>
    </row>
    <row r="19481" spans="1:4" x14ac:dyDescent="0.25">
      <c r="A19481" t="s">
        <v>30641</v>
      </c>
      <c r="B19481" t="s">
        <v>30642</v>
      </c>
      <c r="C19481">
        <v>0</v>
      </c>
      <c r="D19481">
        <v>0</v>
      </c>
    </row>
    <row r="19482" spans="1:4" x14ac:dyDescent="0.25">
      <c r="A19482" t="s">
        <v>30641</v>
      </c>
      <c r="B19482" t="s">
        <v>30643</v>
      </c>
      <c r="C19482">
        <v>0</v>
      </c>
      <c r="D19482">
        <v>0</v>
      </c>
    </row>
    <row r="19483" spans="1:4" x14ac:dyDescent="0.25">
      <c r="A19483" t="s">
        <v>30644</v>
      </c>
      <c r="B19483" t="s">
        <v>30645</v>
      </c>
      <c r="C19483">
        <v>0</v>
      </c>
      <c r="D19483">
        <v>0</v>
      </c>
    </row>
    <row r="19484" spans="1:4" x14ac:dyDescent="0.25">
      <c r="A19484" t="s">
        <v>30646</v>
      </c>
      <c r="B19484" t="s">
        <v>30647</v>
      </c>
      <c r="C19484">
        <v>0</v>
      </c>
      <c r="D19484">
        <v>0</v>
      </c>
    </row>
    <row r="19485" spans="1:4" x14ac:dyDescent="0.25">
      <c r="A19485" t="s">
        <v>30648</v>
      </c>
      <c r="B19485" t="s">
        <v>945</v>
      </c>
      <c r="C19485">
        <v>0</v>
      </c>
      <c r="D19485">
        <v>0</v>
      </c>
    </row>
    <row r="19486" spans="1:4" x14ac:dyDescent="0.25">
      <c r="A19486" t="s">
        <v>30649</v>
      </c>
      <c r="B19486" t="s">
        <v>28694</v>
      </c>
      <c r="C19486">
        <v>0</v>
      </c>
      <c r="D19486">
        <v>0</v>
      </c>
    </row>
    <row r="19487" spans="1:4" x14ac:dyDescent="0.25">
      <c r="A19487" t="s">
        <v>30649</v>
      </c>
      <c r="B19487" t="s">
        <v>30650</v>
      </c>
      <c r="C19487">
        <v>2</v>
      </c>
      <c r="D19487">
        <v>0</v>
      </c>
    </row>
    <row r="19488" spans="1:4" x14ac:dyDescent="0.25">
      <c r="A19488" t="s">
        <v>30651</v>
      </c>
      <c r="B19488" t="s">
        <v>30652</v>
      </c>
      <c r="C19488">
        <v>1</v>
      </c>
      <c r="D19488">
        <v>0</v>
      </c>
    </row>
    <row r="19489" spans="1:4" x14ac:dyDescent="0.25">
      <c r="A19489" t="s">
        <v>30653</v>
      </c>
      <c r="B19489" t="s">
        <v>30654</v>
      </c>
      <c r="C19489">
        <v>1</v>
      </c>
      <c r="D19489">
        <v>0</v>
      </c>
    </row>
    <row r="19490" spans="1:4" x14ac:dyDescent="0.25">
      <c r="A19490" t="s">
        <v>30655</v>
      </c>
      <c r="B19490" t="s">
        <v>30656</v>
      </c>
      <c r="C19490">
        <v>2</v>
      </c>
      <c r="D19490">
        <v>0</v>
      </c>
    </row>
    <row r="19491" spans="1:4" x14ac:dyDescent="0.25">
      <c r="A19491" t="s">
        <v>30655</v>
      </c>
      <c r="B19491" t="s">
        <v>30657</v>
      </c>
      <c r="C19491">
        <v>1</v>
      </c>
      <c r="D19491">
        <v>0</v>
      </c>
    </row>
    <row r="19492" spans="1:4" x14ac:dyDescent="0.25">
      <c r="A19492" t="s">
        <v>30655</v>
      </c>
      <c r="B19492" t="s">
        <v>30658</v>
      </c>
      <c r="C19492">
        <v>2</v>
      </c>
      <c r="D19492">
        <v>0</v>
      </c>
    </row>
    <row r="19493" spans="1:4" x14ac:dyDescent="0.25">
      <c r="A19493" t="s">
        <v>30659</v>
      </c>
      <c r="B19493" t="s">
        <v>11948</v>
      </c>
      <c r="C19493">
        <v>0</v>
      </c>
      <c r="D19493">
        <v>0</v>
      </c>
    </row>
    <row r="19494" spans="1:4" x14ac:dyDescent="0.25">
      <c r="A19494" t="s">
        <v>30660</v>
      </c>
      <c r="B19494" t="s">
        <v>30661</v>
      </c>
      <c r="C19494">
        <v>1</v>
      </c>
      <c r="D19494">
        <v>0</v>
      </c>
    </row>
    <row r="19495" spans="1:4" x14ac:dyDescent="0.25">
      <c r="A19495" t="s">
        <v>30660</v>
      </c>
      <c r="B19495" t="s">
        <v>30662</v>
      </c>
      <c r="C19495">
        <v>2</v>
      </c>
      <c r="D19495">
        <v>0</v>
      </c>
    </row>
    <row r="19496" spans="1:4" x14ac:dyDescent="0.25">
      <c r="A19496" t="s">
        <v>30663</v>
      </c>
      <c r="B19496" t="s">
        <v>30664</v>
      </c>
      <c r="C19496">
        <v>0</v>
      </c>
      <c r="D19496">
        <v>0</v>
      </c>
    </row>
    <row r="19497" spans="1:4" x14ac:dyDescent="0.25">
      <c r="A19497" t="s">
        <v>30665</v>
      </c>
      <c r="B19497" t="s">
        <v>30666</v>
      </c>
      <c r="C19497">
        <v>1</v>
      </c>
      <c r="D19497">
        <v>0</v>
      </c>
    </row>
    <row r="19498" spans="1:4" x14ac:dyDescent="0.25">
      <c r="A19498" t="s">
        <v>30665</v>
      </c>
      <c r="B19498" t="s">
        <v>30667</v>
      </c>
      <c r="C19498">
        <v>1</v>
      </c>
      <c r="D19498">
        <v>0</v>
      </c>
    </row>
    <row r="19499" spans="1:4" x14ac:dyDescent="0.25">
      <c r="A19499" t="s">
        <v>30665</v>
      </c>
      <c r="B19499" t="s">
        <v>30668</v>
      </c>
      <c r="C19499">
        <v>1</v>
      </c>
      <c r="D19499">
        <v>0</v>
      </c>
    </row>
    <row r="19500" spans="1:4" x14ac:dyDescent="0.25">
      <c r="A19500" t="s">
        <v>30669</v>
      </c>
      <c r="B19500" t="s">
        <v>30670</v>
      </c>
      <c r="C19500">
        <v>0</v>
      </c>
      <c r="D19500">
        <v>0</v>
      </c>
    </row>
    <row r="19501" spans="1:4" x14ac:dyDescent="0.25">
      <c r="A19501" t="s">
        <v>30669</v>
      </c>
      <c r="B19501" t="s">
        <v>30671</v>
      </c>
      <c r="C19501">
        <v>1</v>
      </c>
      <c r="D19501">
        <v>0</v>
      </c>
    </row>
    <row r="19502" spans="1:4" x14ac:dyDescent="0.25">
      <c r="A19502" t="s">
        <v>30669</v>
      </c>
      <c r="B19502" t="s">
        <v>30672</v>
      </c>
      <c r="C19502">
        <v>0</v>
      </c>
      <c r="D19502">
        <v>0</v>
      </c>
    </row>
    <row r="19503" spans="1:4" x14ac:dyDescent="0.25">
      <c r="A19503" t="s">
        <v>30673</v>
      </c>
      <c r="B19503" t="s">
        <v>30674</v>
      </c>
      <c r="C19503">
        <v>1</v>
      </c>
      <c r="D19503">
        <v>0</v>
      </c>
    </row>
    <row r="19504" spans="1:4" x14ac:dyDescent="0.25">
      <c r="A19504" t="s">
        <v>30673</v>
      </c>
      <c r="B19504" t="s">
        <v>30675</v>
      </c>
      <c r="C19504">
        <v>0</v>
      </c>
      <c r="D19504">
        <v>0</v>
      </c>
    </row>
    <row r="19505" spans="1:4" x14ac:dyDescent="0.25">
      <c r="A19505" t="s">
        <v>30676</v>
      </c>
      <c r="B19505" t="s">
        <v>30677</v>
      </c>
      <c r="C19505">
        <v>0</v>
      </c>
      <c r="D19505">
        <v>0</v>
      </c>
    </row>
    <row r="19506" spans="1:4" x14ac:dyDescent="0.25">
      <c r="A19506" t="s">
        <v>30678</v>
      </c>
      <c r="B19506" t="s">
        <v>30679</v>
      </c>
      <c r="C19506">
        <v>2</v>
      </c>
      <c r="D19506">
        <v>0</v>
      </c>
    </row>
    <row r="19507" spans="1:4" x14ac:dyDescent="0.25">
      <c r="A19507" t="s">
        <v>30678</v>
      </c>
      <c r="B19507" t="s">
        <v>30680</v>
      </c>
      <c r="C19507">
        <v>2</v>
      </c>
      <c r="D19507">
        <v>0</v>
      </c>
    </row>
    <row r="19508" spans="1:4" x14ac:dyDescent="0.25">
      <c r="A19508" t="s">
        <v>30678</v>
      </c>
      <c r="B19508" t="s">
        <v>30681</v>
      </c>
      <c r="C19508">
        <v>1</v>
      </c>
      <c r="D19508">
        <v>0</v>
      </c>
    </row>
    <row r="19509" spans="1:4" x14ac:dyDescent="0.25">
      <c r="A19509" t="s">
        <v>30682</v>
      </c>
      <c r="B19509" t="s">
        <v>30683</v>
      </c>
      <c r="C19509">
        <v>1</v>
      </c>
      <c r="D19509">
        <v>0</v>
      </c>
    </row>
    <row r="19510" spans="1:4" x14ac:dyDescent="0.25">
      <c r="A19510" t="s">
        <v>30684</v>
      </c>
      <c r="B19510" t="s">
        <v>30685</v>
      </c>
      <c r="C19510">
        <v>2</v>
      </c>
      <c r="D19510">
        <v>0</v>
      </c>
    </row>
    <row r="19511" spans="1:4" x14ac:dyDescent="0.25">
      <c r="A19511" t="s">
        <v>30684</v>
      </c>
      <c r="B19511" t="s">
        <v>30686</v>
      </c>
      <c r="C19511">
        <v>2</v>
      </c>
      <c r="D19511">
        <v>0</v>
      </c>
    </row>
    <row r="19512" spans="1:4" x14ac:dyDescent="0.25">
      <c r="A19512" t="s">
        <v>30687</v>
      </c>
      <c r="B19512" t="s">
        <v>852</v>
      </c>
      <c r="C19512">
        <v>0</v>
      </c>
      <c r="D19512">
        <v>0</v>
      </c>
    </row>
    <row r="19513" spans="1:4" x14ac:dyDescent="0.25">
      <c r="A19513" t="s">
        <v>30688</v>
      </c>
      <c r="B19513" t="s">
        <v>30689</v>
      </c>
      <c r="C19513">
        <v>1</v>
      </c>
      <c r="D19513">
        <v>0</v>
      </c>
    </row>
    <row r="19514" spans="1:4" x14ac:dyDescent="0.25">
      <c r="A19514" t="s">
        <v>30688</v>
      </c>
      <c r="B19514" t="s">
        <v>30690</v>
      </c>
      <c r="C19514">
        <v>1</v>
      </c>
      <c r="D19514">
        <v>0</v>
      </c>
    </row>
    <row r="19515" spans="1:4" x14ac:dyDescent="0.25">
      <c r="A19515" t="s">
        <v>30691</v>
      </c>
      <c r="B19515" t="s">
        <v>30692</v>
      </c>
      <c r="C19515">
        <v>0</v>
      </c>
      <c r="D19515">
        <v>0</v>
      </c>
    </row>
    <row r="19516" spans="1:4" x14ac:dyDescent="0.25">
      <c r="A19516" t="s">
        <v>30691</v>
      </c>
      <c r="B19516" t="s">
        <v>30693</v>
      </c>
      <c r="C19516">
        <v>1</v>
      </c>
      <c r="D19516">
        <v>0</v>
      </c>
    </row>
    <row r="19517" spans="1:4" x14ac:dyDescent="0.25">
      <c r="A19517" t="s">
        <v>30691</v>
      </c>
      <c r="B19517" t="s">
        <v>30694</v>
      </c>
      <c r="C19517">
        <v>0</v>
      </c>
      <c r="D19517">
        <v>0</v>
      </c>
    </row>
    <row r="19518" spans="1:4" x14ac:dyDescent="0.25">
      <c r="A19518" t="s">
        <v>30695</v>
      </c>
      <c r="B19518" t="s">
        <v>30696</v>
      </c>
      <c r="C19518">
        <v>0</v>
      </c>
      <c r="D19518">
        <v>0</v>
      </c>
    </row>
    <row r="19519" spans="1:4" x14ac:dyDescent="0.25">
      <c r="A19519" t="s">
        <v>30697</v>
      </c>
      <c r="B19519" t="s">
        <v>30698</v>
      </c>
      <c r="C19519">
        <v>0</v>
      </c>
      <c r="D19519">
        <v>0</v>
      </c>
    </row>
    <row r="19520" spans="1:4" x14ac:dyDescent="0.25">
      <c r="A19520" t="s">
        <v>30697</v>
      </c>
      <c r="B19520" t="s">
        <v>30699</v>
      </c>
      <c r="C19520">
        <v>2</v>
      </c>
      <c r="D19520">
        <v>0</v>
      </c>
    </row>
    <row r="19521" spans="1:4" x14ac:dyDescent="0.25">
      <c r="A19521" t="s">
        <v>30700</v>
      </c>
      <c r="B19521" t="s">
        <v>30701</v>
      </c>
      <c r="C19521">
        <v>0</v>
      </c>
      <c r="D19521">
        <v>0</v>
      </c>
    </row>
    <row r="19522" spans="1:4" x14ac:dyDescent="0.25">
      <c r="A19522" t="s">
        <v>30700</v>
      </c>
      <c r="B19522" t="s">
        <v>30702</v>
      </c>
      <c r="C19522">
        <v>0</v>
      </c>
      <c r="D19522">
        <v>0</v>
      </c>
    </row>
    <row r="19523" spans="1:4" x14ac:dyDescent="0.25">
      <c r="A19523" t="s">
        <v>30700</v>
      </c>
      <c r="B19523" t="s">
        <v>30703</v>
      </c>
      <c r="C19523">
        <v>0</v>
      </c>
      <c r="D19523">
        <v>0</v>
      </c>
    </row>
    <row r="19524" spans="1:4" x14ac:dyDescent="0.25">
      <c r="A19524" t="s">
        <v>30704</v>
      </c>
      <c r="B19524" t="s">
        <v>30705</v>
      </c>
      <c r="C19524">
        <v>1</v>
      </c>
      <c r="D19524">
        <v>0</v>
      </c>
    </row>
    <row r="19525" spans="1:4" x14ac:dyDescent="0.25">
      <c r="A19525" t="s">
        <v>30706</v>
      </c>
      <c r="B19525" t="s">
        <v>30707</v>
      </c>
      <c r="C19525">
        <v>0</v>
      </c>
      <c r="D19525">
        <v>0</v>
      </c>
    </row>
    <row r="19526" spans="1:4" x14ac:dyDescent="0.25">
      <c r="A19526" t="s">
        <v>30706</v>
      </c>
      <c r="B19526" t="s">
        <v>30708</v>
      </c>
      <c r="C19526">
        <v>1</v>
      </c>
      <c r="D19526">
        <v>0</v>
      </c>
    </row>
    <row r="19527" spans="1:4" x14ac:dyDescent="0.25">
      <c r="A19527" t="s">
        <v>30709</v>
      </c>
      <c r="B19527" t="s">
        <v>30710</v>
      </c>
      <c r="C19527">
        <v>2</v>
      </c>
      <c r="D19527">
        <v>0</v>
      </c>
    </row>
    <row r="19528" spans="1:4" x14ac:dyDescent="0.25">
      <c r="A19528" t="s">
        <v>30709</v>
      </c>
      <c r="B19528" t="s">
        <v>30711</v>
      </c>
      <c r="C19528">
        <v>2</v>
      </c>
      <c r="D19528">
        <v>0</v>
      </c>
    </row>
    <row r="19529" spans="1:4" x14ac:dyDescent="0.25">
      <c r="A19529" t="s">
        <v>30709</v>
      </c>
      <c r="B19529" t="s">
        <v>30712</v>
      </c>
      <c r="C19529">
        <v>2</v>
      </c>
      <c r="D19529">
        <v>0</v>
      </c>
    </row>
    <row r="19530" spans="1:4" x14ac:dyDescent="0.25">
      <c r="A19530" t="s">
        <v>30713</v>
      </c>
      <c r="B19530" t="s">
        <v>30714</v>
      </c>
      <c r="C19530">
        <v>1</v>
      </c>
      <c r="D19530">
        <v>0</v>
      </c>
    </row>
    <row r="19531" spans="1:4" x14ac:dyDescent="0.25">
      <c r="A19531" t="s">
        <v>30715</v>
      </c>
      <c r="B19531" t="s">
        <v>30716</v>
      </c>
      <c r="C19531">
        <v>0</v>
      </c>
      <c r="D19531">
        <v>0</v>
      </c>
    </row>
    <row r="19532" spans="1:4" x14ac:dyDescent="0.25">
      <c r="A19532" t="s">
        <v>30717</v>
      </c>
      <c r="B19532" t="s">
        <v>30718</v>
      </c>
      <c r="C19532">
        <v>1</v>
      </c>
      <c r="D19532">
        <v>0</v>
      </c>
    </row>
    <row r="19533" spans="1:4" x14ac:dyDescent="0.25">
      <c r="A19533" t="s">
        <v>30717</v>
      </c>
      <c r="B19533" t="s">
        <v>30719</v>
      </c>
      <c r="C19533">
        <v>0</v>
      </c>
      <c r="D19533">
        <v>0</v>
      </c>
    </row>
    <row r="19534" spans="1:4" x14ac:dyDescent="0.25">
      <c r="A19534" t="s">
        <v>30717</v>
      </c>
      <c r="B19534" t="s">
        <v>30720</v>
      </c>
      <c r="C19534">
        <v>2</v>
      </c>
      <c r="D19534">
        <v>0</v>
      </c>
    </row>
    <row r="19535" spans="1:4" x14ac:dyDescent="0.25">
      <c r="A19535" t="s">
        <v>30721</v>
      </c>
      <c r="B19535" t="s">
        <v>30722</v>
      </c>
      <c r="C19535">
        <v>0</v>
      </c>
      <c r="D19535">
        <v>0</v>
      </c>
    </row>
    <row r="19536" spans="1:4" x14ac:dyDescent="0.25">
      <c r="A19536" t="s">
        <v>30723</v>
      </c>
      <c r="B19536" t="s">
        <v>30724</v>
      </c>
      <c r="C19536">
        <v>1</v>
      </c>
      <c r="D19536">
        <v>0</v>
      </c>
    </row>
    <row r="19537" spans="1:4" x14ac:dyDescent="0.25">
      <c r="A19537" t="s">
        <v>30723</v>
      </c>
      <c r="B19537" t="s">
        <v>30725</v>
      </c>
      <c r="C19537">
        <v>1</v>
      </c>
      <c r="D19537">
        <v>0</v>
      </c>
    </row>
    <row r="19538" spans="1:4" x14ac:dyDescent="0.25">
      <c r="A19538" t="s">
        <v>30723</v>
      </c>
      <c r="B19538" t="s">
        <v>30726</v>
      </c>
      <c r="C19538">
        <v>1</v>
      </c>
      <c r="D19538">
        <v>0</v>
      </c>
    </row>
    <row r="19539" spans="1:4" x14ac:dyDescent="0.25">
      <c r="A19539" t="s">
        <v>30727</v>
      </c>
      <c r="B19539" t="s">
        <v>30728</v>
      </c>
      <c r="C19539">
        <v>1</v>
      </c>
      <c r="D19539">
        <v>0</v>
      </c>
    </row>
    <row r="19540" spans="1:4" x14ac:dyDescent="0.25">
      <c r="A19540" t="s">
        <v>30727</v>
      </c>
      <c r="B19540" t="s">
        <v>30729</v>
      </c>
      <c r="C19540">
        <v>2</v>
      </c>
      <c r="D19540">
        <v>0</v>
      </c>
    </row>
    <row r="19541" spans="1:4" x14ac:dyDescent="0.25">
      <c r="A19541" t="s">
        <v>30730</v>
      </c>
      <c r="B19541" t="s">
        <v>30731</v>
      </c>
      <c r="C19541">
        <v>2</v>
      </c>
      <c r="D19541">
        <v>0</v>
      </c>
    </row>
    <row r="19542" spans="1:4" x14ac:dyDescent="0.25">
      <c r="A19542" t="s">
        <v>30730</v>
      </c>
      <c r="B19542" t="s">
        <v>30732</v>
      </c>
      <c r="C19542">
        <v>1</v>
      </c>
      <c r="D19542">
        <v>0</v>
      </c>
    </row>
    <row r="19543" spans="1:4" x14ac:dyDescent="0.25">
      <c r="A19543" t="s">
        <v>30730</v>
      </c>
      <c r="B19543" t="s">
        <v>30733</v>
      </c>
      <c r="C19543">
        <v>1</v>
      </c>
      <c r="D19543">
        <v>0</v>
      </c>
    </row>
    <row r="19544" spans="1:4" x14ac:dyDescent="0.25">
      <c r="A19544" t="s">
        <v>30734</v>
      </c>
      <c r="B19544" t="s">
        <v>30735</v>
      </c>
      <c r="C19544">
        <v>2</v>
      </c>
      <c r="D19544">
        <v>0</v>
      </c>
    </row>
    <row r="19545" spans="1:4" x14ac:dyDescent="0.25">
      <c r="A19545" t="s">
        <v>30736</v>
      </c>
      <c r="B19545" t="s">
        <v>30737</v>
      </c>
      <c r="C19545">
        <v>2</v>
      </c>
      <c r="D19545">
        <v>0</v>
      </c>
    </row>
    <row r="19546" spans="1:4" x14ac:dyDescent="0.25">
      <c r="A19546" t="s">
        <v>30736</v>
      </c>
      <c r="B19546" t="s">
        <v>30738</v>
      </c>
      <c r="C19546">
        <v>1</v>
      </c>
      <c r="D19546">
        <v>0</v>
      </c>
    </row>
    <row r="19547" spans="1:4" x14ac:dyDescent="0.25">
      <c r="A19547" t="s">
        <v>30739</v>
      </c>
      <c r="B19547" t="s">
        <v>30740</v>
      </c>
      <c r="C19547">
        <v>1</v>
      </c>
      <c r="D19547">
        <v>0</v>
      </c>
    </row>
    <row r="19548" spans="1:4" x14ac:dyDescent="0.25">
      <c r="A19548" t="s">
        <v>30741</v>
      </c>
      <c r="B19548" t="s">
        <v>30742</v>
      </c>
      <c r="C19548">
        <v>1</v>
      </c>
      <c r="D19548">
        <v>0</v>
      </c>
    </row>
    <row r="19549" spans="1:4" x14ac:dyDescent="0.25">
      <c r="A19549" t="s">
        <v>30741</v>
      </c>
      <c r="B19549" t="s">
        <v>30743</v>
      </c>
      <c r="C19549">
        <v>0</v>
      </c>
      <c r="D19549">
        <v>0</v>
      </c>
    </row>
    <row r="19550" spans="1:4" x14ac:dyDescent="0.25">
      <c r="A19550" t="s">
        <v>30744</v>
      </c>
      <c r="B19550" t="s">
        <v>14816</v>
      </c>
      <c r="C19550">
        <v>2</v>
      </c>
      <c r="D19550">
        <v>0</v>
      </c>
    </row>
    <row r="19551" spans="1:4" x14ac:dyDescent="0.25">
      <c r="A19551" t="s">
        <v>30744</v>
      </c>
      <c r="B19551" t="s">
        <v>30745</v>
      </c>
      <c r="C19551">
        <v>2</v>
      </c>
      <c r="D19551">
        <v>0</v>
      </c>
    </row>
    <row r="19552" spans="1:4" x14ac:dyDescent="0.25">
      <c r="A19552" t="s">
        <v>30744</v>
      </c>
      <c r="B19552" t="s">
        <v>30746</v>
      </c>
      <c r="C19552">
        <v>1</v>
      </c>
      <c r="D19552">
        <v>0</v>
      </c>
    </row>
    <row r="19553" spans="1:4" x14ac:dyDescent="0.25">
      <c r="A19553" t="s">
        <v>30747</v>
      </c>
      <c r="B19553" t="s">
        <v>30748</v>
      </c>
      <c r="C19553">
        <v>0</v>
      </c>
      <c r="D19553">
        <v>0</v>
      </c>
    </row>
    <row r="19554" spans="1:4" x14ac:dyDescent="0.25">
      <c r="A19554" t="s">
        <v>30747</v>
      </c>
      <c r="B19554" t="s">
        <v>30749</v>
      </c>
      <c r="C19554">
        <v>1</v>
      </c>
      <c r="D19554">
        <v>0</v>
      </c>
    </row>
    <row r="19555" spans="1:4" x14ac:dyDescent="0.25">
      <c r="A19555" t="s">
        <v>30747</v>
      </c>
      <c r="B19555" t="s">
        <v>30750</v>
      </c>
      <c r="C19555">
        <v>0</v>
      </c>
      <c r="D19555">
        <v>0</v>
      </c>
    </row>
    <row r="19556" spans="1:4" x14ac:dyDescent="0.25">
      <c r="A19556" t="s">
        <v>30751</v>
      </c>
      <c r="B19556" t="s">
        <v>30752</v>
      </c>
      <c r="C19556">
        <v>1</v>
      </c>
      <c r="D19556">
        <v>0</v>
      </c>
    </row>
    <row r="19557" spans="1:4" x14ac:dyDescent="0.25">
      <c r="A19557" t="s">
        <v>30751</v>
      </c>
      <c r="B19557" t="s">
        <v>30753</v>
      </c>
      <c r="C19557">
        <v>1</v>
      </c>
      <c r="D19557">
        <v>0</v>
      </c>
    </row>
    <row r="19558" spans="1:4" x14ac:dyDescent="0.25">
      <c r="A19558" t="s">
        <v>30754</v>
      </c>
      <c r="B19558" t="s">
        <v>30755</v>
      </c>
      <c r="C19558">
        <v>1</v>
      </c>
      <c r="D19558">
        <v>0</v>
      </c>
    </row>
    <row r="19559" spans="1:4" x14ac:dyDescent="0.25">
      <c r="A19559" t="s">
        <v>30756</v>
      </c>
      <c r="B19559" t="s">
        <v>30757</v>
      </c>
      <c r="C19559">
        <v>2</v>
      </c>
      <c r="D19559">
        <v>0</v>
      </c>
    </row>
    <row r="19560" spans="1:4" x14ac:dyDescent="0.25">
      <c r="A19560" t="s">
        <v>30756</v>
      </c>
      <c r="B19560" t="s">
        <v>30758</v>
      </c>
      <c r="C19560">
        <v>0</v>
      </c>
      <c r="D19560">
        <v>0</v>
      </c>
    </row>
    <row r="19561" spans="1:4" x14ac:dyDescent="0.25">
      <c r="A19561" t="s">
        <v>30756</v>
      </c>
      <c r="B19561" t="s">
        <v>30759</v>
      </c>
      <c r="C19561">
        <v>2</v>
      </c>
      <c r="D19561">
        <v>0</v>
      </c>
    </row>
    <row r="19562" spans="1:4" x14ac:dyDescent="0.25">
      <c r="A19562" t="s">
        <v>30760</v>
      </c>
      <c r="B19562" t="s">
        <v>30761</v>
      </c>
      <c r="C19562">
        <v>1</v>
      </c>
      <c r="D19562">
        <v>0</v>
      </c>
    </row>
    <row r="19563" spans="1:4" x14ac:dyDescent="0.25">
      <c r="A19563" t="s">
        <v>30760</v>
      </c>
      <c r="B19563" t="s">
        <v>30762</v>
      </c>
      <c r="C19563">
        <v>1</v>
      </c>
      <c r="D19563">
        <v>0</v>
      </c>
    </row>
    <row r="19564" spans="1:4" x14ac:dyDescent="0.25">
      <c r="A19564" t="s">
        <v>30763</v>
      </c>
      <c r="B19564" t="s">
        <v>30764</v>
      </c>
      <c r="C19564">
        <v>1</v>
      </c>
      <c r="D19564">
        <v>0</v>
      </c>
    </row>
    <row r="19565" spans="1:4" x14ac:dyDescent="0.25">
      <c r="A19565" t="s">
        <v>30763</v>
      </c>
      <c r="B19565" t="s">
        <v>30765</v>
      </c>
      <c r="C19565">
        <v>1</v>
      </c>
      <c r="D19565">
        <v>0</v>
      </c>
    </row>
    <row r="19566" spans="1:4" x14ac:dyDescent="0.25">
      <c r="A19566" t="s">
        <v>30766</v>
      </c>
      <c r="B19566" t="s">
        <v>30767</v>
      </c>
      <c r="C19566">
        <v>0</v>
      </c>
      <c r="D19566">
        <v>0</v>
      </c>
    </row>
    <row r="19567" spans="1:4" x14ac:dyDescent="0.25">
      <c r="A19567" t="s">
        <v>30768</v>
      </c>
      <c r="B19567" t="s">
        <v>30769</v>
      </c>
      <c r="C19567">
        <v>1</v>
      </c>
      <c r="D19567">
        <v>0</v>
      </c>
    </row>
    <row r="19568" spans="1:4" x14ac:dyDescent="0.25">
      <c r="A19568" t="s">
        <v>30768</v>
      </c>
      <c r="B19568" t="s">
        <v>30770</v>
      </c>
      <c r="C19568">
        <v>0</v>
      </c>
      <c r="D19568">
        <v>0</v>
      </c>
    </row>
    <row r="19569" spans="1:4" x14ac:dyDescent="0.25">
      <c r="A19569" t="s">
        <v>30771</v>
      </c>
      <c r="B19569" t="s">
        <v>30772</v>
      </c>
      <c r="C19569">
        <v>1</v>
      </c>
      <c r="D19569">
        <v>0</v>
      </c>
    </row>
    <row r="19570" spans="1:4" x14ac:dyDescent="0.25">
      <c r="A19570" t="s">
        <v>30771</v>
      </c>
      <c r="B19570" t="s">
        <v>30773</v>
      </c>
      <c r="C19570">
        <v>1</v>
      </c>
      <c r="D19570">
        <v>0</v>
      </c>
    </row>
    <row r="19571" spans="1:4" x14ac:dyDescent="0.25">
      <c r="A19571" t="s">
        <v>30771</v>
      </c>
      <c r="B19571" t="s">
        <v>30774</v>
      </c>
      <c r="C19571">
        <v>1</v>
      </c>
      <c r="D19571">
        <v>0</v>
      </c>
    </row>
    <row r="19572" spans="1:4" x14ac:dyDescent="0.25">
      <c r="A19572" t="s">
        <v>30775</v>
      </c>
      <c r="B19572" t="s">
        <v>30776</v>
      </c>
      <c r="C19572">
        <v>0</v>
      </c>
      <c r="D19572">
        <v>0</v>
      </c>
    </row>
    <row r="19573" spans="1:4" x14ac:dyDescent="0.25">
      <c r="A19573" t="s">
        <v>30777</v>
      </c>
      <c r="B19573" t="s">
        <v>30778</v>
      </c>
      <c r="C19573">
        <v>1</v>
      </c>
      <c r="D19573">
        <v>0</v>
      </c>
    </row>
    <row r="19574" spans="1:4" x14ac:dyDescent="0.25">
      <c r="A19574" t="s">
        <v>30777</v>
      </c>
      <c r="B19574" t="s">
        <v>30779</v>
      </c>
      <c r="C19574">
        <v>0</v>
      </c>
      <c r="D19574">
        <v>0</v>
      </c>
    </row>
    <row r="19575" spans="1:4" x14ac:dyDescent="0.25">
      <c r="A19575" t="s">
        <v>30780</v>
      </c>
      <c r="B19575" t="s">
        <v>1499</v>
      </c>
      <c r="C19575">
        <v>1</v>
      </c>
      <c r="D19575">
        <v>0</v>
      </c>
    </row>
    <row r="19576" spans="1:4" x14ac:dyDescent="0.25">
      <c r="A19576" t="s">
        <v>30781</v>
      </c>
      <c r="B19576" t="s">
        <v>30782</v>
      </c>
      <c r="C19576">
        <v>0</v>
      </c>
      <c r="D19576">
        <v>0</v>
      </c>
    </row>
    <row r="19577" spans="1:4" x14ac:dyDescent="0.25">
      <c r="A19577" t="s">
        <v>30781</v>
      </c>
      <c r="B19577" t="s">
        <v>30783</v>
      </c>
      <c r="C19577">
        <v>0</v>
      </c>
      <c r="D19577">
        <v>0</v>
      </c>
    </row>
    <row r="19578" spans="1:4" x14ac:dyDescent="0.25">
      <c r="A19578" t="s">
        <v>30781</v>
      </c>
      <c r="B19578" t="s">
        <v>30784</v>
      </c>
      <c r="C19578">
        <v>0</v>
      </c>
      <c r="D19578">
        <v>0</v>
      </c>
    </row>
    <row r="19579" spans="1:4" x14ac:dyDescent="0.25">
      <c r="A19579" t="s">
        <v>30785</v>
      </c>
      <c r="B19579" t="s">
        <v>30786</v>
      </c>
      <c r="C19579">
        <v>1</v>
      </c>
      <c r="D19579">
        <v>0</v>
      </c>
    </row>
    <row r="19580" spans="1:4" x14ac:dyDescent="0.25">
      <c r="A19580" t="s">
        <v>30785</v>
      </c>
      <c r="B19580" t="s">
        <v>30787</v>
      </c>
      <c r="C19580">
        <v>0</v>
      </c>
      <c r="D19580">
        <v>0</v>
      </c>
    </row>
    <row r="19581" spans="1:4" x14ac:dyDescent="0.25">
      <c r="A19581" t="s">
        <v>30785</v>
      </c>
      <c r="B19581" t="s">
        <v>30788</v>
      </c>
      <c r="C19581">
        <v>0</v>
      </c>
      <c r="D19581">
        <v>0</v>
      </c>
    </row>
    <row r="19582" spans="1:4" x14ac:dyDescent="0.25">
      <c r="A19582" t="s">
        <v>30789</v>
      </c>
      <c r="B19582" t="s">
        <v>30790</v>
      </c>
      <c r="C19582">
        <v>2</v>
      </c>
      <c r="D19582">
        <v>0</v>
      </c>
    </row>
    <row r="19583" spans="1:4" x14ac:dyDescent="0.25">
      <c r="A19583" t="s">
        <v>30789</v>
      </c>
      <c r="B19583" t="s">
        <v>30791</v>
      </c>
      <c r="C19583">
        <v>1</v>
      </c>
      <c r="D19583">
        <v>0</v>
      </c>
    </row>
    <row r="19584" spans="1:4" x14ac:dyDescent="0.25">
      <c r="A19584" t="s">
        <v>30789</v>
      </c>
      <c r="B19584" t="s">
        <v>30792</v>
      </c>
      <c r="C19584">
        <v>2</v>
      </c>
      <c r="D19584">
        <v>0</v>
      </c>
    </row>
    <row r="19585" spans="1:4" x14ac:dyDescent="0.25">
      <c r="A19585" t="s">
        <v>30793</v>
      </c>
      <c r="B19585" t="s">
        <v>30794</v>
      </c>
      <c r="C19585">
        <v>0</v>
      </c>
      <c r="D19585">
        <v>0</v>
      </c>
    </row>
    <row r="19586" spans="1:4" x14ac:dyDescent="0.25">
      <c r="A19586" t="s">
        <v>30793</v>
      </c>
      <c r="B19586" t="s">
        <v>30795</v>
      </c>
      <c r="C19586">
        <v>2</v>
      </c>
      <c r="D19586">
        <v>0</v>
      </c>
    </row>
    <row r="19587" spans="1:4" x14ac:dyDescent="0.25">
      <c r="A19587" t="s">
        <v>30796</v>
      </c>
      <c r="B19587" t="s">
        <v>30797</v>
      </c>
      <c r="C19587">
        <v>1</v>
      </c>
      <c r="D19587">
        <v>0</v>
      </c>
    </row>
    <row r="19588" spans="1:4" x14ac:dyDescent="0.25">
      <c r="A19588" t="s">
        <v>30798</v>
      </c>
      <c r="B19588" t="s">
        <v>30799</v>
      </c>
      <c r="C19588">
        <v>1</v>
      </c>
      <c r="D19588">
        <v>0</v>
      </c>
    </row>
    <row r="19589" spans="1:4" x14ac:dyDescent="0.25">
      <c r="A19589" t="s">
        <v>30798</v>
      </c>
      <c r="B19589" t="s">
        <v>1246</v>
      </c>
      <c r="C19589">
        <v>0</v>
      </c>
      <c r="D19589">
        <v>0</v>
      </c>
    </row>
    <row r="19590" spans="1:4" x14ac:dyDescent="0.25">
      <c r="A19590" t="s">
        <v>30800</v>
      </c>
      <c r="B19590" t="s">
        <v>30801</v>
      </c>
      <c r="C19590">
        <v>1</v>
      </c>
      <c r="D19590">
        <v>0</v>
      </c>
    </row>
    <row r="19591" spans="1:4" x14ac:dyDescent="0.25">
      <c r="A19591" t="s">
        <v>30800</v>
      </c>
      <c r="B19591" t="s">
        <v>30802</v>
      </c>
      <c r="C19591">
        <v>1</v>
      </c>
      <c r="D19591">
        <v>0</v>
      </c>
    </row>
    <row r="19592" spans="1:4" x14ac:dyDescent="0.25">
      <c r="A19592" t="s">
        <v>30800</v>
      </c>
      <c r="B19592" t="s">
        <v>30803</v>
      </c>
      <c r="C19592">
        <v>1</v>
      </c>
      <c r="D19592">
        <v>0</v>
      </c>
    </row>
    <row r="19593" spans="1:4" x14ac:dyDescent="0.25">
      <c r="A19593" t="s">
        <v>30804</v>
      </c>
      <c r="B19593" t="s">
        <v>30805</v>
      </c>
      <c r="C19593">
        <v>0</v>
      </c>
      <c r="D19593">
        <v>0</v>
      </c>
    </row>
    <row r="19594" spans="1:4" x14ac:dyDescent="0.25">
      <c r="A19594" t="s">
        <v>30804</v>
      </c>
      <c r="B19594" t="s">
        <v>30806</v>
      </c>
      <c r="C19594">
        <v>1</v>
      </c>
      <c r="D19594">
        <v>0</v>
      </c>
    </row>
    <row r="19595" spans="1:4" x14ac:dyDescent="0.25">
      <c r="A19595" t="s">
        <v>30807</v>
      </c>
      <c r="B19595" t="s">
        <v>30808</v>
      </c>
      <c r="C19595">
        <v>1</v>
      </c>
      <c r="D19595">
        <v>0</v>
      </c>
    </row>
    <row r="19596" spans="1:4" x14ac:dyDescent="0.25">
      <c r="A19596" t="s">
        <v>30807</v>
      </c>
      <c r="B19596" t="s">
        <v>30809</v>
      </c>
      <c r="C19596">
        <v>1</v>
      </c>
      <c r="D19596">
        <v>0</v>
      </c>
    </row>
    <row r="19597" spans="1:4" x14ac:dyDescent="0.25">
      <c r="A19597" t="s">
        <v>30807</v>
      </c>
      <c r="B19597" t="s">
        <v>30810</v>
      </c>
      <c r="C19597">
        <v>0</v>
      </c>
      <c r="D19597">
        <v>0</v>
      </c>
    </row>
    <row r="19598" spans="1:4" x14ac:dyDescent="0.25">
      <c r="A19598" t="s">
        <v>30811</v>
      </c>
      <c r="B19598" t="s">
        <v>852</v>
      </c>
      <c r="C19598">
        <v>0</v>
      </c>
      <c r="D19598">
        <v>0</v>
      </c>
    </row>
    <row r="19599" spans="1:4" x14ac:dyDescent="0.25">
      <c r="A19599" t="s">
        <v>30812</v>
      </c>
      <c r="B19599" t="s">
        <v>30813</v>
      </c>
      <c r="C19599">
        <v>0</v>
      </c>
      <c r="D19599">
        <v>0</v>
      </c>
    </row>
    <row r="19600" spans="1:4" x14ac:dyDescent="0.25">
      <c r="A19600" t="s">
        <v>30812</v>
      </c>
      <c r="B19600" t="s">
        <v>30814</v>
      </c>
      <c r="C19600">
        <v>0</v>
      </c>
      <c r="D19600">
        <v>0</v>
      </c>
    </row>
    <row r="19601" spans="1:4" x14ac:dyDescent="0.25">
      <c r="A19601" t="s">
        <v>30812</v>
      </c>
      <c r="B19601" t="s">
        <v>30815</v>
      </c>
      <c r="C19601">
        <v>1</v>
      </c>
      <c r="D19601">
        <v>0</v>
      </c>
    </row>
    <row r="19602" spans="1:4" x14ac:dyDescent="0.25">
      <c r="A19602" t="s">
        <v>30816</v>
      </c>
      <c r="B19602" t="s">
        <v>30817</v>
      </c>
      <c r="C19602">
        <v>0</v>
      </c>
      <c r="D19602">
        <v>0</v>
      </c>
    </row>
    <row r="19603" spans="1:4" x14ac:dyDescent="0.25">
      <c r="A19603" t="s">
        <v>30818</v>
      </c>
      <c r="B19603" t="s">
        <v>30819</v>
      </c>
      <c r="C19603">
        <v>2</v>
      </c>
      <c r="D19603">
        <v>0</v>
      </c>
    </row>
    <row r="19604" spans="1:4" x14ac:dyDescent="0.25">
      <c r="A19604" t="s">
        <v>30818</v>
      </c>
      <c r="B19604" t="s">
        <v>30820</v>
      </c>
      <c r="C19604">
        <v>0</v>
      </c>
      <c r="D19604">
        <v>0</v>
      </c>
    </row>
    <row r="19605" spans="1:4" x14ac:dyDescent="0.25">
      <c r="A19605" t="s">
        <v>30821</v>
      </c>
      <c r="B19605" t="s">
        <v>30822</v>
      </c>
      <c r="C19605">
        <v>0</v>
      </c>
      <c r="D19605">
        <v>0</v>
      </c>
    </row>
    <row r="19606" spans="1:4" x14ac:dyDescent="0.25">
      <c r="A19606" t="s">
        <v>30821</v>
      </c>
      <c r="B19606" t="s">
        <v>30823</v>
      </c>
      <c r="C19606">
        <v>1</v>
      </c>
      <c r="D19606">
        <v>0</v>
      </c>
    </row>
    <row r="19607" spans="1:4" x14ac:dyDescent="0.25">
      <c r="A19607" t="s">
        <v>30824</v>
      </c>
      <c r="B19607" t="s">
        <v>30825</v>
      </c>
      <c r="C19607">
        <v>2</v>
      </c>
      <c r="D19607">
        <v>0</v>
      </c>
    </row>
    <row r="19608" spans="1:4" x14ac:dyDescent="0.25">
      <c r="A19608" t="s">
        <v>30824</v>
      </c>
      <c r="B19608" t="s">
        <v>30826</v>
      </c>
      <c r="C19608">
        <v>0</v>
      </c>
      <c r="D19608">
        <v>0</v>
      </c>
    </row>
    <row r="19609" spans="1:4" x14ac:dyDescent="0.25">
      <c r="A19609" t="s">
        <v>30824</v>
      </c>
      <c r="B19609" t="s">
        <v>30827</v>
      </c>
      <c r="C19609">
        <v>1</v>
      </c>
      <c r="D19609">
        <v>0</v>
      </c>
    </row>
    <row r="19610" spans="1:4" x14ac:dyDescent="0.25">
      <c r="A19610" t="s">
        <v>30828</v>
      </c>
      <c r="B19610" t="s">
        <v>30829</v>
      </c>
      <c r="C19610">
        <v>1</v>
      </c>
      <c r="D19610">
        <v>0</v>
      </c>
    </row>
    <row r="19611" spans="1:4" x14ac:dyDescent="0.25">
      <c r="A19611" t="s">
        <v>30828</v>
      </c>
      <c r="B19611" t="s">
        <v>30830</v>
      </c>
      <c r="C19611">
        <v>0</v>
      </c>
      <c r="D19611">
        <v>0</v>
      </c>
    </row>
    <row r="19612" spans="1:4" x14ac:dyDescent="0.25">
      <c r="A19612" t="s">
        <v>30831</v>
      </c>
      <c r="B19612" t="s">
        <v>30832</v>
      </c>
      <c r="C19612">
        <v>1</v>
      </c>
      <c r="D19612">
        <v>0</v>
      </c>
    </row>
    <row r="19613" spans="1:4" x14ac:dyDescent="0.25">
      <c r="A19613" t="s">
        <v>30831</v>
      </c>
      <c r="B19613" t="s">
        <v>30833</v>
      </c>
      <c r="C19613">
        <v>2</v>
      </c>
      <c r="D19613">
        <v>0</v>
      </c>
    </row>
    <row r="19614" spans="1:4" x14ac:dyDescent="0.25">
      <c r="A19614" t="s">
        <v>30834</v>
      </c>
      <c r="B19614" t="s">
        <v>30835</v>
      </c>
      <c r="C19614">
        <v>2</v>
      </c>
      <c r="D19614">
        <v>0</v>
      </c>
    </row>
    <row r="19615" spans="1:4" x14ac:dyDescent="0.25">
      <c r="A19615" t="s">
        <v>30836</v>
      </c>
      <c r="B19615" t="s">
        <v>30837</v>
      </c>
      <c r="C19615">
        <v>0</v>
      </c>
      <c r="D19615">
        <v>0</v>
      </c>
    </row>
    <row r="19616" spans="1:4" x14ac:dyDescent="0.25">
      <c r="A19616" t="s">
        <v>30836</v>
      </c>
      <c r="B19616" t="s">
        <v>30838</v>
      </c>
      <c r="C19616">
        <v>2</v>
      </c>
      <c r="D19616">
        <v>0</v>
      </c>
    </row>
    <row r="19617" spans="1:4" x14ac:dyDescent="0.25">
      <c r="A19617" t="s">
        <v>30836</v>
      </c>
      <c r="B19617" t="s">
        <v>30839</v>
      </c>
      <c r="C19617">
        <v>0</v>
      </c>
      <c r="D19617">
        <v>0</v>
      </c>
    </row>
    <row r="19618" spans="1:4" x14ac:dyDescent="0.25">
      <c r="A19618" t="s">
        <v>30840</v>
      </c>
      <c r="B19618" t="s">
        <v>30841</v>
      </c>
      <c r="C19618">
        <v>0</v>
      </c>
      <c r="D19618">
        <v>0</v>
      </c>
    </row>
    <row r="19619" spans="1:4" x14ac:dyDescent="0.25">
      <c r="A19619" t="s">
        <v>30840</v>
      </c>
      <c r="B19619" t="s">
        <v>30842</v>
      </c>
      <c r="C19619">
        <v>2</v>
      </c>
      <c r="D19619">
        <v>0</v>
      </c>
    </row>
    <row r="19620" spans="1:4" x14ac:dyDescent="0.25">
      <c r="A19620" t="s">
        <v>30840</v>
      </c>
      <c r="B19620" t="s">
        <v>30843</v>
      </c>
      <c r="C19620">
        <v>1</v>
      </c>
      <c r="D19620">
        <v>0</v>
      </c>
    </row>
    <row r="19621" spans="1:4" x14ac:dyDescent="0.25">
      <c r="A19621" t="s">
        <v>30844</v>
      </c>
      <c r="B19621" t="s">
        <v>30845</v>
      </c>
      <c r="C19621">
        <v>1</v>
      </c>
      <c r="D19621">
        <v>0</v>
      </c>
    </row>
    <row r="19622" spans="1:4" x14ac:dyDescent="0.25">
      <c r="A19622" t="s">
        <v>30846</v>
      </c>
      <c r="B19622" t="s">
        <v>30847</v>
      </c>
      <c r="C19622">
        <v>0</v>
      </c>
      <c r="D19622">
        <v>0</v>
      </c>
    </row>
    <row r="19623" spans="1:4" x14ac:dyDescent="0.25">
      <c r="A19623" t="s">
        <v>30848</v>
      </c>
      <c r="B19623" t="s">
        <v>30849</v>
      </c>
      <c r="C19623">
        <v>1</v>
      </c>
      <c r="D19623">
        <v>0</v>
      </c>
    </row>
    <row r="19624" spans="1:4" x14ac:dyDescent="0.25">
      <c r="A19624" t="s">
        <v>30850</v>
      </c>
      <c r="B19624" t="s">
        <v>30851</v>
      </c>
      <c r="C19624">
        <v>0</v>
      </c>
      <c r="D19624">
        <v>0</v>
      </c>
    </row>
    <row r="19625" spans="1:4" x14ac:dyDescent="0.25">
      <c r="A19625" t="s">
        <v>30850</v>
      </c>
      <c r="B19625" t="s">
        <v>30852</v>
      </c>
      <c r="C19625">
        <v>1</v>
      </c>
      <c r="D19625">
        <v>0</v>
      </c>
    </row>
    <row r="19626" spans="1:4" x14ac:dyDescent="0.25">
      <c r="A19626" t="s">
        <v>30853</v>
      </c>
      <c r="B19626" t="s">
        <v>30854</v>
      </c>
      <c r="C19626">
        <v>1</v>
      </c>
      <c r="D19626">
        <v>0</v>
      </c>
    </row>
    <row r="19627" spans="1:4" x14ac:dyDescent="0.25">
      <c r="A19627" t="s">
        <v>30855</v>
      </c>
      <c r="B19627" t="s">
        <v>30856</v>
      </c>
      <c r="C19627">
        <v>2</v>
      </c>
      <c r="D19627">
        <v>0</v>
      </c>
    </row>
    <row r="19628" spans="1:4" x14ac:dyDescent="0.25">
      <c r="A19628" t="s">
        <v>30855</v>
      </c>
      <c r="B19628" t="s">
        <v>30857</v>
      </c>
      <c r="C19628">
        <v>2</v>
      </c>
      <c r="D19628">
        <v>0</v>
      </c>
    </row>
    <row r="19629" spans="1:4" x14ac:dyDescent="0.25">
      <c r="A19629" t="s">
        <v>30855</v>
      </c>
      <c r="B19629" t="s">
        <v>30858</v>
      </c>
      <c r="C19629">
        <v>1</v>
      </c>
      <c r="D19629">
        <v>0</v>
      </c>
    </row>
    <row r="19630" spans="1:4" x14ac:dyDescent="0.25">
      <c r="A19630" t="s">
        <v>30859</v>
      </c>
      <c r="B19630" t="s">
        <v>30860</v>
      </c>
      <c r="C19630">
        <v>1</v>
      </c>
      <c r="D19630">
        <v>0</v>
      </c>
    </row>
    <row r="19631" spans="1:4" x14ac:dyDescent="0.25">
      <c r="A19631" t="s">
        <v>30859</v>
      </c>
      <c r="B19631" t="s">
        <v>30861</v>
      </c>
      <c r="C19631">
        <v>2</v>
      </c>
      <c r="D19631">
        <v>0</v>
      </c>
    </row>
    <row r="19632" spans="1:4" x14ac:dyDescent="0.25">
      <c r="A19632" t="s">
        <v>30859</v>
      </c>
      <c r="B19632" t="s">
        <v>30862</v>
      </c>
      <c r="C19632">
        <v>2</v>
      </c>
      <c r="D19632">
        <v>0</v>
      </c>
    </row>
    <row r="19633" spans="1:4" x14ac:dyDescent="0.25">
      <c r="A19633" t="s">
        <v>30863</v>
      </c>
      <c r="B19633" t="s">
        <v>30864</v>
      </c>
      <c r="C19633">
        <v>0</v>
      </c>
      <c r="D19633">
        <v>0</v>
      </c>
    </row>
    <row r="19634" spans="1:4" x14ac:dyDescent="0.25">
      <c r="A19634" t="s">
        <v>30865</v>
      </c>
      <c r="B19634" t="s">
        <v>30866</v>
      </c>
      <c r="C19634">
        <v>2</v>
      </c>
      <c r="D19634">
        <v>0</v>
      </c>
    </row>
    <row r="19635" spans="1:4" x14ac:dyDescent="0.25">
      <c r="A19635" t="s">
        <v>30865</v>
      </c>
      <c r="B19635" t="s">
        <v>30867</v>
      </c>
      <c r="C19635">
        <v>2</v>
      </c>
      <c r="D19635">
        <v>0</v>
      </c>
    </row>
    <row r="19636" spans="1:4" x14ac:dyDescent="0.25">
      <c r="A19636" t="s">
        <v>30865</v>
      </c>
      <c r="B19636" t="s">
        <v>30868</v>
      </c>
      <c r="C19636">
        <v>0</v>
      </c>
      <c r="D19636">
        <v>0</v>
      </c>
    </row>
    <row r="19637" spans="1:4" x14ac:dyDescent="0.25">
      <c r="A19637" t="s">
        <v>30869</v>
      </c>
      <c r="B19637" t="s">
        <v>30870</v>
      </c>
      <c r="C19637">
        <v>0</v>
      </c>
      <c r="D19637">
        <v>0</v>
      </c>
    </row>
    <row r="19638" spans="1:4" x14ac:dyDescent="0.25">
      <c r="A19638" t="s">
        <v>30871</v>
      </c>
      <c r="B19638" t="s">
        <v>30872</v>
      </c>
      <c r="C19638">
        <v>2</v>
      </c>
      <c r="D19638">
        <v>0</v>
      </c>
    </row>
    <row r="19639" spans="1:4" x14ac:dyDescent="0.25">
      <c r="A19639" t="s">
        <v>30873</v>
      </c>
      <c r="B19639" t="s">
        <v>30874</v>
      </c>
      <c r="C19639">
        <v>1</v>
      </c>
      <c r="D19639">
        <v>0</v>
      </c>
    </row>
    <row r="19640" spans="1:4" x14ac:dyDescent="0.25">
      <c r="A19640" t="s">
        <v>30873</v>
      </c>
      <c r="B19640" t="s">
        <v>30875</v>
      </c>
      <c r="C19640">
        <v>1</v>
      </c>
      <c r="D19640">
        <v>0</v>
      </c>
    </row>
    <row r="19641" spans="1:4" x14ac:dyDescent="0.25">
      <c r="A19641" t="s">
        <v>30876</v>
      </c>
      <c r="B19641" t="s">
        <v>30877</v>
      </c>
      <c r="C19641">
        <v>1</v>
      </c>
      <c r="D19641">
        <v>0</v>
      </c>
    </row>
    <row r="19642" spans="1:4" x14ac:dyDescent="0.25">
      <c r="A19642" t="s">
        <v>30876</v>
      </c>
      <c r="B19642" t="s">
        <v>30878</v>
      </c>
      <c r="C19642">
        <v>0</v>
      </c>
      <c r="D19642">
        <v>0</v>
      </c>
    </row>
    <row r="19643" spans="1:4" x14ac:dyDescent="0.25">
      <c r="A19643" t="s">
        <v>30879</v>
      </c>
      <c r="B19643" t="s">
        <v>30880</v>
      </c>
      <c r="C19643">
        <v>2</v>
      </c>
      <c r="D19643">
        <v>0</v>
      </c>
    </row>
    <row r="19644" spans="1:4" x14ac:dyDescent="0.25">
      <c r="A19644" t="s">
        <v>30879</v>
      </c>
      <c r="B19644" t="s">
        <v>923</v>
      </c>
      <c r="C19644">
        <v>0</v>
      </c>
      <c r="D19644">
        <v>0</v>
      </c>
    </row>
    <row r="19645" spans="1:4" x14ac:dyDescent="0.25">
      <c r="A19645" t="s">
        <v>30879</v>
      </c>
      <c r="B19645" t="s">
        <v>30881</v>
      </c>
      <c r="C19645">
        <v>1</v>
      </c>
      <c r="D19645">
        <v>0</v>
      </c>
    </row>
    <row r="19646" spans="1:4" x14ac:dyDescent="0.25">
      <c r="A19646" t="s">
        <v>30882</v>
      </c>
      <c r="B19646" t="s">
        <v>30883</v>
      </c>
      <c r="C19646">
        <v>2</v>
      </c>
      <c r="D19646">
        <v>0</v>
      </c>
    </row>
    <row r="19647" spans="1:4" x14ac:dyDescent="0.25">
      <c r="A19647" t="s">
        <v>30882</v>
      </c>
      <c r="B19647" t="s">
        <v>843</v>
      </c>
      <c r="C19647">
        <v>1</v>
      </c>
      <c r="D19647">
        <v>0</v>
      </c>
    </row>
    <row r="19648" spans="1:4" x14ac:dyDescent="0.25">
      <c r="A19648" t="s">
        <v>30884</v>
      </c>
      <c r="B19648" t="s">
        <v>30885</v>
      </c>
      <c r="C19648">
        <v>2</v>
      </c>
      <c r="D19648">
        <v>0</v>
      </c>
    </row>
    <row r="19649" spans="1:4" x14ac:dyDescent="0.25">
      <c r="A19649" t="s">
        <v>30886</v>
      </c>
      <c r="B19649" t="s">
        <v>30887</v>
      </c>
      <c r="C19649">
        <v>0</v>
      </c>
      <c r="D19649">
        <v>0</v>
      </c>
    </row>
    <row r="19650" spans="1:4" x14ac:dyDescent="0.25">
      <c r="A19650" t="s">
        <v>30888</v>
      </c>
      <c r="B19650" t="s">
        <v>30889</v>
      </c>
      <c r="C19650">
        <v>1</v>
      </c>
      <c r="D19650">
        <v>0</v>
      </c>
    </row>
    <row r="19651" spans="1:4" x14ac:dyDescent="0.25">
      <c r="A19651" t="s">
        <v>30888</v>
      </c>
      <c r="B19651" t="s">
        <v>30890</v>
      </c>
      <c r="C19651">
        <v>0</v>
      </c>
      <c r="D19651">
        <v>0</v>
      </c>
    </row>
    <row r="19652" spans="1:4" x14ac:dyDescent="0.25">
      <c r="A19652" t="s">
        <v>30888</v>
      </c>
      <c r="B19652" t="s">
        <v>30891</v>
      </c>
      <c r="C19652">
        <v>0</v>
      </c>
      <c r="D19652">
        <v>0</v>
      </c>
    </row>
    <row r="19653" spans="1:4" x14ac:dyDescent="0.25">
      <c r="A19653" t="s">
        <v>30892</v>
      </c>
      <c r="B19653" t="s">
        <v>2061</v>
      </c>
      <c r="C19653">
        <v>0</v>
      </c>
      <c r="D19653">
        <v>0</v>
      </c>
    </row>
    <row r="19654" spans="1:4" x14ac:dyDescent="0.25">
      <c r="A19654" t="s">
        <v>30892</v>
      </c>
      <c r="B19654" t="s">
        <v>1001</v>
      </c>
      <c r="C19654">
        <v>1</v>
      </c>
      <c r="D19654">
        <v>0</v>
      </c>
    </row>
    <row r="19655" spans="1:4" x14ac:dyDescent="0.25">
      <c r="A19655" t="s">
        <v>30892</v>
      </c>
      <c r="B19655" t="s">
        <v>30893</v>
      </c>
      <c r="C19655">
        <v>1</v>
      </c>
      <c r="D19655">
        <v>0</v>
      </c>
    </row>
    <row r="19656" spans="1:4" x14ac:dyDescent="0.25">
      <c r="A19656" t="s">
        <v>30894</v>
      </c>
      <c r="B19656" t="s">
        <v>843</v>
      </c>
      <c r="C19656">
        <v>1</v>
      </c>
      <c r="D19656">
        <v>0</v>
      </c>
    </row>
    <row r="19657" spans="1:4" x14ac:dyDescent="0.25">
      <c r="A19657" t="s">
        <v>30894</v>
      </c>
      <c r="B19657" t="s">
        <v>30895</v>
      </c>
      <c r="C19657">
        <v>2</v>
      </c>
      <c r="D19657">
        <v>0</v>
      </c>
    </row>
    <row r="19658" spans="1:4" x14ac:dyDescent="0.25">
      <c r="A19658" t="s">
        <v>30894</v>
      </c>
      <c r="B19658" t="s">
        <v>30896</v>
      </c>
      <c r="C19658">
        <v>0</v>
      </c>
      <c r="D19658">
        <v>0</v>
      </c>
    </row>
    <row r="19659" spans="1:4" x14ac:dyDescent="0.25">
      <c r="A19659" t="s">
        <v>30897</v>
      </c>
      <c r="B19659" t="s">
        <v>30898</v>
      </c>
      <c r="C19659">
        <v>2</v>
      </c>
      <c r="D19659">
        <v>0</v>
      </c>
    </row>
    <row r="19660" spans="1:4" x14ac:dyDescent="0.25">
      <c r="A19660" t="s">
        <v>30897</v>
      </c>
      <c r="B19660" t="s">
        <v>30899</v>
      </c>
      <c r="C19660">
        <v>0</v>
      </c>
      <c r="D19660">
        <v>0</v>
      </c>
    </row>
    <row r="19661" spans="1:4" x14ac:dyDescent="0.25">
      <c r="A19661" t="s">
        <v>30900</v>
      </c>
      <c r="B19661" t="s">
        <v>30901</v>
      </c>
      <c r="C19661">
        <v>1</v>
      </c>
      <c r="D19661">
        <v>0</v>
      </c>
    </row>
    <row r="19662" spans="1:4" x14ac:dyDescent="0.25">
      <c r="A19662" t="s">
        <v>30900</v>
      </c>
      <c r="B19662" t="s">
        <v>30902</v>
      </c>
      <c r="C19662">
        <v>1</v>
      </c>
      <c r="D19662">
        <v>0</v>
      </c>
    </row>
    <row r="19663" spans="1:4" x14ac:dyDescent="0.25">
      <c r="A19663" t="s">
        <v>30900</v>
      </c>
      <c r="B19663" t="s">
        <v>816</v>
      </c>
      <c r="C19663">
        <v>1</v>
      </c>
      <c r="D19663">
        <v>0</v>
      </c>
    </row>
    <row r="19664" spans="1:4" x14ac:dyDescent="0.25">
      <c r="A19664" t="s">
        <v>30903</v>
      </c>
      <c r="B19664" t="s">
        <v>30904</v>
      </c>
      <c r="C19664">
        <v>0</v>
      </c>
      <c r="D19664">
        <v>0</v>
      </c>
    </row>
    <row r="19665" spans="1:4" x14ac:dyDescent="0.25">
      <c r="A19665" t="s">
        <v>30903</v>
      </c>
      <c r="B19665" t="s">
        <v>30905</v>
      </c>
      <c r="C19665">
        <v>2</v>
      </c>
      <c r="D19665">
        <v>0</v>
      </c>
    </row>
    <row r="19666" spans="1:4" x14ac:dyDescent="0.25">
      <c r="A19666" t="s">
        <v>30906</v>
      </c>
      <c r="B19666" t="s">
        <v>30907</v>
      </c>
      <c r="C19666">
        <v>2</v>
      </c>
      <c r="D19666">
        <v>0</v>
      </c>
    </row>
    <row r="19667" spans="1:4" x14ac:dyDescent="0.25">
      <c r="A19667" t="s">
        <v>30906</v>
      </c>
      <c r="B19667" t="s">
        <v>816</v>
      </c>
      <c r="C19667">
        <v>1</v>
      </c>
      <c r="D19667">
        <v>0</v>
      </c>
    </row>
    <row r="19668" spans="1:4" x14ac:dyDescent="0.25">
      <c r="A19668" t="s">
        <v>30908</v>
      </c>
      <c r="B19668" t="s">
        <v>30909</v>
      </c>
      <c r="C19668">
        <v>0</v>
      </c>
      <c r="D19668">
        <v>0</v>
      </c>
    </row>
    <row r="19669" spans="1:4" x14ac:dyDescent="0.25">
      <c r="A19669" t="s">
        <v>30910</v>
      </c>
      <c r="B19669" t="s">
        <v>30911</v>
      </c>
      <c r="C19669">
        <v>1</v>
      </c>
      <c r="D19669">
        <v>0</v>
      </c>
    </row>
    <row r="19670" spans="1:4" x14ac:dyDescent="0.25">
      <c r="A19670" t="s">
        <v>30912</v>
      </c>
      <c r="B19670" t="s">
        <v>30913</v>
      </c>
      <c r="C19670">
        <v>0</v>
      </c>
      <c r="D19670">
        <v>0</v>
      </c>
    </row>
    <row r="19671" spans="1:4" x14ac:dyDescent="0.25">
      <c r="A19671" t="s">
        <v>30912</v>
      </c>
      <c r="B19671" t="s">
        <v>30914</v>
      </c>
      <c r="C19671">
        <v>0</v>
      </c>
      <c r="D19671">
        <v>0</v>
      </c>
    </row>
    <row r="19672" spans="1:4" x14ac:dyDescent="0.25">
      <c r="A19672" t="s">
        <v>30915</v>
      </c>
      <c r="B19672" t="s">
        <v>30916</v>
      </c>
      <c r="C19672">
        <v>1</v>
      </c>
      <c r="D19672">
        <v>0</v>
      </c>
    </row>
    <row r="19673" spans="1:4" x14ac:dyDescent="0.25">
      <c r="A19673" t="s">
        <v>30917</v>
      </c>
      <c r="B19673" t="s">
        <v>30918</v>
      </c>
      <c r="C19673">
        <v>1</v>
      </c>
      <c r="D19673">
        <v>0</v>
      </c>
    </row>
    <row r="19674" spans="1:4" x14ac:dyDescent="0.25">
      <c r="A19674" t="s">
        <v>30919</v>
      </c>
      <c r="B19674" t="s">
        <v>30920</v>
      </c>
      <c r="C19674">
        <v>0</v>
      </c>
      <c r="D19674">
        <v>0</v>
      </c>
    </row>
    <row r="19675" spans="1:4" x14ac:dyDescent="0.25">
      <c r="A19675" t="s">
        <v>30921</v>
      </c>
      <c r="B19675" t="s">
        <v>5244</v>
      </c>
      <c r="C19675">
        <v>0</v>
      </c>
      <c r="D19675">
        <v>0</v>
      </c>
    </row>
    <row r="19676" spans="1:4" x14ac:dyDescent="0.25">
      <c r="A19676" t="s">
        <v>30921</v>
      </c>
      <c r="B19676" t="s">
        <v>12560</v>
      </c>
      <c r="C19676">
        <v>1</v>
      </c>
      <c r="D19676">
        <v>0</v>
      </c>
    </row>
    <row r="19677" spans="1:4" x14ac:dyDescent="0.25">
      <c r="A19677" t="s">
        <v>30922</v>
      </c>
      <c r="B19677" t="s">
        <v>30923</v>
      </c>
      <c r="C19677">
        <v>2</v>
      </c>
      <c r="D19677">
        <v>0</v>
      </c>
    </row>
    <row r="19678" spans="1:4" x14ac:dyDescent="0.25">
      <c r="A19678" t="s">
        <v>30924</v>
      </c>
      <c r="B19678" t="s">
        <v>30925</v>
      </c>
      <c r="C19678">
        <v>2</v>
      </c>
      <c r="D19678">
        <v>0</v>
      </c>
    </row>
    <row r="19679" spans="1:4" x14ac:dyDescent="0.25">
      <c r="A19679" t="s">
        <v>30924</v>
      </c>
      <c r="B19679" t="s">
        <v>8702</v>
      </c>
      <c r="C19679">
        <v>1</v>
      </c>
      <c r="D19679">
        <v>0</v>
      </c>
    </row>
    <row r="19680" spans="1:4" x14ac:dyDescent="0.25">
      <c r="A19680" t="s">
        <v>30926</v>
      </c>
      <c r="B19680" t="s">
        <v>30927</v>
      </c>
      <c r="C19680">
        <v>2</v>
      </c>
      <c r="D19680">
        <v>0</v>
      </c>
    </row>
    <row r="19681" spans="1:4" x14ac:dyDescent="0.25">
      <c r="A19681" t="s">
        <v>30926</v>
      </c>
      <c r="B19681" t="s">
        <v>30928</v>
      </c>
      <c r="C19681">
        <v>2</v>
      </c>
      <c r="D19681">
        <v>0</v>
      </c>
    </row>
    <row r="19682" spans="1:4" x14ac:dyDescent="0.25">
      <c r="A19682" t="s">
        <v>30926</v>
      </c>
      <c r="B19682" t="s">
        <v>30929</v>
      </c>
      <c r="C19682">
        <v>2</v>
      </c>
      <c r="D19682">
        <v>0</v>
      </c>
    </row>
    <row r="19683" spans="1:4" x14ac:dyDescent="0.25">
      <c r="A19683" t="s">
        <v>30930</v>
      </c>
      <c r="B19683" t="s">
        <v>30931</v>
      </c>
      <c r="C19683">
        <v>2</v>
      </c>
      <c r="D19683">
        <v>0</v>
      </c>
    </row>
    <row r="19684" spans="1:4" x14ac:dyDescent="0.25">
      <c r="A19684" t="s">
        <v>30930</v>
      </c>
      <c r="B19684" t="s">
        <v>2061</v>
      </c>
      <c r="C19684">
        <v>0</v>
      </c>
      <c r="D19684">
        <v>0</v>
      </c>
    </row>
    <row r="19685" spans="1:4" x14ac:dyDescent="0.25">
      <c r="A19685" t="s">
        <v>30930</v>
      </c>
      <c r="B19685" t="s">
        <v>30932</v>
      </c>
      <c r="C19685">
        <v>2</v>
      </c>
      <c r="D19685">
        <v>0</v>
      </c>
    </row>
    <row r="19686" spans="1:4" x14ac:dyDescent="0.25">
      <c r="A19686" t="s">
        <v>30933</v>
      </c>
      <c r="B19686" t="s">
        <v>30934</v>
      </c>
      <c r="C19686">
        <v>1</v>
      </c>
      <c r="D19686">
        <v>0</v>
      </c>
    </row>
    <row r="19687" spans="1:4" x14ac:dyDescent="0.25">
      <c r="A19687" t="s">
        <v>30933</v>
      </c>
      <c r="B19687" t="s">
        <v>30935</v>
      </c>
      <c r="C19687">
        <v>2</v>
      </c>
      <c r="D19687">
        <v>0</v>
      </c>
    </row>
    <row r="19688" spans="1:4" x14ac:dyDescent="0.25">
      <c r="A19688" t="s">
        <v>30933</v>
      </c>
      <c r="B19688" t="s">
        <v>30936</v>
      </c>
      <c r="C19688">
        <v>0</v>
      </c>
      <c r="D19688">
        <v>0</v>
      </c>
    </row>
    <row r="19689" spans="1:4" x14ac:dyDescent="0.25">
      <c r="A19689" t="s">
        <v>30937</v>
      </c>
      <c r="B19689" t="s">
        <v>30938</v>
      </c>
      <c r="C19689">
        <v>0</v>
      </c>
      <c r="D19689">
        <v>0</v>
      </c>
    </row>
    <row r="19690" spans="1:4" x14ac:dyDescent="0.25">
      <c r="A19690" t="s">
        <v>30937</v>
      </c>
      <c r="B19690" t="s">
        <v>30939</v>
      </c>
      <c r="C19690">
        <v>2</v>
      </c>
      <c r="D19690">
        <v>0</v>
      </c>
    </row>
    <row r="19691" spans="1:4" x14ac:dyDescent="0.25">
      <c r="A19691" t="s">
        <v>30940</v>
      </c>
      <c r="B19691" t="s">
        <v>30941</v>
      </c>
      <c r="C19691">
        <v>1</v>
      </c>
      <c r="D19691">
        <v>0</v>
      </c>
    </row>
    <row r="19692" spans="1:4" x14ac:dyDescent="0.25">
      <c r="A19692" t="s">
        <v>30942</v>
      </c>
      <c r="B19692" t="s">
        <v>30943</v>
      </c>
      <c r="C19692">
        <v>2</v>
      </c>
      <c r="D19692">
        <v>0</v>
      </c>
    </row>
    <row r="19693" spans="1:4" x14ac:dyDescent="0.25">
      <c r="A19693" t="s">
        <v>30942</v>
      </c>
      <c r="B19693" t="s">
        <v>30944</v>
      </c>
      <c r="C19693">
        <v>1</v>
      </c>
      <c r="D19693">
        <v>0</v>
      </c>
    </row>
    <row r="19694" spans="1:4" x14ac:dyDescent="0.25">
      <c r="A19694" t="s">
        <v>30945</v>
      </c>
      <c r="B19694" t="s">
        <v>30946</v>
      </c>
      <c r="C19694">
        <v>1</v>
      </c>
      <c r="D19694">
        <v>0</v>
      </c>
    </row>
    <row r="19695" spans="1:4" x14ac:dyDescent="0.25">
      <c r="A19695" t="s">
        <v>30947</v>
      </c>
      <c r="B19695" t="s">
        <v>30948</v>
      </c>
      <c r="C19695">
        <v>0</v>
      </c>
      <c r="D19695">
        <v>0</v>
      </c>
    </row>
    <row r="19696" spans="1:4" x14ac:dyDescent="0.25">
      <c r="A19696" t="s">
        <v>30949</v>
      </c>
      <c r="B19696" t="s">
        <v>30950</v>
      </c>
      <c r="C19696">
        <v>1</v>
      </c>
      <c r="D19696">
        <v>0</v>
      </c>
    </row>
    <row r="19697" spans="1:4" x14ac:dyDescent="0.25">
      <c r="A19697" t="s">
        <v>30949</v>
      </c>
      <c r="B19697" t="s">
        <v>30951</v>
      </c>
      <c r="C19697">
        <v>1</v>
      </c>
      <c r="D19697">
        <v>0</v>
      </c>
    </row>
    <row r="19698" spans="1:4" x14ac:dyDescent="0.25">
      <c r="A19698" t="s">
        <v>30952</v>
      </c>
      <c r="B19698" t="s">
        <v>30953</v>
      </c>
      <c r="C19698">
        <v>1</v>
      </c>
      <c r="D19698">
        <v>0</v>
      </c>
    </row>
    <row r="19699" spans="1:4" x14ac:dyDescent="0.25">
      <c r="A19699" t="s">
        <v>30952</v>
      </c>
      <c r="B19699" t="s">
        <v>30954</v>
      </c>
      <c r="C19699">
        <v>1</v>
      </c>
      <c r="D19699">
        <v>0</v>
      </c>
    </row>
    <row r="19700" spans="1:4" x14ac:dyDescent="0.25">
      <c r="A19700" t="s">
        <v>30955</v>
      </c>
      <c r="B19700" t="s">
        <v>30956</v>
      </c>
      <c r="C19700">
        <v>2</v>
      </c>
      <c r="D19700">
        <v>0</v>
      </c>
    </row>
    <row r="19701" spans="1:4" x14ac:dyDescent="0.25">
      <c r="A19701" t="s">
        <v>30955</v>
      </c>
      <c r="B19701" t="s">
        <v>30957</v>
      </c>
      <c r="C19701">
        <v>1</v>
      </c>
      <c r="D19701">
        <v>0</v>
      </c>
    </row>
    <row r="19702" spans="1:4" x14ac:dyDescent="0.25">
      <c r="A19702" t="s">
        <v>30955</v>
      </c>
      <c r="B19702" t="s">
        <v>30958</v>
      </c>
      <c r="C19702">
        <v>1</v>
      </c>
      <c r="D19702">
        <v>0</v>
      </c>
    </row>
    <row r="19703" spans="1:4" x14ac:dyDescent="0.25">
      <c r="A19703" t="s">
        <v>30959</v>
      </c>
      <c r="B19703" t="s">
        <v>30960</v>
      </c>
      <c r="C19703">
        <v>2</v>
      </c>
      <c r="D19703">
        <v>0</v>
      </c>
    </row>
    <row r="19704" spans="1:4" x14ac:dyDescent="0.25">
      <c r="A19704" t="s">
        <v>30959</v>
      </c>
      <c r="B19704" t="s">
        <v>30961</v>
      </c>
      <c r="C19704">
        <v>0</v>
      </c>
      <c r="D19704">
        <v>0</v>
      </c>
    </row>
    <row r="19705" spans="1:4" x14ac:dyDescent="0.25">
      <c r="A19705" t="s">
        <v>30959</v>
      </c>
      <c r="B19705" t="s">
        <v>30962</v>
      </c>
      <c r="C19705">
        <v>1</v>
      </c>
      <c r="D19705">
        <v>0</v>
      </c>
    </row>
    <row r="19706" spans="1:4" x14ac:dyDescent="0.25">
      <c r="A19706" t="s">
        <v>30963</v>
      </c>
      <c r="B19706" t="s">
        <v>30964</v>
      </c>
      <c r="C19706">
        <v>1</v>
      </c>
      <c r="D19706">
        <v>0</v>
      </c>
    </row>
    <row r="19707" spans="1:4" x14ac:dyDescent="0.25">
      <c r="A19707" t="s">
        <v>30965</v>
      </c>
      <c r="B19707" t="s">
        <v>30966</v>
      </c>
      <c r="C19707">
        <v>0</v>
      </c>
      <c r="D19707">
        <v>0</v>
      </c>
    </row>
    <row r="19708" spans="1:4" x14ac:dyDescent="0.25">
      <c r="A19708" t="s">
        <v>30965</v>
      </c>
      <c r="B19708" t="s">
        <v>30967</v>
      </c>
      <c r="C19708">
        <v>1</v>
      </c>
      <c r="D19708">
        <v>0</v>
      </c>
    </row>
    <row r="19709" spans="1:4" x14ac:dyDescent="0.25">
      <c r="A19709" t="s">
        <v>30965</v>
      </c>
      <c r="B19709" t="s">
        <v>30968</v>
      </c>
      <c r="C19709">
        <v>2</v>
      </c>
      <c r="D19709">
        <v>0</v>
      </c>
    </row>
    <row r="19710" spans="1:4" x14ac:dyDescent="0.25">
      <c r="A19710" t="s">
        <v>30969</v>
      </c>
      <c r="B19710" t="s">
        <v>30970</v>
      </c>
      <c r="C19710">
        <v>1</v>
      </c>
      <c r="D19710">
        <v>0</v>
      </c>
    </row>
    <row r="19711" spans="1:4" x14ac:dyDescent="0.25">
      <c r="A19711" t="s">
        <v>30969</v>
      </c>
      <c r="B19711" t="s">
        <v>30971</v>
      </c>
      <c r="C19711">
        <v>0</v>
      </c>
      <c r="D19711">
        <v>0</v>
      </c>
    </row>
    <row r="19712" spans="1:4" x14ac:dyDescent="0.25">
      <c r="A19712" t="s">
        <v>30969</v>
      </c>
      <c r="B19712" t="s">
        <v>30972</v>
      </c>
      <c r="C19712">
        <v>1</v>
      </c>
      <c r="D19712">
        <v>0</v>
      </c>
    </row>
    <row r="19713" spans="1:4" x14ac:dyDescent="0.25">
      <c r="A19713" t="s">
        <v>30973</v>
      </c>
      <c r="B19713" t="s">
        <v>30974</v>
      </c>
      <c r="C19713">
        <v>1</v>
      </c>
      <c r="D19713">
        <v>0</v>
      </c>
    </row>
    <row r="19714" spans="1:4" x14ac:dyDescent="0.25">
      <c r="A19714" t="s">
        <v>30973</v>
      </c>
      <c r="B19714" t="s">
        <v>30975</v>
      </c>
      <c r="C19714">
        <v>2</v>
      </c>
      <c r="D19714">
        <v>0</v>
      </c>
    </row>
    <row r="19715" spans="1:4" x14ac:dyDescent="0.25">
      <c r="A19715" t="s">
        <v>30973</v>
      </c>
      <c r="B19715" t="s">
        <v>30976</v>
      </c>
      <c r="C19715">
        <v>1</v>
      </c>
      <c r="D19715">
        <v>0</v>
      </c>
    </row>
    <row r="19716" spans="1:4" x14ac:dyDescent="0.25">
      <c r="A19716" t="s">
        <v>30977</v>
      </c>
      <c r="B19716" t="s">
        <v>13941</v>
      </c>
      <c r="C19716">
        <v>1</v>
      </c>
      <c r="D19716">
        <v>0</v>
      </c>
    </row>
    <row r="19717" spans="1:4" x14ac:dyDescent="0.25">
      <c r="A19717" t="s">
        <v>30978</v>
      </c>
      <c r="B19717" t="s">
        <v>30979</v>
      </c>
      <c r="C19717">
        <v>1</v>
      </c>
      <c r="D19717">
        <v>0</v>
      </c>
    </row>
    <row r="19718" spans="1:4" x14ac:dyDescent="0.25">
      <c r="A19718" t="s">
        <v>30978</v>
      </c>
      <c r="B19718" t="s">
        <v>30980</v>
      </c>
      <c r="C19718">
        <v>1</v>
      </c>
      <c r="D19718">
        <v>0</v>
      </c>
    </row>
    <row r="19719" spans="1:4" x14ac:dyDescent="0.25">
      <c r="A19719" t="s">
        <v>30978</v>
      </c>
      <c r="B19719" t="s">
        <v>4432</v>
      </c>
      <c r="C19719">
        <v>1</v>
      </c>
      <c r="D19719">
        <v>0</v>
      </c>
    </row>
    <row r="19720" spans="1:4" x14ac:dyDescent="0.25">
      <c r="A19720" t="s">
        <v>30981</v>
      </c>
      <c r="B19720" t="s">
        <v>1101</v>
      </c>
      <c r="C19720">
        <v>1</v>
      </c>
      <c r="D19720">
        <v>0</v>
      </c>
    </row>
    <row r="19721" spans="1:4" x14ac:dyDescent="0.25">
      <c r="A19721" t="s">
        <v>30982</v>
      </c>
      <c r="B19721" t="s">
        <v>30983</v>
      </c>
      <c r="C19721">
        <v>0</v>
      </c>
      <c r="D19721">
        <v>0</v>
      </c>
    </row>
    <row r="19722" spans="1:4" x14ac:dyDescent="0.25">
      <c r="A19722" t="s">
        <v>30982</v>
      </c>
      <c r="B19722" t="s">
        <v>30984</v>
      </c>
      <c r="C19722">
        <v>0</v>
      </c>
      <c r="D19722">
        <v>0</v>
      </c>
    </row>
    <row r="19723" spans="1:4" x14ac:dyDescent="0.25">
      <c r="A19723" t="s">
        <v>30985</v>
      </c>
      <c r="B19723" t="s">
        <v>30986</v>
      </c>
      <c r="C19723">
        <v>0</v>
      </c>
      <c r="D19723">
        <v>0</v>
      </c>
    </row>
    <row r="19724" spans="1:4" x14ac:dyDescent="0.25">
      <c r="A19724" t="s">
        <v>30987</v>
      </c>
      <c r="B19724" t="s">
        <v>30988</v>
      </c>
      <c r="C19724">
        <v>1</v>
      </c>
      <c r="D19724">
        <v>0</v>
      </c>
    </row>
    <row r="19725" spans="1:4" x14ac:dyDescent="0.25">
      <c r="A19725" t="s">
        <v>30989</v>
      </c>
      <c r="B19725" t="s">
        <v>30990</v>
      </c>
      <c r="C19725">
        <v>1</v>
      </c>
      <c r="D19725">
        <v>0</v>
      </c>
    </row>
    <row r="19726" spans="1:4" x14ac:dyDescent="0.25">
      <c r="A19726" t="s">
        <v>30989</v>
      </c>
      <c r="B19726" t="s">
        <v>30991</v>
      </c>
      <c r="C19726">
        <v>1</v>
      </c>
      <c r="D19726">
        <v>0</v>
      </c>
    </row>
    <row r="19727" spans="1:4" x14ac:dyDescent="0.25">
      <c r="A19727" t="s">
        <v>30989</v>
      </c>
      <c r="B19727" t="s">
        <v>30992</v>
      </c>
      <c r="C19727">
        <v>1</v>
      </c>
      <c r="D19727">
        <v>0</v>
      </c>
    </row>
    <row r="19728" spans="1:4" x14ac:dyDescent="0.25">
      <c r="A19728" t="s">
        <v>30993</v>
      </c>
      <c r="B19728" t="s">
        <v>30994</v>
      </c>
      <c r="C19728">
        <v>0</v>
      </c>
      <c r="D19728">
        <v>0</v>
      </c>
    </row>
    <row r="19729" spans="1:4" x14ac:dyDescent="0.25">
      <c r="A19729" t="s">
        <v>30993</v>
      </c>
      <c r="B19729" t="s">
        <v>9750</v>
      </c>
      <c r="C19729">
        <v>1</v>
      </c>
      <c r="D19729">
        <v>0</v>
      </c>
    </row>
    <row r="19730" spans="1:4" x14ac:dyDescent="0.25">
      <c r="A19730" t="s">
        <v>30993</v>
      </c>
      <c r="B19730" t="s">
        <v>30995</v>
      </c>
      <c r="C19730">
        <v>0</v>
      </c>
      <c r="D19730">
        <v>0</v>
      </c>
    </row>
    <row r="19731" spans="1:4" x14ac:dyDescent="0.25">
      <c r="A19731" t="s">
        <v>30996</v>
      </c>
      <c r="B19731" t="s">
        <v>30997</v>
      </c>
      <c r="C19731">
        <v>1</v>
      </c>
      <c r="D19731">
        <v>0</v>
      </c>
    </row>
    <row r="19732" spans="1:4" x14ac:dyDescent="0.25">
      <c r="A19732" t="s">
        <v>30996</v>
      </c>
      <c r="B19732" t="s">
        <v>30998</v>
      </c>
      <c r="C19732">
        <v>1</v>
      </c>
      <c r="D19732">
        <v>0</v>
      </c>
    </row>
    <row r="19733" spans="1:4" x14ac:dyDescent="0.25">
      <c r="A19733" t="s">
        <v>30996</v>
      </c>
      <c r="B19733" t="s">
        <v>30999</v>
      </c>
      <c r="C19733">
        <v>0</v>
      </c>
      <c r="D19733">
        <v>0</v>
      </c>
    </row>
    <row r="19734" spans="1:4" x14ac:dyDescent="0.25">
      <c r="A19734" t="s">
        <v>31000</v>
      </c>
      <c r="B19734" t="s">
        <v>31001</v>
      </c>
      <c r="C19734">
        <v>2</v>
      </c>
      <c r="D19734">
        <v>0</v>
      </c>
    </row>
    <row r="19735" spans="1:4" x14ac:dyDescent="0.25">
      <c r="A19735" t="s">
        <v>31000</v>
      </c>
      <c r="B19735" t="s">
        <v>31002</v>
      </c>
      <c r="C19735">
        <v>0</v>
      </c>
      <c r="D19735">
        <v>0</v>
      </c>
    </row>
    <row r="19736" spans="1:4" x14ac:dyDescent="0.25">
      <c r="A19736" t="s">
        <v>31000</v>
      </c>
      <c r="B19736" t="s">
        <v>31003</v>
      </c>
      <c r="C19736">
        <v>1</v>
      </c>
      <c r="D19736">
        <v>0</v>
      </c>
    </row>
    <row r="19737" spans="1:4" x14ac:dyDescent="0.25">
      <c r="A19737" t="s">
        <v>31004</v>
      </c>
      <c r="B19737" t="s">
        <v>2052</v>
      </c>
      <c r="C19737">
        <v>0</v>
      </c>
      <c r="D19737">
        <v>0</v>
      </c>
    </row>
    <row r="19738" spans="1:4" x14ac:dyDescent="0.25">
      <c r="A19738" t="s">
        <v>31004</v>
      </c>
      <c r="B19738" t="s">
        <v>945</v>
      </c>
      <c r="C19738">
        <v>1</v>
      </c>
      <c r="D19738">
        <v>0</v>
      </c>
    </row>
    <row r="19739" spans="1:4" x14ac:dyDescent="0.25">
      <c r="A19739" t="s">
        <v>31005</v>
      </c>
      <c r="B19739" t="s">
        <v>398</v>
      </c>
      <c r="C19739">
        <v>0</v>
      </c>
      <c r="D19739">
        <v>0</v>
      </c>
    </row>
    <row r="19740" spans="1:4" x14ac:dyDescent="0.25">
      <c r="A19740" t="s">
        <v>31006</v>
      </c>
      <c r="B19740" t="s">
        <v>31007</v>
      </c>
      <c r="C19740">
        <v>1</v>
      </c>
      <c r="D19740">
        <v>0</v>
      </c>
    </row>
    <row r="19741" spans="1:4" x14ac:dyDescent="0.25">
      <c r="A19741" t="s">
        <v>31006</v>
      </c>
      <c r="B19741" t="s">
        <v>31008</v>
      </c>
      <c r="C19741">
        <v>1</v>
      </c>
      <c r="D19741">
        <v>0</v>
      </c>
    </row>
    <row r="19742" spans="1:4" x14ac:dyDescent="0.25">
      <c r="A19742" t="s">
        <v>31009</v>
      </c>
      <c r="B19742" t="s">
        <v>31010</v>
      </c>
      <c r="C19742">
        <v>1</v>
      </c>
      <c r="D19742">
        <v>0</v>
      </c>
    </row>
    <row r="19743" spans="1:4" x14ac:dyDescent="0.25">
      <c r="A19743" t="s">
        <v>31011</v>
      </c>
      <c r="B19743" t="s">
        <v>31012</v>
      </c>
      <c r="C19743">
        <v>1</v>
      </c>
      <c r="D19743">
        <v>0</v>
      </c>
    </row>
    <row r="19744" spans="1:4" x14ac:dyDescent="0.25">
      <c r="A19744" t="s">
        <v>31013</v>
      </c>
      <c r="B19744" t="s">
        <v>31014</v>
      </c>
      <c r="C19744">
        <v>1</v>
      </c>
      <c r="D19744">
        <v>0</v>
      </c>
    </row>
    <row r="19745" spans="1:4" x14ac:dyDescent="0.25">
      <c r="A19745" t="s">
        <v>31015</v>
      </c>
      <c r="B19745" t="s">
        <v>31016</v>
      </c>
      <c r="C19745">
        <v>1</v>
      </c>
      <c r="D19745">
        <v>0</v>
      </c>
    </row>
    <row r="19746" spans="1:4" x14ac:dyDescent="0.25">
      <c r="A19746" t="s">
        <v>31015</v>
      </c>
      <c r="B19746" t="s">
        <v>31017</v>
      </c>
      <c r="C19746">
        <v>0</v>
      </c>
      <c r="D19746">
        <v>0</v>
      </c>
    </row>
    <row r="19747" spans="1:4" x14ac:dyDescent="0.25">
      <c r="A19747" t="s">
        <v>31018</v>
      </c>
      <c r="B19747" t="s">
        <v>31019</v>
      </c>
      <c r="C19747">
        <v>1</v>
      </c>
      <c r="D19747">
        <v>0</v>
      </c>
    </row>
    <row r="19748" spans="1:4" x14ac:dyDescent="0.25">
      <c r="A19748" t="s">
        <v>31018</v>
      </c>
      <c r="B19748" t="s">
        <v>31020</v>
      </c>
      <c r="C19748">
        <v>1</v>
      </c>
      <c r="D19748">
        <v>0</v>
      </c>
    </row>
    <row r="19749" spans="1:4" x14ac:dyDescent="0.25">
      <c r="A19749" t="s">
        <v>31018</v>
      </c>
      <c r="B19749" t="s">
        <v>31021</v>
      </c>
      <c r="C19749">
        <v>1</v>
      </c>
      <c r="D19749">
        <v>0</v>
      </c>
    </row>
    <row r="19750" spans="1:4" x14ac:dyDescent="0.25">
      <c r="A19750" t="s">
        <v>31022</v>
      </c>
      <c r="B19750" t="s">
        <v>31023</v>
      </c>
      <c r="C19750">
        <v>0</v>
      </c>
      <c r="D19750">
        <v>0</v>
      </c>
    </row>
    <row r="19751" spans="1:4" x14ac:dyDescent="0.25">
      <c r="A19751" t="s">
        <v>31022</v>
      </c>
      <c r="B19751" t="s">
        <v>31024</v>
      </c>
      <c r="C19751">
        <v>0</v>
      </c>
      <c r="D19751">
        <v>0</v>
      </c>
    </row>
    <row r="19752" spans="1:4" x14ac:dyDescent="0.25">
      <c r="A19752" t="s">
        <v>31022</v>
      </c>
      <c r="B19752" t="s">
        <v>31025</v>
      </c>
      <c r="C19752">
        <v>0</v>
      </c>
      <c r="D19752">
        <v>0</v>
      </c>
    </row>
    <row r="19753" spans="1:4" x14ac:dyDescent="0.25">
      <c r="A19753" t="s">
        <v>31026</v>
      </c>
      <c r="B19753" t="s">
        <v>31027</v>
      </c>
      <c r="C19753">
        <v>0</v>
      </c>
      <c r="D19753">
        <v>0</v>
      </c>
    </row>
    <row r="19754" spans="1:4" x14ac:dyDescent="0.25">
      <c r="A19754" t="s">
        <v>31026</v>
      </c>
      <c r="B19754" t="s">
        <v>31028</v>
      </c>
      <c r="C19754">
        <v>1</v>
      </c>
      <c r="D19754">
        <v>0</v>
      </c>
    </row>
    <row r="19755" spans="1:4" x14ac:dyDescent="0.25">
      <c r="A19755" t="s">
        <v>31026</v>
      </c>
      <c r="B19755" t="s">
        <v>31029</v>
      </c>
      <c r="C19755">
        <v>2</v>
      </c>
      <c r="D19755">
        <v>0</v>
      </c>
    </row>
    <row r="19756" spans="1:4" x14ac:dyDescent="0.25">
      <c r="A19756" t="s">
        <v>31030</v>
      </c>
      <c r="B19756" t="s">
        <v>31031</v>
      </c>
      <c r="C19756">
        <v>1</v>
      </c>
      <c r="D19756">
        <v>0</v>
      </c>
    </row>
    <row r="19757" spans="1:4" x14ac:dyDescent="0.25">
      <c r="A19757" t="s">
        <v>31030</v>
      </c>
      <c r="B19757" t="s">
        <v>31032</v>
      </c>
      <c r="C19757">
        <v>1</v>
      </c>
      <c r="D19757">
        <v>0</v>
      </c>
    </row>
    <row r="19758" spans="1:4" x14ac:dyDescent="0.25">
      <c r="A19758" t="s">
        <v>31033</v>
      </c>
      <c r="B19758" t="s">
        <v>31034</v>
      </c>
      <c r="C19758">
        <v>0</v>
      </c>
      <c r="D19758">
        <v>0</v>
      </c>
    </row>
    <row r="19759" spans="1:4" x14ac:dyDescent="0.25">
      <c r="A19759" t="s">
        <v>31033</v>
      </c>
      <c r="B19759" t="s">
        <v>31035</v>
      </c>
      <c r="C19759">
        <v>1</v>
      </c>
      <c r="D19759">
        <v>0</v>
      </c>
    </row>
    <row r="19760" spans="1:4" x14ac:dyDescent="0.25">
      <c r="A19760" t="s">
        <v>31033</v>
      </c>
      <c r="B19760" t="s">
        <v>31036</v>
      </c>
      <c r="C19760">
        <v>2</v>
      </c>
      <c r="D19760">
        <v>0</v>
      </c>
    </row>
    <row r="19761" spans="1:4" x14ac:dyDescent="0.25">
      <c r="A19761" t="s">
        <v>31037</v>
      </c>
      <c r="B19761" t="s">
        <v>31038</v>
      </c>
      <c r="C19761">
        <v>1</v>
      </c>
      <c r="D19761">
        <v>0</v>
      </c>
    </row>
    <row r="19762" spans="1:4" x14ac:dyDescent="0.25">
      <c r="A19762" t="s">
        <v>31037</v>
      </c>
      <c r="B19762" t="s">
        <v>31039</v>
      </c>
      <c r="C19762">
        <v>1</v>
      </c>
      <c r="D19762">
        <v>0</v>
      </c>
    </row>
    <row r="19763" spans="1:4" x14ac:dyDescent="0.25">
      <c r="A19763" t="s">
        <v>31037</v>
      </c>
      <c r="B19763" t="s">
        <v>31040</v>
      </c>
      <c r="C19763">
        <v>1</v>
      </c>
      <c r="D19763">
        <v>0</v>
      </c>
    </row>
    <row r="19764" spans="1:4" x14ac:dyDescent="0.25">
      <c r="A19764" t="s">
        <v>31041</v>
      </c>
      <c r="B19764" t="s">
        <v>31042</v>
      </c>
      <c r="C19764">
        <v>1</v>
      </c>
      <c r="D19764">
        <v>0</v>
      </c>
    </row>
    <row r="19765" spans="1:4" x14ac:dyDescent="0.25">
      <c r="A19765" t="s">
        <v>31041</v>
      </c>
      <c r="B19765" t="s">
        <v>31043</v>
      </c>
      <c r="C19765">
        <v>2</v>
      </c>
      <c r="D19765">
        <v>0</v>
      </c>
    </row>
    <row r="19766" spans="1:4" x14ac:dyDescent="0.25">
      <c r="A19766" t="s">
        <v>31041</v>
      </c>
      <c r="B19766" t="s">
        <v>31044</v>
      </c>
      <c r="C19766">
        <v>0</v>
      </c>
      <c r="D19766">
        <v>0</v>
      </c>
    </row>
    <row r="19767" spans="1:4" x14ac:dyDescent="0.25">
      <c r="A19767" t="s">
        <v>31045</v>
      </c>
      <c r="B19767" t="s">
        <v>31046</v>
      </c>
      <c r="C19767">
        <v>0</v>
      </c>
      <c r="D19767">
        <v>0</v>
      </c>
    </row>
    <row r="19768" spans="1:4" x14ac:dyDescent="0.25">
      <c r="A19768" t="s">
        <v>31045</v>
      </c>
      <c r="B19768" t="s">
        <v>31047</v>
      </c>
      <c r="C19768">
        <v>0</v>
      </c>
      <c r="D19768">
        <v>0</v>
      </c>
    </row>
    <row r="19769" spans="1:4" x14ac:dyDescent="0.25">
      <c r="A19769" t="s">
        <v>31048</v>
      </c>
      <c r="B19769" t="s">
        <v>31049</v>
      </c>
      <c r="C19769">
        <v>2</v>
      </c>
      <c r="D19769">
        <v>0</v>
      </c>
    </row>
    <row r="19770" spans="1:4" x14ac:dyDescent="0.25">
      <c r="A19770" t="s">
        <v>31048</v>
      </c>
      <c r="B19770" t="s">
        <v>31050</v>
      </c>
      <c r="C19770">
        <v>1</v>
      </c>
      <c r="D19770">
        <v>0</v>
      </c>
    </row>
    <row r="19771" spans="1:4" x14ac:dyDescent="0.25">
      <c r="A19771" t="s">
        <v>31051</v>
      </c>
      <c r="B19771" t="s">
        <v>31052</v>
      </c>
      <c r="C19771">
        <v>2</v>
      </c>
      <c r="D19771">
        <v>0</v>
      </c>
    </row>
    <row r="19772" spans="1:4" x14ac:dyDescent="0.25">
      <c r="A19772" t="s">
        <v>31053</v>
      </c>
      <c r="B19772" t="s">
        <v>31054</v>
      </c>
      <c r="C19772">
        <v>2</v>
      </c>
      <c r="D19772">
        <v>0</v>
      </c>
    </row>
    <row r="19773" spans="1:4" x14ac:dyDescent="0.25">
      <c r="A19773" t="s">
        <v>31055</v>
      </c>
      <c r="B19773" t="s">
        <v>31056</v>
      </c>
      <c r="C19773">
        <v>2</v>
      </c>
      <c r="D19773">
        <v>0</v>
      </c>
    </row>
    <row r="19774" spans="1:4" x14ac:dyDescent="0.25">
      <c r="A19774" t="s">
        <v>31057</v>
      </c>
      <c r="B19774" t="s">
        <v>31058</v>
      </c>
      <c r="C19774">
        <v>0</v>
      </c>
      <c r="D19774">
        <v>0</v>
      </c>
    </row>
    <row r="19775" spans="1:4" x14ac:dyDescent="0.25">
      <c r="A19775" t="s">
        <v>31057</v>
      </c>
      <c r="B19775" t="s">
        <v>31059</v>
      </c>
      <c r="C19775">
        <v>0</v>
      </c>
      <c r="D19775">
        <v>0</v>
      </c>
    </row>
    <row r="19776" spans="1:4" x14ac:dyDescent="0.25">
      <c r="A19776" t="s">
        <v>31057</v>
      </c>
      <c r="B19776" t="s">
        <v>31060</v>
      </c>
      <c r="C19776">
        <v>1</v>
      </c>
      <c r="D19776">
        <v>0</v>
      </c>
    </row>
    <row r="19777" spans="1:4" x14ac:dyDescent="0.25">
      <c r="A19777" t="s">
        <v>31061</v>
      </c>
      <c r="B19777" t="s">
        <v>31062</v>
      </c>
      <c r="C19777">
        <v>0</v>
      </c>
      <c r="D19777">
        <v>0</v>
      </c>
    </row>
    <row r="19778" spans="1:4" x14ac:dyDescent="0.25">
      <c r="A19778" t="s">
        <v>31061</v>
      </c>
      <c r="B19778" t="s">
        <v>31063</v>
      </c>
      <c r="C19778">
        <v>1</v>
      </c>
      <c r="D19778">
        <v>0</v>
      </c>
    </row>
    <row r="19779" spans="1:4" x14ac:dyDescent="0.25">
      <c r="A19779" t="s">
        <v>31061</v>
      </c>
      <c r="B19779" t="s">
        <v>31064</v>
      </c>
      <c r="C19779">
        <v>1</v>
      </c>
      <c r="D19779">
        <v>0</v>
      </c>
    </row>
    <row r="19780" spans="1:4" x14ac:dyDescent="0.25">
      <c r="A19780" t="s">
        <v>31065</v>
      </c>
      <c r="B19780" t="s">
        <v>31066</v>
      </c>
      <c r="C19780">
        <v>1</v>
      </c>
      <c r="D19780">
        <v>0</v>
      </c>
    </row>
    <row r="19781" spans="1:4" x14ac:dyDescent="0.25">
      <c r="A19781" t="s">
        <v>31065</v>
      </c>
      <c r="B19781" t="s">
        <v>31067</v>
      </c>
      <c r="C19781">
        <v>2</v>
      </c>
      <c r="D19781">
        <v>0</v>
      </c>
    </row>
    <row r="19782" spans="1:4" x14ac:dyDescent="0.25">
      <c r="A19782" t="s">
        <v>31065</v>
      </c>
      <c r="B19782" t="s">
        <v>4958</v>
      </c>
      <c r="C19782">
        <v>1</v>
      </c>
      <c r="D19782">
        <v>0</v>
      </c>
    </row>
    <row r="19783" spans="1:4" x14ac:dyDescent="0.25">
      <c r="A19783" t="s">
        <v>31068</v>
      </c>
      <c r="B19783" t="s">
        <v>31069</v>
      </c>
      <c r="C19783">
        <v>1</v>
      </c>
      <c r="D19783">
        <v>0</v>
      </c>
    </row>
    <row r="19784" spans="1:4" x14ac:dyDescent="0.25">
      <c r="A19784" t="s">
        <v>31068</v>
      </c>
      <c r="B19784" t="s">
        <v>31070</v>
      </c>
      <c r="C19784">
        <v>1</v>
      </c>
      <c r="D19784">
        <v>0</v>
      </c>
    </row>
    <row r="19785" spans="1:4" x14ac:dyDescent="0.25">
      <c r="A19785" t="s">
        <v>31068</v>
      </c>
      <c r="B19785" t="s">
        <v>31071</v>
      </c>
      <c r="C19785">
        <v>1</v>
      </c>
      <c r="D19785">
        <v>0</v>
      </c>
    </row>
    <row r="19786" spans="1:4" x14ac:dyDescent="0.25">
      <c r="A19786" t="s">
        <v>31072</v>
      </c>
      <c r="B19786" t="s">
        <v>31073</v>
      </c>
      <c r="C19786">
        <v>0</v>
      </c>
      <c r="D19786">
        <v>0</v>
      </c>
    </row>
    <row r="19787" spans="1:4" x14ac:dyDescent="0.25">
      <c r="A19787" t="s">
        <v>31074</v>
      </c>
      <c r="B19787" t="s">
        <v>31075</v>
      </c>
      <c r="C19787">
        <v>1</v>
      </c>
      <c r="D19787">
        <v>0</v>
      </c>
    </row>
    <row r="19788" spans="1:4" x14ac:dyDescent="0.25">
      <c r="A19788" t="s">
        <v>31074</v>
      </c>
      <c r="B19788" t="s">
        <v>31076</v>
      </c>
      <c r="C19788">
        <v>0</v>
      </c>
      <c r="D19788">
        <v>0</v>
      </c>
    </row>
    <row r="19789" spans="1:4" x14ac:dyDescent="0.25">
      <c r="A19789" t="s">
        <v>31077</v>
      </c>
      <c r="B19789" t="s">
        <v>31078</v>
      </c>
      <c r="C19789">
        <v>2</v>
      </c>
      <c r="D19789">
        <v>0</v>
      </c>
    </row>
    <row r="19790" spans="1:4" x14ac:dyDescent="0.25">
      <c r="A19790" t="s">
        <v>31077</v>
      </c>
      <c r="B19790" t="s">
        <v>31079</v>
      </c>
      <c r="C19790">
        <v>1</v>
      </c>
      <c r="D19790">
        <v>0</v>
      </c>
    </row>
    <row r="19791" spans="1:4" x14ac:dyDescent="0.25">
      <c r="A19791" t="s">
        <v>31080</v>
      </c>
      <c r="B19791" t="s">
        <v>31081</v>
      </c>
      <c r="C19791">
        <v>1</v>
      </c>
      <c r="D19791">
        <v>0</v>
      </c>
    </row>
    <row r="19792" spans="1:4" x14ac:dyDescent="0.25">
      <c r="A19792" t="s">
        <v>31082</v>
      </c>
      <c r="B19792" t="s">
        <v>31083</v>
      </c>
      <c r="C19792">
        <v>0</v>
      </c>
      <c r="D19792">
        <v>0</v>
      </c>
    </row>
    <row r="19793" spans="1:4" x14ac:dyDescent="0.25">
      <c r="A19793" t="s">
        <v>31082</v>
      </c>
      <c r="B19793" t="s">
        <v>31084</v>
      </c>
      <c r="C19793">
        <v>2</v>
      </c>
      <c r="D19793">
        <v>0</v>
      </c>
    </row>
    <row r="19794" spans="1:4" x14ac:dyDescent="0.25">
      <c r="A19794" t="s">
        <v>31082</v>
      </c>
      <c r="B19794" t="s">
        <v>31085</v>
      </c>
      <c r="C19794">
        <v>2</v>
      </c>
      <c r="D19794">
        <v>0</v>
      </c>
    </row>
    <row r="19795" spans="1:4" x14ac:dyDescent="0.25">
      <c r="A19795" t="s">
        <v>31086</v>
      </c>
      <c r="B19795" t="s">
        <v>31087</v>
      </c>
      <c r="C19795">
        <v>2</v>
      </c>
      <c r="D19795">
        <v>0</v>
      </c>
    </row>
    <row r="19796" spans="1:4" x14ac:dyDescent="0.25">
      <c r="A19796" t="s">
        <v>31086</v>
      </c>
      <c r="B19796" t="s">
        <v>31088</v>
      </c>
      <c r="C19796">
        <v>2</v>
      </c>
      <c r="D19796">
        <v>0</v>
      </c>
    </row>
    <row r="19797" spans="1:4" x14ac:dyDescent="0.25">
      <c r="A19797" t="s">
        <v>31086</v>
      </c>
      <c r="B19797" t="s">
        <v>31089</v>
      </c>
      <c r="C19797">
        <v>0</v>
      </c>
      <c r="D19797">
        <v>0</v>
      </c>
    </row>
    <row r="19798" spans="1:4" x14ac:dyDescent="0.25">
      <c r="A19798" t="s">
        <v>31090</v>
      </c>
      <c r="B19798" t="s">
        <v>31091</v>
      </c>
      <c r="C19798">
        <v>2</v>
      </c>
      <c r="D19798">
        <v>0</v>
      </c>
    </row>
    <row r="19799" spans="1:4" x14ac:dyDescent="0.25">
      <c r="A19799" t="s">
        <v>31090</v>
      </c>
      <c r="B19799" t="s">
        <v>31092</v>
      </c>
      <c r="C19799">
        <v>0</v>
      </c>
      <c r="D19799">
        <v>0</v>
      </c>
    </row>
    <row r="19800" spans="1:4" x14ac:dyDescent="0.25">
      <c r="A19800" t="s">
        <v>31093</v>
      </c>
      <c r="B19800" t="s">
        <v>31094</v>
      </c>
      <c r="C19800">
        <v>2</v>
      </c>
      <c r="D19800">
        <v>0</v>
      </c>
    </row>
    <row r="19801" spans="1:4" x14ac:dyDescent="0.25">
      <c r="A19801" t="s">
        <v>31093</v>
      </c>
      <c r="B19801" t="s">
        <v>31095</v>
      </c>
      <c r="C19801">
        <v>2</v>
      </c>
      <c r="D19801">
        <v>0</v>
      </c>
    </row>
    <row r="19802" spans="1:4" x14ac:dyDescent="0.25">
      <c r="A19802" t="s">
        <v>31096</v>
      </c>
      <c r="B19802" t="s">
        <v>398</v>
      </c>
      <c r="C19802">
        <v>0</v>
      </c>
      <c r="D19802">
        <v>0</v>
      </c>
    </row>
    <row r="19803" spans="1:4" x14ac:dyDescent="0.25">
      <c r="A19803" t="s">
        <v>31097</v>
      </c>
      <c r="B19803" t="s">
        <v>31098</v>
      </c>
      <c r="C19803">
        <v>1</v>
      </c>
      <c r="D19803">
        <v>0</v>
      </c>
    </row>
    <row r="19804" spans="1:4" x14ac:dyDescent="0.25">
      <c r="A19804" t="s">
        <v>31097</v>
      </c>
      <c r="B19804" t="s">
        <v>31099</v>
      </c>
      <c r="C19804">
        <v>2</v>
      </c>
      <c r="D19804">
        <v>0</v>
      </c>
    </row>
    <row r="19805" spans="1:4" x14ac:dyDescent="0.25">
      <c r="A19805" t="s">
        <v>31097</v>
      </c>
      <c r="B19805" t="s">
        <v>31100</v>
      </c>
      <c r="C19805">
        <v>1</v>
      </c>
      <c r="D19805">
        <v>0</v>
      </c>
    </row>
    <row r="19806" spans="1:4" x14ac:dyDescent="0.25">
      <c r="A19806" t="s">
        <v>31101</v>
      </c>
      <c r="B19806" t="s">
        <v>31102</v>
      </c>
      <c r="C19806">
        <v>2</v>
      </c>
      <c r="D19806">
        <v>0</v>
      </c>
    </row>
    <row r="19807" spans="1:4" x14ac:dyDescent="0.25">
      <c r="A19807" t="s">
        <v>31103</v>
      </c>
      <c r="B19807" t="s">
        <v>31104</v>
      </c>
      <c r="C19807">
        <v>2</v>
      </c>
      <c r="D19807">
        <v>0</v>
      </c>
    </row>
    <row r="19808" spans="1:4" x14ac:dyDescent="0.25">
      <c r="A19808" t="s">
        <v>31103</v>
      </c>
      <c r="B19808" t="s">
        <v>31105</v>
      </c>
      <c r="C19808">
        <v>0</v>
      </c>
      <c r="D19808">
        <v>0</v>
      </c>
    </row>
    <row r="19809" spans="1:4" x14ac:dyDescent="0.25">
      <c r="A19809" t="s">
        <v>31106</v>
      </c>
      <c r="B19809" t="s">
        <v>31107</v>
      </c>
      <c r="C19809">
        <v>1</v>
      </c>
      <c r="D19809">
        <v>0</v>
      </c>
    </row>
    <row r="19810" spans="1:4" x14ac:dyDescent="0.25">
      <c r="A19810" t="s">
        <v>31106</v>
      </c>
      <c r="B19810" t="s">
        <v>31108</v>
      </c>
      <c r="C19810">
        <v>1</v>
      </c>
      <c r="D19810">
        <v>0</v>
      </c>
    </row>
    <row r="19811" spans="1:4" x14ac:dyDescent="0.25">
      <c r="A19811" t="s">
        <v>31109</v>
      </c>
      <c r="B19811" t="s">
        <v>31110</v>
      </c>
      <c r="C19811">
        <v>1</v>
      </c>
      <c r="D19811">
        <v>0</v>
      </c>
    </row>
    <row r="19812" spans="1:4" x14ac:dyDescent="0.25">
      <c r="A19812" t="s">
        <v>31109</v>
      </c>
      <c r="B19812" t="s">
        <v>31111</v>
      </c>
      <c r="C19812">
        <v>1</v>
      </c>
      <c r="D19812">
        <v>0</v>
      </c>
    </row>
    <row r="19813" spans="1:4" x14ac:dyDescent="0.25">
      <c r="A19813" t="s">
        <v>31109</v>
      </c>
      <c r="B19813" t="s">
        <v>31112</v>
      </c>
      <c r="C19813">
        <v>2</v>
      </c>
      <c r="D19813">
        <v>0</v>
      </c>
    </row>
    <row r="19814" spans="1:4" x14ac:dyDescent="0.25">
      <c r="A19814" t="s">
        <v>31113</v>
      </c>
      <c r="B19814" t="s">
        <v>31114</v>
      </c>
      <c r="C19814">
        <v>2</v>
      </c>
      <c r="D19814">
        <v>0</v>
      </c>
    </row>
    <row r="19815" spans="1:4" x14ac:dyDescent="0.25">
      <c r="A19815" t="s">
        <v>31113</v>
      </c>
      <c r="B19815" t="s">
        <v>31115</v>
      </c>
      <c r="C19815">
        <v>1</v>
      </c>
      <c r="D19815">
        <v>0</v>
      </c>
    </row>
    <row r="19816" spans="1:4" x14ac:dyDescent="0.25">
      <c r="A19816" t="s">
        <v>31116</v>
      </c>
      <c r="B19816" t="s">
        <v>31117</v>
      </c>
      <c r="C19816">
        <v>1</v>
      </c>
      <c r="D19816">
        <v>0</v>
      </c>
    </row>
    <row r="19817" spans="1:4" x14ac:dyDescent="0.25">
      <c r="A19817" t="s">
        <v>31118</v>
      </c>
      <c r="B19817" t="s">
        <v>31119</v>
      </c>
      <c r="C19817">
        <v>2</v>
      </c>
      <c r="D19817">
        <v>0</v>
      </c>
    </row>
    <row r="19818" spans="1:4" x14ac:dyDescent="0.25">
      <c r="A19818" t="s">
        <v>31118</v>
      </c>
      <c r="B19818" t="s">
        <v>31120</v>
      </c>
      <c r="C19818">
        <v>1</v>
      </c>
      <c r="D19818">
        <v>0</v>
      </c>
    </row>
    <row r="19819" spans="1:4" x14ac:dyDescent="0.25">
      <c r="A19819" t="s">
        <v>31118</v>
      </c>
      <c r="B19819" t="s">
        <v>31121</v>
      </c>
      <c r="C19819">
        <v>2</v>
      </c>
      <c r="D19819">
        <v>0</v>
      </c>
    </row>
    <row r="19820" spans="1:4" x14ac:dyDescent="0.25">
      <c r="A19820" t="s">
        <v>31122</v>
      </c>
      <c r="B19820" t="s">
        <v>31123</v>
      </c>
      <c r="C19820">
        <v>2</v>
      </c>
      <c r="D19820">
        <v>0</v>
      </c>
    </row>
    <row r="19821" spans="1:4" x14ac:dyDescent="0.25">
      <c r="A19821" t="s">
        <v>31122</v>
      </c>
      <c r="B19821" t="s">
        <v>31124</v>
      </c>
      <c r="C19821">
        <v>1</v>
      </c>
      <c r="D19821">
        <v>0</v>
      </c>
    </row>
    <row r="19822" spans="1:4" x14ac:dyDescent="0.25">
      <c r="A19822" t="s">
        <v>31122</v>
      </c>
      <c r="B19822" t="s">
        <v>31125</v>
      </c>
      <c r="C19822">
        <v>1</v>
      </c>
      <c r="D19822">
        <v>0</v>
      </c>
    </row>
    <row r="19823" spans="1:4" x14ac:dyDescent="0.25">
      <c r="A19823" t="s">
        <v>31126</v>
      </c>
      <c r="B19823" t="s">
        <v>31127</v>
      </c>
      <c r="C19823">
        <v>2</v>
      </c>
      <c r="D19823">
        <v>0</v>
      </c>
    </row>
    <row r="19824" spans="1:4" x14ac:dyDescent="0.25">
      <c r="A19824" t="s">
        <v>31126</v>
      </c>
      <c r="B19824" t="s">
        <v>31128</v>
      </c>
      <c r="C19824">
        <v>1</v>
      </c>
      <c r="D19824">
        <v>0</v>
      </c>
    </row>
    <row r="19825" spans="1:4" x14ac:dyDescent="0.25">
      <c r="A19825" t="s">
        <v>31129</v>
      </c>
      <c r="B19825" t="s">
        <v>31130</v>
      </c>
      <c r="C19825">
        <v>2</v>
      </c>
      <c r="D19825">
        <v>0</v>
      </c>
    </row>
    <row r="19826" spans="1:4" x14ac:dyDescent="0.25">
      <c r="A19826" t="s">
        <v>31129</v>
      </c>
      <c r="B19826" t="s">
        <v>31131</v>
      </c>
      <c r="C19826">
        <v>0</v>
      </c>
      <c r="D19826">
        <v>0</v>
      </c>
    </row>
    <row r="19827" spans="1:4" x14ac:dyDescent="0.25">
      <c r="A19827" t="s">
        <v>31129</v>
      </c>
      <c r="B19827" t="s">
        <v>31132</v>
      </c>
      <c r="C19827">
        <v>2</v>
      </c>
      <c r="D19827">
        <v>0</v>
      </c>
    </row>
    <row r="19828" spans="1:4" x14ac:dyDescent="0.25">
      <c r="A19828" t="s">
        <v>31133</v>
      </c>
      <c r="B19828" t="s">
        <v>31134</v>
      </c>
      <c r="C19828">
        <v>1</v>
      </c>
      <c r="D19828">
        <v>0</v>
      </c>
    </row>
    <row r="19829" spans="1:4" x14ac:dyDescent="0.25">
      <c r="A19829" t="s">
        <v>31133</v>
      </c>
      <c r="B19829" t="s">
        <v>31135</v>
      </c>
      <c r="C19829">
        <v>2</v>
      </c>
      <c r="D19829">
        <v>0</v>
      </c>
    </row>
    <row r="19830" spans="1:4" x14ac:dyDescent="0.25">
      <c r="A19830" t="s">
        <v>31133</v>
      </c>
      <c r="B19830" t="s">
        <v>31136</v>
      </c>
      <c r="C19830">
        <v>0</v>
      </c>
      <c r="D19830">
        <v>0</v>
      </c>
    </row>
    <row r="19831" spans="1:4" x14ac:dyDescent="0.25">
      <c r="A19831" t="s">
        <v>31137</v>
      </c>
      <c r="B19831" t="s">
        <v>4496</v>
      </c>
      <c r="C19831">
        <v>1</v>
      </c>
      <c r="D19831">
        <v>0</v>
      </c>
    </row>
    <row r="19832" spans="1:4" x14ac:dyDescent="0.25">
      <c r="A19832" t="s">
        <v>31138</v>
      </c>
      <c r="B19832" t="s">
        <v>31139</v>
      </c>
      <c r="C19832">
        <v>2</v>
      </c>
      <c r="D19832">
        <v>0</v>
      </c>
    </row>
    <row r="19833" spans="1:4" x14ac:dyDescent="0.25">
      <c r="A19833" t="s">
        <v>31138</v>
      </c>
      <c r="B19833" t="s">
        <v>31140</v>
      </c>
      <c r="C19833">
        <v>0</v>
      </c>
      <c r="D19833">
        <v>0</v>
      </c>
    </row>
    <row r="19834" spans="1:4" x14ac:dyDescent="0.25">
      <c r="A19834" t="s">
        <v>31138</v>
      </c>
      <c r="B19834" t="s">
        <v>31141</v>
      </c>
      <c r="C19834">
        <v>2</v>
      </c>
      <c r="D19834">
        <v>0</v>
      </c>
    </row>
    <row r="19835" spans="1:4" x14ac:dyDescent="0.25">
      <c r="A19835" t="s">
        <v>31142</v>
      </c>
      <c r="B19835" t="s">
        <v>31143</v>
      </c>
      <c r="C19835">
        <v>1</v>
      </c>
      <c r="D19835">
        <v>0</v>
      </c>
    </row>
    <row r="19836" spans="1:4" x14ac:dyDescent="0.25">
      <c r="A19836" t="s">
        <v>31142</v>
      </c>
      <c r="B19836" t="s">
        <v>31144</v>
      </c>
      <c r="C19836">
        <v>2</v>
      </c>
      <c r="D19836">
        <v>0</v>
      </c>
    </row>
    <row r="19837" spans="1:4" x14ac:dyDescent="0.25">
      <c r="A19837" t="s">
        <v>31142</v>
      </c>
      <c r="B19837" t="s">
        <v>31145</v>
      </c>
      <c r="C19837">
        <v>1</v>
      </c>
      <c r="D19837">
        <v>0</v>
      </c>
    </row>
    <row r="19838" spans="1:4" x14ac:dyDescent="0.25">
      <c r="A19838" t="s">
        <v>31146</v>
      </c>
      <c r="B19838" t="s">
        <v>31147</v>
      </c>
      <c r="C19838">
        <v>1</v>
      </c>
      <c r="D19838">
        <v>0</v>
      </c>
    </row>
    <row r="19839" spans="1:4" x14ac:dyDescent="0.25">
      <c r="A19839" t="s">
        <v>31146</v>
      </c>
      <c r="B19839" t="s">
        <v>31148</v>
      </c>
      <c r="C19839">
        <v>1</v>
      </c>
      <c r="D19839">
        <v>0</v>
      </c>
    </row>
    <row r="19840" spans="1:4" x14ac:dyDescent="0.25">
      <c r="A19840" t="s">
        <v>31149</v>
      </c>
      <c r="B19840" t="s">
        <v>31150</v>
      </c>
      <c r="C19840">
        <v>0</v>
      </c>
      <c r="D19840">
        <v>0</v>
      </c>
    </row>
    <row r="19841" spans="1:4" x14ac:dyDescent="0.25">
      <c r="A19841" t="s">
        <v>31151</v>
      </c>
      <c r="B19841" t="s">
        <v>31152</v>
      </c>
      <c r="C19841">
        <v>0</v>
      </c>
      <c r="D19841">
        <v>0</v>
      </c>
    </row>
    <row r="19842" spans="1:4" x14ac:dyDescent="0.25">
      <c r="A19842" t="s">
        <v>31151</v>
      </c>
      <c r="B19842" t="s">
        <v>31153</v>
      </c>
      <c r="C19842">
        <v>0</v>
      </c>
      <c r="D19842">
        <v>0</v>
      </c>
    </row>
    <row r="19843" spans="1:4" x14ac:dyDescent="0.25">
      <c r="A19843" t="s">
        <v>31151</v>
      </c>
      <c r="B19843" t="s">
        <v>31154</v>
      </c>
      <c r="C19843">
        <v>0</v>
      </c>
      <c r="D19843">
        <v>0</v>
      </c>
    </row>
    <row r="19844" spans="1:4" x14ac:dyDescent="0.25">
      <c r="A19844" t="s">
        <v>31155</v>
      </c>
      <c r="B19844" t="s">
        <v>31156</v>
      </c>
      <c r="C19844">
        <v>1</v>
      </c>
      <c r="D19844">
        <v>0</v>
      </c>
    </row>
    <row r="19845" spans="1:4" x14ac:dyDescent="0.25">
      <c r="A19845" t="s">
        <v>31157</v>
      </c>
      <c r="B19845" t="s">
        <v>31158</v>
      </c>
      <c r="C19845">
        <v>0</v>
      </c>
      <c r="D19845">
        <v>0</v>
      </c>
    </row>
    <row r="19846" spans="1:4" x14ac:dyDescent="0.25">
      <c r="A19846" t="s">
        <v>31157</v>
      </c>
      <c r="B19846" t="s">
        <v>31159</v>
      </c>
      <c r="C19846">
        <v>2</v>
      </c>
      <c r="D19846">
        <v>0</v>
      </c>
    </row>
    <row r="19847" spans="1:4" x14ac:dyDescent="0.25">
      <c r="A19847" t="s">
        <v>31157</v>
      </c>
      <c r="B19847" t="s">
        <v>31160</v>
      </c>
      <c r="C19847">
        <v>1</v>
      </c>
      <c r="D19847">
        <v>0</v>
      </c>
    </row>
    <row r="19848" spans="1:4" x14ac:dyDescent="0.25">
      <c r="A19848" t="s">
        <v>31161</v>
      </c>
      <c r="B19848" t="s">
        <v>31162</v>
      </c>
      <c r="C19848">
        <v>1</v>
      </c>
      <c r="D19848">
        <v>0</v>
      </c>
    </row>
    <row r="19849" spans="1:4" x14ac:dyDescent="0.25">
      <c r="A19849" t="s">
        <v>31161</v>
      </c>
      <c r="B19849" t="s">
        <v>31163</v>
      </c>
      <c r="C19849">
        <v>2</v>
      </c>
      <c r="D19849">
        <v>0</v>
      </c>
    </row>
    <row r="19850" spans="1:4" x14ac:dyDescent="0.25">
      <c r="A19850" t="s">
        <v>31161</v>
      </c>
      <c r="B19850" t="s">
        <v>31164</v>
      </c>
      <c r="C19850">
        <v>1</v>
      </c>
      <c r="D19850">
        <v>0</v>
      </c>
    </row>
    <row r="19851" spans="1:4" x14ac:dyDescent="0.25">
      <c r="A19851" t="s">
        <v>31165</v>
      </c>
      <c r="B19851" t="s">
        <v>1526</v>
      </c>
      <c r="C19851">
        <v>1</v>
      </c>
      <c r="D19851">
        <v>0</v>
      </c>
    </row>
    <row r="19852" spans="1:4" x14ac:dyDescent="0.25">
      <c r="A19852" t="s">
        <v>31166</v>
      </c>
      <c r="B19852" t="s">
        <v>31167</v>
      </c>
      <c r="C19852">
        <v>1</v>
      </c>
      <c r="D19852">
        <v>0</v>
      </c>
    </row>
    <row r="19853" spans="1:4" x14ac:dyDescent="0.25">
      <c r="A19853" t="s">
        <v>31166</v>
      </c>
      <c r="B19853" t="s">
        <v>31168</v>
      </c>
      <c r="C19853">
        <v>1</v>
      </c>
      <c r="D19853">
        <v>0</v>
      </c>
    </row>
    <row r="19854" spans="1:4" x14ac:dyDescent="0.25">
      <c r="A19854" t="s">
        <v>31166</v>
      </c>
      <c r="B19854" t="s">
        <v>31169</v>
      </c>
      <c r="C19854">
        <v>1</v>
      </c>
      <c r="D19854">
        <v>0</v>
      </c>
    </row>
    <row r="19855" spans="1:4" x14ac:dyDescent="0.25">
      <c r="A19855" t="s">
        <v>31170</v>
      </c>
      <c r="B19855" t="s">
        <v>31171</v>
      </c>
      <c r="C19855">
        <v>0</v>
      </c>
      <c r="D19855">
        <v>0</v>
      </c>
    </row>
    <row r="19856" spans="1:4" x14ac:dyDescent="0.25">
      <c r="A19856" t="s">
        <v>31170</v>
      </c>
      <c r="B19856" t="s">
        <v>31172</v>
      </c>
      <c r="C19856">
        <v>0</v>
      </c>
      <c r="D19856">
        <v>0</v>
      </c>
    </row>
    <row r="19857" spans="1:4" x14ac:dyDescent="0.25">
      <c r="A19857" t="s">
        <v>31173</v>
      </c>
      <c r="B19857" t="s">
        <v>31174</v>
      </c>
      <c r="C19857">
        <v>0</v>
      </c>
      <c r="D19857">
        <v>0</v>
      </c>
    </row>
    <row r="19858" spans="1:4" x14ac:dyDescent="0.25">
      <c r="A19858" t="s">
        <v>31175</v>
      </c>
      <c r="B19858" t="s">
        <v>31176</v>
      </c>
      <c r="C19858">
        <v>1</v>
      </c>
      <c r="D19858">
        <v>0</v>
      </c>
    </row>
    <row r="19859" spans="1:4" x14ac:dyDescent="0.25">
      <c r="A19859" t="s">
        <v>31177</v>
      </c>
      <c r="B19859" t="s">
        <v>31178</v>
      </c>
      <c r="C19859">
        <v>0</v>
      </c>
      <c r="D19859">
        <v>0</v>
      </c>
    </row>
    <row r="19860" spans="1:4" x14ac:dyDescent="0.25">
      <c r="A19860" t="s">
        <v>31177</v>
      </c>
      <c r="B19860" t="s">
        <v>31179</v>
      </c>
      <c r="C19860">
        <v>1</v>
      </c>
      <c r="D19860">
        <v>0</v>
      </c>
    </row>
    <row r="19861" spans="1:4" x14ac:dyDescent="0.25">
      <c r="A19861" t="s">
        <v>31177</v>
      </c>
      <c r="B19861" t="s">
        <v>31180</v>
      </c>
      <c r="C19861">
        <v>1</v>
      </c>
      <c r="D19861">
        <v>0</v>
      </c>
    </row>
    <row r="19862" spans="1:4" x14ac:dyDescent="0.25">
      <c r="A19862" t="s">
        <v>31181</v>
      </c>
      <c r="B19862" t="s">
        <v>1001</v>
      </c>
      <c r="C19862">
        <v>1</v>
      </c>
      <c r="D19862">
        <v>0</v>
      </c>
    </row>
    <row r="19863" spans="1:4" x14ac:dyDescent="0.25">
      <c r="A19863" t="s">
        <v>31182</v>
      </c>
      <c r="B19863" t="s">
        <v>31183</v>
      </c>
      <c r="C19863">
        <v>2</v>
      </c>
      <c r="D19863">
        <v>0</v>
      </c>
    </row>
    <row r="19864" spans="1:4" x14ac:dyDescent="0.25">
      <c r="A19864" t="s">
        <v>31182</v>
      </c>
      <c r="B19864" t="s">
        <v>31184</v>
      </c>
      <c r="C19864">
        <v>2</v>
      </c>
      <c r="D19864">
        <v>0</v>
      </c>
    </row>
    <row r="19865" spans="1:4" x14ac:dyDescent="0.25">
      <c r="A19865" t="s">
        <v>31185</v>
      </c>
      <c r="B19865" t="s">
        <v>398</v>
      </c>
      <c r="C19865">
        <v>0</v>
      </c>
      <c r="D19865">
        <v>0</v>
      </c>
    </row>
    <row r="19866" spans="1:4" x14ac:dyDescent="0.25">
      <c r="A19866" t="s">
        <v>31185</v>
      </c>
      <c r="B19866" t="s">
        <v>31186</v>
      </c>
      <c r="C19866">
        <v>2</v>
      </c>
      <c r="D19866">
        <v>0</v>
      </c>
    </row>
    <row r="19867" spans="1:4" x14ac:dyDescent="0.25">
      <c r="A19867" t="s">
        <v>31187</v>
      </c>
      <c r="B19867" t="s">
        <v>31188</v>
      </c>
      <c r="C19867">
        <v>1</v>
      </c>
      <c r="D19867">
        <v>0</v>
      </c>
    </row>
    <row r="19868" spans="1:4" x14ac:dyDescent="0.25">
      <c r="A19868" t="s">
        <v>31187</v>
      </c>
      <c r="B19868" t="s">
        <v>31189</v>
      </c>
      <c r="C19868">
        <v>0</v>
      </c>
      <c r="D19868">
        <v>0</v>
      </c>
    </row>
    <row r="19869" spans="1:4" x14ac:dyDescent="0.25">
      <c r="A19869" t="s">
        <v>31187</v>
      </c>
      <c r="B19869" t="s">
        <v>31190</v>
      </c>
      <c r="C19869">
        <v>1</v>
      </c>
      <c r="D19869">
        <v>0</v>
      </c>
    </row>
    <row r="19870" spans="1:4" x14ac:dyDescent="0.25">
      <c r="A19870" t="s">
        <v>31191</v>
      </c>
      <c r="B19870" t="s">
        <v>31192</v>
      </c>
      <c r="C19870">
        <v>0</v>
      </c>
      <c r="D19870">
        <v>0</v>
      </c>
    </row>
    <row r="19871" spans="1:4" x14ac:dyDescent="0.25">
      <c r="A19871" t="s">
        <v>31191</v>
      </c>
      <c r="B19871" t="s">
        <v>31193</v>
      </c>
      <c r="C19871">
        <v>1</v>
      </c>
      <c r="D19871">
        <v>0</v>
      </c>
    </row>
    <row r="19872" spans="1:4" x14ac:dyDescent="0.25">
      <c r="A19872" t="s">
        <v>31194</v>
      </c>
      <c r="B19872" t="s">
        <v>31195</v>
      </c>
      <c r="C19872">
        <v>1</v>
      </c>
      <c r="D19872">
        <v>0</v>
      </c>
    </row>
    <row r="19873" spans="1:4" x14ac:dyDescent="0.25">
      <c r="A19873" t="s">
        <v>31194</v>
      </c>
      <c r="B19873" t="s">
        <v>31196</v>
      </c>
      <c r="C19873">
        <v>2</v>
      </c>
      <c r="D19873">
        <v>0</v>
      </c>
    </row>
    <row r="19874" spans="1:4" x14ac:dyDescent="0.25">
      <c r="A19874" t="s">
        <v>31197</v>
      </c>
      <c r="B19874" t="s">
        <v>31198</v>
      </c>
      <c r="C19874">
        <v>1</v>
      </c>
      <c r="D19874">
        <v>0</v>
      </c>
    </row>
    <row r="19875" spans="1:4" x14ac:dyDescent="0.25">
      <c r="A19875" t="s">
        <v>31197</v>
      </c>
      <c r="B19875" t="s">
        <v>31199</v>
      </c>
      <c r="C19875">
        <v>0</v>
      </c>
      <c r="D19875">
        <v>0</v>
      </c>
    </row>
    <row r="19876" spans="1:4" x14ac:dyDescent="0.25">
      <c r="A19876" t="s">
        <v>31197</v>
      </c>
      <c r="B19876" t="s">
        <v>31200</v>
      </c>
      <c r="C19876">
        <v>0</v>
      </c>
      <c r="D19876">
        <v>0</v>
      </c>
    </row>
    <row r="19877" spans="1:4" x14ac:dyDescent="0.25">
      <c r="A19877" t="s">
        <v>31201</v>
      </c>
      <c r="B19877" t="s">
        <v>31202</v>
      </c>
      <c r="C19877">
        <v>2</v>
      </c>
      <c r="D19877">
        <v>0</v>
      </c>
    </row>
    <row r="19878" spans="1:4" x14ac:dyDescent="0.25">
      <c r="A19878" t="s">
        <v>31203</v>
      </c>
      <c r="B19878" t="s">
        <v>31204</v>
      </c>
      <c r="C19878">
        <v>2</v>
      </c>
      <c r="D19878">
        <v>0</v>
      </c>
    </row>
    <row r="19879" spans="1:4" x14ac:dyDescent="0.25">
      <c r="A19879" t="s">
        <v>31205</v>
      </c>
      <c r="B19879" t="s">
        <v>31206</v>
      </c>
      <c r="C19879">
        <v>1</v>
      </c>
      <c r="D19879">
        <v>0</v>
      </c>
    </row>
    <row r="19880" spans="1:4" x14ac:dyDescent="0.25">
      <c r="A19880" t="s">
        <v>31205</v>
      </c>
      <c r="B19880" t="s">
        <v>31207</v>
      </c>
      <c r="C19880">
        <v>2</v>
      </c>
      <c r="D19880">
        <v>0</v>
      </c>
    </row>
    <row r="19881" spans="1:4" x14ac:dyDescent="0.25">
      <c r="A19881" t="s">
        <v>31205</v>
      </c>
      <c r="B19881" t="s">
        <v>31208</v>
      </c>
      <c r="C19881">
        <v>2</v>
      </c>
      <c r="D19881">
        <v>0</v>
      </c>
    </row>
    <row r="19882" spans="1:4" x14ac:dyDescent="0.25">
      <c r="A19882" t="s">
        <v>31209</v>
      </c>
      <c r="B19882" t="s">
        <v>31210</v>
      </c>
      <c r="C19882">
        <v>0</v>
      </c>
      <c r="D19882">
        <v>0</v>
      </c>
    </row>
    <row r="19883" spans="1:4" x14ac:dyDescent="0.25">
      <c r="A19883" t="s">
        <v>31209</v>
      </c>
      <c r="B19883" t="s">
        <v>1387</v>
      </c>
      <c r="C19883">
        <v>1</v>
      </c>
      <c r="D19883">
        <v>0</v>
      </c>
    </row>
    <row r="19884" spans="1:4" x14ac:dyDescent="0.25">
      <c r="A19884" t="s">
        <v>31211</v>
      </c>
      <c r="B19884" t="s">
        <v>31212</v>
      </c>
      <c r="C19884">
        <v>1</v>
      </c>
      <c r="D19884">
        <v>0</v>
      </c>
    </row>
    <row r="19885" spans="1:4" x14ac:dyDescent="0.25">
      <c r="A19885" t="s">
        <v>31211</v>
      </c>
      <c r="B19885" t="s">
        <v>31213</v>
      </c>
      <c r="C19885">
        <v>2</v>
      </c>
      <c r="D19885">
        <v>0</v>
      </c>
    </row>
    <row r="19886" spans="1:4" x14ac:dyDescent="0.25">
      <c r="A19886" t="s">
        <v>31214</v>
      </c>
      <c r="B19886" t="s">
        <v>31215</v>
      </c>
      <c r="C19886">
        <v>1</v>
      </c>
      <c r="D19886">
        <v>0</v>
      </c>
    </row>
    <row r="19887" spans="1:4" x14ac:dyDescent="0.25">
      <c r="A19887" t="s">
        <v>31216</v>
      </c>
      <c r="B19887" t="s">
        <v>31217</v>
      </c>
      <c r="C19887">
        <v>1</v>
      </c>
      <c r="D19887">
        <v>0</v>
      </c>
    </row>
    <row r="19888" spans="1:4" x14ac:dyDescent="0.25">
      <c r="A19888" t="s">
        <v>31216</v>
      </c>
      <c r="B19888" t="s">
        <v>31218</v>
      </c>
      <c r="C19888">
        <v>0</v>
      </c>
      <c r="D19888">
        <v>0</v>
      </c>
    </row>
    <row r="19889" spans="1:4" x14ac:dyDescent="0.25">
      <c r="A19889" t="s">
        <v>31216</v>
      </c>
      <c r="B19889" t="s">
        <v>3863</v>
      </c>
      <c r="C19889">
        <v>1</v>
      </c>
      <c r="D19889">
        <v>0</v>
      </c>
    </row>
    <row r="19890" spans="1:4" x14ac:dyDescent="0.25">
      <c r="A19890" t="s">
        <v>31219</v>
      </c>
      <c r="B19890" t="s">
        <v>31220</v>
      </c>
      <c r="C19890">
        <v>1</v>
      </c>
      <c r="D19890">
        <v>0</v>
      </c>
    </row>
    <row r="19891" spans="1:4" x14ac:dyDescent="0.25">
      <c r="A19891" t="s">
        <v>31221</v>
      </c>
      <c r="B19891" t="s">
        <v>31222</v>
      </c>
      <c r="C19891">
        <v>1</v>
      </c>
      <c r="D19891">
        <v>0</v>
      </c>
    </row>
    <row r="19892" spans="1:4" x14ac:dyDescent="0.25">
      <c r="A19892" t="s">
        <v>31221</v>
      </c>
      <c r="B19892" t="s">
        <v>31223</v>
      </c>
      <c r="C19892">
        <v>0</v>
      </c>
      <c r="D19892">
        <v>0</v>
      </c>
    </row>
    <row r="19893" spans="1:4" x14ac:dyDescent="0.25">
      <c r="A19893" t="s">
        <v>31224</v>
      </c>
      <c r="B19893" t="s">
        <v>1887</v>
      </c>
      <c r="C19893">
        <v>0</v>
      </c>
      <c r="D19893">
        <v>0</v>
      </c>
    </row>
    <row r="19894" spans="1:4" x14ac:dyDescent="0.25">
      <c r="A19894" t="s">
        <v>31224</v>
      </c>
      <c r="B19894" t="s">
        <v>1887</v>
      </c>
      <c r="C19894">
        <v>0</v>
      </c>
      <c r="D19894">
        <v>0</v>
      </c>
    </row>
    <row r="19895" spans="1:4" x14ac:dyDescent="0.25">
      <c r="A19895" t="s">
        <v>31224</v>
      </c>
      <c r="B19895" t="s">
        <v>31225</v>
      </c>
      <c r="C19895">
        <v>0</v>
      </c>
      <c r="D19895">
        <v>0</v>
      </c>
    </row>
    <row r="19896" spans="1:4" x14ac:dyDescent="0.25">
      <c r="A19896" t="s">
        <v>31226</v>
      </c>
      <c r="B19896" t="s">
        <v>31227</v>
      </c>
      <c r="C19896">
        <v>1</v>
      </c>
      <c r="D19896">
        <v>0</v>
      </c>
    </row>
    <row r="19897" spans="1:4" x14ac:dyDescent="0.25">
      <c r="A19897" t="s">
        <v>31226</v>
      </c>
      <c r="B19897" t="s">
        <v>31228</v>
      </c>
      <c r="C19897">
        <v>0</v>
      </c>
      <c r="D19897">
        <v>0</v>
      </c>
    </row>
    <row r="19898" spans="1:4" x14ac:dyDescent="0.25">
      <c r="A19898" t="s">
        <v>31229</v>
      </c>
      <c r="B19898" t="s">
        <v>31230</v>
      </c>
      <c r="C19898">
        <v>2</v>
      </c>
      <c r="D19898">
        <v>0</v>
      </c>
    </row>
    <row r="19899" spans="1:4" x14ac:dyDescent="0.25">
      <c r="A19899" t="s">
        <v>31229</v>
      </c>
      <c r="B19899" t="s">
        <v>31231</v>
      </c>
      <c r="C19899">
        <v>2</v>
      </c>
      <c r="D19899">
        <v>0</v>
      </c>
    </row>
    <row r="19900" spans="1:4" x14ac:dyDescent="0.25">
      <c r="A19900" t="s">
        <v>31229</v>
      </c>
      <c r="B19900" t="s">
        <v>31232</v>
      </c>
      <c r="C19900">
        <v>2</v>
      </c>
      <c r="D19900">
        <v>0</v>
      </c>
    </row>
    <row r="19901" spans="1:4" x14ac:dyDescent="0.25">
      <c r="A19901" t="s">
        <v>31233</v>
      </c>
      <c r="B19901" t="s">
        <v>31234</v>
      </c>
      <c r="C19901">
        <v>0</v>
      </c>
      <c r="D19901">
        <v>0</v>
      </c>
    </row>
    <row r="19902" spans="1:4" x14ac:dyDescent="0.25">
      <c r="A19902" t="s">
        <v>31235</v>
      </c>
      <c r="B19902" t="s">
        <v>31236</v>
      </c>
      <c r="C19902">
        <v>0</v>
      </c>
      <c r="D19902">
        <v>0</v>
      </c>
    </row>
    <row r="19903" spans="1:4" x14ac:dyDescent="0.25">
      <c r="A19903" t="s">
        <v>31235</v>
      </c>
      <c r="B19903" t="s">
        <v>31237</v>
      </c>
      <c r="C19903">
        <v>2</v>
      </c>
      <c r="D19903">
        <v>0</v>
      </c>
    </row>
    <row r="19904" spans="1:4" x14ac:dyDescent="0.25">
      <c r="A19904" t="s">
        <v>31235</v>
      </c>
      <c r="B19904" t="s">
        <v>31238</v>
      </c>
      <c r="C19904">
        <v>2</v>
      </c>
      <c r="D19904">
        <v>0</v>
      </c>
    </row>
    <row r="19905" spans="1:4" x14ac:dyDescent="0.25">
      <c r="A19905" t="s">
        <v>31239</v>
      </c>
      <c r="B19905" t="s">
        <v>31240</v>
      </c>
      <c r="C19905">
        <v>1</v>
      </c>
      <c r="D19905">
        <v>0</v>
      </c>
    </row>
    <row r="19906" spans="1:4" x14ac:dyDescent="0.25">
      <c r="A19906" t="s">
        <v>31241</v>
      </c>
      <c r="B19906" t="s">
        <v>31242</v>
      </c>
      <c r="C19906">
        <v>2</v>
      </c>
      <c r="D19906">
        <v>0</v>
      </c>
    </row>
    <row r="19907" spans="1:4" x14ac:dyDescent="0.25">
      <c r="A19907" t="s">
        <v>31243</v>
      </c>
      <c r="B19907" t="s">
        <v>31244</v>
      </c>
      <c r="C19907">
        <v>1</v>
      </c>
      <c r="D19907">
        <v>0</v>
      </c>
    </row>
    <row r="19908" spans="1:4" x14ac:dyDescent="0.25">
      <c r="A19908" t="s">
        <v>31245</v>
      </c>
      <c r="B19908" t="s">
        <v>31246</v>
      </c>
      <c r="C19908">
        <v>0</v>
      </c>
      <c r="D19908">
        <v>0</v>
      </c>
    </row>
    <row r="19909" spans="1:4" x14ac:dyDescent="0.25">
      <c r="A19909" t="s">
        <v>31247</v>
      </c>
      <c r="B19909" t="s">
        <v>31248</v>
      </c>
      <c r="C19909">
        <v>0</v>
      </c>
      <c r="D19909">
        <v>0</v>
      </c>
    </row>
    <row r="19910" spans="1:4" x14ac:dyDescent="0.25">
      <c r="A19910" t="s">
        <v>31247</v>
      </c>
      <c r="B19910" t="s">
        <v>31249</v>
      </c>
      <c r="C19910">
        <v>0</v>
      </c>
      <c r="D19910">
        <v>0</v>
      </c>
    </row>
    <row r="19911" spans="1:4" x14ac:dyDescent="0.25">
      <c r="A19911" t="s">
        <v>31247</v>
      </c>
      <c r="B19911" t="s">
        <v>31250</v>
      </c>
      <c r="C19911">
        <v>2</v>
      </c>
      <c r="D19911">
        <v>0</v>
      </c>
    </row>
    <row r="19912" spans="1:4" x14ac:dyDescent="0.25">
      <c r="A19912" t="s">
        <v>31251</v>
      </c>
      <c r="B19912" t="s">
        <v>31252</v>
      </c>
      <c r="C19912">
        <v>0</v>
      </c>
      <c r="D19912">
        <v>0</v>
      </c>
    </row>
    <row r="19913" spans="1:4" x14ac:dyDescent="0.25">
      <c r="A19913" t="s">
        <v>31253</v>
      </c>
      <c r="B19913" t="s">
        <v>31254</v>
      </c>
      <c r="C19913">
        <v>2</v>
      </c>
      <c r="D19913">
        <v>0</v>
      </c>
    </row>
    <row r="19914" spans="1:4" x14ac:dyDescent="0.25">
      <c r="A19914" t="s">
        <v>31255</v>
      </c>
      <c r="B19914" t="s">
        <v>13223</v>
      </c>
      <c r="C19914">
        <v>0</v>
      </c>
      <c r="D19914">
        <v>0</v>
      </c>
    </row>
    <row r="19915" spans="1:4" x14ac:dyDescent="0.25">
      <c r="A19915" t="s">
        <v>31256</v>
      </c>
      <c r="B19915" t="s">
        <v>31257</v>
      </c>
      <c r="C19915">
        <v>2</v>
      </c>
      <c r="D19915">
        <v>0</v>
      </c>
    </row>
    <row r="19916" spans="1:4" x14ac:dyDescent="0.25">
      <c r="A19916" t="s">
        <v>31258</v>
      </c>
      <c r="B19916" t="s">
        <v>15345</v>
      </c>
      <c r="C19916">
        <v>2</v>
      </c>
      <c r="D19916">
        <v>0</v>
      </c>
    </row>
    <row r="19917" spans="1:4" x14ac:dyDescent="0.25">
      <c r="A19917" t="s">
        <v>31258</v>
      </c>
      <c r="B19917" t="s">
        <v>398</v>
      </c>
      <c r="C19917">
        <v>0</v>
      </c>
      <c r="D19917">
        <v>0</v>
      </c>
    </row>
    <row r="19918" spans="1:4" x14ac:dyDescent="0.25">
      <c r="A19918" t="s">
        <v>31259</v>
      </c>
      <c r="B19918" t="s">
        <v>31260</v>
      </c>
      <c r="C19918">
        <v>1</v>
      </c>
      <c r="D19918">
        <v>0</v>
      </c>
    </row>
    <row r="19919" spans="1:4" x14ac:dyDescent="0.25">
      <c r="A19919" t="s">
        <v>31261</v>
      </c>
      <c r="B19919" t="s">
        <v>31262</v>
      </c>
      <c r="C19919">
        <v>2</v>
      </c>
      <c r="D19919">
        <v>0</v>
      </c>
    </row>
    <row r="19920" spans="1:4" x14ac:dyDescent="0.25">
      <c r="A19920" t="s">
        <v>31263</v>
      </c>
      <c r="B19920" t="s">
        <v>31264</v>
      </c>
      <c r="C19920">
        <v>1</v>
      </c>
      <c r="D19920">
        <v>0</v>
      </c>
    </row>
    <row r="19921" spans="1:4" x14ac:dyDescent="0.25">
      <c r="A19921" t="s">
        <v>31265</v>
      </c>
      <c r="B19921" t="s">
        <v>31266</v>
      </c>
      <c r="C19921">
        <v>1</v>
      </c>
      <c r="D19921">
        <v>0</v>
      </c>
    </row>
    <row r="19922" spans="1:4" x14ac:dyDescent="0.25">
      <c r="A19922" t="s">
        <v>31267</v>
      </c>
      <c r="B19922" t="s">
        <v>31268</v>
      </c>
      <c r="C19922">
        <v>0</v>
      </c>
      <c r="D19922">
        <v>0</v>
      </c>
    </row>
    <row r="19923" spans="1:4" x14ac:dyDescent="0.25">
      <c r="A19923" t="s">
        <v>31267</v>
      </c>
      <c r="B19923" t="s">
        <v>31269</v>
      </c>
      <c r="C19923">
        <v>1</v>
      </c>
      <c r="D19923">
        <v>0</v>
      </c>
    </row>
    <row r="19924" spans="1:4" x14ac:dyDescent="0.25">
      <c r="A19924" t="s">
        <v>31270</v>
      </c>
      <c r="B19924" t="s">
        <v>31271</v>
      </c>
      <c r="C19924">
        <v>2</v>
      </c>
      <c r="D19924">
        <v>0</v>
      </c>
    </row>
    <row r="19925" spans="1:4" x14ac:dyDescent="0.25">
      <c r="A19925" t="s">
        <v>31272</v>
      </c>
      <c r="B19925" t="s">
        <v>31273</v>
      </c>
      <c r="C19925">
        <v>2</v>
      </c>
      <c r="D19925">
        <v>0</v>
      </c>
    </row>
    <row r="19926" spans="1:4" x14ac:dyDescent="0.25">
      <c r="A19926" t="s">
        <v>31272</v>
      </c>
      <c r="B19926" t="s">
        <v>31274</v>
      </c>
      <c r="C19926">
        <v>2</v>
      </c>
      <c r="D19926">
        <v>0</v>
      </c>
    </row>
    <row r="19927" spans="1:4" x14ac:dyDescent="0.25">
      <c r="A19927" t="s">
        <v>31275</v>
      </c>
      <c r="B19927" t="s">
        <v>31276</v>
      </c>
      <c r="C19927">
        <v>0</v>
      </c>
      <c r="D19927">
        <v>0</v>
      </c>
    </row>
    <row r="19928" spans="1:4" x14ac:dyDescent="0.25">
      <c r="A19928" t="s">
        <v>31275</v>
      </c>
      <c r="B19928" t="s">
        <v>31277</v>
      </c>
      <c r="C19928">
        <v>1</v>
      </c>
      <c r="D19928">
        <v>0</v>
      </c>
    </row>
    <row r="19929" spans="1:4" x14ac:dyDescent="0.25">
      <c r="A19929" t="s">
        <v>31278</v>
      </c>
      <c r="B19929" t="s">
        <v>31279</v>
      </c>
      <c r="C19929">
        <v>1</v>
      </c>
      <c r="D19929">
        <v>0</v>
      </c>
    </row>
    <row r="19930" spans="1:4" x14ac:dyDescent="0.25">
      <c r="A19930" t="s">
        <v>31278</v>
      </c>
      <c r="B19930" t="s">
        <v>31280</v>
      </c>
      <c r="C19930">
        <v>1</v>
      </c>
      <c r="D19930">
        <v>0</v>
      </c>
    </row>
    <row r="19931" spans="1:4" x14ac:dyDescent="0.25">
      <c r="A19931" t="s">
        <v>31278</v>
      </c>
      <c r="B19931" t="s">
        <v>31281</v>
      </c>
      <c r="C19931">
        <v>0</v>
      </c>
      <c r="D19931">
        <v>0</v>
      </c>
    </row>
    <row r="19932" spans="1:4" x14ac:dyDescent="0.25">
      <c r="A19932" t="s">
        <v>31282</v>
      </c>
      <c r="B19932" t="s">
        <v>31283</v>
      </c>
      <c r="C19932">
        <v>2</v>
      </c>
      <c r="D19932">
        <v>0</v>
      </c>
    </row>
    <row r="19933" spans="1:4" x14ac:dyDescent="0.25">
      <c r="A19933" t="s">
        <v>31282</v>
      </c>
      <c r="B19933" t="s">
        <v>31284</v>
      </c>
      <c r="C19933">
        <v>1</v>
      </c>
      <c r="D19933">
        <v>0</v>
      </c>
    </row>
    <row r="19934" spans="1:4" x14ac:dyDescent="0.25">
      <c r="A19934" t="s">
        <v>31285</v>
      </c>
      <c r="B19934" t="s">
        <v>31286</v>
      </c>
      <c r="C19934">
        <v>1</v>
      </c>
      <c r="D19934">
        <v>0</v>
      </c>
    </row>
    <row r="19935" spans="1:4" x14ac:dyDescent="0.25">
      <c r="A19935" t="s">
        <v>31285</v>
      </c>
      <c r="B19935" t="s">
        <v>31287</v>
      </c>
      <c r="C19935">
        <v>1</v>
      </c>
      <c r="D19935">
        <v>0</v>
      </c>
    </row>
    <row r="19936" spans="1:4" x14ac:dyDescent="0.25">
      <c r="A19936" t="s">
        <v>31285</v>
      </c>
      <c r="B19936" t="s">
        <v>31288</v>
      </c>
      <c r="C19936">
        <v>1</v>
      </c>
      <c r="D19936">
        <v>0</v>
      </c>
    </row>
    <row r="19937" spans="1:4" x14ac:dyDescent="0.25">
      <c r="A19937" t="s">
        <v>31289</v>
      </c>
      <c r="B19937" t="s">
        <v>31290</v>
      </c>
      <c r="C19937">
        <v>0</v>
      </c>
      <c r="D19937">
        <v>0</v>
      </c>
    </row>
    <row r="19938" spans="1:4" x14ac:dyDescent="0.25">
      <c r="A19938" t="s">
        <v>31289</v>
      </c>
      <c r="B19938" t="s">
        <v>31291</v>
      </c>
      <c r="C19938">
        <v>0</v>
      </c>
      <c r="D19938">
        <v>0</v>
      </c>
    </row>
    <row r="19939" spans="1:4" x14ac:dyDescent="0.25">
      <c r="A19939" t="s">
        <v>31292</v>
      </c>
      <c r="B19939" t="s">
        <v>31293</v>
      </c>
      <c r="C19939">
        <v>1</v>
      </c>
      <c r="D19939">
        <v>0</v>
      </c>
    </row>
    <row r="19940" spans="1:4" x14ac:dyDescent="0.25">
      <c r="A19940" t="s">
        <v>31292</v>
      </c>
      <c r="B19940" t="s">
        <v>31294</v>
      </c>
      <c r="C19940">
        <v>2</v>
      </c>
      <c r="D19940">
        <v>0</v>
      </c>
    </row>
    <row r="19941" spans="1:4" x14ac:dyDescent="0.25">
      <c r="A19941" t="s">
        <v>31295</v>
      </c>
      <c r="B19941" t="s">
        <v>31296</v>
      </c>
      <c r="C19941">
        <v>0</v>
      </c>
      <c r="D19941">
        <v>0</v>
      </c>
    </row>
    <row r="19942" spans="1:4" x14ac:dyDescent="0.25">
      <c r="A19942" t="s">
        <v>31297</v>
      </c>
      <c r="B19942" t="s">
        <v>31298</v>
      </c>
      <c r="C19942">
        <v>0</v>
      </c>
      <c r="D19942">
        <v>0</v>
      </c>
    </row>
    <row r="19943" spans="1:4" x14ac:dyDescent="0.25">
      <c r="A19943" t="s">
        <v>31297</v>
      </c>
      <c r="B19943" t="s">
        <v>31299</v>
      </c>
      <c r="C19943">
        <v>2</v>
      </c>
      <c r="D19943">
        <v>0</v>
      </c>
    </row>
    <row r="19944" spans="1:4" x14ac:dyDescent="0.25">
      <c r="A19944" t="s">
        <v>31300</v>
      </c>
      <c r="B19944" t="s">
        <v>31301</v>
      </c>
      <c r="C19944">
        <v>0</v>
      </c>
      <c r="D19944">
        <v>0</v>
      </c>
    </row>
    <row r="19945" spans="1:4" x14ac:dyDescent="0.25">
      <c r="A19945" t="s">
        <v>31300</v>
      </c>
      <c r="B19945" t="s">
        <v>31302</v>
      </c>
      <c r="C19945">
        <v>1</v>
      </c>
      <c r="D19945">
        <v>0</v>
      </c>
    </row>
    <row r="19946" spans="1:4" x14ac:dyDescent="0.25">
      <c r="A19946" t="s">
        <v>31303</v>
      </c>
      <c r="B19946" t="s">
        <v>31304</v>
      </c>
      <c r="C19946">
        <v>2</v>
      </c>
      <c r="D19946">
        <v>0</v>
      </c>
    </row>
    <row r="19947" spans="1:4" x14ac:dyDescent="0.25">
      <c r="A19947" t="s">
        <v>31303</v>
      </c>
      <c r="B19947" t="s">
        <v>31305</v>
      </c>
      <c r="C19947">
        <v>2</v>
      </c>
      <c r="D19947">
        <v>0</v>
      </c>
    </row>
    <row r="19948" spans="1:4" x14ac:dyDescent="0.25">
      <c r="A19948" t="s">
        <v>31303</v>
      </c>
      <c r="B19948" t="s">
        <v>31306</v>
      </c>
      <c r="C19948">
        <v>0</v>
      </c>
      <c r="D19948">
        <v>0</v>
      </c>
    </row>
    <row r="19949" spans="1:4" x14ac:dyDescent="0.25">
      <c r="A19949" t="s">
        <v>31307</v>
      </c>
      <c r="B19949" t="s">
        <v>31308</v>
      </c>
      <c r="C19949">
        <v>0</v>
      </c>
      <c r="D19949">
        <v>0</v>
      </c>
    </row>
    <row r="19950" spans="1:4" x14ac:dyDescent="0.25">
      <c r="A19950" t="s">
        <v>31307</v>
      </c>
      <c r="B19950" t="s">
        <v>31309</v>
      </c>
      <c r="C19950">
        <v>0</v>
      </c>
      <c r="D19950">
        <v>0</v>
      </c>
    </row>
    <row r="19951" spans="1:4" x14ac:dyDescent="0.25">
      <c r="A19951" t="s">
        <v>31310</v>
      </c>
      <c r="B19951" t="s">
        <v>31311</v>
      </c>
      <c r="C19951">
        <v>0</v>
      </c>
      <c r="D19951">
        <v>0</v>
      </c>
    </row>
    <row r="19952" spans="1:4" x14ac:dyDescent="0.25">
      <c r="A19952" t="s">
        <v>31310</v>
      </c>
      <c r="B19952" t="s">
        <v>31312</v>
      </c>
      <c r="C19952">
        <v>1</v>
      </c>
      <c r="D19952">
        <v>0</v>
      </c>
    </row>
    <row r="19953" spans="1:4" x14ac:dyDescent="0.25">
      <c r="A19953" t="s">
        <v>31313</v>
      </c>
      <c r="B19953" t="s">
        <v>3410</v>
      </c>
      <c r="C19953">
        <v>1</v>
      </c>
      <c r="D19953">
        <v>0</v>
      </c>
    </row>
    <row r="19954" spans="1:4" x14ac:dyDescent="0.25">
      <c r="A19954" t="s">
        <v>31314</v>
      </c>
      <c r="B19954" t="s">
        <v>31315</v>
      </c>
      <c r="C19954">
        <v>0</v>
      </c>
      <c r="D19954">
        <v>0</v>
      </c>
    </row>
    <row r="19955" spans="1:4" x14ac:dyDescent="0.25">
      <c r="A19955" t="s">
        <v>31316</v>
      </c>
      <c r="B19955" t="s">
        <v>1001</v>
      </c>
      <c r="C19955">
        <v>1</v>
      </c>
      <c r="D19955">
        <v>0</v>
      </c>
    </row>
    <row r="19956" spans="1:4" x14ac:dyDescent="0.25">
      <c r="A19956" t="s">
        <v>31316</v>
      </c>
      <c r="B19956" t="s">
        <v>2061</v>
      </c>
      <c r="C19956">
        <v>0</v>
      </c>
      <c r="D19956">
        <v>0</v>
      </c>
    </row>
    <row r="19957" spans="1:4" x14ac:dyDescent="0.25">
      <c r="A19957" t="s">
        <v>31317</v>
      </c>
      <c r="B19957" t="s">
        <v>31318</v>
      </c>
      <c r="C19957">
        <v>0</v>
      </c>
      <c r="D19957">
        <v>0</v>
      </c>
    </row>
    <row r="19958" spans="1:4" x14ac:dyDescent="0.25">
      <c r="A19958" t="s">
        <v>31317</v>
      </c>
      <c r="B19958" t="s">
        <v>31319</v>
      </c>
      <c r="C19958">
        <v>1</v>
      </c>
      <c r="D19958">
        <v>0</v>
      </c>
    </row>
    <row r="19959" spans="1:4" x14ac:dyDescent="0.25">
      <c r="A19959" t="s">
        <v>31317</v>
      </c>
      <c r="B19959" t="s">
        <v>31320</v>
      </c>
      <c r="C19959">
        <v>1</v>
      </c>
      <c r="D19959">
        <v>0</v>
      </c>
    </row>
    <row r="19960" spans="1:4" x14ac:dyDescent="0.25">
      <c r="A19960" t="s">
        <v>31321</v>
      </c>
      <c r="B19960" t="s">
        <v>31322</v>
      </c>
      <c r="C19960">
        <v>2</v>
      </c>
      <c r="D19960">
        <v>0</v>
      </c>
    </row>
    <row r="19961" spans="1:4" x14ac:dyDescent="0.25">
      <c r="A19961" t="s">
        <v>31321</v>
      </c>
      <c r="B19961" t="s">
        <v>31323</v>
      </c>
      <c r="C19961">
        <v>0</v>
      </c>
      <c r="D19961">
        <v>0</v>
      </c>
    </row>
    <row r="19962" spans="1:4" x14ac:dyDescent="0.25">
      <c r="A19962" t="s">
        <v>31324</v>
      </c>
      <c r="B19962" t="s">
        <v>31325</v>
      </c>
      <c r="C19962">
        <v>0</v>
      </c>
      <c r="D19962">
        <v>0</v>
      </c>
    </row>
    <row r="19963" spans="1:4" x14ac:dyDescent="0.25">
      <c r="A19963" t="s">
        <v>31324</v>
      </c>
      <c r="B19963" t="s">
        <v>31326</v>
      </c>
      <c r="C19963">
        <v>2</v>
      </c>
      <c r="D19963">
        <v>0</v>
      </c>
    </row>
    <row r="19964" spans="1:4" x14ac:dyDescent="0.25">
      <c r="A19964" t="s">
        <v>31324</v>
      </c>
      <c r="B19964" t="s">
        <v>31327</v>
      </c>
      <c r="C19964">
        <v>0</v>
      </c>
      <c r="D19964">
        <v>0</v>
      </c>
    </row>
    <row r="19965" spans="1:4" x14ac:dyDescent="0.25">
      <c r="A19965" t="s">
        <v>31328</v>
      </c>
      <c r="B19965" t="s">
        <v>31329</v>
      </c>
      <c r="C19965">
        <v>0</v>
      </c>
      <c r="D19965">
        <v>0</v>
      </c>
    </row>
    <row r="19966" spans="1:4" x14ac:dyDescent="0.25">
      <c r="A19966" t="s">
        <v>31330</v>
      </c>
      <c r="B19966" t="s">
        <v>31331</v>
      </c>
      <c r="C19966">
        <v>0</v>
      </c>
      <c r="D19966">
        <v>0</v>
      </c>
    </row>
    <row r="19967" spans="1:4" x14ac:dyDescent="0.25">
      <c r="A19967" t="s">
        <v>31330</v>
      </c>
      <c r="B19967" t="s">
        <v>31332</v>
      </c>
      <c r="C19967">
        <v>0</v>
      </c>
      <c r="D19967">
        <v>0</v>
      </c>
    </row>
    <row r="19968" spans="1:4" x14ac:dyDescent="0.25">
      <c r="A19968" t="s">
        <v>31330</v>
      </c>
      <c r="B19968" t="s">
        <v>31333</v>
      </c>
      <c r="C19968">
        <v>2</v>
      </c>
      <c r="D19968">
        <v>0</v>
      </c>
    </row>
    <row r="19969" spans="1:4" x14ac:dyDescent="0.25">
      <c r="A19969" t="s">
        <v>31334</v>
      </c>
      <c r="B19969" t="s">
        <v>31335</v>
      </c>
      <c r="C19969">
        <v>1</v>
      </c>
      <c r="D19969">
        <v>0</v>
      </c>
    </row>
    <row r="19970" spans="1:4" x14ac:dyDescent="0.25">
      <c r="A19970" t="s">
        <v>31336</v>
      </c>
      <c r="B19970" t="s">
        <v>31337</v>
      </c>
      <c r="C19970">
        <v>1</v>
      </c>
      <c r="D19970">
        <v>0</v>
      </c>
    </row>
    <row r="19971" spans="1:4" x14ac:dyDescent="0.25">
      <c r="A19971" t="s">
        <v>31336</v>
      </c>
      <c r="B19971" t="s">
        <v>31338</v>
      </c>
      <c r="C19971">
        <v>1</v>
      </c>
      <c r="D19971">
        <v>0</v>
      </c>
    </row>
    <row r="19972" spans="1:4" x14ac:dyDescent="0.25">
      <c r="A19972" t="s">
        <v>31336</v>
      </c>
      <c r="B19972" t="s">
        <v>9969</v>
      </c>
      <c r="C19972">
        <v>1</v>
      </c>
      <c r="D19972">
        <v>0</v>
      </c>
    </row>
    <row r="19973" spans="1:4" x14ac:dyDescent="0.25">
      <c r="A19973" t="s">
        <v>31339</v>
      </c>
      <c r="B19973" t="s">
        <v>31340</v>
      </c>
      <c r="C19973">
        <v>1</v>
      </c>
      <c r="D19973">
        <v>0</v>
      </c>
    </row>
    <row r="19974" spans="1:4" x14ac:dyDescent="0.25">
      <c r="A19974" t="s">
        <v>31341</v>
      </c>
      <c r="B19974" t="s">
        <v>31342</v>
      </c>
      <c r="C19974">
        <v>1</v>
      </c>
      <c r="D19974">
        <v>0</v>
      </c>
    </row>
    <row r="19975" spans="1:4" x14ac:dyDescent="0.25">
      <c r="A19975" t="s">
        <v>31341</v>
      </c>
      <c r="B19975" t="s">
        <v>31343</v>
      </c>
      <c r="C19975">
        <v>1</v>
      </c>
      <c r="D19975">
        <v>0</v>
      </c>
    </row>
    <row r="19976" spans="1:4" x14ac:dyDescent="0.25">
      <c r="A19976" t="s">
        <v>31341</v>
      </c>
      <c r="B19976" t="s">
        <v>31344</v>
      </c>
      <c r="C19976">
        <v>0</v>
      </c>
      <c r="D19976">
        <v>0</v>
      </c>
    </row>
    <row r="19977" spans="1:4" x14ac:dyDescent="0.25">
      <c r="A19977" t="s">
        <v>31345</v>
      </c>
      <c r="B19977" t="s">
        <v>31346</v>
      </c>
      <c r="C19977">
        <v>2</v>
      </c>
      <c r="D19977">
        <v>0</v>
      </c>
    </row>
    <row r="19978" spans="1:4" x14ac:dyDescent="0.25">
      <c r="A19978" t="s">
        <v>31345</v>
      </c>
      <c r="B19978" t="s">
        <v>31347</v>
      </c>
      <c r="C19978">
        <v>2</v>
      </c>
      <c r="D19978">
        <v>0</v>
      </c>
    </row>
    <row r="19979" spans="1:4" x14ac:dyDescent="0.25">
      <c r="A19979" t="s">
        <v>31345</v>
      </c>
      <c r="B19979" t="s">
        <v>31348</v>
      </c>
      <c r="C19979">
        <v>1</v>
      </c>
      <c r="D19979">
        <v>0</v>
      </c>
    </row>
    <row r="19980" spans="1:4" x14ac:dyDescent="0.25">
      <c r="A19980" t="s">
        <v>31349</v>
      </c>
      <c r="B19980" t="s">
        <v>31350</v>
      </c>
      <c r="C19980">
        <v>1</v>
      </c>
      <c r="D19980">
        <v>0</v>
      </c>
    </row>
    <row r="19981" spans="1:4" x14ac:dyDescent="0.25">
      <c r="A19981" t="s">
        <v>31351</v>
      </c>
      <c r="B19981" t="s">
        <v>31352</v>
      </c>
      <c r="C19981">
        <v>0</v>
      </c>
      <c r="D19981">
        <v>0</v>
      </c>
    </row>
    <row r="19982" spans="1:4" x14ac:dyDescent="0.25">
      <c r="A19982" t="s">
        <v>31351</v>
      </c>
      <c r="B19982" t="s">
        <v>31353</v>
      </c>
      <c r="C19982">
        <v>2</v>
      </c>
      <c r="D19982">
        <v>0</v>
      </c>
    </row>
    <row r="19983" spans="1:4" x14ac:dyDescent="0.25">
      <c r="A19983" t="s">
        <v>31351</v>
      </c>
      <c r="B19983" t="s">
        <v>31354</v>
      </c>
      <c r="C19983">
        <v>0</v>
      </c>
      <c r="D19983">
        <v>0</v>
      </c>
    </row>
    <row r="19984" spans="1:4" x14ac:dyDescent="0.25">
      <c r="A19984" t="s">
        <v>31355</v>
      </c>
      <c r="B19984" t="s">
        <v>31356</v>
      </c>
      <c r="C19984">
        <v>2</v>
      </c>
      <c r="D19984">
        <v>0</v>
      </c>
    </row>
    <row r="19985" spans="1:4" x14ac:dyDescent="0.25">
      <c r="A19985" t="s">
        <v>31355</v>
      </c>
      <c r="B19985" t="s">
        <v>31357</v>
      </c>
      <c r="C19985">
        <v>2</v>
      </c>
      <c r="D19985">
        <v>0</v>
      </c>
    </row>
    <row r="19986" spans="1:4" x14ac:dyDescent="0.25">
      <c r="A19986" t="s">
        <v>31355</v>
      </c>
      <c r="B19986" t="s">
        <v>31358</v>
      </c>
      <c r="C19986">
        <v>1</v>
      </c>
      <c r="D19986">
        <v>0</v>
      </c>
    </row>
    <row r="19987" spans="1:4" x14ac:dyDescent="0.25">
      <c r="A19987" t="s">
        <v>31359</v>
      </c>
      <c r="B19987" t="s">
        <v>31360</v>
      </c>
      <c r="C19987">
        <v>0</v>
      </c>
      <c r="D19987">
        <v>0</v>
      </c>
    </row>
    <row r="19988" spans="1:4" x14ac:dyDescent="0.25">
      <c r="A19988" t="s">
        <v>31359</v>
      </c>
      <c r="B19988" t="s">
        <v>31361</v>
      </c>
      <c r="C19988">
        <v>1</v>
      </c>
      <c r="D19988">
        <v>0</v>
      </c>
    </row>
    <row r="19989" spans="1:4" x14ac:dyDescent="0.25">
      <c r="A19989" t="s">
        <v>31362</v>
      </c>
      <c r="B19989" t="s">
        <v>31363</v>
      </c>
      <c r="C19989">
        <v>1</v>
      </c>
      <c r="D19989">
        <v>0</v>
      </c>
    </row>
    <row r="19990" spans="1:4" x14ac:dyDescent="0.25">
      <c r="A19990" t="s">
        <v>31362</v>
      </c>
      <c r="B19990" t="s">
        <v>31364</v>
      </c>
      <c r="C19990">
        <v>1</v>
      </c>
      <c r="D19990">
        <v>0</v>
      </c>
    </row>
    <row r="19991" spans="1:4" x14ac:dyDescent="0.25">
      <c r="A19991" t="s">
        <v>31362</v>
      </c>
      <c r="B19991" t="s">
        <v>31365</v>
      </c>
      <c r="C19991">
        <v>0</v>
      </c>
      <c r="D19991">
        <v>0</v>
      </c>
    </row>
    <row r="19992" spans="1:4" x14ac:dyDescent="0.25">
      <c r="A19992" t="s">
        <v>31366</v>
      </c>
      <c r="B19992" t="s">
        <v>31367</v>
      </c>
      <c r="C19992">
        <v>1</v>
      </c>
      <c r="D19992">
        <v>0</v>
      </c>
    </row>
    <row r="19993" spans="1:4" x14ac:dyDescent="0.25">
      <c r="A19993" t="s">
        <v>31368</v>
      </c>
      <c r="B19993" t="s">
        <v>3578</v>
      </c>
      <c r="C19993">
        <v>1</v>
      </c>
      <c r="D19993">
        <v>0</v>
      </c>
    </row>
    <row r="19994" spans="1:4" x14ac:dyDescent="0.25">
      <c r="A19994" t="s">
        <v>31369</v>
      </c>
      <c r="B19994" t="s">
        <v>31370</v>
      </c>
      <c r="C19994">
        <v>0</v>
      </c>
      <c r="D19994">
        <v>0</v>
      </c>
    </row>
    <row r="19995" spans="1:4" x14ac:dyDescent="0.25">
      <c r="A19995" t="s">
        <v>31369</v>
      </c>
      <c r="B19995" t="s">
        <v>31371</v>
      </c>
      <c r="C19995">
        <v>1</v>
      </c>
      <c r="D19995">
        <v>0</v>
      </c>
    </row>
    <row r="19996" spans="1:4" x14ac:dyDescent="0.25">
      <c r="A19996" t="s">
        <v>31369</v>
      </c>
      <c r="B19996" t="s">
        <v>31372</v>
      </c>
      <c r="C19996">
        <v>2</v>
      </c>
      <c r="D19996">
        <v>0</v>
      </c>
    </row>
    <row r="19997" spans="1:4" x14ac:dyDescent="0.25">
      <c r="A19997" t="s">
        <v>31373</v>
      </c>
      <c r="B19997" t="s">
        <v>968</v>
      </c>
      <c r="C19997">
        <v>1</v>
      </c>
      <c r="D19997">
        <v>0</v>
      </c>
    </row>
    <row r="19998" spans="1:4" x14ac:dyDescent="0.25">
      <c r="A19998" t="s">
        <v>31374</v>
      </c>
      <c r="B19998" t="s">
        <v>31375</v>
      </c>
      <c r="C19998">
        <v>0</v>
      </c>
      <c r="D19998">
        <v>0</v>
      </c>
    </row>
    <row r="19999" spans="1:4" x14ac:dyDescent="0.25">
      <c r="A19999" t="s">
        <v>31376</v>
      </c>
      <c r="B19999" t="s">
        <v>31377</v>
      </c>
      <c r="C19999">
        <v>1</v>
      </c>
      <c r="D19999">
        <v>0</v>
      </c>
    </row>
    <row r="20000" spans="1:4" x14ac:dyDescent="0.25">
      <c r="A20000" t="s">
        <v>31376</v>
      </c>
      <c r="B20000" t="s">
        <v>31378</v>
      </c>
      <c r="C20000">
        <v>0</v>
      </c>
      <c r="D20000">
        <v>0</v>
      </c>
    </row>
    <row r="20001" spans="1:4" x14ac:dyDescent="0.25">
      <c r="A20001" t="s">
        <v>31379</v>
      </c>
      <c r="B20001" t="s">
        <v>31380</v>
      </c>
      <c r="C20001">
        <v>0</v>
      </c>
      <c r="D20001">
        <v>0</v>
      </c>
    </row>
    <row r="20002" spans="1:4" x14ac:dyDescent="0.25">
      <c r="A20002" t="s">
        <v>31379</v>
      </c>
      <c r="B20002" t="s">
        <v>31381</v>
      </c>
      <c r="C20002">
        <v>2</v>
      </c>
      <c r="D20002">
        <v>0</v>
      </c>
    </row>
    <row r="20003" spans="1:4" x14ac:dyDescent="0.25">
      <c r="A20003" t="s">
        <v>31379</v>
      </c>
      <c r="B20003" t="s">
        <v>31382</v>
      </c>
      <c r="C20003">
        <v>0</v>
      </c>
      <c r="D20003">
        <v>0</v>
      </c>
    </row>
    <row r="20004" spans="1:4" x14ac:dyDescent="0.25">
      <c r="A20004" t="s">
        <v>31383</v>
      </c>
      <c r="B20004" t="s">
        <v>31384</v>
      </c>
      <c r="C20004">
        <v>1</v>
      </c>
      <c r="D20004">
        <v>0</v>
      </c>
    </row>
    <row r="20005" spans="1:4" x14ac:dyDescent="0.25">
      <c r="A20005" t="s">
        <v>31383</v>
      </c>
      <c r="B20005" t="s">
        <v>31385</v>
      </c>
      <c r="C20005">
        <v>0</v>
      </c>
      <c r="D20005">
        <v>0</v>
      </c>
    </row>
    <row r="20006" spans="1:4" x14ac:dyDescent="0.25">
      <c r="A20006" t="s">
        <v>31386</v>
      </c>
      <c r="B20006" t="s">
        <v>31387</v>
      </c>
      <c r="C20006">
        <v>0</v>
      </c>
      <c r="D20006">
        <v>0</v>
      </c>
    </row>
    <row r="20007" spans="1:4" x14ac:dyDescent="0.25">
      <c r="A20007" t="s">
        <v>31386</v>
      </c>
      <c r="B20007" t="s">
        <v>31388</v>
      </c>
      <c r="C20007">
        <v>2</v>
      </c>
      <c r="D20007">
        <v>0</v>
      </c>
    </row>
    <row r="20008" spans="1:4" x14ac:dyDescent="0.25">
      <c r="A20008" t="s">
        <v>31386</v>
      </c>
      <c r="B20008" t="s">
        <v>31389</v>
      </c>
      <c r="C20008">
        <v>0</v>
      </c>
      <c r="D20008">
        <v>0</v>
      </c>
    </row>
    <row r="20009" spans="1:4" x14ac:dyDescent="0.25">
      <c r="A20009" t="s">
        <v>31390</v>
      </c>
      <c r="B20009" t="s">
        <v>1387</v>
      </c>
      <c r="C20009">
        <v>1</v>
      </c>
      <c r="D20009">
        <v>0</v>
      </c>
    </row>
    <row r="20010" spans="1:4" x14ac:dyDescent="0.25">
      <c r="A20010" t="s">
        <v>31390</v>
      </c>
      <c r="B20010" t="s">
        <v>31391</v>
      </c>
      <c r="C20010">
        <v>0</v>
      </c>
      <c r="D20010">
        <v>0</v>
      </c>
    </row>
    <row r="20011" spans="1:4" x14ac:dyDescent="0.25">
      <c r="A20011" t="s">
        <v>31392</v>
      </c>
      <c r="B20011" t="s">
        <v>31393</v>
      </c>
      <c r="C20011">
        <v>0</v>
      </c>
      <c r="D20011">
        <v>0</v>
      </c>
    </row>
    <row r="20012" spans="1:4" x14ac:dyDescent="0.25">
      <c r="A20012" t="s">
        <v>31392</v>
      </c>
      <c r="B20012" t="s">
        <v>31394</v>
      </c>
      <c r="C20012">
        <v>1</v>
      </c>
      <c r="D20012">
        <v>0</v>
      </c>
    </row>
    <row r="20013" spans="1:4" x14ac:dyDescent="0.25">
      <c r="A20013" t="s">
        <v>31392</v>
      </c>
      <c r="B20013" t="s">
        <v>31395</v>
      </c>
      <c r="C20013">
        <v>2</v>
      </c>
      <c r="D20013">
        <v>0</v>
      </c>
    </row>
    <row r="20014" spans="1:4" x14ac:dyDescent="0.25">
      <c r="A20014" t="s">
        <v>31396</v>
      </c>
      <c r="B20014" t="s">
        <v>4910</v>
      </c>
      <c r="C20014">
        <v>1</v>
      </c>
      <c r="D20014">
        <v>0</v>
      </c>
    </row>
    <row r="20015" spans="1:4" x14ac:dyDescent="0.25">
      <c r="A20015" t="s">
        <v>31397</v>
      </c>
      <c r="B20015" t="s">
        <v>31398</v>
      </c>
      <c r="C20015">
        <v>0</v>
      </c>
      <c r="D20015">
        <v>0</v>
      </c>
    </row>
    <row r="20016" spans="1:4" x14ac:dyDescent="0.25">
      <c r="A20016" t="s">
        <v>31397</v>
      </c>
      <c r="B20016" t="s">
        <v>31399</v>
      </c>
      <c r="C20016">
        <v>1</v>
      </c>
      <c r="D20016">
        <v>0</v>
      </c>
    </row>
    <row r="20017" spans="1:4" x14ac:dyDescent="0.25">
      <c r="A20017" t="s">
        <v>31400</v>
      </c>
      <c r="B20017" t="s">
        <v>31401</v>
      </c>
      <c r="C20017">
        <v>0</v>
      </c>
      <c r="D20017">
        <v>0</v>
      </c>
    </row>
    <row r="20018" spans="1:4" x14ac:dyDescent="0.25">
      <c r="A20018" t="s">
        <v>31400</v>
      </c>
      <c r="B20018" t="s">
        <v>31402</v>
      </c>
      <c r="C20018">
        <v>1</v>
      </c>
      <c r="D20018">
        <v>0</v>
      </c>
    </row>
    <row r="20019" spans="1:4" x14ac:dyDescent="0.25">
      <c r="A20019" t="s">
        <v>31403</v>
      </c>
      <c r="B20019" t="s">
        <v>31404</v>
      </c>
      <c r="C20019">
        <v>0</v>
      </c>
      <c r="D20019">
        <v>0</v>
      </c>
    </row>
    <row r="20020" spans="1:4" x14ac:dyDescent="0.25">
      <c r="A20020" t="s">
        <v>31405</v>
      </c>
      <c r="B20020" t="s">
        <v>31406</v>
      </c>
      <c r="C20020">
        <v>1</v>
      </c>
      <c r="D20020">
        <v>0</v>
      </c>
    </row>
    <row r="20021" spans="1:4" x14ac:dyDescent="0.25">
      <c r="A20021" t="s">
        <v>31405</v>
      </c>
      <c r="B20021" t="s">
        <v>31407</v>
      </c>
      <c r="C20021">
        <v>1</v>
      </c>
      <c r="D20021">
        <v>0</v>
      </c>
    </row>
    <row r="20022" spans="1:4" x14ac:dyDescent="0.25">
      <c r="A20022" t="s">
        <v>31408</v>
      </c>
      <c r="B20022" t="s">
        <v>31409</v>
      </c>
      <c r="C20022">
        <v>2</v>
      </c>
      <c r="D20022">
        <v>0</v>
      </c>
    </row>
    <row r="20023" spans="1:4" x14ac:dyDescent="0.25">
      <c r="A20023" t="s">
        <v>31408</v>
      </c>
      <c r="B20023" t="s">
        <v>31410</v>
      </c>
      <c r="C20023">
        <v>2</v>
      </c>
      <c r="D20023">
        <v>0</v>
      </c>
    </row>
    <row r="20024" spans="1:4" x14ac:dyDescent="0.25">
      <c r="A20024" t="s">
        <v>31408</v>
      </c>
      <c r="B20024" t="s">
        <v>31411</v>
      </c>
      <c r="C20024">
        <v>2</v>
      </c>
      <c r="D20024">
        <v>0</v>
      </c>
    </row>
    <row r="20025" spans="1:4" x14ac:dyDescent="0.25">
      <c r="A20025" t="s">
        <v>31412</v>
      </c>
      <c r="B20025" t="s">
        <v>31413</v>
      </c>
      <c r="C20025">
        <v>0</v>
      </c>
      <c r="D20025">
        <v>0</v>
      </c>
    </row>
    <row r="20026" spans="1:4" x14ac:dyDescent="0.25">
      <c r="A20026" t="s">
        <v>31412</v>
      </c>
      <c r="B20026" t="s">
        <v>31414</v>
      </c>
      <c r="C20026">
        <v>0</v>
      </c>
      <c r="D20026">
        <v>0</v>
      </c>
    </row>
    <row r="20027" spans="1:4" x14ac:dyDescent="0.25">
      <c r="A20027" t="s">
        <v>31412</v>
      </c>
      <c r="B20027" t="s">
        <v>31415</v>
      </c>
      <c r="C20027">
        <v>0</v>
      </c>
      <c r="D20027">
        <v>0</v>
      </c>
    </row>
    <row r="20028" spans="1:4" x14ac:dyDescent="0.25">
      <c r="A20028" t="s">
        <v>31416</v>
      </c>
      <c r="B20028" t="s">
        <v>31417</v>
      </c>
      <c r="C20028">
        <v>2</v>
      </c>
      <c r="D20028">
        <v>0</v>
      </c>
    </row>
    <row r="20029" spans="1:4" x14ac:dyDescent="0.25">
      <c r="A20029" t="s">
        <v>31416</v>
      </c>
      <c r="B20029" t="s">
        <v>31418</v>
      </c>
      <c r="C20029">
        <v>2</v>
      </c>
      <c r="D20029">
        <v>0</v>
      </c>
    </row>
    <row r="20030" spans="1:4" x14ac:dyDescent="0.25">
      <c r="A20030" t="s">
        <v>31419</v>
      </c>
      <c r="B20030" t="s">
        <v>31420</v>
      </c>
      <c r="C20030">
        <v>1</v>
      </c>
      <c r="D20030">
        <v>0</v>
      </c>
    </row>
    <row r="20031" spans="1:4" x14ac:dyDescent="0.25">
      <c r="A20031" t="s">
        <v>31419</v>
      </c>
      <c r="B20031" t="s">
        <v>31421</v>
      </c>
      <c r="C20031">
        <v>1</v>
      </c>
      <c r="D20031">
        <v>0</v>
      </c>
    </row>
    <row r="20032" spans="1:4" x14ac:dyDescent="0.25">
      <c r="A20032" t="s">
        <v>31422</v>
      </c>
      <c r="B20032" t="s">
        <v>1097</v>
      </c>
      <c r="C20032">
        <v>1</v>
      </c>
      <c r="D20032">
        <v>0</v>
      </c>
    </row>
    <row r="20033" spans="1:4" x14ac:dyDescent="0.25">
      <c r="A20033" t="s">
        <v>31423</v>
      </c>
      <c r="B20033" t="s">
        <v>31424</v>
      </c>
      <c r="C20033">
        <v>0</v>
      </c>
      <c r="D20033">
        <v>0</v>
      </c>
    </row>
    <row r="20034" spans="1:4" x14ac:dyDescent="0.25">
      <c r="A20034" t="s">
        <v>31425</v>
      </c>
      <c r="B20034" t="s">
        <v>31426</v>
      </c>
      <c r="C20034">
        <v>1</v>
      </c>
      <c r="D20034">
        <v>0</v>
      </c>
    </row>
    <row r="20035" spans="1:4" x14ac:dyDescent="0.25">
      <c r="A20035" t="s">
        <v>31427</v>
      </c>
      <c r="B20035" t="s">
        <v>31428</v>
      </c>
      <c r="C20035">
        <v>2</v>
      </c>
      <c r="D20035">
        <v>0</v>
      </c>
    </row>
    <row r="20036" spans="1:4" x14ac:dyDescent="0.25">
      <c r="A20036" t="s">
        <v>31427</v>
      </c>
      <c r="B20036" t="s">
        <v>31429</v>
      </c>
      <c r="C20036">
        <v>1</v>
      </c>
      <c r="D20036">
        <v>0</v>
      </c>
    </row>
    <row r="20037" spans="1:4" x14ac:dyDescent="0.25">
      <c r="A20037" t="s">
        <v>31427</v>
      </c>
      <c r="B20037" t="s">
        <v>31430</v>
      </c>
      <c r="C20037">
        <v>0</v>
      </c>
      <c r="D20037">
        <v>0</v>
      </c>
    </row>
    <row r="20038" spans="1:4" x14ac:dyDescent="0.25">
      <c r="A20038" t="s">
        <v>31431</v>
      </c>
      <c r="B20038" t="s">
        <v>31432</v>
      </c>
      <c r="C20038">
        <v>1</v>
      </c>
      <c r="D20038">
        <v>0</v>
      </c>
    </row>
    <row r="20039" spans="1:4" x14ac:dyDescent="0.25">
      <c r="A20039" t="s">
        <v>31433</v>
      </c>
      <c r="B20039" t="s">
        <v>31434</v>
      </c>
      <c r="C20039">
        <v>1</v>
      </c>
      <c r="D20039">
        <v>0</v>
      </c>
    </row>
    <row r="20040" spans="1:4" x14ac:dyDescent="0.25">
      <c r="A20040" t="s">
        <v>31433</v>
      </c>
      <c r="B20040" t="s">
        <v>3845</v>
      </c>
      <c r="C20040">
        <v>0</v>
      </c>
      <c r="D20040">
        <v>0</v>
      </c>
    </row>
    <row r="20041" spans="1:4" x14ac:dyDescent="0.25">
      <c r="A20041" t="s">
        <v>31435</v>
      </c>
      <c r="B20041" t="s">
        <v>31436</v>
      </c>
      <c r="C20041">
        <v>1</v>
      </c>
      <c r="D20041">
        <v>0</v>
      </c>
    </row>
    <row r="20042" spans="1:4" x14ac:dyDescent="0.25">
      <c r="A20042" t="s">
        <v>31435</v>
      </c>
      <c r="B20042" t="s">
        <v>31437</v>
      </c>
      <c r="C20042">
        <v>1</v>
      </c>
      <c r="D20042">
        <v>0</v>
      </c>
    </row>
    <row r="20043" spans="1:4" x14ac:dyDescent="0.25">
      <c r="A20043" t="s">
        <v>31435</v>
      </c>
      <c r="B20043" t="s">
        <v>31438</v>
      </c>
      <c r="C20043">
        <v>2</v>
      </c>
      <c r="D20043">
        <v>0</v>
      </c>
    </row>
    <row r="20044" spans="1:4" x14ac:dyDescent="0.25">
      <c r="A20044" t="s">
        <v>31439</v>
      </c>
      <c r="B20044" t="s">
        <v>31440</v>
      </c>
      <c r="C20044">
        <v>0</v>
      </c>
      <c r="D20044">
        <v>0</v>
      </c>
    </row>
    <row r="20045" spans="1:4" x14ac:dyDescent="0.25">
      <c r="A20045" t="s">
        <v>31441</v>
      </c>
      <c r="B20045" t="s">
        <v>2704</v>
      </c>
      <c r="C20045">
        <v>1</v>
      </c>
      <c r="D20045">
        <v>0</v>
      </c>
    </row>
    <row r="20046" spans="1:4" x14ac:dyDescent="0.25">
      <c r="A20046" t="s">
        <v>31442</v>
      </c>
      <c r="B20046" t="s">
        <v>31443</v>
      </c>
      <c r="C20046">
        <v>1</v>
      </c>
      <c r="D20046">
        <v>0</v>
      </c>
    </row>
    <row r="20047" spans="1:4" x14ac:dyDescent="0.25">
      <c r="A20047" t="s">
        <v>31442</v>
      </c>
      <c r="B20047" t="s">
        <v>31444</v>
      </c>
      <c r="C20047">
        <v>1</v>
      </c>
      <c r="D20047">
        <v>0</v>
      </c>
    </row>
    <row r="20048" spans="1:4" x14ac:dyDescent="0.25">
      <c r="A20048" t="s">
        <v>31445</v>
      </c>
      <c r="B20048" t="s">
        <v>31446</v>
      </c>
      <c r="C20048">
        <v>0</v>
      </c>
      <c r="D20048">
        <v>0</v>
      </c>
    </row>
    <row r="20049" spans="1:4" x14ac:dyDescent="0.25">
      <c r="A20049" t="s">
        <v>31447</v>
      </c>
      <c r="B20049" t="s">
        <v>31448</v>
      </c>
      <c r="C20049">
        <v>0</v>
      </c>
      <c r="D20049">
        <v>0</v>
      </c>
    </row>
    <row r="20050" spans="1:4" x14ac:dyDescent="0.25">
      <c r="A20050" t="s">
        <v>31447</v>
      </c>
      <c r="B20050" t="s">
        <v>31449</v>
      </c>
      <c r="C20050">
        <v>2</v>
      </c>
      <c r="D20050">
        <v>0</v>
      </c>
    </row>
    <row r="20051" spans="1:4" x14ac:dyDescent="0.25">
      <c r="A20051" t="s">
        <v>31447</v>
      </c>
      <c r="B20051" t="s">
        <v>31450</v>
      </c>
      <c r="C20051">
        <v>1</v>
      </c>
      <c r="D20051">
        <v>0</v>
      </c>
    </row>
    <row r="20052" spans="1:4" x14ac:dyDescent="0.25">
      <c r="A20052" t="s">
        <v>31451</v>
      </c>
      <c r="B20052" t="s">
        <v>31452</v>
      </c>
      <c r="C20052">
        <v>2</v>
      </c>
      <c r="D20052">
        <v>0</v>
      </c>
    </row>
    <row r="20053" spans="1:4" x14ac:dyDescent="0.25">
      <c r="A20053" t="s">
        <v>31451</v>
      </c>
      <c r="B20053" t="s">
        <v>31453</v>
      </c>
      <c r="C20053">
        <v>1</v>
      </c>
      <c r="D20053">
        <v>0</v>
      </c>
    </row>
    <row r="20054" spans="1:4" x14ac:dyDescent="0.25">
      <c r="A20054" t="s">
        <v>31454</v>
      </c>
      <c r="B20054" t="s">
        <v>31455</v>
      </c>
      <c r="C20054">
        <v>2</v>
      </c>
      <c r="D20054">
        <v>0</v>
      </c>
    </row>
    <row r="20055" spans="1:4" x14ac:dyDescent="0.25">
      <c r="A20055" t="s">
        <v>31454</v>
      </c>
      <c r="B20055" t="s">
        <v>31456</v>
      </c>
      <c r="C20055">
        <v>2</v>
      </c>
      <c r="D20055">
        <v>0</v>
      </c>
    </row>
    <row r="20056" spans="1:4" x14ac:dyDescent="0.25">
      <c r="A20056" t="s">
        <v>31454</v>
      </c>
      <c r="B20056" t="s">
        <v>31457</v>
      </c>
      <c r="C20056">
        <v>0</v>
      </c>
      <c r="D20056">
        <v>0</v>
      </c>
    </row>
    <row r="20057" spans="1:4" x14ac:dyDescent="0.25">
      <c r="A20057" t="s">
        <v>31458</v>
      </c>
      <c r="B20057" t="s">
        <v>31459</v>
      </c>
      <c r="C20057">
        <v>1</v>
      </c>
      <c r="D20057">
        <v>0</v>
      </c>
    </row>
    <row r="20058" spans="1:4" x14ac:dyDescent="0.25">
      <c r="A20058" t="s">
        <v>31460</v>
      </c>
      <c r="B20058" t="s">
        <v>31461</v>
      </c>
      <c r="C20058">
        <v>0</v>
      </c>
      <c r="D20058">
        <v>0</v>
      </c>
    </row>
    <row r="20059" spans="1:4" x14ac:dyDescent="0.25">
      <c r="A20059" t="s">
        <v>31462</v>
      </c>
      <c r="B20059" t="s">
        <v>31463</v>
      </c>
      <c r="C20059">
        <v>1</v>
      </c>
      <c r="D20059">
        <v>0</v>
      </c>
    </row>
    <row r="20060" spans="1:4" x14ac:dyDescent="0.25">
      <c r="A20060" t="s">
        <v>31464</v>
      </c>
      <c r="B20060" t="s">
        <v>31465</v>
      </c>
      <c r="C20060">
        <v>1</v>
      </c>
      <c r="D20060">
        <v>0</v>
      </c>
    </row>
    <row r="20061" spans="1:4" x14ac:dyDescent="0.25">
      <c r="A20061" t="s">
        <v>31466</v>
      </c>
      <c r="B20061" t="s">
        <v>1887</v>
      </c>
      <c r="C20061">
        <v>0</v>
      </c>
      <c r="D20061">
        <v>0</v>
      </c>
    </row>
    <row r="20062" spans="1:4" x14ac:dyDescent="0.25">
      <c r="A20062" t="s">
        <v>31467</v>
      </c>
      <c r="B20062" t="s">
        <v>852</v>
      </c>
      <c r="C20062">
        <v>0</v>
      </c>
      <c r="D20062">
        <v>0</v>
      </c>
    </row>
    <row r="20063" spans="1:4" x14ac:dyDescent="0.25">
      <c r="A20063" t="s">
        <v>31468</v>
      </c>
      <c r="B20063" t="s">
        <v>31469</v>
      </c>
      <c r="C20063">
        <v>0</v>
      </c>
      <c r="D20063">
        <v>0</v>
      </c>
    </row>
    <row r="20064" spans="1:4" x14ac:dyDescent="0.25">
      <c r="A20064" t="s">
        <v>31470</v>
      </c>
      <c r="B20064" t="s">
        <v>31471</v>
      </c>
      <c r="C20064">
        <v>1</v>
      </c>
      <c r="D20064">
        <v>0</v>
      </c>
    </row>
    <row r="20065" spans="1:4" x14ac:dyDescent="0.25">
      <c r="A20065" t="s">
        <v>31472</v>
      </c>
      <c r="B20065" t="s">
        <v>31473</v>
      </c>
      <c r="C20065">
        <v>0</v>
      </c>
      <c r="D20065">
        <v>0</v>
      </c>
    </row>
    <row r="20066" spans="1:4" x14ac:dyDescent="0.25">
      <c r="A20066" t="s">
        <v>31472</v>
      </c>
      <c r="B20066" t="s">
        <v>31474</v>
      </c>
      <c r="C20066">
        <v>1</v>
      </c>
      <c r="D20066">
        <v>0</v>
      </c>
    </row>
    <row r="20067" spans="1:4" x14ac:dyDescent="0.25">
      <c r="A20067" t="s">
        <v>31472</v>
      </c>
      <c r="B20067" t="s">
        <v>31475</v>
      </c>
      <c r="C20067">
        <v>0</v>
      </c>
      <c r="D20067">
        <v>0</v>
      </c>
    </row>
    <row r="20068" spans="1:4" x14ac:dyDescent="0.25">
      <c r="A20068" t="s">
        <v>31476</v>
      </c>
      <c r="B20068" t="s">
        <v>31477</v>
      </c>
      <c r="C20068">
        <v>0</v>
      </c>
      <c r="D20068">
        <v>0</v>
      </c>
    </row>
    <row r="20069" spans="1:4" x14ac:dyDescent="0.25">
      <c r="A20069" t="s">
        <v>31478</v>
      </c>
      <c r="B20069" t="s">
        <v>31479</v>
      </c>
      <c r="C20069">
        <v>1</v>
      </c>
      <c r="D20069">
        <v>0</v>
      </c>
    </row>
    <row r="20070" spans="1:4" x14ac:dyDescent="0.25">
      <c r="A20070" t="s">
        <v>31480</v>
      </c>
      <c r="B20070" t="s">
        <v>31481</v>
      </c>
      <c r="C20070">
        <v>0</v>
      </c>
      <c r="D20070">
        <v>0</v>
      </c>
    </row>
    <row r="20071" spans="1:4" x14ac:dyDescent="0.25">
      <c r="A20071" t="s">
        <v>31482</v>
      </c>
      <c r="B20071" t="s">
        <v>31483</v>
      </c>
      <c r="C20071">
        <v>1</v>
      </c>
      <c r="D20071">
        <v>0</v>
      </c>
    </row>
    <row r="20072" spans="1:4" x14ac:dyDescent="0.25">
      <c r="A20072" t="s">
        <v>31484</v>
      </c>
      <c r="B20072" t="s">
        <v>31485</v>
      </c>
      <c r="C20072">
        <v>0</v>
      </c>
      <c r="D20072">
        <v>0</v>
      </c>
    </row>
    <row r="20073" spans="1:4" x14ac:dyDescent="0.25">
      <c r="A20073" t="s">
        <v>31486</v>
      </c>
      <c r="B20073" t="s">
        <v>31487</v>
      </c>
      <c r="C20073">
        <v>1</v>
      </c>
      <c r="D20073">
        <v>0</v>
      </c>
    </row>
    <row r="20074" spans="1:4" x14ac:dyDescent="0.25">
      <c r="A20074" t="s">
        <v>31486</v>
      </c>
      <c r="B20074" t="s">
        <v>31488</v>
      </c>
      <c r="C20074">
        <v>2</v>
      </c>
      <c r="D20074">
        <v>0</v>
      </c>
    </row>
    <row r="20075" spans="1:4" x14ac:dyDescent="0.25">
      <c r="A20075" t="s">
        <v>31486</v>
      </c>
      <c r="B20075" t="s">
        <v>31489</v>
      </c>
      <c r="C20075">
        <v>2</v>
      </c>
      <c r="D20075">
        <v>0</v>
      </c>
    </row>
    <row r="20076" spans="1:4" x14ac:dyDescent="0.25">
      <c r="A20076" t="s">
        <v>31490</v>
      </c>
      <c r="B20076" t="s">
        <v>31491</v>
      </c>
      <c r="C20076">
        <v>0</v>
      </c>
      <c r="D20076">
        <v>0</v>
      </c>
    </row>
    <row r="20077" spans="1:4" x14ac:dyDescent="0.25">
      <c r="A20077" t="s">
        <v>31490</v>
      </c>
      <c r="B20077" t="s">
        <v>31492</v>
      </c>
      <c r="C20077">
        <v>1</v>
      </c>
      <c r="D20077">
        <v>0</v>
      </c>
    </row>
    <row r="20078" spans="1:4" x14ac:dyDescent="0.25">
      <c r="A20078" t="s">
        <v>31493</v>
      </c>
      <c r="B20078" t="s">
        <v>31494</v>
      </c>
      <c r="C20078">
        <v>2</v>
      </c>
      <c r="D20078">
        <v>0</v>
      </c>
    </row>
    <row r="20079" spans="1:4" x14ac:dyDescent="0.25">
      <c r="A20079" t="s">
        <v>31493</v>
      </c>
      <c r="B20079" t="s">
        <v>31495</v>
      </c>
      <c r="C20079">
        <v>1</v>
      </c>
      <c r="D20079">
        <v>0</v>
      </c>
    </row>
    <row r="20080" spans="1:4" x14ac:dyDescent="0.25">
      <c r="A20080" t="s">
        <v>31496</v>
      </c>
      <c r="B20080" t="s">
        <v>31497</v>
      </c>
      <c r="C20080">
        <v>0</v>
      </c>
      <c r="D20080">
        <v>0</v>
      </c>
    </row>
    <row r="20081" spans="1:4" x14ac:dyDescent="0.25">
      <c r="A20081" t="s">
        <v>31498</v>
      </c>
      <c r="B20081" t="s">
        <v>31499</v>
      </c>
      <c r="C20081">
        <v>1</v>
      </c>
      <c r="D20081">
        <v>0</v>
      </c>
    </row>
    <row r="20082" spans="1:4" x14ac:dyDescent="0.25">
      <c r="A20082" t="s">
        <v>31498</v>
      </c>
      <c r="B20082" t="s">
        <v>31500</v>
      </c>
      <c r="C20082">
        <v>0</v>
      </c>
      <c r="D20082">
        <v>0</v>
      </c>
    </row>
    <row r="20083" spans="1:4" x14ac:dyDescent="0.25">
      <c r="A20083" t="s">
        <v>31498</v>
      </c>
      <c r="B20083" t="s">
        <v>31501</v>
      </c>
      <c r="C20083">
        <v>1</v>
      </c>
      <c r="D20083">
        <v>0</v>
      </c>
    </row>
    <row r="20084" spans="1:4" x14ac:dyDescent="0.25">
      <c r="A20084" t="s">
        <v>31502</v>
      </c>
      <c r="B20084" t="s">
        <v>31503</v>
      </c>
      <c r="C20084">
        <v>1</v>
      </c>
      <c r="D20084">
        <v>0</v>
      </c>
    </row>
    <row r="20085" spans="1:4" x14ac:dyDescent="0.25">
      <c r="A20085" t="s">
        <v>31502</v>
      </c>
      <c r="B20085" t="s">
        <v>31504</v>
      </c>
      <c r="C20085">
        <v>0</v>
      </c>
      <c r="D20085">
        <v>0</v>
      </c>
    </row>
    <row r="20086" spans="1:4" x14ac:dyDescent="0.25">
      <c r="A20086" t="s">
        <v>31502</v>
      </c>
      <c r="B20086" t="s">
        <v>31505</v>
      </c>
      <c r="C20086">
        <v>0</v>
      </c>
      <c r="D20086">
        <v>0</v>
      </c>
    </row>
    <row r="20087" spans="1:4" x14ac:dyDescent="0.25">
      <c r="A20087" t="s">
        <v>31506</v>
      </c>
      <c r="B20087" t="s">
        <v>1097</v>
      </c>
      <c r="C20087">
        <v>1</v>
      </c>
      <c r="D20087">
        <v>0</v>
      </c>
    </row>
    <row r="20088" spans="1:4" x14ac:dyDescent="0.25">
      <c r="A20088" t="s">
        <v>31507</v>
      </c>
      <c r="B20088" t="s">
        <v>398</v>
      </c>
      <c r="C20088">
        <v>0</v>
      </c>
      <c r="D20088">
        <v>0</v>
      </c>
    </row>
    <row r="20089" spans="1:4" x14ac:dyDescent="0.25">
      <c r="A20089" t="s">
        <v>31508</v>
      </c>
      <c r="B20089" t="s">
        <v>31509</v>
      </c>
      <c r="C20089">
        <v>1</v>
      </c>
      <c r="D20089">
        <v>0</v>
      </c>
    </row>
    <row r="20090" spans="1:4" x14ac:dyDescent="0.25">
      <c r="A20090" t="s">
        <v>31508</v>
      </c>
      <c r="B20090" t="s">
        <v>31510</v>
      </c>
      <c r="C20090">
        <v>0</v>
      </c>
      <c r="D20090">
        <v>0</v>
      </c>
    </row>
    <row r="20091" spans="1:4" x14ac:dyDescent="0.25">
      <c r="A20091" t="s">
        <v>31511</v>
      </c>
      <c r="B20091" t="s">
        <v>31512</v>
      </c>
      <c r="C20091">
        <v>1</v>
      </c>
      <c r="D20091">
        <v>0</v>
      </c>
    </row>
    <row r="20092" spans="1:4" x14ac:dyDescent="0.25">
      <c r="A20092" t="s">
        <v>31511</v>
      </c>
      <c r="B20092" t="s">
        <v>31513</v>
      </c>
      <c r="C20092">
        <v>0</v>
      </c>
      <c r="D20092">
        <v>0</v>
      </c>
    </row>
    <row r="20093" spans="1:4" x14ac:dyDescent="0.25">
      <c r="A20093" t="s">
        <v>31514</v>
      </c>
      <c r="B20093" t="s">
        <v>31515</v>
      </c>
      <c r="C20093">
        <v>2</v>
      </c>
      <c r="D20093">
        <v>0</v>
      </c>
    </row>
    <row r="20094" spans="1:4" x14ac:dyDescent="0.25">
      <c r="A20094" t="s">
        <v>31516</v>
      </c>
      <c r="B20094" t="s">
        <v>31517</v>
      </c>
      <c r="C20094">
        <v>0</v>
      </c>
      <c r="D20094">
        <v>0</v>
      </c>
    </row>
    <row r="20095" spans="1:4" x14ac:dyDescent="0.25">
      <c r="A20095" t="s">
        <v>31516</v>
      </c>
      <c r="B20095" t="s">
        <v>31518</v>
      </c>
      <c r="C20095">
        <v>1</v>
      </c>
      <c r="D20095">
        <v>0</v>
      </c>
    </row>
    <row r="20096" spans="1:4" x14ac:dyDescent="0.25">
      <c r="A20096" t="s">
        <v>31519</v>
      </c>
      <c r="B20096" t="s">
        <v>31520</v>
      </c>
      <c r="C20096">
        <v>1</v>
      </c>
      <c r="D20096">
        <v>0</v>
      </c>
    </row>
    <row r="20097" spans="1:4" x14ac:dyDescent="0.25">
      <c r="A20097" t="s">
        <v>31521</v>
      </c>
      <c r="B20097" t="s">
        <v>31522</v>
      </c>
      <c r="C20097">
        <v>1</v>
      </c>
      <c r="D20097">
        <v>0</v>
      </c>
    </row>
    <row r="20098" spans="1:4" x14ac:dyDescent="0.25">
      <c r="A20098" t="s">
        <v>31521</v>
      </c>
      <c r="B20098" t="s">
        <v>31523</v>
      </c>
      <c r="C20098">
        <v>1</v>
      </c>
      <c r="D20098">
        <v>0</v>
      </c>
    </row>
    <row r="20099" spans="1:4" x14ac:dyDescent="0.25">
      <c r="A20099" t="s">
        <v>31524</v>
      </c>
      <c r="B20099" t="s">
        <v>31525</v>
      </c>
      <c r="C20099">
        <v>0</v>
      </c>
      <c r="D20099">
        <v>0</v>
      </c>
    </row>
    <row r="20100" spans="1:4" x14ac:dyDescent="0.25">
      <c r="A20100" t="s">
        <v>31524</v>
      </c>
      <c r="B20100" t="s">
        <v>31526</v>
      </c>
      <c r="C20100">
        <v>1</v>
      </c>
      <c r="D20100">
        <v>0</v>
      </c>
    </row>
    <row r="20101" spans="1:4" x14ac:dyDescent="0.25">
      <c r="A20101" t="s">
        <v>31524</v>
      </c>
      <c r="B20101" t="s">
        <v>31527</v>
      </c>
      <c r="C20101">
        <v>0</v>
      </c>
      <c r="D20101">
        <v>0</v>
      </c>
    </row>
    <row r="20102" spans="1:4" x14ac:dyDescent="0.25">
      <c r="A20102" t="s">
        <v>31528</v>
      </c>
      <c r="B20102" t="s">
        <v>31529</v>
      </c>
      <c r="C20102">
        <v>0</v>
      </c>
      <c r="D20102">
        <v>0</v>
      </c>
    </row>
    <row r="20103" spans="1:4" x14ac:dyDescent="0.25">
      <c r="A20103" t="s">
        <v>31528</v>
      </c>
      <c r="B20103" t="s">
        <v>31530</v>
      </c>
      <c r="C20103">
        <v>0</v>
      </c>
      <c r="D20103">
        <v>0</v>
      </c>
    </row>
    <row r="20104" spans="1:4" x14ac:dyDescent="0.25">
      <c r="A20104" t="s">
        <v>31528</v>
      </c>
      <c r="B20104" t="s">
        <v>31531</v>
      </c>
      <c r="C20104">
        <v>1</v>
      </c>
      <c r="D20104">
        <v>0</v>
      </c>
    </row>
    <row r="20105" spans="1:4" x14ac:dyDescent="0.25">
      <c r="A20105" t="s">
        <v>31532</v>
      </c>
      <c r="B20105" t="s">
        <v>31533</v>
      </c>
      <c r="C20105">
        <v>2</v>
      </c>
      <c r="D20105">
        <v>0</v>
      </c>
    </row>
    <row r="20106" spans="1:4" x14ac:dyDescent="0.25">
      <c r="A20106" t="s">
        <v>31532</v>
      </c>
      <c r="B20106" t="s">
        <v>31534</v>
      </c>
      <c r="C20106">
        <v>1</v>
      </c>
      <c r="D20106">
        <v>0</v>
      </c>
    </row>
    <row r="20107" spans="1:4" x14ac:dyDescent="0.25">
      <c r="A20107" t="s">
        <v>31532</v>
      </c>
      <c r="B20107" t="s">
        <v>31535</v>
      </c>
      <c r="C20107">
        <v>1</v>
      </c>
      <c r="D20107">
        <v>0</v>
      </c>
    </row>
    <row r="20108" spans="1:4" x14ac:dyDescent="0.25">
      <c r="A20108" t="s">
        <v>31536</v>
      </c>
      <c r="B20108" t="s">
        <v>31537</v>
      </c>
      <c r="C20108">
        <v>1</v>
      </c>
      <c r="D20108">
        <v>0</v>
      </c>
    </row>
    <row r="20109" spans="1:4" x14ac:dyDescent="0.25">
      <c r="A20109" t="s">
        <v>31536</v>
      </c>
      <c r="B20109" t="s">
        <v>31538</v>
      </c>
      <c r="C20109">
        <v>1</v>
      </c>
      <c r="D20109">
        <v>0</v>
      </c>
    </row>
    <row r="20110" spans="1:4" x14ac:dyDescent="0.25">
      <c r="A20110" t="s">
        <v>31536</v>
      </c>
      <c r="B20110" t="s">
        <v>31539</v>
      </c>
      <c r="C20110">
        <v>1</v>
      </c>
      <c r="D20110">
        <v>0</v>
      </c>
    </row>
    <row r="20111" spans="1:4" x14ac:dyDescent="0.25">
      <c r="A20111" t="s">
        <v>31540</v>
      </c>
      <c r="B20111" t="s">
        <v>31541</v>
      </c>
      <c r="C20111">
        <v>0</v>
      </c>
      <c r="D20111">
        <v>0</v>
      </c>
    </row>
    <row r="20112" spans="1:4" x14ac:dyDescent="0.25">
      <c r="A20112" t="s">
        <v>31542</v>
      </c>
      <c r="B20112" t="s">
        <v>11044</v>
      </c>
      <c r="C20112">
        <v>0</v>
      </c>
      <c r="D20112">
        <v>0</v>
      </c>
    </row>
    <row r="20113" spans="1:4" x14ac:dyDescent="0.25">
      <c r="A20113" t="s">
        <v>31543</v>
      </c>
      <c r="B20113" t="s">
        <v>31544</v>
      </c>
      <c r="C20113">
        <v>2</v>
      </c>
      <c r="D20113">
        <v>0</v>
      </c>
    </row>
    <row r="20114" spans="1:4" x14ac:dyDescent="0.25">
      <c r="A20114" t="s">
        <v>31543</v>
      </c>
      <c r="B20114" t="s">
        <v>1283</v>
      </c>
      <c r="C20114">
        <v>0</v>
      </c>
      <c r="D20114">
        <v>0</v>
      </c>
    </row>
    <row r="20115" spans="1:4" x14ac:dyDescent="0.25">
      <c r="A20115" t="s">
        <v>31543</v>
      </c>
      <c r="B20115" t="s">
        <v>31545</v>
      </c>
      <c r="C20115">
        <v>2</v>
      </c>
      <c r="D20115">
        <v>0</v>
      </c>
    </row>
    <row r="20116" spans="1:4" x14ac:dyDescent="0.25">
      <c r="A20116" t="s">
        <v>31546</v>
      </c>
      <c r="B20116" t="s">
        <v>31547</v>
      </c>
      <c r="C20116">
        <v>1</v>
      </c>
      <c r="D20116">
        <v>0</v>
      </c>
    </row>
    <row r="20117" spans="1:4" x14ac:dyDescent="0.25">
      <c r="A20117" t="s">
        <v>31546</v>
      </c>
      <c r="B20117" t="s">
        <v>31548</v>
      </c>
      <c r="C20117">
        <v>1</v>
      </c>
      <c r="D20117">
        <v>0</v>
      </c>
    </row>
    <row r="20118" spans="1:4" x14ac:dyDescent="0.25">
      <c r="A20118" t="s">
        <v>31549</v>
      </c>
      <c r="B20118" t="s">
        <v>31550</v>
      </c>
      <c r="C20118">
        <v>2</v>
      </c>
      <c r="D20118">
        <v>0</v>
      </c>
    </row>
    <row r="20119" spans="1:4" x14ac:dyDescent="0.25">
      <c r="A20119" t="s">
        <v>31549</v>
      </c>
      <c r="B20119" t="s">
        <v>31551</v>
      </c>
      <c r="C20119">
        <v>2</v>
      </c>
      <c r="D20119">
        <v>0</v>
      </c>
    </row>
    <row r="20120" spans="1:4" x14ac:dyDescent="0.25">
      <c r="A20120" t="s">
        <v>31552</v>
      </c>
      <c r="B20120" t="s">
        <v>14581</v>
      </c>
      <c r="C20120">
        <v>1</v>
      </c>
      <c r="D20120">
        <v>0</v>
      </c>
    </row>
    <row r="20121" spans="1:4" x14ac:dyDescent="0.25">
      <c r="A20121" t="s">
        <v>31552</v>
      </c>
      <c r="B20121" t="s">
        <v>3926</v>
      </c>
      <c r="C20121">
        <v>1</v>
      </c>
      <c r="D20121">
        <v>0</v>
      </c>
    </row>
    <row r="20122" spans="1:4" x14ac:dyDescent="0.25">
      <c r="A20122" t="s">
        <v>31553</v>
      </c>
      <c r="B20122" t="s">
        <v>31554</v>
      </c>
      <c r="C20122">
        <v>2</v>
      </c>
      <c r="D20122">
        <v>0</v>
      </c>
    </row>
    <row r="20123" spans="1:4" x14ac:dyDescent="0.25">
      <c r="A20123" t="s">
        <v>31555</v>
      </c>
      <c r="B20123" t="s">
        <v>31556</v>
      </c>
      <c r="C20123">
        <v>2</v>
      </c>
      <c r="D20123">
        <v>0</v>
      </c>
    </row>
    <row r="20124" spans="1:4" x14ac:dyDescent="0.25">
      <c r="A20124" t="s">
        <v>31555</v>
      </c>
      <c r="B20124" t="s">
        <v>31557</v>
      </c>
      <c r="C20124">
        <v>2</v>
      </c>
      <c r="D20124">
        <v>0</v>
      </c>
    </row>
    <row r="20125" spans="1:4" x14ac:dyDescent="0.25">
      <c r="A20125" t="s">
        <v>31555</v>
      </c>
      <c r="B20125" t="s">
        <v>31558</v>
      </c>
      <c r="C20125">
        <v>0</v>
      </c>
      <c r="D20125">
        <v>0</v>
      </c>
    </row>
    <row r="20126" spans="1:4" x14ac:dyDescent="0.25">
      <c r="A20126" t="s">
        <v>31559</v>
      </c>
      <c r="B20126" t="s">
        <v>1001</v>
      </c>
      <c r="C20126">
        <v>1</v>
      </c>
      <c r="D20126">
        <v>0</v>
      </c>
    </row>
    <row r="20127" spans="1:4" x14ac:dyDescent="0.25">
      <c r="A20127" t="s">
        <v>31560</v>
      </c>
      <c r="B20127" t="s">
        <v>31561</v>
      </c>
      <c r="C20127">
        <v>1</v>
      </c>
      <c r="D20127">
        <v>0</v>
      </c>
    </row>
    <row r="20128" spans="1:4" x14ac:dyDescent="0.25">
      <c r="A20128" t="s">
        <v>31560</v>
      </c>
      <c r="B20128" t="s">
        <v>31562</v>
      </c>
      <c r="C20128">
        <v>1</v>
      </c>
      <c r="D20128">
        <v>0</v>
      </c>
    </row>
    <row r="20129" spans="1:4" x14ac:dyDescent="0.25">
      <c r="A20129" t="s">
        <v>31563</v>
      </c>
      <c r="B20129" t="s">
        <v>31564</v>
      </c>
      <c r="C20129">
        <v>2</v>
      </c>
      <c r="D20129">
        <v>0</v>
      </c>
    </row>
    <row r="20130" spans="1:4" x14ac:dyDescent="0.25">
      <c r="A20130" t="s">
        <v>31565</v>
      </c>
      <c r="B20130" t="s">
        <v>31566</v>
      </c>
      <c r="C20130">
        <v>0</v>
      </c>
      <c r="D20130">
        <v>0</v>
      </c>
    </row>
    <row r="20131" spans="1:4" x14ac:dyDescent="0.25">
      <c r="A20131" t="s">
        <v>31567</v>
      </c>
      <c r="B20131" t="s">
        <v>1294</v>
      </c>
      <c r="C20131">
        <v>1</v>
      </c>
      <c r="D20131">
        <v>0</v>
      </c>
    </row>
    <row r="20132" spans="1:4" x14ac:dyDescent="0.25">
      <c r="A20132" t="s">
        <v>31567</v>
      </c>
      <c r="B20132" t="s">
        <v>31568</v>
      </c>
      <c r="C20132">
        <v>1</v>
      </c>
      <c r="D20132">
        <v>0</v>
      </c>
    </row>
    <row r="20133" spans="1:4" x14ac:dyDescent="0.25">
      <c r="A20133" t="s">
        <v>31569</v>
      </c>
      <c r="B20133" t="s">
        <v>31570</v>
      </c>
      <c r="C20133">
        <v>2</v>
      </c>
      <c r="D20133">
        <v>0</v>
      </c>
    </row>
    <row r="20134" spans="1:4" x14ac:dyDescent="0.25">
      <c r="A20134" t="s">
        <v>31569</v>
      </c>
      <c r="B20134" t="s">
        <v>2267</v>
      </c>
      <c r="C20134">
        <v>0</v>
      </c>
      <c r="D20134">
        <v>0</v>
      </c>
    </row>
    <row r="20135" spans="1:4" x14ac:dyDescent="0.25">
      <c r="A20135" t="s">
        <v>31571</v>
      </c>
      <c r="B20135" t="s">
        <v>31572</v>
      </c>
      <c r="C20135">
        <v>1</v>
      </c>
      <c r="D20135">
        <v>0</v>
      </c>
    </row>
    <row r="20136" spans="1:4" x14ac:dyDescent="0.25">
      <c r="A20136" t="s">
        <v>31571</v>
      </c>
      <c r="B20136" t="s">
        <v>31573</v>
      </c>
      <c r="C20136">
        <v>1</v>
      </c>
      <c r="D20136">
        <v>0</v>
      </c>
    </row>
    <row r="20137" spans="1:4" x14ac:dyDescent="0.25">
      <c r="A20137" t="s">
        <v>31571</v>
      </c>
      <c r="B20137" t="s">
        <v>31574</v>
      </c>
      <c r="C20137">
        <v>1</v>
      </c>
      <c r="D20137">
        <v>0</v>
      </c>
    </row>
    <row r="20138" spans="1:4" x14ac:dyDescent="0.25">
      <c r="A20138" t="s">
        <v>31575</v>
      </c>
      <c r="B20138" t="s">
        <v>31576</v>
      </c>
      <c r="C20138">
        <v>1</v>
      </c>
      <c r="D20138">
        <v>0</v>
      </c>
    </row>
    <row r="20139" spans="1:4" x14ac:dyDescent="0.25">
      <c r="A20139" t="s">
        <v>31577</v>
      </c>
      <c r="B20139" t="s">
        <v>31578</v>
      </c>
      <c r="C20139">
        <v>1</v>
      </c>
      <c r="D20139">
        <v>0</v>
      </c>
    </row>
    <row r="20140" spans="1:4" x14ac:dyDescent="0.25">
      <c r="A20140" t="s">
        <v>31579</v>
      </c>
      <c r="B20140" t="s">
        <v>31580</v>
      </c>
      <c r="C20140">
        <v>0</v>
      </c>
      <c r="D20140">
        <v>0</v>
      </c>
    </row>
    <row r="20141" spans="1:4" x14ac:dyDescent="0.25">
      <c r="A20141" t="s">
        <v>31581</v>
      </c>
      <c r="B20141" t="s">
        <v>31582</v>
      </c>
      <c r="C20141">
        <v>1</v>
      </c>
      <c r="D20141">
        <v>0</v>
      </c>
    </row>
    <row r="20142" spans="1:4" x14ac:dyDescent="0.25">
      <c r="A20142" t="s">
        <v>31581</v>
      </c>
      <c r="B20142" t="s">
        <v>31583</v>
      </c>
      <c r="C20142">
        <v>1</v>
      </c>
      <c r="D20142">
        <v>0</v>
      </c>
    </row>
    <row r="20143" spans="1:4" x14ac:dyDescent="0.25">
      <c r="A20143" t="s">
        <v>31581</v>
      </c>
      <c r="B20143" t="s">
        <v>31584</v>
      </c>
      <c r="C20143">
        <v>1</v>
      </c>
      <c r="D20143">
        <v>0</v>
      </c>
    </row>
    <row r="20144" spans="1:4" x14ac:dyDescent="0.25">
      <c r="A20144" t="s">
        <v>31585</v>
      </c>
      <c r="B20144" t="s">
        <v>1001</v>
      </c>
      <c r="C20144">
        <v>1</v>
      </c>
      <c r="D20144">
        <v>0</v>
      </c>
    </row>
    <row r="20145" spans="1:4" x14ac:dyDescent="0.25">
      <c r="A20145" t="s">
        <v>31585</v>
      </c>
      <c r="B20145" t="s">
        <v>31586</v>
      </c>
      <c r="C20145">
        <v>0</v>
      </c>
      <c r="D20145">
        <v>0</v>
      </c>
    </row>
    <row r="20146" spans="1:4" x14ac:dyDescent="0.25">
      <c r="A20146" t="s">
        <v>31585</v>
      </c>
      <c r="B20146" t="s">
        <v>31587</v>
      </c>
      <c r="C20146">
        <v>1</v>
      </c>
      <c r="D20146">
        <v>0</v>
      </c>
    </row>
    <row r="20147" spans="1:4" x14ac:dyDescent="0.25">
      <c r="A20147" t="s">
        <v>31588</v>
      </c>
      <c r="B20147" t="s">
        <v>9775</v>
      </c>
      <c r="C20147">
        <v>1</v>
      </c>
      <c r="D20147">
        <v>0</v>
      </c>
    </row>
    <row r="20148" spans="1:4" x14ac:dyDescent="0.25">
      <c r="A20148" t="s">
        <v>31589</v>
      </c>
      <c r="B20148" t="s">
        <v>31590</v>
      </c>
      <c r="C20148">
        <v>0</v>
      </c>
      <c r="D20148">
        <v>0</v>
      </c>
    </row>
    <row r="20149" spans="1:4" x14ac:dyDescent="0.25">
      <c r="A20149" t="s">
        <v>31589</v>
      </c>
      <c r="B20149" t="s">
        <v>31591</v>
      </c>
      <c r="C20149">
        <v>1</v>
      </c>
      <c r="D20149">
        <v>0</v>
      </c>
    </row>
    <row r="20150" spans="1:4" x14ac:dyDescent="0.25">
      <c r="A20150" t="s">
        <v>31589</v>
      </c>
      <c r="B20150" t="s">
        <v>31592</v>
      </c>
      <c r="C20150">
        <v>1</v>
      </c>
      <c r="D20150">
        <v>0</v>
      </c>
    </row>
    <row r="20151" spans="1:4" x14ac:dyDescent="0.25">
      <c r="A20151" t="s">
        <v>31593</v>
      </c>
      <c r="B20151" t="s">
        <v>31594</v>
      </c>
      <c r="C20151">
        <v>0</v>
      </c>
      <c r="D20151">
        <v>0</v>
      </c>
    </row>
    <row r="20152" spans="1:4" x14ac:dyDescent="0.25">
      <c r="A20152" t="s">
        <v>31595</v>
      </c>
      <c r="B20152" t="s">
        <v>31596</v>
      </c>
      <c r="C20152">
        <v>1</v>
      </c>
      <c r="D20152">
        <v>0</v>
      </c>
    </row>
    <row r="20153" spans="1:4" x14ac:dyDescent="0.25">
      <c r="A20153" t="s">
        <v>31597</v>
      </c>
      <c r="B20153" t="s">
        <v>31598</v>
      </c>
      <c r="C20153">
        <v>1</v>
      </c>
      <c r="D20153">
        <v>0</v>
      </c>
    </row>
    <row r="20154" spans="1:4" x14ac:dyDescent="0.25">
      <c r="A20154" t="s">
        <v>31597</v>
      </c>
      <c r="B20154" t="s">
        <v>31599</v>
      </c>
      <c r="C20154">
        <v>1</v>
      </c>
      <c r="D20154">
        <v>0</v>
      </c>
    </row>
    <row r="20155" spans="1:4" x14ac:dyDescent="0.25">
      <c r="A20155" t="s">
        <v>31600</v>
      </c>
      <c r="B20155" t="s">
        <v>31601</v>
      </c>
      <c r="C20155">
        <v>2</v>
      </c>
      <c r="D20155">
        <v>0</v>
      </c>
    </row>
    <row r="20156" spans="1:4" x14ac:dyDescent="0.25">
      <c r="A20156" t="s">
        <v>31600</v>
      </c>
      <c r="B20156" t="s">
        <v>31602</v>
      </c>
      <c r="C20156">
        <v>1</v>
      </c>
      <c r="D20156">
        <v>0</v>
      </c>
    </row>
    <row r="20157" spans="1:4" x14ac:dyDescent="0.25">
      <c r="A20157" t="s">
        <v>31600</v>
      </c>
      <c r="B20157" t="s">
        <v>31603</v>
      </c>
      <c r="C20157">
        <v>1</v>
      </c>
      <c r="D20157">
        <v>0</v>
      </c>
    </row>
    <row r="20158" spans="1:4" x14ac:dyDescent="0.25">
      <c r="A20158" t="s">
        <v>31604</v>
      </c>
      <c r="B20158" t="s">
        <v>31605</v>
      </c>
      <c r="C20158">
        <v>1</v>
      </c>
      <c r="D20158">
        <v>0</v>
      </c>
    </row>
    <row r="20159" spans="1:4" x14ac:dyDescent="0.25">
      <c r="A20159" t="s">
        <v>31606</v>
      </c>
      <c r="B20159" t="s">
        <v>2704</v>
      </c>
      <c r="C20159">
        <v>1</v>
      </c>
      <c r="D20159">
        <v>0</v>
      </c>
    </row>
    <row r="20160" spans="1:4" x14ac:dyDescent="0.25">
      <c r="A20160" t="s">
        <v>31606</v>
      </c>
      <c r="B20160" t="s">
        <v>1567</v>
      </c>
      <c r="C20160">
        <v>0</v>
      </c>
      <c r="D20160">
        <v>0</v>
      </c>
    </row>
    <row r="20161" spans="1:4" x14ac:dyDescent="0.25">
      <c r="A20161" t="s">
        <v>31607</v>
      </c>
      <c r="B20161" t="s">
        <v>31608</v>
      </c>
      <c r="C20161">
        <v>1</v>
      </c>
      <c r="D20161">
        <v>0</v>
      </c>
    </row>
    <row r="20162" spans="1:4" x14ac:dyDescent="0.25">
      <c r="A20162" t="s">
        <v>31609</v>
      </c>
      <c r="B20162" t="s">
        <v>31610</v>
      </c>
      <c r="C20162">
        <v>1</v>
      </c>
      <c r="D20162">
        <v>0</v>
      </c>
    </row>
    <row r="20163" spans="1:4" x14ac:dyDescent="0.25">
      <c r="A20163" t="s">
        <v>31611</v>
      </c>
      <c r="B20163" t="s">
        <v>2267</v>
      </c>
      <c r="C20163">
        <v>0</v>
      </c>
      <c r="D20163">
        <v>0</v>
      </c>
    </row>
    <row r="20164" spans="1:4" x14ac:dyDescent="0.25">
      <c r="A20164" t="s">
        <v>31611</v>
      </c>
      <c r="B20164" t="s">
        <v>31612</v>
      </c>
      <c r="C20164">
        <v>0</v>
      </c>
      <c r="D20164">
        <v>0</v>
      </c>
    </row>
    <row r="20165" spans="1:4" x14ac:dyDescent="0.25">
      <c r="A20165" t="s">
        <v>31613</v>
      </c>
      <c r="B20165" t="s">
        <v>31614</v>
      </c>
      <c r="C20165">
        <v>0</v>
      </c>
      <c r="D20165">
        <v>0</v>
      </c>
    </row>
    <row r="20166" spans="1:4" x14ac:dyDescent="0.25">
      <c r="A20166" t="s">
        <v>31613</v>
      </c>
      <c r="B20166" t="s">
        <v>1101</v>
      </c>
      <c r="C20166">
        <v>1</v>
      </c>
      <c r="D20166">
        <v>0</v>
      </c>
    </row>
    <row r="20167" spans="1:4" x14ac:dyDescent="0.25">
      <c r="A20167" t="s">
        <v>31613</v>
      </c>
      <c r="B20167" t="s">
        <v>9010</v>
      </c>
      <c r="C20167">
        <v>2</v>
      </c>
      <c r="D20167">
        <v>0</v>
      </c>
    </row>
    <row r="20168" spans="1:4" x14ac:dyDescent="0.25">
      <c r="A20168" t="s">
        <v>31615</v>
      </c>
      <c r="B20168" t="s">
        <v>31616</v>
      </c>
      <c r="C20168">
        <v>1</v>
      </c>
      <c r="D20168">
        <v>0</v>
      </c>
    </row>
    <row r="20169" spans="1:4" x14ac:dyDescent="0.25">
      <c r="A20169" t="s">
        <v>31617</v>
      </c>
      <c r="B20169" t="s">
        <v>31618</v>
      </c>
      <c r="C20169">
        <v>0</v>
      </c>
      <c r="D20169">
        <v>0</v>
      </c>
    </row>
    <row r="20170" spans="1:4" x14ac:dyDescent="0.25">
      <c r="A20170" t="s">
        <v>31619</v>
      </c>
      <c r="B20170" t="s">
        <v>31620</v>
      </c>
      <c r="C20170">
        <v>2</v>
      </c>
      <c r="D20170">
        <v>0</v>
      </c>
    </row>
    <row r="20171" spans="1:4" x14ac:dyDescent="0.25">
      <c r="A20171" t="s">
        <v>31621</v>
      </c>
      <c r="B20171" t="s">
        <v>31622</v>
      </c>
      <c r="C20171">
        <v>1</v>
      </c>
      <c r="D20171">
        <v>0</v>
      </c>
    </row>
    <row r="20172" spans="1:4" x14ac:dyDescent="0.25">
      <c r="A20172" t="s">
        <v>31621</v>
      </c>
      <c r="B20172" t="s">
        <v>31623</v>
      </c>
      <c r="C20172">
        <v>2</v>
      </c>
      <c r="D20172">
        <v>0</v>
      </c>
    </row>
    <row r="20173" spans="1:4" x14ac:dyDescent="0.25">
      <c r="A20173" t="s">
        <v>31624</v>
      </c>
      <c r="B20173" t="s">
        <v>31625</v>
      </c>
      <c r="C20173">
        <v>0</v>
      </c>
      <c r="D20173">
        <v>0</v>
      </c>
    </row>
    <row r="20174" spans="1:4" x14ac:dyDescent="0.25">
      <c r="A20174" t="s">
        <v>31624</v>
      </c>
      <c r="B20174" t="s">
        <v>31626</v>
      </c>
      <c r="C20174">
        <v>1</v>
      </c>
      <c r="D20174">
        <v>0</v>
      </c>
    </row>
    <row r="20175" spans="1:4" x14ac:dyDescent="0.25">
      <c r="A20175" t="s">
        <v>31627</v>
      </c>
      <c r="B20175" t="s">
        <v>31628</v>
      </c>
      <c r="C20175">
        <v>0</v>
      </c>
      <c r="D20175">
        <v>0</v>
      </c>
    </row>
    <row r="20176" spans="1:4" x14ac:dyDescent="0.25">
      <c r="A20176" t="s">
        <v>31629</v>
      </c>
      <c r="B20176" t="s">
        <v>31630</v>
      </c>
      <c r="C20176">
        <v>0</v>
      </c>
      <c r="D20176">
        <v>0</v>
      </c>
    </row>
    <row r="20177" spans="1:4" x14ac:dyDescent="0.25">
      <c r="A20177" t="s">
        <v>31631</v>
      </c>
      <c r="B20177" t="s">
        <v>31632</v>
      </c>
      <c r="C20177">
        <v>1</v>
      </c>
      <c r="D20177">
        <v>0</v>
      </c>
    </row>
    <row r="20178" spans="1:4" x14ac:dyDescent="0.25">
      <c r="A20178" t="s">
        <v>31631</v>
      </c>
      <c r="B20178" t="s">
        <v>31633</v>
      </c>
      <c r="C20178">
        <v>1</v>
      </c>
      <c r="D20178">
        <v>0</v>
      </c>
    </row>
    <row r="20179" spans="1:4" x14ac:dyDescent="0.25">
      <c r="A20179" t="s">
        <v>31631</v>
      </c>
      <c r="B20179" t="s">
        <v>31634</v>
      </c>
      <c r="C20179">
        <v>1</v>
      </c>
      <c r="D20179">
        <v>0</v>
      </c>
    </row>
    <row r="20180" spans="1:4" x14ac:dyDescent="0.25">
      <c r="A20180" t="s">
        <v>31635</v>
      </c>
      <c r="B20180" t="s">
        <v>31636</v>
      </c>
      <c r="C20180">
        <v>1</v>
      </c>
      <c r="D20180">
        <v>0</v>
      </c>
    </row>
    <row r="20181" spans="1:4" x14ac:dyDescent="0.25">
      <c r="A20181" t="s">
        <v>31635</v>
      </c>
      <c r="B20181" t="s">
        <v>31637</v>
      </c>
      <c r="C20181">
        <v>1</v>
      </c>
      <c r="D20181">
        <v>0</v>
      </c>
    </row>
    <row r="20182" spans="1:4" x14ac:dyDescent="0.25">
      <c r="A20182" t="s">
        <v>31638</v>
      </c>
      <c r="B20182" t="s">
        <v>31639</v>
      </c>
      <c r="C20182">
        <v>0</v>
      </c>
      <c r="D20182">
        <v>0</v>
      </c>
    </row>
    <row r="20183" spans="1:4" x14ac:dyDescent="0.25">
      <c r="A20183" t="s">
        <v>31638</v>
      </c>
      <c r="B20183" t="s">
        <v>31640</v>
      </c>
      <c r="C20183">
        <v>0</v>
      </c>
      <c r="D20183">
        <v>0</v>
      </c>
    </row>
    <row r="20184" spans="1:4" x14ac:dyDescent="0.25">
      <c r="A20184" t="s">
        <v>31638</v>
      </c>
      <c r="B20184" t="s">
        <v>31641</v>
      </c>
      <c r="C20184">
        <v>0</v>
      </c>
      <c r="D20184">
        <v>0</v>
      </c>
    </row>
    <row r="20185" spans="1:4" x14ac:dyDescent="0.25">
      <c r="A20185" t="s">
        <v>31642</v>
      </c>
      <c r="B20185" t="s">
        <v>31643</v>
      </c>
      <c r="C20185">
        <v>1</v>
      </c>
      <c r="D20185">
        <v>0</v>
      </c>
    </row>
    <row r="20186" spans="1:4" x14ac:dyDescent="0.25">
      <c r="A20186" t="s">
        <v>31642</v>
      </c>
      <c r="B20186" t="s">
        <v>31644</v>
      </c>
      <c r="C20186">
        <v>0</v>
      </c>
      <c r="D20186">
        <v>0</v>
      </c>
    </row>
    <row r="20187" spans="1:4" x14ac:dyDescent="0.25">
      <c r="A20187" t="s">
        <v>31642</v>
      </c>
      <c r="B20187" t="s">
        <v>31645</v>
      </c>
      <c r="C20187">
        <v>1</v>
      </c>
      <c r="D20187">
        <v>0</v>
      </c>
    </row>
    <row r="20188" spans="1:4" x14ac:dyDescent="0.25">
      <c r="A20188" t="s">
        <v>31646</v>
      </c>
      <c r="B20188" t="s">
        <v>969</v>
      </c>
      <c r="C20188">
        <v>0</v>
      </c>
      <c r="D20188">
        <v>0</v>
      </c>
    </row>
    <row r="20189" spans="1:4" x14ac:dyDescent="0.25">
      <c r="A20189" t="s">
        <v>31647</v>
      </c>
      <c r="B20189" t="s">
        <v>31648</v>
      </c>
      <c r="C20189">
        <v>1</v>
      </c>
      <c r="D20189">
        <v>0</v>
      </c>
    </row>
    <row r="20190" spans="1:4" x14ac:dyDescent="0.25">
      <c r="A20190" t="s">
        <v>31647</v>
      </c>
      <c r="B20190" t="s">
        <v>31649</v>
      </c>
      <c r="C20190">
        <v>2</v>
      </c>
      <c r="D20190">
        <v>0</v>
      </c>
    </row>
    <row r="20191" spans="1:4" x14ac:dyDescent="0.25">
      <c r="A20191" t="s">
        <v>31650</v>
      </c>
      <c r="B20191" t="s">
        <v>2061</v>
      </c>
      <c r="C20191">
        <v>0</v>
      </c>
      <c r="D20191">
        <v>0</v>
      </c>
    </row>
    <row r="20192" spans="1:4" x14ac:dyDescent="0.25">
      <c r="A20192" t="s">
        <v>31651</v>
      </c>
      <c r="B20192" t="s">
        <v>31652</v>
      </c>
      <c r="C20192">
        <v>0</v>
      </c>
      <c r="D20192">
        <v>0</v>
      </c>
    </row>
    <row r="20193" spans="1:4" x14ac:dyDescent="0.25">
      <c r="A20193" t="s">
        <v>31651</v>
      </c>
      <c r="B20193" t="s">
        <v>31653</v>
      </c>
      <c r="C20193">
        <v>2</v>
      </c>
      <c r="D20193">
        <v>0</v>
      </c>
    </row>
    <row r="20194" spans="1:4" x14ac:dyDescent="0.25">
      <c r="A20194" t="s">
        <v>31651</v>
      </c>
      <c r="B20194" t="s">
        <v>2061</v>
      </c>
      <c r="C20194">
        <v>0</v>
      </c>
      <c r="D20194">
        <v>0</v>
      </c>
    </row>
    <row r="20195" spans="1:4" x14ac:dyDescent="0.25">
      <c r="A20195" t="s">
        <v>31654</v>
      </c>
      <c r="B20195" t="s">
        <v>31655</v>
      </c>
      <c r="C20195">
        <v>1</v>
      </c>
      <c r="D20195">
        <v>0</v>
      </c>
    </row>
    <row r="20196" spans="1:4" x14ac:dyDescent="0.25">
      <c r="A20196" t="s">
        <v>31654</v>
      </c>
      <c r="B20196" t="s">
        <v>31656</v>
      </c>
      <c r="C20196">
        <v>0</v>
      </c>
      <c r="D20196">
        <v>0</v>
      </c>
    </row>
    <row r="20197" spans="1:4" x14ac:dyDescent="0.25">
      <c r="A20197" t="s">
        <v>31657</v>
      </c>
      <c r="B20197" t="s">
        <v>31658</v>
      </c>
      <c r="C20197">
        <v>1</v>
      </c>
      <c r="D20197">
        <v>0</v>
      </c>
    </row>
    <row r="20198" spans="1:4" x14ac:dyDescent="0.25">
      <c r="A20198" t="s">
        <v>31657</v>
      </c>
      <c r="B20198" t="s">
        <v>31659</v>
      </c>
      <c r="C20198">
        <v>1</v>
      </c>
      <c r="D20198">
        <v>0</v>
      </c>
    </row>
    <row r="20199" spans="1:4" x14ac:dyDescent="0.25">
      <c r="A20199" t="s">
        <v>31657</v>
      </c>
      <c r="B20199" t="s">
        <v>31660</v>
      </c>
      <c r="C20199">
        <v>1</v>
      </c>
      <c r="D20199">
        <v>0</v>
      </c>
    </row>
    <row r="20200" spans="1:4" x14ac:dyDescent="0.25">
      <c r="A20200" t="s">
        <v>31661</v>
      </c>
      <c r="B20200" t="s">
        <v>31662</v>
      </c>
      <c r="C20200">
        <v>1</v>
      </c>
      <c r="D20200">
        <v>0</v>
      </c>
    </row>
    <row r="20201" spans="1:4" x14ac:dyDescent="0.25">
      <c r="A20201" t="s">
        <v>31661</v>
      </c>
      <c r="B20201" t="s">
        <v>31663</v>
      </c>
      <c r="C20201">
        <v>0</v>
      </c>
      <c r="D20201">
        <v>0</v>
      </c>
    </row>
    <row r="20202" spans="1:4" x14ac:dyDescent="0.25">
      <c r="A20202" t="s">
        <v>31664</v>
      </c>
      <c r="B20202" t="s">
        <v>31665</v>
      </c>
      <c r="C20202">
        <v>1</v>
      </c>
      <c r="D20202">
        <v>0</v>
      </c>
    </row>
    <row r="20203" spans="1:4" x14ac:dyDescent="0.25">
      <c r="A20203" t="s">
        <v>31664</v>
      </c>
      <c r="B20203" t="s">
        <v>31666</v>
      </c>
      <c r="C20203">
        <v>2</v>
      </c>
      <c r="D20203">
        <v>0</v>
      </c>
    </row>
    <row r="20204" spans="1:4" x14ac:dyDescent="0.25">
      <c r="A20204" t="s">
        <v>31667</v>
      </c>
      <c r="B20204" t="s">
        <v>31668</v>
      </c>
      <c r="C20204">
        <v>1</v>
      </c>
      <c r="D20204">
        <v>0</v>
      </c>
    </row>
    <row r="20205" spans="1:4" x14ac:dyDescent="0.25">
      <c r="A20205" t="s">
        <v>31669</v>
      </c>
      <c r="B20205" t="s">
        <v>31670</v>
      </c>
      <c r="C20205">
        <v>1</v>
      </c>
      <c r="D20205">
        <v>0</v>
      </c>
    </row>
    <row r="20206" spans="1:4" x14ac:dyDescent="0.25">
      <c r="A20206" t="s">
        <v>31669</v>
      </c>
      <c r="B20206" t="s">
        <v>31671</v>
      </c>
      <c r="C20206">
        <v>0</v>
      </c>
      <c r="D20206">
        <v>0</v>
      </c>
    </row>
    <row r="20207" spans="1:4" x14ac:dyDescent="0.25">
      <c r="A20207" t="s">
        <v>31672</v>
      </c>
      <c r="B20207" t="s">
        <v>31673</v>
      </c>
      <c r="C20207">
        <v>1</v>
      </c>
      <c r="D20207">
        <v>0</v>
      </c>
    </row>
    <row r="20208" spans="1:4" x14ac:dyDescent="0.25">
      <c r="A20208" t="s">
        <v>31672</v>
      </c>
      <c r="B20208" t="s">
        <v>31674</v>
      </c>
      <c r="C20208">
        <v>1</v>
      </c>
      <c r="D20208">
        <v>0</v>
      </c>
    </row>
    <row r="20209" spans="1:4" x14ac:dyDescent="0.25">
      <c r="A20209" t="s">
        <v>31672</v>
      </c>
      <c r="B20209" t="s">
        <v>31675</v>
      </c>
      <c r="C20209">
        <v>1</v>
      </c>
      <c r="D20209">
        <v>0</v>
      </c>
    </row>
    <row r="20210" spans="1:4" x14ac:dyDescent="0.25">
      <c r="A20210" t="s">
        <v>31676</v>
      </c>
      <c r="B20210" t="s">
        <v>31677</v>
      </c>
      <c r="C20210">
        <v>2</v>
      </c>
      <c r="D20210">
        <v>0</v>
      </c>
    </row>
    <row r="20211" spans="1:4" x14ac:dyDescent="0.25">
      <c r="A20211" t="s">
        <v>31678</v>
      </c>
      <c r="B20211" t="s">
        <v>31679</v>
      </c>
      <c r="C20211">
        <v>1</v>
      </c>
      <c r="D20211">
        <v>0</v>
      </c>
    </row>
    <row r="20212" spans="1:4" x14ac:dyDescent="0.25">
      <c r="A20212" t="s">
        <v>31678</v>
      </c>
      <c r="B20212" t="s">
        <v>31680</v>
      </c>
      <c r="C20212">
        <v>1</v>
      </c>
      <c r="D20212">
        <v>0</v>
      </c>
    </row>
    <row r="20213" spans="1:4" x14ac:dyDescent="0.25">
      <c r="A20213" t="s">
        <v>31681</v>
      </c>
      <c r="B20213" t="s">
        <v>31682</v>
      </c>
      <c r="C20213">
        <v>0</v>
      </c>
      <c r="D20213">
        <v>0</v>
      </c>
    </row>
    <row r="20214" spans="1:4" x14ac:dyDescent="0.25">
      <c r="A20214" t="s">
        <v>31681</v>
      </c>
      <c r="B20214" t="s">
        <v>31683</v>
      </c>
      <c r="C20214">
        <v>0</v>
      </c>
      <c r="D20214">
        <v>0</v>
      </c>
    </row>
    <row r="20215" spans="1:4" x14ac:dyDescent="0.25">
      <c r="A20215" t="s">
        <v>31681</v>
      </c>
      <c r="B20215" t="s">
        <v>31684</v>
      </c>
      <c r="C20215">
        <v>0</v>
      </c>
      <c r="D20215">
        <v>0</v>
      </c>
    </row>
    <row r="20216" spans="1:4" x14ac:dyDescent="0.25">
      <c r="A20216" t="s">
        <v>31685</v>
      </c>
      <c r="B20216" t="s">
        <v>31686</v>
      </c>
      <c r="C20216">
        <v>0</v>
      </c>
      <c r="D20216">
        <v>0</v>
      </c>
    </row>
    <row r="20217" spans="1:4" x14ac:dyDescent="0.25">
      <c r="A20217" t="s">
        <v>31685</v>
      </c>
      <c r="B20217" t="s">
        <v>31687</v>
      </c>
      <c r="C20217">
        <v>2</v>
      </c>
      <c r="D20217">
        <v>0</v>
      </c>
    </row>
    <row r="20218" spans="1:4" x14ac:dyDescent="0.25">
      <c r="A20218" t="s">
        <v>31688</v>
      </c>
      <c r="B20218" t="s">
        <v>31689</v>
      </c>
      <c r="C20218">
        <v>0</v>
      </c>
      <c r="D20218">
        <v>0</v>
      </c>
    </row>
    <row r="20219" spans="1:4" x14ac:dyDescent="0.25">
      <c r="A20219" t="s">
        <v>31688</v>
      </c>
      <c r="B20219" t="s">
        <v>31690</v>
      </c>
      <c r="C20219">
        <v>2</v>
      </c>
      <c r="D20219">
        <v>0</v>
      </c>
    </row>
    <row r="20220" spans="1:4" x14ac:dyDescent="0.25">
      <c r="A20220" t="s">
        <v>31688</v>
      </c>
      <c r="B20220" t="s">
        <v>31691</v>
      </c>
      <c r="C20220">
        <v>0</v>
      </c>
      <c r="D20220">
        <v>0</v>
      </c>
    </row>
    <row r="20221" spans="1:4" x14ac:dyDescent="0.25">
      <c r="A20221" t="s">
        <v>31692</v>
      </c>
      <c r="B20221" t="s">
        <v>816</v>
      </c>
      <c r="C20221">
        <v>1</v>
      </c>
      <c r="D20221">
        <v>0</v>
      </c>
    </row>
    <row r="20222" spans="1:4" x14ac:dyDescent="0.25">
      <c r="A20222" t="s">
        <v>31693</v>
      </c>
      <c r="B20222" t="s">
        <v>31694</v>
      </c>
      <c r="C20222">
        <v>0</v>
      </c>
      <c r="D20222">
        <v>0</v>
      </c>
    </row>
    <row r="20223" spans="1:4" x14ac:dyDescent="0.25">
      <c r="A20223" t="s">
        <v>31693</v>
      </c>
      <c r="B20223" t="s">
        <v>31695</v>
      </c>
      <c r="C20223">
        <v>1</v>
      </c>
      <c r="D20223">
        <v>0</v>
      </c>
    </row>
    <row r="20224" spans="1:4" x14ac:dyDescent="0.25">
      <c r="A20224" t="s">
        <v>31693</v>
      </c>
      <c r="B20224" t="s">
        <v>31696</v>
      </c>
      <c r="C20224">
        <v>0</v>
      </c>
      <c r="D20224">
        <v>0</v>
      </c>
    </row>
    <row r="20225" spans="1:4" x14ac:dyDescent="0.25">
      <c r="A20225" t="s">
        <v>31697</v>
      </c>
      <c r="B20225" t="s">
        <v>31698</v>
      </c>
      <c r="C20225">
        <v>1</v>
      </c>
      <c r="D20225">
        <v>0</v>
      </c>
    </row>
    <row r="20226" spans="1:4" x14ac:dyDescent="0.25">
      <c r="A20226" t="s">
        <v>31697</v>
      </c>
      <c r="B20226" t="s">
        <v>31699</v>
      </c>
      <c r="C20226">
        <v>1</v>
      </c>
      <c r="D20226">
        <v>0</v>
      </c>
    </row>
    <row r="20227" spans="1:4" x14ac:dyDescent="0.25">
      <c r="A20227" t="s">
        <v>31697</v>
      </c>
      <c r="B20227" t="s">
        <v>31700</v>
      </c>
      <c r="C20227">
        <v>1</v>
      </c>
      <c r="D20227">
        <v>0</v>
      </c>
    </row>
    <row r="20228" spans="1:4" x14ac:dyDescent="0.25">
      <c r="A20228" t="s">
        <v>31701</v>
      </c>
      <c r="B20228" t="s">
        <v>31702</v>
      </c>
      <c r="C20228">
        <v>0</v>
      </c>
      <c r="D20228">
        <v>0</v>
      </c>
    </row>
    <row r="20229" spans="1:4" x14ac:dyDescent="0.25">
      <c r="A20229" t="s">
        <v>31701</v>
      </c>
      <c r="B20229" t="s">
        <v>31703</v>
      </c>
      <c r="C20229">
        <v>2</v>
      </c>
      <c r="D20229">
        <v>0</v>
      </c>
    </row>
    <row r="20230" spans="1:4" x14ac:dyDescent="0.25">
      <c r="A20230" t="s">
        <v>31701</v>
      </c>
      <c r="B20230" t="s">
        <v>31704</v>
      </c>
      <c r="C20230">
        <v>0</v>
      </c>
      <c r="D20230">
        <v>0</v>
      </c>
    </row>
    <row r="20231" spans="1:4" x14ac:dyDescent="0.25">
      <c r="A20231" t="s">
        <v>31705</v>
      </c>
      <c r="B20231" t="s">
        <v>31706</v>
      </c>
      <c r="C20231">
        <v>0</v>
      </c>
      <c r="D20231">
        <v>0</v>
      </c>
    </row>
    <row r="20232" spans="1:4" x14ac:dyDescent="0.25">
      <c r="A20232" t="s">
        <v>31705</v>
      </c>
      <c r="B20232" t="s">
        <v>25814</v>
      </c>
      <c r="C20232">
        <v>0</v>
      </c>
      <c r="D20232">
        <v>0</v>
      </c>
    </row>
    <row r="20233" spans="1:4" x14ac:dyDescent="0.25">
      <c r="A20233" t="s">
        <v>31705</v>
      </c>
      <c r="B20233" t="s">
        <v>31707</v>
      </c>
      <c r="C20233">
        <v>0</v>
      </c>
      <c r="D20233">
        <v>0</v>
      </c>
    </row>
    <row r="20234" spans="1:4" x14ac:dyDescent="0.25">
      <c r="A20234" t="s">
        <v>31708</v>
      </c>
      <c r="B20234" t="s">
        <v>31709</v>
      </c>
      <c r="C20234">
        <v>0</v>
      </c>
      <c r="D20234">
        <v>0</v>
      </c>
    </row>
    <row r="20235" spans="1:4" x14ac:dyDescent="0.25">
      <c r="A20235" t="s">
        <v>31708</v>
      </c>
      <c r="B20235" t="s">
        <v>31710</v>
      </c>
      <c r="C20235">
        <v>2</v>
      </c>
      <c r="D20235">
        <v>0</v>
      </c>
    </row>
    <row r="20236" spans="1:4" x14ac:dyDescent="0.25">
      <c r="A20236" t="s">
        <v>31711</v>
      </c>
      <c r="B20236" t="s">
        <v>31712</v>
      </c>
      <c r="C20236">
        <v>1</v>
      </c>
      <c r="D20236">
        <v>0</v>
      </c>
    </row>
    <row r="20237" spans="1:4" x14ac:dyDescent="0.25">
      <c r="A20237" t="s">
        <v>31711</v>
      </c>
      <c r="B20237" t="s">
        <v>31713</v>
      </c>
      <c r="C20237">
        <v>0</v>
      </c>
      <c r="D20237">
        <v>0</v>
      </c>
    </row>
    <row r="20238" spans="1:4" x14ac:dyDescent="0.25">
      <c r="A20238" t="s">
        <v>31711</v>
      </c>
      <c r="B20238" t="s">
        <v>31714</v>
      </c>
      <c r="C20238">
        <v>1</v>
      </c>
      <c r="D20238">
        <v>0</v>
      </c>
    </row>
    <row r="20239" spans="1:4" x14ac:dyDescent="0.25">
      <c r="A20239" t="s">
        <v>31715</v>
      </c>
      <c r="B20239" t="s">
        <v>31716</v>
      </c>
      <c r="C20239">
        <v>0</v>
      </c>
      <c r="D20239">
        <v>0</v>
      </c>
    </row>
    <row r="20240" spans="1:4" x14ac:dyDescent="0.25">
      <c r="A20240" t="s">
        <v>31717</v>
      </c>
      <c r="B20240" t="s">
        <v>31718</v>
      </c>
      <c r="C20240">
        <v>1</v>
      </c>
      <c r="D20240">
        <v>0</v>
      </c>
    </row>
    <row r="20241" spans="1:4" x14ac:dyDescent="0.25">
      <c r="A20241" t="s">
        <v>31717</v>
      </c>
      <c r="B20241" t="s">
        <v>31719</v>
      </c>
      <c r="C20241">
        <v>2</v>
      </c>
      <c r="D20241">
        <v>0</v>
      </c>
    </row>
    <row r="20242" spans="1:4" x14ac:dyDescent="0.25">
      <c r="A20242" t="s">
        <v>31720</v>
      </c>
      <c r="B20242" t="s">
        <v>31721</v>
      </c>
      <c r="C20242">
        <v>2</v>
      </c>
      <c r="D20242">
        <v>0</v>
      </c>
    </row>
    <row r="20243" spans="1:4" x14ac:dyDescent="0.25">
      <c r="A20243" t="s">
        <v>31720</v>
      </c>
      <c r="B20243" t="s">
        <v>31722</v>
      </c>
      <c r="C20243">
        <v>2</v>
      </c>
      <c r="D20243">
        <v>0</v>
      </c>
    </row>
    <row r="20244" spans="1:4" x14ac:dyDescent="0.25">
      <c r="A20244" t="s">
        <v>31723</v>
      </c>
      <c r="B20244" t="s">
        <v>31724</v>
      </c>
      <c r="C20244">
        <v>1</v>
      </c>
      <c r="D20244">
        <v>0</v>
      </c>
    </row>
    <row r="20245" spans="1:4" x14ac:dyDescent="0.25">
      <c r="A20245" t="s">
        <v>31725</v>
      </c>
      <c r="B20245" t="s">
        <v>31726</v>
      </c>
      <c r="C20245">
        <v>1</v>
      </c>
      <c r="D20245">
        <v>0</v>
      </c>
    </row>
    <row r="20246" spans="1:4" x14ac:dyDescent="0.25">
      <c r="A20246" t="s">
        <v>31725</v>
      </c>
      <c r="B20246" t="s">
        <v>31727</v>
      </c>
      <c r="C20246">
        <v>2</v>
      </c>
      <c r="D20246">
        <v>0</v>
      </c>
    </row>
    <row r="20247" spans="1:4" x14ac:dyDescent="0.25">
      <c r="A20247" t="s">
        <v>31725</v>
      </c>
      <c r="B20247" t="s">
        <v>31728</v>
      </c>
      <c r="C20247">
        <v>1</v>
      </c>
      <c r="D20247">
        <v>0</v>
      </c>
    </row>
    <row r="20248" spans="1:4" x14ac:dyDescent="0.25">
      <c r="A20248" t="s">
        <v>31729</v>
      </c>
      <c r="B20248" t="s">
        <v>31730</v>
      </c>
      <c r="C20248">
        <v>1</v>
      </c>
      <c r="D20248">
        <v>0</v>
      </c>
    </row>
    <row r="20249" spans="1:4" x14ac:dyDescent="0.25">
      <c r="A20249" t="s">
        <v>31729</v>
      </c>
      <c r="B20249" t="s">
        <v>31731</v>
      </c>
      <c r="C20249">
        <v>0</v>
      </c>
      <c r="D20249">
        <v>0</v>
      </c>
    </row>
    <row r="20250" spans="1:4" x14ac:dyDescent="0.25">
      <c r="A20250" t="s">
        <v>31732</v>
      </c>
      <c r="B20250" t="s">
        <v>843</v>
      </c>
      <c r="C20250">
        <v>1</v>
      </c>
      <c r="D20250">
        <v>0</v>
      </c>
    </row>
    <row r="20251" spans="1:4" x14ac:dyDescent="0.25">
      <c r="A20251" t="s">
        <v>31733</v>
      </c>
      <c r="B20251" t="s">
        <v>1246</v>
      </c>
      <c r="C20251">
        <v>0</v>
      </c>
      <c r="D20251">
        <v>0</v>
      </c>
    </row>
    <row r="20252" spans="1:4" x14ac:dyDescent="0.25">
      <c r="A20252" t="s">
        <v>31734</v>
      </c>
      <c r="B20252" t="s">
        <v>31735</v>
      </c>
      <c r="C20252">
        <v>2</v>
      </c>
      <c r="D20252">
        <v>0</v>
      </c>
    </row>
    <row r="20253" spans="1:4" x14ac:dyDescent="0.25">
      <c r="A20253" t="s">
        <v>31734</v>
      </c>
      <c r="B20253" t="s">
        <v>31735</v>
      </c>
      <c r="C20253">
        <v>2</v>
      </c>
      <c r="D20253">
        <v>0</v>
      </c>
    </row>
    <row r="20254" spans="1:4" x14ac:dyDescent="0.25">
      <c r="A20254" t="s">
        <v>31734</v>
      </c>
      <c r="B20254" t="s">
        <v>31736</v>
      </c>
      <c r="C20254">
        <v>2</v>
      </c>
      <c r="D20254">
        <v>0</v>
      </c>
    </row>
    <row r="20255" spans="1:4" x14ac:dyDescent="0.25">
      <c r="A20255" t="s">
        <v>31737</v>
      </c>
      <c r="B20255" t="s">
        <v>31738</v>
      </c>
      <c r="C20255">
        <v>2</v>
      </c>
      <c r="D20255">
        <v>0</v>
      </c>
    </row>
    <row r="20256" spans="1:4" x14ac:dyDescent="0.25">
      <c r="A20256" t="s">
        <v>31737</v>
      </c>
      <c r="B20256" t="s">
        <v>31739</v>
      </c>
      <c r="C20256">
        <v>0</v>
      </c>
      <c r="D20256">
        <v>0</v>
      </c>
    </row>
    <row r="20257" spans="1:4" x14ac:dyDescent="0.25">
      <c r="A20257" t="s">
        <v>31740</v>
      </c>
      <c r="B20257" t="s">
        <v>31741</v>
      </c>
      <c r="C20257">
        <v>0</v>
      </c>
      <c r="D20257">
        <v>0</v>
      </c>
    </row>
    <row r="20258" spans="1:4" x14ac:dyDescent="0.25">
      <c r="A20258" t="s">
        <v>31740</v>
      </c>
      <c r="B20258" t="s">
        <v>31742</v>
      </c>
      <c r="C20258">
        <v>0</v>
      </c>
      <c r="D20258">
        <v>0</v>
      </c>
    </row>
    <row r="20259" spans="1:4" x14ac:dyDescent="0.25">
      <c r="A20259" t="s">
        <v>31740</v>
      </c>
      <c r="B20259" t="s">
        <v>31743</v>
      </c>
      <c r="C20259">
        <v>0</v>
      </c>
      <c r="D20259">
        <v>0</v>
      </c>
    </row>
    <row r="20260" spans="1:4" x14ac:dyDescent="0.25">
      <c r="A20260" t="s">
        <v>31744</v>
      </c>
      <c r="B20260" t="s">
        <v>31745</v>
      </c>
      <c r="C20260">
        <v>1</v>
      </c>
      <c r="D20260">
        <v>0</v>
      </c>
    </row>
    <row r="20261" spans="1:4" x14ac:dyDescent="0.25">
      <c r="A20261" t="s">
        <v>31746</v>
      </c>
      <c r="B20261" t="s">
        <v>31747</v>
      </c>
      <c r="C20261">
        <v>2</v>
      </c>
      <c r="D20261">
        <v>0</v>
      </c>
    </row>
    <row r="20262" spans="1:4" x14ac:dyDescent="0.25">
      <c r="A20262" t="s">
        <v>31748</v>
      </c>
      <c r="B20262" t="s">
        <v>8004</v>
      </c>
      <c r="C20262">
        <v>1</v>
      </c>
      <c r="D20262">
        <v>0</v>
      </c>
    </row>
    <row r="20263" spans="1:4" x14ac:dyDescent="0.25">
      <c r="A20263" t="s">
        <v>31749</v>
      </c>
      <c r="B20263" t="s">
        <v>31750</v>
      </c>
      <c r="C20263">
        <v>0</v>
      </c>
      <c r="D20263">
        <v>0</v>
      </c>
    </row>
    <row r="20264" spans="1:4" x14ac:dyDescent="0.25">
      <c r="A20264" t="s">
        <v>31749</v>
      </c>
      <c r="B20264" t="s">
        <v>31751</v>
      </c>
      <c r="C20264">
        <v>0</v>
      </c>
      <c r="D20264">
        <v>0</v>
      </c>
    </row>
    <row r="20265" spans="1:4" x14ac:dyDescent="0.25">
      <c r="A20265" t="s">
        <v>31749</v>
      </c>
      <c r="B20265" t="s">
        <v>31752</v>
      </c>
      <c r="C20265">
        <v>0</v>
      </c>
      <c r="D20265">
        <v>0</v>
      </c>
    </row>
    <row r="20266" spans="1:4" x14ac:dyDescent="0.25">
      <c r="A20266" t="s">
        <v>31753</v>
      </c>
      <c r="B20266" t="s">
        <v>1101</v>
      </c>
      <c r="C20266">
        <v>1</v>
      </c>
      <c r="D20266">
        <v>0</v>
      </c>
    </row>
    <row r="20267" spans="1:4" x14ac:dyDescent="0.25">
      <c r="A20267" t="s">
        <v>31753</v>
      </c>
      <c r="B20267" t="s">
        <v>31754</v>
      </c>
      <c r="C20267">
        <v>2</v>
      </c>
      <c r="D20267">
        <v>0</v>
      </c>
    </row>
    <row r="20268" spans="1:4" x14ac:dyDescent="0.25">
      <c r="A20268" t="s">
        <v>31755</v>
      </c>
      <c r="B20268" t="s">
        <v>31756</v>
      </c>
      <c r="C20268">
        <v>0</v>
      </c>
      <c r="D20268">
        <v>0</v>
      </c>
    </row>
    <row r="20269" spans="1:4" x14ac:dyDescent="0.25">
      <c r="A20269" t="s">
        <v>31755</v>
      </c>
      <c r="B20269" t="s">
        <v>31757</v>
      </c>
      <c r="C20269">
        <v>0</v>
      </c>
      <c r="D20269">
        <v>0</v>
      </c>
    </row>
    <row r="20270" spans="1:4" x14ac:dyDescent="0.25">
      <c r="A20270" t="s">
        <v>31758</v>
      </c>
      <c r="B20270" t="s">
        <v>31759</v>
      </c>
      <c r="C20270">
        <v>1</v>
      </c>
      <c r="D20270">
        <v>0</v>
      </c>
    </row>
    <row r="20271" spans="1:4" x14ac:dyDescent="0.25">
      <c r="A20271" t="s">
        <v>31758</v>
      </c>
      <c r="B20271" t="s">
        <v>31760</v>
      </c>
      <c r="C20271">
        <v>1</v>
      </c>
      <c r="D20271">
        <v>0</v>
      </c>
    </row>
    <row r="20272" spans="1:4" x14ac:dyDescent="0.25">
      <c r="A20272" t="s">
        <v>31758</v>
      </c>
      <c r="B20272" t="s">
        <v>31761</v>
      </c>
      <c r="C20272">
        <v>1</v>
      </c>
      <c r="D20272">
        <v>0</v>
      </c>
    </row>
    <row r="20273" spans="1:4" x14ac:dyDescent="0.25">
      <c r="A20273" t="s">
        <v>31762</v>
      </c>
      <c r="B20273" t="s">
        <v>31763</v>
      </c>
      <c r="C20273">
        <v>0</v>
      </c>
      <c r="D20273">
        <v>0</v>
      </c>
    </row>
    <row r="20274" spans="1:4" x14ac:dyDescent="0.25">
      <c r="A20274" t="s">
        <v>31762</v>
      </c>
      <c r="B20274" t="s">
        <v>31764</v>
      </c>
      <c r="C20274">
        <v>1</v>
      </c>
      <c r="D20274">
        <v>0</v>
      </c>
    </row>
    <row r="20275" spans="1:4" x14ac:dyDescent="0.25">
      <c r="A20275" t="s">
        <v>31762</v>
      </c>
      <c r="B20275" t="s">
        <v>31765</v>
      </c>
      <c r="C20275">
        <v>1</v>
      </c>
      <c r="D20275">
        <v>0</v>
      </c>
    </row>
    <row r="20276" spans="1:4" x14ac:dyDescent="0.25">
      <c r="A20276" t="s">
        <v>31766</v>
      </c>
      <c r="B20276" t="s">
        <v>31767</v>
      </c>
      <c r="C20276">
        <v>1</v>
      </c>
      <c r="D20276">
        <v>0</v>
      </c>
    </row>
    <row r="20277" spans="1:4" x14ac:dyDescent="0.25">
      <c r="A20277" t="s">
        <v>31766</v>
      </c>
      <c r="B20277" t="s">
        <v>31768</v>
      </c>
      <c r="C20277">
        <v>1</v>
      </c>
      <c r="D20277">
        <v>0</v>
      </c>
    </row>
    <row r="20278" spans="1:4" x14ac:dyDescent="0.25">
      <c r="A20278" t="s">
        <v>31769</v>
      </c>
      <c r="B20278" t="s">
        <v>31770</v>
      </c>
      <c r="C20278">
        <v>1</v>
      </c>
      <c r="D20278">
        <v>0</v>
      </c>
    </row>
    <row r="20279" spans="1:4" x14ac:dyDescent="0.25">
      <c r="A20279" t="s">
        <v>31771</v>
      </c>
      <c r="B20279" t="s">
        <v>31772</v>
      </c>
      <c r="C20279">
        <v>1</v>
      </c>
      <c r="D20279">
        <v>0</v>
      </c>
    </row>
    <row r="20280" spans="1:4" x14ac:dyDescent="0.25">
      <c r="A20280" t="s">
        <v>31771</v>
      </c>
      <c r="B20280" t="s">
        <v>31773</v>
      </c>
      <c r="C20280">
        <v>1</v>
      </c>
      <c r="D20280">
        <v>0</v>
      </c>
    </row>
    <row r="20281" spans="1:4" x14ac:dyDescent="0.25">
      <c r="A20281" t="s">
        <v>31774</v>
      </c>
      <c r="B20281" t="s">
        <v>31775</v>
      </c>
      <c r="C20281">
        <v>1</v>
      </c>
      <c r="D20281">
        <v>0</v>
      </c>
    </row>
    <row r="20282" spans="1:4" x14ac:dyDescent="0.25">
      <c r="A20282" t="s">
        <v>31776</v>
      </c>
      <c r="B20282" t="s">
        <v>31777</v>
      </c>
      <c r="C20282">
        <v>2</v>
      </c>
      <c r="D20282">
        <v>0</v>
      </c>
    </row>
    <row r="20283" spans="1:4" x14ac:dyDescent="0.25">
      <c r="A20283" t="s">
        <v>31776</v>
      </c>
      <c r="B20283" t="s">
        <v>31778</v>
      </c>
      <c r="C20283">
        <v>1</v>
      </c>
      <c r="D20283">
        <v>0</v>
      </c>
    </row>
    <row r="20284" spans="1:4" x14ac:dyDescent="0.25">
      <c r="A20284" t="s">
        <v>31776</v>
      </c>
      <c r="B20284" t="s">
        <v>31779</v>
      </c>
      <c r="C20284">
        <v>2</v>
      </c>
      <c r="D20284">
        <v>0</v>
      </c>
    </row>
    <row r="20285" spans="1:4" x14ac:dyDescent="0.25">
      <c r="A20285" t="s">
        <v>31780</v>
      </c>
      <c r="B20285" t="s">
        <v>31781</v>
      </c>
      <c r="C20285">
        <v>0</v>
      </c>
      <c r="D20285">
        <v>0</v>
      </c>
    </row>
    <row r="20286" spans="1:4" x14ac:dyDescent="0.25">
      <c r="A20286" t="s">
        <v>31782</v>
      </c>
      <c r="B20286" t="s">
        <v>31783</v>
      </c>
      <c r="C20286">
        <v>2</v>
      </c>
      <c r="D20286">
        <v>0</v>
      </c>
    </row>
    <row r="20287" spans="1:4" x14ac:dyDescent="0.25">
      <c r="A20287" t="s">
        <v>31782</v>
      </c>
      <c r="B20287" t="s">
        <v>31784</v>
      </c>
      <c r="C20287">
        <v>1</v>
      </c>
      <c r="D20287">
        <v>0</v>
      </c>
    </row>
    <row r="20288" spans="1:4" x14ac:dyDescent="0.25">
      <c r="A20288" t="s">
        <v>31782</v>
      </c>
      <c r="B20288" t="s">
        <v>31785</v>
      </c>
      <c r="C20288">
        <v>2</v>
      </c>
      <c r="D20288">
        <v>0</v>
      </c>
    </row>
    <row r="20289" spans="1:4" x14ac:dyDescent="0.25">
      <c r="A20289" t="s">
        <v>31786</v>
      </c>
      <c r="B20289" t="s">
        <v>31787</v>
      </c>
      <c r="C20289">
        <v>0</v>
      </c>
      <c r="D20289">
        <v>0</v>
      </c>
    </row>
    <row r="20290" spans="1:4" x14ac:dyDescent="0.25">
      <c r="A20290" t="s">
        <v>31788</v>
      </c>
      <c r="B20290" t="s">
        <v>31789</v>
      </c>
      <c r="C20290">
        <v>0</v>
      </c>
      <c r="D20290">
        <v>0</v>
      </c>
    </row>
    <row r="20291" spans="1:4" x14ac:dyDescent="0.25">
      <c r="A20291" t="s">
        <v>31790</v>
      </c>
      <c r="B20291" t="s">
        <v>31791</v>
      </c>
      <c r="C20291">
        <v>1</v>
      </c>
      <c r="D20291">
        <v>0</v>
      </c>
    </row>
    <row r="20292" spans="1:4" x14ac:dyDescent="0.25">
      <c r="A20292" t="s">
        <v>31790</v>
      </c>
      <c r="B20292" t="s">
        <v>31792</v>
      </c>
      <c r="C20292">
        <v>0</v>
      </c>
      <c r="D20292">
        <v>0</v>
      </c>
    </row>
    <row r="20293" spans="1:4" x14ac:dyDescent="0.25">
      <c r="A20293" t="s">
        <v>31793</v>
      </c>
      <c r="B20293" t="s">
        <v>31794</v>
      </c>
      <c r="C20293">
        <v>1</v>
      </c>
      <c r="D20293">
        <v>0</v>
      </c>
    </row>
    <row r="20294" spans="1:4" x14ac:dyDescent="0.25">
      <c r="A20294" t="s">
        <v>31795</v>
      </c>
      <c r="B20294" t="s">
        <v>31796</v>
      </c>
      <c r="C20294">
        <v>0</v>
      </c>
      <c r="D20294">
        <v>0</v>
      </c>
    </row>
    <row r="20295" spans="1:4" x14ac:dyDescent="0.25">
      <c r="A20295" t="s">
        <v>31795</v>
      </c>
      <c r="B20295" t="s">
        <v>31797</v>
      </c>
      <c r="C20295">
        <v>0</v>
      </c>
      <c r="D20295">
        <v>0</v>
      </c>
    </row>
    <row r="20296" spans="1:4" x14ac:dyDescent="0.25">
      <c r="A20296" t="s">
        <v>31798</v>
      </c>
      <c r="B20296" t="s">
        <v>4958</v>
      </c>
      <c r="C20296">
        <v>1</v>
      </c>
      <c r="D20296">
        <v>0</v>
      </c>
    </row>
    <row r="20297" spans="1:4" x14ac:dyDescent="0.25">
      <c r="A20297" t="s">
        <v>31799</v>
      </c>
      <c r="B20297" t="s">
        <v>31800</v>
      </c>
      <c r="C20297">
        <v>1</v>
      </c>
      <c r="D20297">
        <v>0</v>
      </c>
    </row>
    <row r="20298" spans="1:4" x14ac:dyDescent="0.25">
      <c r="A20298" t="s">
        <v>31799</v>
      </c>
      <c r="B20298" t="s">
        <v>398</v>
      </c>
      <c r="C20298">
        <v>0</v>
      </c>
      <c r="D20298">
        <v>0</v>
      </c>
    </row>
    <row r="20299" spans="1:4" x14ac:dyDescent="0.25">
      <c r="A20299" t="s">
        <v>31801</v>
      </c>
      <c r="B20299" t="s">
        <v>31802</v>
      </c>
      <c r="C20299">
        <v>0</v>
      </c>
      <c r="D20299">
        <v>0</v>
      </c>
    </row>
    <row r="20300" spans="1:4" x14ac:dyDescent="0.25">
      <c r="A20300" t="s">
        <v>31801</v>
      </c>
      <c r="B20300" t="s">
        <v>31803</v>
      </c>
      <c r="C20300">
        <v>0</v>
      </c>
      <c r="D20300">
        <v>0</v>
      </c>
    </row>
    <row r="20301" spans="1:4" x14ac:dyDescent="0.25">
      <c r="A20301" t="s">
        <v>31801</v>
      </c>
      <c r="B20301" t="s">
        <v>31804</v>
      </c>
      <c r="C20301">
        <v>1</v>
      </c>
      <c r="D20301">
        <v>0</v>
      </c>
    </row>
    <row r="20302" spans="1:4" x14ac:dyDescent="0.25">
      <c r="A20302" t="s">
        <v>31805</v>
      </c>
      <c r="B20302" t="s">
        <v>31806</v>
      </c>
      <c r="C20302">
        <v>1</v>
      </c>
      <c r="D20302">
        <v>0</v>
      </c>
    </row>
    <row r="20303" spans="1:4" x14ac:dyDescent="0.25">
      <c r="A20303" t="s">
        <v>31807</v>
      </c>
      <c r="B20303" t="s">
        <v>31808</v>
      </c>
      <c r="C20303">
        <v>0</v>
      </c>
      <c r="D20303">
        <v>0</v>
      </c>
    </row>
    <row r="20304" spans="1:4" x14ac:dyDescent="0.25">
      <c r="A20304" t="s">
        <v>31809</v>
      </c>
      <c r="B20304" t="s">
        <v>31810</v>
      </c>
      <c r="C20304">
        <v>0</v>
      </c>
      <c r="D20304">
        <v>0</v>
      </c>
    </row>
    <row r="20305" spans="1:4" x14ac:dyDescent="0.25">
      <c r="A20305" t="s">
        <v>31809</v>
      </c>
      <c r="B20305" t="s">
        <v>31811</v>
      </c>
      <c r="C20305">
        <v>2</v>
      </c>
      <c r="D20305">
        <v>0</v>
      </c>
    </row>
    <row r="20306" spans="1:4" x14ac:dyDescent="0.25">
      <c r="A20306" t="s">
        <v>31812</v>
      </c>
      <c r="B20306" t="s">
        <v>31813</v>
      </c>
      <c r="C20306">
        <v>0</v>
      </c>
      <c r="D20306">
        <v>0</v>
      </c>
    </row>
    <row r="20307" spans="1:4" x14ac:dyDescent="0.25">
      <c r="A20307" t="s">
        <v>31814</v>
      </c>
      <c r="B20307" t="s">
        <v>23312</v>
      </c>
      <c r="C20307">
        <v>1</v>
      </c>
      <c r="D20307">
        <v>0</v>
      </c>
    </row>
    <row r="20308" spans="1:4" x14ac:dyDescent="0.25">
      <c r="A20308" t="s">
        <v>31814</v>
      </c>
      <c r="B20308" t="s">
        <v>31815</v>
      </c>
      <c r="C20308">
        <v>1</v>
      </c>
      <c r="D20308">
        <v>0</v>
      </c>
    </row>
    <row r="20309" spans="1:4" x14ac:dyDescent="0.25">
      <c r="A20309" t="s">
        <v>31814</v>
      </c>
      <c r="B20309" t="s">
        <v>31816</v>
      </c>
      <c r="C20309">
        <v>1</v>
      </c>
      <c r="D20309">
        <v>0</v>
      </c>
    </row>
    <row r="20310" spans="1:4" x14ac:dyDescent="0.25">
      <c r="A20310" t="s">
        <v>31817</v>
      </c>
      <c r="B20310" t="s">
        <v>31818</v>
      </c>
      <c r="C20310">
        <v>1</v>
      </c>
      <c r="D20310">
        <v>0</v>
      </c>
    </row>
    <row r="20311" spans="1:4" x14ac:dyDescent="0.25">
      <c r="A20311" t="s">
        <v>31817</v>
      </c>
      <c r="B20311" t="s">
        <v>31819</v>
      </c>
      <c r="C20311">
        <v>0</v>
      </c>
      <c r="D20311">
        <v>0</v>
      </c>
    </row>
    <row r="20312" spans="1:4" x14ac:dyDescent="0.25">
      <c r="A20312" t="s">
        <v>31817</v>
      </c>
      <c r="B20312" t="s">
        <v>31820</v>
      </c>
      <c r="C20312">
        <v>2</v>
      </c>
      <c r="D20312">
        <v>0</v>
      </c>
    </row>
    <row r="20313" spans="1:4" x14ac:dyDescent="0.25">
      <c r="A20313" t="s">
        <v>31821</v>
      </c>
      <c r="B20313" t="s">
        <v>31822</v>
      </c>
      <c r="C20313">
        <v>0</v>
      </c>
      <c r="D20313">
        <v>0</v>
      </c>
    </row>
    <row r="20314" spans="1:4" x14ac:dyDescent="0.25">
      <c r="A20314" t="s">
        <v>31821</v>
      </c>
      <c r="B20314" t="s">
        <v>31823</v>
      </c>
      <c r="C20314">
        <v>2</v>
      </c>
      <c r="D20314">
        <v>0</v>
      </c>
    </row>
    <row r="20315" spans="1:4" x14ac:dyDescent="0.25">
      <c r="A20315" t="s">
        <v>31824</v>
      </c>
      <c r="B20315" t="s">
        <v>31825</v>
      </c>
      <c r="C20315">
        <v>1</v>
      </c>
      <c r="D20315">
        <v>0</v>
      </c>
    </row>
    <row r="20316" spans="1:4" x14ac:dyDescent="0.25">
      <c r="A20316" t="s">
        <v>31826</v>
      </c>
      <c r="B20316" t="s">
        <v>31827</v>
      </c>
      <c r="C20316">
        <v>1</v>
      </c>
      <c r="D20316">
        <v>0</v>
      </c>
    </row>
    <row r="20317" spans="1:4" x14ac:dyDescent="0.25">
      <c r="A20317" t="s">
        <v>31826</v>
      </c>
      <c r="B20317" t="s">
        <v>31828</v>
      </c>
      <c r="C20317">
        <v>0</v>
      </c>
      <c r="D20317">
        <v>0</v>
      </c>
    </row>
    <row r="20318" spans="1:4" x14ac:dyDescent="0.25">
      <c r="A20318" t="s">
        <v>31826</v>
      </c>
      <c r="B20318" t="s">
        <v>31829</v>
      </c>
      <c r="C20318">
        <v>2</v>
      </c>
      <c r="D20318">
        <v>0</v>
      </c>
    </row>
    <row r="20319" spans="1:4" x14ac:dyDescent="0.25">
      <c r="A20319" t="s">
        <v>31830</v>
      </c>
      <c r="B20319" t="s">
        <v>31831</v>
      </c>
      <c r="C20319">
        <v>0</v>
      </c>
      <c r="D20319">
        <v>0</v>
      </c>
    </row>
    <row r="20320" spans="1:4" x14ac:dyDescent="0.25">
      <c r="A20320" t="s">
        <v>31832</v>
      </c>
      <c r="B20320" t="s">
        <v>31833</v>
      </c>
      <c r="C20320">
        <v>2</v>
      </c>
      <c r="D20320">
        <v>0</v>
      </c>
    </row>
    <row r="20321" spans="1:4" x14ac:dyDescent="0.25">
      <c r="A20321" t="s">
        <v>31832</v>
      </c>
      <c r="B20321" t="s">
        <v>31834</v>
      </c>
      <c r="C20321">
        <v>2</v>
      </c>
      <c r="D20321">
        <v>0</v>
      </c>
    </row>
    <row r="20322" spans="1:4" x14ac:dyDescent="0.25">
      <c r="A20322" t="s">
        <v>31832</v>
      </c>
      <c r="B20322" t="s">
        <v>31835</v>
      </c>
      <c r="C20322">
        <v>0</v>
      </c>
      <c r="D20322">
        <v>0</v>
      </c>
    </row>
    <row r="20323" spans="1:4" x14ac:dyDescent="0.25">
      <c r="A20323" t="s">
        <v>31836</v>
      </c>
      <c r="B20323" t="s">
        <v>31837</v>
      </c>
      <c r="C20323">
        <v>2</v>
      </c>
      <c r="D20323">
        <v>0</v>
      </c>
    </row>
    <row r="20324" spans="1:4" x14ac:dyDescent="0.25">
      <c r="A20324" t="s">
        <v>31838</v>
      </c>
      <c r="B20324" t="s">
        <v>31839</v>
      </c>
      <c r="C20324">
        <v>1</v>
      </c>
      <c r="D20324">
        <v>0</v>
      </c>
    </row>
    <row r="20325" spans="1:4" x14ac:dyDescent="0.25">
      <c r="A20325" t="s">
        <v>31838</v>
      </c>
      <c r="B20325" t="s">
        <v>31840</v>
      </c>
      <c r="C20325">
        <v>2</v>
      </c>
      <c r="D20325">
        <v>0</v>
      </c>
    </row>
    <row r="20326" spans="1:4" x14ac:dyDescent="0.25">
      <c r="A20326" t="s">
        <v>31841</v>
      </c>
      <c r="B20326" t="s">
        <v>31842</v>
      </c>
      <c r="C20326">
        <v>2</v>
      </c>
      <c r="D20326">
        <v>0</v>
      </c>
    </row>
    <row r="20327" spans="1:4" x14ac:dyDescent="0.25">
      <c r="A20327" t="s">
        <v>31843</v>
      </c>
      <c r="B20327" t="s">
        <v>31844</v>
      </c>
      <c r="C20327">
        <v>1</v>
      </c>
      <c r="D20327">
        <v>0</v>
      </c>
    </row>
    <row r="20328" spans="1:4" x14ac:dyDescent="0.25">
      <c r="A20328" t="s">
        <v>31845</v>
      </c>
      <c r="B20328" t="s">
        <v>31846</v>
      </c>
      <c r="C20328">
        <v>0</v>
      </c>
      <c r="D20328">
        <v>0</v>
      </c>
    </row>
    <row r="20329" spans="1:4" x14ac:dyDescent="0.25">
      <c r="A20329" t="s">
        <v>31845</v>
      </c>
      <c r="B20329" t="s">
        <v>31847</v>
      </c>
      <c r="C20329">
        <v>1</v>
      </c>
      <c r="D20329">
        <v>0</v>
      </c>
    </row>
    <row r="20330" spans="1:4" x14ac:dyDescent="0.25">
      <c r="A20330" t="s">
        <v>31848</v>
      </c>
      <c r="B20330" t="s">
        <v>31849</v>
      </c>
      <c r="C20330">
        <v>2</v>
      </c>
      <c r="D20330">
        <v>0</v>
      </c>
    </row>
    <row r="20331" spans="1:4" x14ac:dyDescent="0.25">
      <c r="A20331" t="s">
        <v>31848</v>
      </c>
      <c r="B20331" t="s">
        <v>31850</v>
      </c>
      <c r="C20331">
        <v>2</v>
      </c>
      <c r="D20331">
        <v>0</v>
      </c>
    </row>
    <row r="20332" spans="1:4" x14ac:dyDescent="0.25">
      <c r="A20332" t="s">
        <v>31848</v>
      </c>
      <c r="B20332" t="s">
        <v>31851</v>
      </c>
      <c r="C20332">
        <v>2</v>
      </c>
      <c r="D20332">
        <v>0</v>
      </c>
    </row>
    <row r="20333" spans="1:4" x14ac:dyDescent="0.25">
      <c r="A20333" t="s">
        <v>31852</v>
      </c>
      <c r="B20333" t="s">
        <v>31853</v>
      </c>
      <c r="C20333">
        <v>1</v>
      </c>
      <c r="D20333">
        <v>0</v>
      </c>
    </row>
    <row r="20334" spans="1:4" x14ac:dyDescent="0.25">
      <c r="A20334" t="s">
        <v>31852</v>
      </c>
      <c r="B20334" t="s">
        <v>31854</v>
      </c>
      <c r="C20334">
        <v>1</v>
      </c>
      <c r="D20334">
        <v>0</v>
      </c>
    </row>
    <row r="20335" spans="1:4" x14ac:dyDescent="0.25">
      <c r="A20335" t="s">
        <v>31852</v>
      </c>
      <c r="B20335" t="s">
        <v>4637</v>
      </c>
      <c r="C20335">
        <v>1</v>
      </c>
      <c r="D20335">
        <v>0</v>
      </c>
    </row>
    <row r="20336" spans="1:4" x14ac:dyDescent="0.25">
      <c r="A20336" t="s">
        <v>31855</v>
      </c>
      <c r="B20336" t="s">
        <v>31856</v>
      </c>
      <c r="C20336">
        <v>1</v>
      </c>
      <c r="D20336">
        <v>0</v>
      </c>
    </row>
    <row r="20337" spans="1:4" x14ac:dyDescent="0.25">
      <c r="A20337" t="s">
        <v>31855</v>
      </c>
      <c r="B20337" t="s">
        <v>816</v>
      </c>
      <c r="C20337">
        <v>1</v>
      </c>
      <c r="D20337">
        <v>0</v>
      </c>
    </row>
    <row r="20338" spans="1:4" x14ac:dyDescent="0.25">
      <c r="A20338" t="s">
        <v>31857</v>
      </c>
      <c r="B20338" t="s">
        <v>31858</v>
      </c>
      <c r="C20338">
        <v>1</v>
      </c>
      <c r="D20338">
        <v>0</v>
      </c>
    </row>
    <row r="20339" spans="1:4" x14ac:dyDescent="0.25">
      <c r="A20339" t="s">
        <v>31857</v>
      </c>
      <c r="B20339" t="s">
        <v>31859</v>
      </c>
      <c r="C20339">
        <v>0</v>
      </c>
      <c r="D20339">
        <v>0</v>
      </c>
    </row>
    <row r="20340" spans="1:4" x14ac:dyDescent="0.25">
      <c r="A20340" t="s">
        <v>31860</v>
      </c>
      <c r="B20340" t="s">
        <v>31861</v>
      </c>
      <c r="C20340">
        <v>2</v>
      </c>
      <c r="D20340">
        <v>0</v>
      </c>
    </row>
    <row r="20341" spans="1:4" x14ac:dyDescent="0.25">
      <c r="A20341" t="s">
        <v>31862</v>
      </c>
      <c r="B20341" t="s">
        <v>31863</v>
      </c>
      <c r="C20341">
        <v>2</v>
      </c>
      <c r="D20341">
        <v>0</v>
      </c>
    </row>
    <row r="20342" spans="1:4" x14ac:dyDescent="0.25">
      <c r="A20342" t="s">
        <v>31862</v>
      </c>
      <c r="B20342" t="s">
        <v>1001</v>
      </c>
      <c r="C20342">
        <v>1</v>
      </c>
      <c r="D20342">
        <v>0</v>
      </c>
    </row>
    <row r="20343" spans="1:4" x14ac:dyDescent="0.25">
      <c r="A20343" t="s">
        <v>31862</v>
      </c>
      <c r="B20343" t="s">
        <v>31864</v>
      </c>
      <c r="C20343">
        <v>0</v>
      </c>
      <c r="D20343">
        <v>0</v>
      </c>
    </row>
    <row r="20344" spans="1:4" x14ac:dyDescent="0.25">
      <c r="A20344" t="s">
        <v>31865</v>
      </c>
      <c r="B20344" t="s">
        <v>31866</v>
      </c>
      <c r="C20344">
        <v>2</v>
      </c>
      <c r="D20344">
        <v>0</v>
      </c>
    </row>
    <row r="20345" spans="1:4" x14ac:dyDescent="0.25">
      <c r="A20345" t="s">
        <v>31867</v>
      </c>
      <c r="B20345" t="s">
        <v>1769</v>
      </c>
      <c r="C20345">
        <v>1</v>
      </c>
      <c r="D20345">
        <v>0</v>
      </c>
    </row>
    <row r="20346" spans="1:4" x14ac:dyDescent="0.25">
      <c r="A20346" t="s">
        <v>31867</v>
      </c>
      <c r="B20346" t="s">
        <v>398</v>
      </c>
      <c r="C20346">
        <v>0</v>
      </c>
      <c r="D20346">
        <v>0</v>
      </c>
    </row>
    <row r="20347" spans="1:4" x14ac:dyDescent="0.25">
      <c r="A20347" t="s">
        <v>31868</v>
      </c>
      <c r="B20347" t="s">
        <v>31869</v>
      </c>
      <c r="C20347">
        <v>0</v>
      </c>
      <c r="D20347">
        <v>0</v>
      </c>
    </row>
    <row r="20348" spans="1:4" x14ac:dyDescent="0.25">
      <c r="A20348" t="s">
        <v>31870</v>
      </c>
      <c r="B20348" t="s">
        <v>1499</v>
      </c>
      <c r="C20348">
        <v>1</v>
      </c>
      <c r="D20348">
        <v>0</v>
      </c>
    </row>
    <row r="20349" spans="1:4" x14ac:dyDescent="0.25">
      <c r="A20349" t="s">
        <v>31871</v>
      </c>
      <c r="B20349" t="s">
        <v>31872</v>
      </c>
      <c r="C20349">
        <v>2</v>
      </c>
      <c r="D20349">
        <v>0</v>
      </c>
    </row>
    <row r="20350" spans="1:4" x14ac:dyDescent="0.25">
      <c r="A20350" t="s">
        <v>31871</v>
      </c>
      <c r="B20350" t="s">
        <v>31873</v>
      </c>
      <c r="C20350">
        <v>0</v>
      </c>
      <c r="D20350">
        <v>0</v>
      </c>
    </row>
    <row r="20351" spans="1:4" x14ac:dyDescent="0.25">
      <c r="A20351" t="s">
        <v>31874</v>
      </c>
      <c r="B20351" t="s">
        <v>31875</v>
      </c>
      <c r="C20351">
        <v>0</v>
      </c>
      <c r="D20351">
        <v>0</v>
      </c>
    </row>
    <row r="20352" spans="1:4" x14ac:dyDescent="0.25">
      <c r="A20352" t="s">
        <v>31874</v>
      </c>
      <c r="B20352" t="s">
        <v>31876</v>
      </c>
      <c r="C20352">
        <v>0</v>
      </c>
      <c r="D20352">
        <v>0</v>
      </c>
    </row>
    <row r="20353" spans="1:4" x14ac:dyDescent="0.25">
      <c r="A20353" t="s">
        <v>31874</v>
      </c>
      <c r="B20353" t="s">
        <v>31877</v>
      </c>
      <c r="C20353">
        <v>0</v>
      </c>
      <c r="D20353">
        <v>0</v>
      </c>
    </row>
    <row r="20354" spans="1:4" x14ac:dyDescent="0.25">
      <c r="A20354" t="s">
        <v>31878</v>
      </c>
      <c r="B20354" t="s">
        <v>31879</v>
      </c>
      <c r="C20354">
        <v>0</v>
      </c>
      <c r="D20354">
        <v>0</v>
      </c>
    </row>
    <row r="20355" spans="1:4" x14ac:dyDescent="0.25">
      <c r="A20355" t="s">
        <v>31878</v>
      </c>
      <c r="B20355" t="s">
        <v>31880</v>
      </c>
      <c r="C20355">
        <v>0</v>
      </c>
      <c r="D20355">
        <v>0</v>
      </c>
    </row>
    <row r="20356" spans="1:4" x14ac:dyDescent="0.25">
      <c r="A20356" t="s">
        <v>31878</v>
      </c>
      <c r="B20356" t="s">
        <v>31881</v>
      </c>
      <c r="C20356">
        <v>0</v>
      </c>
      <c r="D20356">
        <v>0</v>
      </c>
    </row>
    <row r="20357" spans="1:4" x14ac:dyDescent="0.25">
      <c r="A20357" t="s">
        <v>31882</v>
      </c>
      <c r="B20357" t="s">
        <v>31883</v>
      </c>
      <c r="C20357">
        <v>0</v>
      </c>
      <c r="D20357">
        <v>0</v>
      </c>
    </row>
    <row r="20358" spans="1:4" x14ac:dyDescent="0.25">
      <c r="A20358" t="s">
        <v>31884</v>
      </c>
      <c r="B20358" t="s">
        <v>31885</v>
      </c>
      <c r="C20358">
        <v>1</v>
      </c>
      <c r="D20358">
        <v>0</v>
      </c>
    </row>
    <row r="20359" spans="1:4" x14ac:dyDescent="0.25">
      <c r="A20359" t="s">
        <v>31886</v>
      </c>
      <c r="B20359" t="s">
        <v>31887</v>
      </c>
      <c r="C20359">
        <v>0</v>
      </c>
      <c r="D20359">
        <v>0</v>
      </c>
    </row>
    <row r="20360" spans="1:4" x14ac:dyDescent="0.25">
      <c r="A20360" t="s">
        <v>31886</v>
      </c>
      <c r="B20360" t="s">
        <v>31888</v>
      </c>
      <c r="C20360">
        <v>0</v>
      </c>
      <c r="D20360">
        <v>0</v>
      </c>
    </row>
    <row r="20361" spans="1:4" x14ac:dyDescent="0.25">
      <c r="A20361" t="s">
        <v>31886</v>
      </c>
      <c r="B20361" t="s">
        <v>31889</v>
      </c>
      <c r="C20361">
        <v>0</v>
      </c>
      <c r="D20361">
        <v>0</v>
      </c>
    </row>
    <row r="20362" spans="1:4" x14ac:dyDescent="0.25">
      <c r="A20362" t="s">
        <v>31890</v>
      </c>
      <c r="B20362" t="s">
        <v>31891</v>
      </c>
      <c r="C20362">
        <v>1</v>
      </c>
      <c r="D20362">
        <v>0</v>
      </c>
    </row>
    <row r="20363" spans="1:4" x14ac:dyDescent="0.25">
      <c r="A20363" t="s">
        <v>31890</v>
      </c>
      <c r="B20363" t="s">
        <v>31892</v>
      </c>
      <c r="C20363">
        <v>0</v>
      </c>
      <c r="D20363">
        <v>0</v>
      </c>
    </row>
    <row r="20364" spans="1:4" x14ac:dyDescent="0.25">
      <c r="A20364" t="s">
        <v>31890</v>
      </c>
      <c r="B20364" t="s">
        <v>31893</v>
      </c>
      <c r="C20364">
        <v>1</v>
      </c>
      <c r="D20364">
        <v>0</v>
      </c>
    </row>
    <row r="20365" spans="1:4" x14ac:dyDescent="0.25">
      <c r="A20365" t="s">
        <v>31894</v>
      </c>
      <c r="B20365" t="s">
        <v>31895</v>
      </c>
      <c r="C20365">
        <v>1</v>
      </c>
      <c r="D20365">
        <v>0</v>
      </c>
    </row>
    <row r="20366" spans="1:4" x14ac:dyDescent="0.25">
      <c r="A20366" t="s">
        <v>31894</v>
      </c>
      <c r="B20366" t="s">
        <v>31896</v>
      </c>
      <c r="C20366">
        <v>1</v>
      </c>
      <c r="D20366">
        <v>0</v>
      </c>
    </row>
    <row r="20367" spans="1:4" x14ac:dyDescent="0.25">
      <c r="A20367" t="s">
        <v>31897</v>
      </c>
      <c r="B20367" t="s">
        <v>31898</v>
      </c>
      <c r="C20367">
        <v>0</v>
      </c>
      <c r="D20367">
        <v>0</v>
      </c>
    </row>
    <row r="20368" spans="1:4" x14ac:dyDescent="0.25">
      <c r="A20368" t="s">
        <v>31897</v>
      </c>
      <c r="B20368" t="s">
        <v>31899</v>
      </c>
      <c r="C20368">
        <v>1</v>
      </c>
      <c r="D20368">
        <v>0</v>
      </c>
    </row>
    <row r="20369" spans="1:4" x14ac:dyDescent="0.25">
      <c r="A20369" t="s">
        <v>31900</v>
      </c>
      <c r="B20369" t="s">
        <v>31901</v>
      </c>
      <c r="C20369">
        <v>2</v>
      </c>
      <c r="D20369">
        <v>0</v>
      </c>
    </row>
    <row r="20370" spans="1:4" x14ac:dyDescent="0.25">
      <c r="A20370" t="s">
        <v>31902</v>
      </c>
      <c r="B20370" t="s">
        <v>31903</v>
      </c>
      <c r="C20370">
        <v>1</v>
      </c>
      <c r="D20370">
        <v>0</v>
      </c>
    </row>
    <row r="20371" spans="1:4" x14ac:dyDescent="0.25">
      <c r="A20371" t="s">
        <v>31904</v>
      </c>
      <c r="B20371" t="s">
        <v>31905</v>
      </c>
      <c r="C20371">
        <v>1</v>
      </c>
      <c r="D20371">
        <v>0</v>
      </c>
    </row>
    <row r="20372" spans="1:4" x14ac:dyDescent="0.25">
      <c r="A20372" t="s">
        <v>31904</v>
      </c>
      <c r="B20372" t="s">
        <v>31906</v>
      </c>
      <c r="C20372">
        <v>0</v>
      </c>
      <c r="D20372">
        <v>0</v>
      </c>
    </row>
    <row r="20373" spans="1:4" x14ac:dyDescent="0.25">
      <c r="A20373" t="s">
        <v>31907</v>
      </c>
      <c r="B20373" t="s">
        <v>843</v>
      </c>
      <c r="C20373">
        <v>1</v>
      </c>
      <c r="D20373">
        <v>0</v>
      </c>
    </row>
    <row r="20374" spans="1:4" x14ac:dyDescent="0.25">
      <c r="A20374" t="s">
        <v>31908</v>
      </c>
      <c r="B20374" t="s">
        <v>31909</v>
      </c>
      <c r="C20374">
        <v>1</v>
      </c>
      <c r="D20374">
        <v>0</v>
      </c>
    </row>
    <row r="20375" spans="1:4" x14ac:dyDescent="0.25">
      <c r="A20375" t="s">
        <v>31910</v>
      </c>
      <c r="B20375" t="s">
        <v>31911</v>
      </c>
      <c r="C20375">
        <v>2</v>
      </c>
      <c r="D20375">
        <v>0</v>
      </c>
    </row>
    <row r="20376" spans="1:4" x14ac:dyDescent="0.25">
      <c r="A20376" t="s">
        <v>31910</v>
      </c>
      <c r="B20376" t="s">
        <v>31912</v>
      </c>
      <c r="C20376">
        <v>1</v>
      </c>
      <c r="D20376">
        <v>0</v>
      </c>
    </row>
    <row r="20377" spans="1:4" x14ac:dyDescent="0.25">
      <c r="A20377" t="s">
        <v>31910</v>
      </c>
      <c r="B20377" t="s">
        <v>31913</v>
      </c>
      <c r="C20377">
        <v>2</v>
      </c>
      <c r="D20377">
        <v>0</v>
      </c>
    </row>
    <row r="20378" spans="1:4" x14ac:dyDescent="0.25">
      <c r="A20378" t="s">
        <v>31914</v>
      </c>
      <c r="B20378" t="s">
        <v>31915</v>
      </c>
      <c r="C20378">
        <v>0</v>
      </c>
      <c r="D20378">
        <v>0</v>
      </c>
    </row>
    <row r="20379" spans="1:4" x14ac:dyDescent="0.25">
      <c r="A20379" t="s">
        <v>31914</v>
      </c>
      <c r="B20379" t="s">
        <v>3410</v>
      </c>
      <c r="C20379">
        <v>1</v>
      </c>
      <c r="D20379">
        <v>0</v>
      </c>
    </row>
    <row r="20380" spans="1:4" x14ac:dyDescent="0.25">
      <c r="A20380" t="s">
        <v>31914</v>
      </c>
      <c r="B20380" t="s">
        <v>31916</v>
      </c>
      <c r="C20380">
        <v>0</v>
      </c>
      <c r="D20380">
        <v>0</v>
      </c>
    </row>
    <row r="20381" spans="1:4" x14ac:dyDescent="0.25">
      <c r="A20381" t="s">
        <v>31917</v>
      </c>
      <c r="B20381" t="s">
        <v>31918</v>
      </c>
      <c r="C20381">
        <v>2</v>
      </c>
      <c r="D20381">
        <v>0</v>
      </c>
    </row>
    <row r="20382" spans="1:4" x14ac:dyDescent="0.25">
      <c r="A20382" t="s">
        <v>31917</v>
      </c>
      <c r="B20382" t="s">
        <v>31919</v>
      </c>
      <c r="C20382">
        <v>2</v>
      </c>
      <c r="D20382">
        <v>0</v>
      </c>
    </row>
    <row r="20383" spans="1:4" x14ac:dyDescent="0.25">
      <c r="A20383" t="s">
        <v>31917</v>
      </c>
      <c r="B20383" t="s">
        <v>31920</v>
      </c>
      <c r="C20383">
        <v>0</v>
      </c>
      <c r="D20383">
        <v>0</v>
      </c>
    </row>
    <row r="20384" spans="1:4" x14ac:dyDescent="0.25">
      <c r="A20384" t="s">
        <v>31921</v>
      </c>
      <c r="B20384" t="s">
        <v>31922</v>
      </c>
      <c r="C20384">
        <v>0</v>
      </c>
      <c r="D20384">
        <v>0</v>
      </c>
    </row>
    <row r="20385" spans="1:4" x14ac:dyDescent="0.25">
      <c r="A20385" t="s">
        <v>31921</v>
      </c>
      <c r="B20385" t="s">
        <v>31923</v>
      </c>
      <c r="C20385">
        <v>2</v>
      </c>
      <c r="D20385">
        <v>0</v>
      </c>
    </row>
    <row r="20386" spans="1:4" x14ac:dyDescent="0.25">
      <c r="A20386" t="s">
        <v>31924</v>
      </c>
      <c r="B20386" t="s">
        <v>31925</v>
      </c>
      <c r="C20386">
        <v>2</v>
      </c>
      <c r="D20386">
        <v>0</v>
      </c>
    </row>
    <row r="20387" spans="1:4" x14ac:dyDescent="0.25">
      <c r="A20387" t="s">
        <v>31924</v>
      </c>
      <c r="B20387" t="s">
        <v>31926</v>
      </c>
      <c r="C20387">
        <v>1</v>
      </c>
      <c r="D20387">
        <v>0</v>
      </c>
    </row>
    <row r="20388" spans="1:4" x14ac:dyDescent="0.25">
      <c r="A20388" t="s">
        <v>31924</v>
      </c>
      <c r="B20388" t="s">
        <v>31927</v>
      </c>
      <c r="C20388">
        <v>0</v>
      </c>
      <c r="D20388">
        <v>0</v>
      </c>
    </row>
    <row r="20389" spans="1:4" x14ac:dyDescent="0.25">
      <c r="A20389" t="s">
        <v>31928</v>
      </c>
      <c r="B20389" t="s">
        <v>31929</v>
      </c>
      <c r="C20389">
        <v>1</v>
      </c>
      <c r="D20389">
        <v>0</v>
      </c>
    </row>
    <row r="20390" spans="1:4" x14ac:dyDescent="0.25">
      <c r="A20390" t="s">
        <v>31930</v>
      </c>
      <c r="B20390" t="s">
        <v>31931</v>
      </c>
      <c r="C20390">
        <v>1</v>
      </c>
      <c r="D20390">
        <v>0</v>
      </c>
    </row>
    <row r="20391" spans="1:4" x14ac:dyDescent="0.25">
      <c r="A20391" t="s">
        <v>31932</v>
      </c>
      <c r="B20391" t="s">
        <v>2061</v>
      </c>
      <c r="C20391">
        <v>0</v>
      </c>
      <c r="D20391">
        <v>0</v>
      </c>
    </row>
    <row r="20392" spans="1:4" x14ac:dyDescent="0.25">
      <c r="A20392" t="s">
        <v>31932</v>
      </c>
      <c r="B20392" t="s">
        <v>31933</v>
      </c>
      <c r="C20392">
        <v>2</v>
      </c>
      <c r="D20392">
        <v>0</v>
      </c>
    </row>
    <row r="20393" spans="1:4" x14ac:dyDescent="0.25">
      <c r="A20393" t="s">
        <v>31934</v>
      </c>
      <c r="B20393" t="s">
        <v>31935</v>
      </c>
      <c r="C20393">
        <v>1</v>
      </c>
      <c r="D20393">
        <v>0</v>
      </c>
    </row>
    <row r="20394" spans="1:4" x14ac:dyDescent="0.25">
      <c r="A20394" t="s">
        <v>31934</v>
      </c>
      <c r="B20394" t="s">
        <v>31936</v>
      </c>
      <c r="C20394">
        <v>0</v>
      </c>
      <c r="D20394">
        <v>0</v>
      </c>
    </row>
    <row r="20395" spans="1:4" x14ac:dyDescent="0.25">
      <c r="A20395" t="s">
        <v>31934</v>
      </c>
      <c r="B20395" t="s">
        <v>31937</v>
      </c>
      <c r="C20395">
        <v>1</v>
      </c>
      <c r="D20395">
        <v>0</v>
      </c>
    </row>
    <row r="20396" spans="1:4" x14ac:dyDescent="0.25">
      <c r="A20396" t="s">
        <v>31938</v>
      </c>
      <c r="B20396" t="s">
        <v>31939</v>
      </c>
      <c r="C20396">
        <v>0</v>
      </c>
      <c r="D20396">
        <v>0</v>
      </c>
    </row>
    <row r="20397" spans="1:4" x14ac:dyDescent="0.25">
      <c r="A20397" t="s">
        <v>31938</v>
      </c>
      <c r="B20397" t="s">
        <v>31940</v>
      </c>
      <c r="C20397">
        <v>1</v>
      </c>
      <c r="D20397">
        <v>0</v>
      </c>
    </row>
    <row r="20398" spans="1:4" x14ac:dyDescent="0.25">
      <c r="A20398" t="s">
        <v>31938</v>
      </c>
      <c r="B20398" t="s">
        <v>31941</v>
      </c>
      <c r="C20398">
        <v>0</v>
      </c>
      <c r="D20398">
        <v>0</v>
      </c>
    </row>
    <row r="20399" spans="1:4" x14ac:dyDescent="0.25">
      <c r="A20399" t="s">
        <v>31942</v>
      </c>
      <c r="B20399" t="s">
        <v>31943</v>
      </c>
      <c r="C20399">
        <v>1</v>
      </c>
      <c r="D20399">
        <v>0</v>
      </c>
    </row>
    <row r="20400" spans="1:4" x14ac:dyDescent="0.25">
      <c r="A20400" t="s">
        <v>31944</v>
      </c>
      <c r="B20400" t="s">
        <v>31945</v>
      </c>
      <c r="C20400">
        <v>0</v>
      </c>
      <c r="D20400">
        <v>0</v>
      </c>
    </row>
    <row r="20401" spans="1:4" x14ac:dyDescent="0.25">
      <c r="A20401" t="s">
        <v>31946</v>
      </c>
      <c r="B20401" t="s">
        <v>31947</v>
      </c>
      <c r="C20401">
        <v>1</v>
      </c>
      <c r="D20401">
        <v>0</v>
      </c>
    </row>
    <row r="20402" spans="1:4" x14ac:dyDescent="0.25">
      <c r="A20402" t="s">
        <v>31946</v>
      </c>
      <c r="B20402" t="s">
        <v>31948</v>
      </c>
      <c r="C20402">
        <v>0</v>
      </c>
      <c r="D20402">
        <v>0</v>
      </c>
    </row>
    <row r="20403" spans="1:4" x14ac:dyDescent="0.25">
      <c r="A20403" t="s">
        <v>31949</v>
      </c>
      <c r="B20403" t="s">
        <v>31950</v>
      </c>
      <c r="C20403">
        <v>0</v>
      </c>
      <c r="D20403">
        <v>0</v>
      </c>
    </row>
    <row r="20404" spans="1:4" x14ac:dyDescent="0.25">
      <c r="A20404" t="s">
        <v>31949</v>
      </c>
      <c r="B20404" t="s">
        <v>31951</v>
      </c>
      <c r="C20404">
        <v>1</v>
      </c>
      <c r="D20404">
        <v>0</v>
      </c>
    </row>
    <row r="20405" spans="1:4" x14ac:dyDescent="0.25">
      <c r="A20405" t="s">
        <v>31949</v>
      </c>
      <c r="B20405" t="s">
        <v>31952</v>
      </c>
      <c r="C20405">
        <v>0</v>
      </c>
      <c r="D20405">
        <v>0</v>
      </c>
    </row>
    <row r="20406" spans="1:4" x14ac:dyDescent="0.25">
      <c r="A20406" t="s">
        <v>31953</v>
      </c>
      <c r="B20406" t="s">
        <v>31954</v>
      </c>
      <c r="C20406">
        <v>2</v>
      </c>
      <c r="D20406">
        <v>0</v>
      </c>
    </row>
    <row r="20407" spans="1:4" x14ac:dyDescent="0.25">
      <c r="A20407" t="s">
        <v>31953</v>
      </c>
      <c r="B20407" t="s">
        <v>31955</v>
      </c>
      <c r="C20407">
        <v>2</v>
      </c>
      <c r="D20407">
        <v>0</v>
      </c>
    </row>
    <row r="20408" spans="1:4" x14ac:dyDescent="0.25">
      <c r="A20408" t="s">
        <v>31956</v>
      </c>
      <c r="B20408" t="s">
        <v>14987</v>
      </c>
      <c r="C20408">
        <v>1</v>
      </c>
      <c r="D20408">
        <v>0</v>
      </c>
    </row>
    <row r="20409" spans="1:4" x14ac:dyDescent="0.25">
      <c r="A20409" t="s">
        <v>31957</v>
      </c>
      <c r="B20409" t="s">
        <v>31958</v>
      </c>
      <c r="C20409">
        <v>0</v>
      </c>
      <c r="D20409">
        <v>0</v>
      </c>
    </row>
    <row r="20410" spans="1:4" x14ac:dyDescent="0.25">
      <c r="A20410" t="s">
        <v>31959</v>
      </c>
      <c r="B20410" t="s">
        <v>1001</v>
      </c>
      <c r="C20410">
        <v>1</v>
      </c>
      <c r="D20410">
        <v>0</v>
      </c>
    </row>
    <row r="20411" spans="1:4" x14ac:dyDescent="0.25">
      <c r="A20411" t="s">
        <v>31960</v>
      </c>
      <c r="B20411" t="s">
        <v>31961</v>
      </c>
      <c r="C20411">
        <v>1</v>
      </c>
      <c r="D20411">
        <v>0</v>
      </c>
    </row>
    <row r="20412" spans="1:4" x14ac:dyDescent="0.25">
      <c r="A20412" t="s">
        <v>31960</v>
      </c>
      <c r="B20412" t="s">
        <v>31962</v>
      </c>
      <c r="C20412">
        <v>2</v>
      </c>
      <c r="D20412">
        <v>0</v>
      </c>
    </row>
    <row r="20413" spans="1:4" x14ac:dyDescent="0.25">
      <c r="A20413" t="s">
        <v>31960</v>
      </c>
      <c r="B20413" t="s">
        <v>31963</v>
      </c>
      <c r="C20413">
        <v>2</v>
      </c>
      <c r="D20413">
        <v>0</v>
      </c>
    </row>
    <row r="20414" spans="1:4" x14ac:dyDescent="0.25">
      <c r="A20414" t="s">
        <v>31964</v>
      </c>
      <c r="B20414" t="s">
        <v>6053</v>
      </c>
      <c r="C20414">
        <v>1</v>
      </c>
      <c r="D20414">
        <v>0</v>
      </c>
    </row>
    <row r="20415" spans="1:4" x14ac:dyDescent="0.25">
      <c r="A20415" t="s">
        <v>31964</v>
      </c>
      <c r="B20415" t="s">
        <v>2267</v>
      </c>
      <c r="C20415">
        <v>0</v>
      </c>
      <c r="D20415">
        <v>0</v>
      </c>
    </row>
    <row r="20416" spans="1:4" x14ac:dyDescent="0.25">
      <c r="A20416" t="s">
        <v>31965</v>
      </c>
      <c r="B20416" t="s">
        <v>31966</v>
      </c>
      <c r="C20416">
        <v>1</v>
      </c>
      <c r="D20416">
        <v>0</v>
      </c>
    </row>
    <row r="20417" spans="1:4" x14ac:dyDescent="0.25">
      <c r="A20417" t="s">
        <v>31965</v>
      </c>
      <c r="B20417" t="s">
        <v>31967</v>
      </c>
      <c r="C20417">
        <v>2</v>
      </c>
      <c r="D20417">
        <v>0</v>
      </c>
    </row>
    <row r="20418" spans="1:4" x14ac:dyDescent="0.25">
      <c r="A20418" t="s">
        <v>31968</v>
      </c>
      <c r="B20418" t="s">
        <v>31969</v>
      </c>
      <c r="C20418">
        <v>0</v>
      </c>
      <c r="D20418">
        <v>0</v>
      </c>
    </row>
    <row r="20419" spans="1:4" x14ac:dyDescent="0.25">
      <c r="A20419" t="s">
        <v>31968</v>
      </c>
      <c r="B20419" t="s">
        <v>31970</v>
      </c>
      <c r="C20419">
        <v>2</v>
      </c>
      <c r="D20419">
        <v>0</v>
      </c>
    </row>
    <row r="20420" spans="1:4" x14ac:dyDescent="0.25">
      <c r="A20420" t="s">
        <v>31971</v>
      </c>
      <c r="B20420" t="s">
        <v>31972</v>
      </c>
      <c r="C20420">
        <v>2</v>
      </c>
      <c r="D20420">
        <v>0</v>
      </c>
    </row>
    <row r="20421" spans="1:4" x14ac:dyDescent="0.25">
      <c r="A20421" t="s">
        <v>31971</v>
      </c>
      <c r="B20421" t="s">
        <v>31973</v>
      </c>
      <c r="C20421">
        <v>0</v>
      </c>
      <c r="D20421">
        <v>0</v>
      </c>
    </row>
    <row r="20422" spans="1:4" x14ac:dyDescent="0.25">
      <c r="A20422" t="s">
        <v>31971</v>
      </c>
      <c r="B20422" t="s">
        <v>31974</v>
      </c>
      <c r="C20422">
        <v>1</v>
      </c>
      <c r="D20422">
        <v>0</v>
      </c>
    </row>
    <row r="20423" spans="1:4" x14ac:dyDescent="0.25">
      <c r="A20423" t="s">
        <v>31975</v>
      </c>
      <c r="B20423" t="s">
        <v>31976</v>
      </c>
      <c r="C20423">
        <v>2</v>
      </c>
      <c r="D20423">
        <v>0</v>
      </c>
    </row>
    <row r="20424" spans="1:4" x14ac:dyDescent="0.25">
      <c r="A20424" t="s">
        <v>31975</v>
      </c>
      <c r="B20424" t="s">
        <v>31977</v>
      </c>
      <c r="C20424">
        <v>1</v>
      </c>
      <c r="D20424">
        <v>0</v>
      </c>
    </row>
    <row r="20425" spans="1:4" x14ac:dyDescent="0.25">
      <c r="A20425" t="s">
        <v>31978</v>
      </c>
      <c r="B20425" t="s">
        <v>31979</v>
      </c>
      <c r="C20425">
        <v>1</v>
      </c>
      <c r="D20425">
        <v>0</v>
      </c>
    </row>
    <row r="20426" spans="1:4" x14ac:dyDescent="0.25">
      <c r="A20426" t="s">
        <v>31978</v>
      </c>
      <c r="B20426" t="s">
        <v>31980</v>
      </c>
      <c r="C20426">
        <v>0</v>
      </c>
      <c r="D20426">
        <v>0</v>
      </c>
    </row>
    <row r="20427" spans="1:4" x14ac:dyDescent="0.25">
      <c r="A20427" t="s">
        <v>31978</v>
      </c>
      <c r="B20427" t="s">
        <v>31981</v>
      </c>
      <c r="C20427">
        <v>0</v>
      </c>
      <c r="D20427">
        <v>0</v>
      </c>
    </row>
    <row r="20428" spans="1:4" x14ac:dyDescent="0.25">
      <c r="A20428" t="s">
        <v>31982</v>
      </c>
      <c r="B20428" t="s">
        <v>31983</v>
      </c>
      <c r="C20428">
        <v>1</v>
      </c>
      <c r="D20428">
        <v>0</v>
      </c>
    </row>
    <row r="20429" spans="1:4" x14ac:dyDescent="0.25">
      <c r="A20429" t="s">
        <v>31982</v>
      </c>
      <c r="B20429" t="s">
        <v>31984</v>
      </c>
      <c r="C20429">
        <v>2</v>
      </c>
      <c r="D20429">
        <v>0</v>
      </c>
    </row>
    <row r="20430" spans="1:4" x14ac:dyDescent="0.25">
      <c r="A20430" t="s">
        <v>31985</v>
      </c>
      <c r="B20430" t="s">
        <v>31986</v>
      </c>
      <c r="C20430">
        <v>1</v>
      </c>
      <c r="D20430">
        <v>0</v>
      </c>
    </row>
    <row r="20431" spans="1:4" x14ac:dyDescent="0.25">
      <c r="A20431" t="s">
        <v>31985</v>
      </c>
      <c r="B20431" t="s">
        <v>31987</v>
      </c>
      <c r="C20431">
        <v>0</v>
      </c>
      <c r="D20431">
        <v>0</v>
      </c>
    </row>
    <row r="20432" spans="1:4" x14ac:dyDescent="0.25">
      <c r="A20432" t="s">
        <v>31985</v>
      </c>
      <c r="B20432" t="s">
        <v>31988</v>
      </c>
      <c r="C20432">
        <v>1</v>
      </c>
      <c r="D20432">
        <v>0</v>
      </c>
    </row>
    <row r="20433" spans="1:4" x14ac:dyDescent="0.25">
      <c r="A20433" t="s">
        <v>31989</v>
      </c>
      <c r="B20433" t="s">
        <v>31990</v>
      </c>
      <c r="C20433">
        <v>1</v>
      </c>
      <c r="D20433">
        <v>0</v>
      </c>
    </row>
    <row r="20434" spans="1:4" x14ac:dyDescent="0.25">
      <c r="A20434" t="s">
        <v>31991</v>
      </c>
      <c r="B20434" t="s">
        <v>31992</v>
      </c>
      <c r="C20434">
        <v>1</v>
      </c>
      <c r="D20434">
        <v>0</v>
      </c>
    </row>
    <row r="20435" spans="1:4" x14ac:dyDescent="0.25">
      <c r="A20435" t="s">
        <v>31993</v>
      </c>
      <c r="B20435" t="s">
        <v>31994</v>
      </c>
      <c r="C20435">
        <v>1</v>
      </c>
      <c r="D20435">
        <v>0</v>
      </c>
    </row>
    <row r="20436" spans="1:4" x14ac:dyDescent="0.25">
      <c r="A20436" t="s">
        <v>31993</v>
      </c>
      <c r="B20436" t="s">
        <v>31995</v>
      </c>
      <c r="C20436">
        <v>1</v>
      </c>
      <c r="D20436">
        <v>0</v>
      </c>
    </row>
    <row r="20437" spans="1:4" x14ac:dyDescent="0.25">
      <c r="A20437" t="s">
        <v>31996</v>
      </c>
      <c r="B20437" t="s">
        <v>31997</v>
      </c>
      <c r="C20437">
        <v>1</v>
      </c>
      <c r="D20437">
        <v>0</v>
      </c>
    </row>
    <row r="20438" spans="1:4" x14ac:dyDescent="0.25">
      <c r="A20438" t="s">
        <v>31998</v>
      </c>
      <c r="B20438" t="s">
        <v>31999</v>
      </c>
      <c r="C20438">
        <v>2</v>
      </c>
      <c r="D20438">
        <v>0</v>
      </c>
    </row>
    <row r="20439" spans="1:4" x14ac:dyDescent="0.25">
      <c r="A20439" t="s">
        <v>31998</v>
      </c>
      <c r="B20439" t="s">
        <v>32000</v>
      </c>
      <c r="C20439">
        <v>0</v>
      </c>
      <c r="D20439">
        <v>0</v>
      </c>
    </row>
    <row r="20440" spans="1:4" x14ac:dyDescent="0.25">
      <c r="A20440" t="s">
        <v>32001</v>
      </c>
      <c r="B20440" t="s">
        <v>32002</v>
      </c>
      <c r="C20440">
        <v>2</v>
      </c>
      <c r="D20440">
        <v>0</v>
      </c>
    </row>
    <row r="20441" spans="1:4" x14ac:dyDescent="0.25">
      <c r="A20441" t="s">
        <v>32003</v>
      </c>
      <c r="B20441" t="s">
        <v>3169</v>
      </c>
      <c r="C20441">
        <v>0</v>
      </c>
      <c r="D20441">
        <v>0</v>
      </c>
    </row>
    <row r="20442" spans="1:4" x14ac:dyDescent="0.25">
      <c r="A20442" t="s">
        <v>32003</v>
      </c>
      <c r="B20442" t="s">
        <v>32004</v>
      </c>
      <c r="C20442">
        <v>0</v>
      </c>
      <c r="D20442">
        <v>0</v>
      </c>
    </row>
    <row r="20443" spans="1:4" x14ac:dyDescent="0.25">
      <c r="A20443" t="s">
        <v>32003</v>
      </c>
      <c r="B20443" t="s">
        <v>32005</v>
      </c>
      <c r="C20443">
        <v>1</v>
      </c>
      <c r="D20443">
        <v>0</v>
      </c>
    </row>
    <row r="20444" spans="1:4" x14ac:dyDescent="0.25">
      <c r="A20444" t="s">
        <v>32006</v>
      </c>
      <c r="B20444" t="s">
        <v>32007</v>
      </c>
      <c r="C20444">
        <v>0</v>
      </c>
      <c r="D20444">
        <v>0</v>
      </c>
    </row>
    <row r="20445" spans="1:4" x14ac:dyDescent="0.25">
      <c r="A20445" t="s">
        <v>32008</v>
      </c>
      <c r="B20445" t="s">
        <v>32009</v>
      </c>
      <c r="C20445">
        <v>1</v>
      </c>
      <c r="D20445">
        <v>0</v>
      </c>
    </row>
    <row r="20446" spans="1:4" x14ac:dyDescent="0.25">
      <c r="A20446" t="s">
        <v>32010</v>
      </c>
      <c r="B20446" t="s">
        <v>32011</v>
      </c>
      <c r="C20446">
        <v>0</v>
      </c>
      <c r="D20446">
        <v>0</v>
      </c>
    </row>
    <row r="20447" spans="1:4" x14ac:dyDescent="0.25">
      <c r="A20447" t="s">
        <v>32010</v>
      </c>
      <c r="B20447" t="s">
        <v>32012</v>
      </c>
      <c r="C20447">
        <v>1</v>
      </c>
      <c r="D20447">
        <v>0</v>
      </c>
    </row>
    <row r="20448" spans="1:4" x14ac:dyDescent="0.25">
      <c r="A20448" t="s">
        <v>32010</v>
      </c>
      <c r="B20448" t="s">
        <v>32013</v>
      </c>
      <c r="C20448">
        <v>0</v>
      </c>
      <c r="D20448">
        <v>0</v>
      </c>
    </row>
    <row r="20449" spans="1:4" x14ac:dyDescent="0.25">
      <c r="A20449" t="s">
        <v>32014</v>
      </c>
      <c r="B20449" t="s">
        <v>32015</v>
      </c>
      <c r="C20449">
        <v>1</v>
      </c>
      <c r="D20449">
        <v>0</v>
      </c>
    </row>
    <row r="20450" spans="1:4" x14ac:dyDescent="0.25">
      <c r="A20450" t="s">
        <v>32016</v>
      </c>
      <c r="B20450" t="s">
        <v>32017</v>
      </c>
      <c r="C20450">
        <v>2</v>
      </c>
      <c r="D20450">
        <v>0</v>
      </c>
    </row>
    <row r="20451" spans="1:4" x14ac:dyDescent="0.25">
      <c r="A20451" t="s">
        <v>32016</v>
      </c>
      <c r="B20451" t="s">
        <v>32018</v>
      </c>
      <c r="C20451">
        <v>1</v>
      </c>
      <c r="D20451">
        <v>0</v>
      </c>
    </row>
    <row r="20452" spans="1:4" x14ac:dyDescent="0.25">
      <c r="A20452" t="s">
        <v>32016</v>
      </c>
      <c r="B20452" t="s">
        <v>32019</v>
      </c>
      <c r="C20452">
        <v>2</v>
      </c>
      <c r="D20452">
        <v>0</v>
      </c>
    </row>
    <row r="20453" spans="1:4" x14ac:dyDescent="0.25">
      <c r="A20453" t="s">
        <v>32020</v>
      </c>
      <c r="B20453" t="s">
        <v>32021</v>
      </c>
      <c r="C20453">
        <v>1</v>
      </c>
      <c r="D20453">
        <v>0</v>
      </c>
    </row>
    <row r="20454" spans="1:4" x14ac:dyDescent="0.25">
      <c r="A20454" t="s">
        <v>32020</v>
      </c>
      <c r="B20454" t="s">
        <v>32022</v>
      </c>
      <c r="C20454">
        <v>1</v>
      </c>
      <c r="D20454">
        <v>0</v>
      </c>
    </row>
    <row r="20455" spans="1:4" x14ac:dyDescent="0.25">
      <c r="A20455" t="s">
        <v>32023</v>
      </c>
      <c r="B20455" t="s">
        <v>32024</v>
      </c>
      <c r="C20455">
        <v>0</v>
      </c>
      <c r="D20455">
        <v>0</v>
      </c>
    </row>
    <row r="20456" spans="1:4" x14ac:dyDescent="0.25">
      <c r="A20456" t="s">
        <v>32025</v>
      </c>
      <c r="B20456" t="s">
        <v>32026</v>
      </c>
      <c r="C20456">
        <v>1</v>
      </c>
      <c r="D20456">
        <v>0</v>
      </c>
    </row>
    <row r="20457" spans="1:4" x14ac:dyDescent="0.25">
      <c r="A20457" t="s">
        <v>32025</v>
      </c>
      <c r="B20457" t="s">
        <v>32027</v>
      </c>
      <c r="C20457">
        <v>1</v>
      </c>
      <c r="D20457">
        <v>0</v>
      </c>
    </row>
    <row r="20458" spans="1:4" x14ac:dyDescent="0.25">
      <c r="A20458" t="s">
        <v>32028</v>
      </c>
      <c r="B20458" t="s">
        <v>32029</v>
      </c>
      <c r="C20458">
        <v>0</v>
      </c>
      <c r="D20458">
        <v>0</v>
      </c>
    </row>
    <row r="20459" spans="1:4" x14ac:dyDescent="0.25">
      <c r="A20459" t="s">
        <v>32028</v>
      </c>
      <c r="B20459" t="s">
        <v>32030</v>
      </c>
      <c r="C20459">
        <v>0</v>
      </c>
      <c r="D20459">
        <v>0</v>
      </c>
    </row>
    <row r="20460" spans="1:4" x14ac:dyDescent="0.25">
      <c r="A20460" t="s">
        <v>32028</v>
      </c>
      <c r="B20460" t="s">
        <v>32031</v>
      </c>
      <c r="C20460">
        <v>0</v>
      </c>
      <c r="D20460">
        <v>0</v>
      </c>
    </row>
    <row r="20461" spans="1:4" x14ac:dyDescent="0.25">
      <c r="A20461" t="s">
        <v>32032</v>
      </c>
      <c r="B20461" t="s">
        <v>32033</v>
      </c>
      <c r="C20461">
        <v>0</v>
      </c>
      <c r="D20461">
        <v>0</v>
      </c>
    </row>
    <row r="20462" spans="1:4" x14ac:dyDescent="0.25">
      <c r="A20462" t="s">
        <v>32032</v>
      </c>
      <c r="B20462" t="s">
        <v>32034</v>
      </c>
      <c r="C20462">
        <v>0</v>
      </c>
      <c r="D20462">
        <v>0</v>
      </c>
    </row>
    <row r="20463" spans="1:4" x14ac:dyDescent="0.25">
      <c r="A20463" t="s">
        <v>32035</v>
      </c>
      <c r="B20463" t="s">
        <v>32036</v>
      </c>
      <c r="C20463">
        <v>0</v>
      </c>
      <c r="D20463">
        <v>0</v>
      </c>
    </row>
    <row r="20464" spans="1:4" x14ac:dyDescent="0.25">
      <c r="A20464" t="s">
        <v>32037</v>
      </c>
      <c r="B20464" t="s">
        <v>32038</v>
      </c>
      <c r="C20464">
        <v>1</v>
      </c>
      <c r="D20464">
        <v>0</v>
      </c>
    </row>
    <row r="20465" spans="1:4" x14ac:dyDescent="0.25">
      <c r="A20465" t="s">
        <v>32037</v>
      </c>
      <c r="B20465" t="s">
        <v>32039</v>
      </c>
      <c r="C20465">
        <v>1</v>
      </c>
      <c r="D20465">
        <v>0</v>
      </c>
    </row>
    <row r="20466" spans="1:4" x14ac:dyDescent="0.25">
      <c r="A20466" t="s">
        <v>32037</v>
      </c>
      <c r="B20466" t="s">
        <v>32040</v>
      </c>
      <c r="C20466">
        <v>2</v>
      </c>
      <c r="D20466">
        <v>0</v>
      </c>
    </row>
    <row r="20467" spans="1:4" x14ac:dyDescent="0.25">
      <c r="A20467" t="s">
        <v>32041</v>
      </c>
      <c r="B20467" t="s">
        <v>32042</v>
      </c>
      <c r="C20467">
        <v>1</v>
      </c>
      <c r="D20467">
        <v>0</v>
      </c>
    </row>
    <row r="20468" spans="1:4" x14ac:dyDescent="0.25">
      <c r="A20468" t="s">
        <v>32043</v>
      </c>
      <c r="B20468" t="s">
        <v>32044</v>
      </c>
      <c r="C20468">
        <v>2</v>
      </c>
      <c r="D20468">
        <v>0</v>
      </c>
    </row>
    <row r="20469" spans="1:4" x14ac:dyDescent="0.25">
      <c r="A20469" t="s">
        <v>32043</v>
      </c>
      <c r="B20469" t="s">
        <v>32045</v>
      </c>
      <c r="C20469">
        <v>2</v>
      </c>
      <c r="D20469">
        <v>0</v>
      </c>
    </row>
    <row r="20470" spans="1:4" x14ac:dyDescent="0.25">
      <c r="A20470" t="s">
        <v>32043</v>
      </c>
      <c r="B20470" t="s">
        <v>32046</v>
      </c>
      <c r="C20470">
        <v>0</v>
      </c>
      <c r="D20470">
        <v>0</v>
      </c>
    </row>
    <row r="20471" spans="1:4" x14ac:dyDescent="0.25">
      <c r="A20471" t="s">
        <v>32047</v>
      </c>
      <c r="B20471" t="s">
        <v>32048</v>
      </c>
      <c r="C20471">
        <v>2</v>
      </c>
      <c r="D20471">
        <v>0</v>
      </c>
    </row>
    <row r="20472" spans="1:4" x14ac:dyDescent="0.25">
      <c r="A20472" t="s">
        <v>32047</v>
      </c>
      <c r="B20472" t="s">
        <v>32049</v>
      </c>
      <c r="C20472">
        <v>0</v>
      </c>
      <c r="D20472">
        <v>0</v>
      </c>
    </row>
    <row r="20473" spans="1:4" x14ac:dyDescent="0.25">
      <c r="A20473" t="s">
        <v>32047</v>
      </c>
      <c r="B20473" t="s">
        <v>32050</v>
      </c>
      <c r="C20473">
        <v>0</v>
      </c>
      <c r="D20473">
        <v>0</v>
      </c>
    </row>
    <row r="20474" spans="1:4" x14ac:dyDescent="0.25">
      <c r="A20474" t="s">
        <v>32051</v>
      </c>
      <c r="B20474" t="s">
        <v>32052</v>
      </c>
      <c r="C20474">
        <v>2</v>
      </c>
      <c r="D20474">
        <v>0</v>
      </c>
    </row>
    <row r="20475" spans="1:4" x14ac:dyDescent="0.25">
      <c r="A20475" t="s">
        <v>32051</v>
      </c>
      <c r="B20475" t="s">
        <v>32053</v>
      </c>
      <c r="C20475">
        <v>1</v>
      </c>
      <c r="D20475">
        <v>0</v>
      </c>
    </row>
    <row r="20476" spans="1:4" x14ac:dyDescent="0.25">
      <c r="A20476" t="s">
        <v>32051</v>
      </c>
      <c r="B20476" t="s">
        <v>32054</v>
      </c>
      <c r="C20476">
        <v>1</v>
      </c>
      <c r="D20476">
        <v>0</v>
      </c>
    </row>
    <row r="20477" spans="1:4" x14ac:dyDescent="0.25">
      <c r="A20477" t="s">
        <v>32055</v>
      </c>
      <c r="B20477" t="s">
        <v>32056</v>
      </c>
      <c r="C20477">
        <v>2</v>
      </c>
      <c r="D20477">
        <v>0</v>
      </c>
    </row>
    <row r="20478" spans="1:4" x14ac:dyDescent="0.25">
      <c r="A20478" t="s">
        <v>32057</v>
      </c>
      <c r="B20478" t="s">
        <v>32058</v>
      </c>
      <c r="C20478">
        <v>1</v>
      </c>
      <c r="D20478">
        <v>0</v>
      </c>
    </row>
    <row r="20479" spans="1:4" x14ac:dyDescent="0.25">
      <c r="A20479" t="s">
        <v>32057</v>
      </c>
      <c r="B20479" t="s">
        <v>32059</v>
      </c>
      <c r="C20479">
        <v>1</v>
      </c>
      <c r="D20479">
        <v>0</v>
      </c>
    </row>
    <row r="20480" spans="1:4" x14ac:dyDescent="0.25">
      <c r="A20480" t="s">
        <v>32060</v>
      </c>
      <c r="B20480" t="s">
        <v>32061</v>
      </c>
      <c r="C20480">
        <v>1</v>
      </c>
      <c r="D20480">
        <v>0</v>
      </c>
    </row>
    <row r="20481" spans="1:4" x14ac:dyDescent="0.25">
      <c r="A20481" t="s">
        <v>32060</v>
      </c>
      <c r="B20481" t="s">
        <v>32062</v>
      </c>
      <c r="C20481">
        <v>0</v>
      </c>
      <c r="D20481">
        <v>0</v>
      </c>
    </row>
    <row r="20482" spans="1:4" x14ac:dyDescent="0.25">
      <c r="A20482" t="s">
        <v>32063</v>
      </c>
      <c r="B20482" t="s">
        <v>32064</v>
      </c>
      <c r="C20482">
        <v>2</v>
      </c>
      <c r="D20482">
        <v>0</v>
      </c>
    </row>
    <row r="20483" spans="1:4" x14ac:dyDescent="0.25">
      <c r="A20483" t="s">
        <v>32063</v>
      </c>
      <c r="B20483" t="s">
        <v>32065</v>
      </c>
      <c r="C20483">
        <v>1</v>
      </c>
      <c r="D20483">
        <v>0</v>
      </c>
    </row>
    <row r="20484" spans="1:4" x14ac:dyDescent="0.25">
      <c r="A20484" t="s">
        <v>32063</v>
      </c>
      <c r="B20484" t="s">
        <v>32066</v>
      </c>
      <c r="C20484">
        <v>2</v>
      </c>
      <c r="D20484">
        <v>0</v>
      </c>
    </row>
    <row r="20485" spans="1:4" x14ac:dyDescent="0.25">
      <c r="A20485" t="s">
        <v>32067</v>
      </c>
      <c r="B20485" t="s">
        <v>32068</v>
      </c>
      <c r="C20485">
        <v>2</v>
      </c>
      <c r="D20485">
        <v>0</v>
      </c>
    </row>
    <row r="20486" spans="1:4" x14ac:dyDescent="0.25">
      <c r="A20486" t="s">
        <v>32067</v>
      </c>
      <c r="B20486" t="s">
        <v>32069</v>
      </c>
      <c r="C20486">
        <v>2</v>
      </c>
      <c r="D20486">
        <v>0</v>
      </c>
    </row>
    <row r="20487" spans="1:4" x14ac:dyDescent="0.25">
      <c r="A20487" t="s">
        <v>32067</v>
      </c>
      <c r="B20487" t="s">
        <v>32070</v>
      </c>
      <c r="C20487">
        <v>2</v>
      </c>
      <c r="D20487">
        <v>0</v>
      </c>
    </row>
    <row r="20488" spans="1:4" x14ac:dyDescent="0.25">
      <c r="A20488" t="s">
        <v>32071</v>
      </c>
      <c r="B20488" t="s">
        <v>32072</v>
      </c>
      <c r="C20488">
        <v>0</v>
      </c>
      <c r="D20488">
        <v>0</v>
      </c>
    </row>
    <row r="20489" spans="1:4" x14ac:dyDescent="0.25">
      <c r="A20489" t="s">
        <v>32073</v>
      </c>
      <c r="B20489" t="s">
        <v>32074</v>
      </c>
      <c r="C20489">
        <v>0</v>
      </c>
      <c r="D20489">
        <v>0</v>
      </c>
    </row>
    <row r="20490" spans="1:4" x14ac:dyDescent="0.25">
      <c r="A20490" t="s">
        <v>32073</v>
      </c>
      <c r="B20490" t="s">
        <v>32075</v>
      </c>
      <c r="C20490">
        <v>1</v>
      </c>
      <c r="D20490">
        <v>0</v>
      </c>
    </row>
    <row r="20491" spans="1:4" x14ac:dyDescent="0.25">
      <c r="A20491" t="s">
        <v>32076</v>
      </c>
      <c r="B20491" t="s">
        <v>32077</v>
      </c>
      <c r="C20491">
        <v>2</v>
      </c>
      <c r="D20491">
        <v>0</v>
      </c>
    </row>
    <row r="20492" spans="1:4" x14ac:dyDescent="0.25">
      <c r="A20492" t="s">
        <v>32078</v>
      </c>
      <c r="B20492" t="s">
        <v>32079</v>
      </c>
      <c r="C20492">
        <v>1</v>
      </c>
      <c r="D20492">
        <v>0</v>
      </c>
    </row>
    <row r="20493" spans="1:4" x14ac:dyDescent="0.25">
      <c r="A20493" t="s">
        <v>32080</v>
      </c>
      <c r="B20493" t="s">
        <v>32081</v>
      </c>
      <c r="C20493">
        <v>1</v>
      </c>
      <c r="D20493">
        <v>0</v>
      </c>
    </row>
    <row r="20494" spans="1:4" x14ac:dyDescent="0.25">
      <c r="A20494" t="s">
        <v>32080</v>
      </c>
      <c r="B20494" t="s">
        <v>32082</v>
      </c>
      <c r="C20494">
        <v>2</v>
      </c>
      <c r="D20494">
        <v>0</v>
      </c>
    </row>
    <row r="20495" spans="1:4" x14ac:dyDescent="0.25">
      <c r="A20495" t="s">
        <v>32083</v>
      </c>
      <c r="B20495" t="s">
        <v>32084</v>
      </c>
      <c r="C20495">
        <v>2</v>
      </c>
      <c r="D20495">
        <v>0</v>
      </c>
    </row>
    <row r="20496" spans="1:4" x14ac:dyDescent="0.25">
      <c r="A20496" t="s">
        <v>32083</v>
      </c>
      <c r="B20496" t="s">
        <v>32085</v>
      </c>
      <c r="C20496">
        <v>2</v>
      </c>
      <c r="D20496">
        <v>0</v>
      </c>
    </row>
    <row r="20497" spans="1:4" x14ac:dyDescent="0.25">
      <c r="A20497" t="s">
        <v>32083</v>
      </c>
      <c r="B20497" t="s">
        <v>32086</v>
      </c>
      <c r="C20497">
        <v>2</v>
      </c>
      <c r="D20497">
        <v>0</v>
      </c>
    </row>
    <row r="20498" spans="1:4" x14ac:dyDescent="0.25">
      <c r="A20498" t="s">
        <v>32087</v>
      </c>
      <c r="B20498" t="s">
        <v>32088</v>
      </c>
      <c r="C20498">
        <v>1</v>
      </c>
      <c r="D20498">
        <v>0</v>
      </c>
    </row>
    <row r="20499" spans="1:4" x14ac:dyDescent="0.25">
      <c r="A20499" t="s">
        <v>32087</v>
      </c>
      <c r="B20499" t="s">
        <v>32089</v>
      </c>
      <c r="C20499">
        <v>1</v>
      </c>
      <c r="D20499">
        <v>0</v>
      </c>
    </row>
    <row r="20500" spans="1:4" x14ac:dyDescent="0.25">
      <c r="A20500" t="s">
        <v>32087</v>
      </c>
      <c r="B20500" t="s">
        <v>32090</v>
      </c>
      <c r="C20500">
        <v>1</v>
      </c>
      <c r="D20500">
        <v>0</v>
      </c>
    </row>
    <row r="20501" spans="1:4" x14ac:dyDescent="0.25">
      <c r="A20501" t="s">
        <v>32091</v>
      </c>
      <c r="B20501" t="s">
        <v>32092</v>
      </c>
      <c r="C20501">
        <v>1</v>
      </c>
      <c r="D20501">
        <v>0</v>
      </c>
    </row>
    <row r="20502" spans="1:4" x14ac:dyDescent="0.25">
      <c r="A20502" t="s">
        <v>32091</v>
      </c>
      <c r="B20502" t="s">
        <v>32093</v>
      </c>
      <c r="C20502">
        <v>1</v>
      </c>
      <c r="D20502">
        <v>0</v>
      </c>
    </row>
    <row r="20503" spans="1:4" x14ac:dyDescent="0.25">
      <c r="A20503" t="s">
        <v>32091</v>
      </c>
      <c r="B20503" t="s">
        <v>32094</v>
      </c>
      <c r="C20503">
        <v>1</v>
      </c>
      <c r="D20503">
        <v>0</v>
      </c>
    </row>
    <row r="20504" spans="1:4" x14ac:dyDescent="0.25">
      <c r="A20504" t="s">
        <v>32095</v>
      </c>
      <c r="B20504" t="s">
        <v>32096</v>
      </c>
      <c r="C20504">
        <v>2</v>
      </c>
      <c r="D20504">
        <v>0</v>
      </c>
    </row>
    <row r="20505" spans="1:4" x14ac:dyDescent="0.25">
      <c r="A20505" t="s">
        <v>32095</v>
      </c>
      <c r="B20505" t="s">
        <v>32097</v>
      </c>
      <c r="C20505">
        <v>2</v>
      </c>
      <c r="D20505">
        <v>0</v>
      </c>
    </row>
    <row r="20506" spans="1:4" x14ac:dyDescent="0.25">
      <c r="A20506" t="s">
        <v>32095</v>
      </c>
      <c r="B20506" t="s">
        <v>32098</v>
      </c>
      <c r="C20506">
        <v>2</v>
      </c>
      <c r="D20506">
        <v>0</v>
      </c>
    </row>
    <row r="20507" spans="1:4" x14ac:dyDescent="0.25">
      <c r="A20507" t="s">
        <v>32099</v>
      </c>
      <c r="B20507" t="s">
        <v>32100</v>
      </c>
      <c r="C20507">
        <v>0</v>
      </c>
      <c r="D20507">
        <v>0</v>
      </c>
    </row>
    <row r="20508" spans="1:4" x14ac:dyDescent="0.25">
      <c r="A20508" t="s">
        <v>32101</v>
      </c>
      <c r="B20508" t="s">
        <v>32102</v>
      </c>
      <c r="C20508">
        <v>0</v>
      </c>
      <c r="D20508">
        <v>0</v>
      </c>
    </row>
    <row r="20509" spans="1:4" x14ac:dyDescent="0.25">
      <c r="A20509" t="s">
        <v>32101</v>
      </c>
      <c r="B20509" t="s">
        <v>32103</v>
      </c>
      <c r="C20509">
        <v>2</v>
      </c>
      <c r="D20509">
        <v>0</v>
      </c>
    </row>
    <row r="20510" spans="1:4" x14ac:dyDescent="0.25">
      <c r="A20510" t="s">
        <v>32104</v>
      </c>
      <c r="B20510" t="s">
        <v>32105</v>
      </c>
      <c r="C20510">
        <v>1</v>
      </c>
      <c r="D20510">
        <v>0</v>
      </c>
    </row>
    <row r="20511" spans="1:4" x14ac:dyDescent="0.25">
      <c r="A20511" t="s">
        <v>32104</v>
      </c>
      <c r="B20511" t="s">
        <v>32106</v>
      </c>
      <c r="C20511">
        <v>0</v>
      </c>
      <c r="D20511">
        <v>0</v>
      </c>
    </row>
    <row r="20512" spans="1:4" x14ac:dyDescent="0.25">
      <c r="A20512" t="s">
        <v>32104</v>
      </c>
      <c r="B20512" t="s">
        <v>1283</v>
      </c>
      <c r="C20512">
        <v>0</v>
      </c>
      <c r="D20512">
        <v>0</v>
      </c>
    </row>
    <row r="20513" spans="1:4" x14ac:dyDescent="0.25">
      <c r="A20513" t="s">
        <v>32107</v>
      </c>
      <c r="B20513" t="s">
        <v>32108</v>
      </c>
      <c r="C20513">
        <v>1</v>
      </c>
      <c r="D20513">
        <v>0</v>
      </c>
    </row>
    <row r="20514" spans="1:4" x14ac:dyDescent="0.25">
      <c r="A20514" t="s">
        <v>32109</v>
      </c>
      <c r="B20514" t="s">
        <v>11948</v>
      </c>
      <c r="C20514">
        <v>0</v>
      </c>
      <c r="D20514">
        <v>0</v>
      </c>
    </row>
    <row r="20515" spans="1:4" x14ac:dyDescent="0.25">
      <c r="A20515" t="s">
        <v>32110</v>
      </c>
      <c r="B20515" t="s">
        <v>32111</v>
      </c>
      <c r="C20515">
        <v>1</v>
      </c>
      <c r="D20515">
        <v>0</v>
      </c>
    </row>
    <row r="20516" spans="1:4" x14ac:dyDescent="0.25">
      <c r="A20516" t="s">
        <v>32110</v>
      </c>
      <c r="B20516" t="s">
        <v>32112</v>
      </c>
      <c r="C20516">
        <v>1</v>
      </c>
      <c r="D20516">
        <v>0</v>
      </c>
    </row>
    <row r="20517" spans="1:4" x14ac:dyDescent="0.25">
      <c r="A20517" t="s">
        <v>32113</v>
      </c>
      <c r="B20517" t="s">
        <v>32114</v>
      </c>
      <c r="C20517">
        <v>2</v>
      </c>
      <c r="D20517">
        <v>0</v>
      </c>
    </row>
    <row r="20518" spans="1:4" x14ac:dyDescent="0.25">
      <c r="A20518" t="s">
        <v>32113</v>
      </c>
      <c r="B20518" t="s">
        <v>32115</v>
      </c>
      <c r="C20518">
        <v>1</v>
      </c>
      <c r="D20518">
        <v>0</v>
      </c>
    </row>
    <row r="20519" spans="1:4" x14ac:dyDescent="0.25">
      <c r="A20519" t="s">
        <v>32116</v>
      </c>
      <c r="B20519" t="s">
        <v>32117</v>
      </c>
      <c r="C20519">
        <v>0</v>
      </c>
      <c r="D20519">
        <v>0</v>
      </c>
    </row>
    <row r="20520" spans="1:4" x14ac:dyDescent="0.25">
      <c r="A20520" t="s">
        <v>32118</v>
      </c>
      <c r="B20520" t="s">
        <v>32119</v>
      </c>
      <c r="C20520">
        <v>0</v>
      </c>
      <c r="D20520">
        <v>0</v>
      </c>
    </row>
    <row r="20521" spans="1:4" x14ac:dyDescent="0.25">
      <c r="A20521" t="s">
        <v>32120</v>
      </c>
      <c r="B20521" t="s">
        <v>32121</v>
      </c>
      <c r="C20521">
        <v>1</v>
      </c>
      <c r="D20521">
        <v>0</v>
      </c>
    </row>
    <row r="20522" spans="1:4" x14ac:dyDescent="0.25">
      <c r="A20522" t="s">
        <v>32120</v>
      </c>
      <c r="B20522" t="s">
        <v>32122</v>
      </c>
      <c r="C20522">
        <v>0</v>
      </c>
      <c r="D20522">
        <v>0</v>
      </c>
    </row>
    <row r="20523" spans="1:4" x14ac:dyDescent="0.25">
      <c r="A20523" t="s">
        <v>32123</v>
      </c>
      <c r="B20523" t="s">
        <v>32124</v>
      </c>
      <c r="C20523">
        <v>1</v>
      </c>
      <c r="D20523">
        <v>0</v>
      </c>
    </row>
    <row r="20524" spans="1:4" x14ac:dyDescent="0.25">
      <c r="A20524" t="s">
        <v>32125</v>
      </c>
      <c r="B20524" t="s">
        <v>32126</v>
      </c>
      <c r="C20524">
        <v>0</v>
      </c>
      <c r="D20524">
        <v>0</v>
      </c>
    </row>
    <row r="20525" spans="1:4" x14ac:dyDescent="0.25">
      <c r="A20525" t="s">
        <v>32125</v>
      </c>
      <c r="B20525" t="s">
        <v>32127</v>
      </c>
      <c r="C20525">
        <v>2</v>
      </c>
      <c r="D20525">
        <v>0</v>
      </c>
    </row>
    <row r="20526" spans="1:4" x14ac:dyDescent="0.25">
      <c r="A20526" t="s">
        <v>32128</v>
      </c>
      <c r="B20526" t="s">
        <v>32129</v>
      </c>
      <c r="C20526">
        <v>1</v>
      </c>
      <c r="D20526">
        <v>0</v>
      </c>
    </row>
    <row r="20527" spans="1:4" x14ac:dyDescent="0.25">
      <c r="A20527" t="s">
        <v>32130</v>
      </c>
      <c r="B20527" t="s">
        <v>32131</v>
      </c>
      <c r="C20527">
        <v>2</v>
      </c>
      <c r="D20527">
        <v>0</v>
      </c>
    </row>
    <row r="20528" spans="1:4" x14ac:dyDescent="0.25">
      <c r="A20528" t="s">
        <v>32130</v>
      </c>
      <c r="B20528" t="s">
        <v>32132</v>
      </c>
      <c r="C20528">
        <v>2</v>
      </c>
      <c r="D20528">
        <v>0</v>
      </c>
    </row>
    <row r="20529" spans="1:4" x14ac:dyDescent="0.25">
      <c r="A20529" t="s">
        <v>32133</v>
      </c>
      <c r="B20529" t="s">
        <v>32134</v>
      </c>
      <c r="C20529">
        <v>1</v>
      </c>
      <c r="D20529">
        <v>0</v>
      </c>
    </row>
    <row r="20530" spans="1:4" x14ac:dyDescent="0.25">
      <c r="A20530" t="s">
        <v>32135</v>
      </c>
      <c r="B20530" t="s">
        <v>32136</v>
      </c>
      <c r="C20530">
        <v>0</v>
      </c>
      <c r="D20530">
        <v>0</v>
      </c>
    </row>
    <row r="20531" spans="1:4" x14ac:dyDescent="0.25">
      <c r="A20531" t="s">
        <v>32135</v>
      </c>
      <c r="B20531" t="s">
        <v>32137</v>
      </c>
      <c r="C20531">
        <v>0</v>
      </c>
      <c r="D20531">
        <v>0</v>
      </c>
    </row>
    <row r="20532" spans="1:4" x14ac:dyDescent="0.25">
      <c r="A20532" t="s">
        <v>32135</v>
      </c>
      <c r="B20532" t="s">
        <v>32138</v>
      </c>
      <c r="C20532">
        <v>0</v>
      </c>
      <c r="D20532">
        <v>0</v>
      </c>
    </row>
    <row r="20533" spans="1:4" x14ac:dyDescent="0.25">
      <c r="A20533" t="s">
        <v>32139</v>
      </c>
      <c r="B20533" t="s">
        <v>32140</v>
      </c>
      <c r="C20533">
        <v>1</v>
      </c>
      <c r="D20533">
        <v>0</v>
      </c>
    </row>
    <row r="20534" spans="1:4" x14ac:dyDescent="0.25">
      <c r="A20534" t="s">
        <v>32139</v>
      </c>
      <c r="B20534" t="s">
        <v>32141</v>
      </c>
      <c r="C20534">
        <v>0</v>
      </c>
      <c r="D20534">
        <v>0</v>
      </c>
    </row>
    <row r="20535" spans="1:4" x14ac:dyDescent="0.25">
      <c r="A20535" t="s">
        <v>32142</v>
      </c>
      <c r="B20535" t="s">
        <v>32143</v>
      </c>
      <c r="C20535">
        <v>0</v>
      </c>
      <c r="D20535">
        <v>0</v>
      </c>
    </row>
    <row r="20536" spans="1:4" x14ac:dyDescent="0.25">
      <c r="A20536" t="s">
        <v>32144</v>
      </c>
      <c r="B20536" t="s">
        <v>32145</v>
      </c>
      <c r="C20536">
        <v>1</v>
      </c>
      <c r="D20536">
        <v>0</v>
      </c>
    </row>
    <row r="20537" spans="1:4" x14ac:dyDescent="0.25">
      <c r="A20537" t="s">
        <v>32146</v>
      </c>
      <c r="B20537" t="s">
        <v>32147</v>
      </c>
      <c r="C20537">
        <v>1</v>
      </c>
      <c r="D20537">
        <v>0</v>
      </c>
    </row>
    <row r="20538" spans="1:4" x14ac:dyDescent="0.25">
      <c r="A20538" t="s">
        <v>32146</v>
      </c>
      <c r="B20538" t="s">
        <v>32148</v>
      </c>
      <c r="C20538">
        <v>2</v>
      </c>
      <c r="D20538">
        <v>0</v>
      </c>
    </row>
    <row r="20539" spans="1:4" x14ac:dyDescent="0.25">
      <c r="A20539" t="s">
        <v>32149</v>
      </c>
      <c r="B20539" t="s">
        <v>32150</v>
      </c>
      <c r="C20539">
        <v>0</v>
      </c>
      <c r="D20539">
        <v>0</v>
      </c>
    </row>
    <row r="20540" spans="1:4" x14ac:dyDescent="0.25">
      <c r="A20540" t="s">
        <v>32149</v>
      </c>
      <c r="B20540" t="s">
        <v>32151</v>
      </c>
      <c r="C20540">
        <v>0</v>
      </c>
      <c r="D20540">
        <v>0</v>
      </c>
    </row>
    <row r="20541" spans="1:4" x14ac:dyDescent="0.25">
      <c r="A20541" t="s">
        <v>32152</v>
      </c>
      <c r="B20541" t="s">
        <v>32153</v>
      </c>
      <c r="C20541">
        <v>0</v>
      </c>
      <c r="D20541">
        <v>0</v>
      </c>
    </row>
    <row r="20542" spans="1:4" x14ac:dyDescent="0.25">
      <c r="A20542" t="s">
        <v>32154</v>
      </c>
      <c r="B20542" t="s">
        <v>32155</v>
      </c>
      <c r="C20542">
        <v>2</v>
      </c>
      <c r="D20542">
        <v>0</v>
      </c>
    </row>
    <row r="20543" spans="1:4" x14ac:dyDescent="0.25">
      <c r="A20543" t="s">
        <v>32156</v>
      </c>
      <c r="B20543" t="s">
        <v>32157</v>
      </c>
      <c r="C20543">
        <v>1</v>
      </c>
      <c r="D20543">
        <v>0</v>
      </c>
    </row>
    <row r="20544" spans="1:4" x14ac:dyDescent="0.25">
      <c r="A20544" t="s">
        <v>32156</v>
      </c>
      <c r="B20544" t="s">
        <v>32158</v>
      </c>
      <c r="C20544">
        <v>0</v>
      </c>
      <c r="D20544">
        <v>0</v>
      </c>
    </row>
    <row r="20545" spans="1:4" x14ac:dyDescent="0.25">
      <c r="A20545" t="s">
        <v>32156</v>
      </c>
      <c r="B20545" t="s">
        <v>32159</v>
      </c>
      <c r="C20545">
        <v>0</v>
      </c>
      <c r="D20545">
        <v>0</v>
      </c>
    </row>
    <row r="20546" spans="1:4" x14ac:dyDescent="0.25">
      <c r="A20546" t="s">
        <v>32160</v>
      </c>
      <c r="B20546" t="s">
        <v>32161</v>
      </c>
      <c r="C20546">
        <v>0</v>
      </c>
      <c r="D20546">
        <v>0</v>
      </c>
    </row>
    <row r="20547" spans="1:4" x14ac:dyDescent="0.25">
      <c r="A20547" t="s">
        <v>32160</v>
      </c>
      <c r="B20547" t="s">
        <v>32162</v>
      </c>
      <c r="C20547">
        <v>0</v>
      </c>
      <c r="D20547">
        <v>0</v>
      </c>
    </row>
    <row r="20548" spans="1:4" x14ac:dyDescent="0.25">
      <c r="A20548" t="s">
        <v>32163</v>
      </c>
      <c r="B20548" t="s">
        <v>32164</v>
      </c>
      <c r="C20548">
        <v>0</v>
      </c>
      <c r="D20548">
        <v>0</v>
      </c>
    </row>
    <row r="20549" spans="1:4" x14ac:dyDescent="0.25">
      <c r="A20549" t="s">
        <v>32163</v>
      </c>
      <c r="B20549" t="s">
        <v>31244</v>
      </c>
      <c r="C20549">
        <v>1</v>
      </c>
      <c r="D20549">
        <v>0</v>
      </c>
    </row>
    <row r="20550" spans="1:4" x14ac:dyDescent="0.25">
      <c r="A20550" t="s">
        <v>32165</v>
      </c>
      <c r="B20550" t="s">
        <v>32166</v>
      </c>
      <c r="C20550">
        <v>0</v>
      </c>
      <c r="D20550">
        <v>0</v>
      </c>
    </row>
    <row r="20551" spans="1:4" x14ac:dyDescent="0.25">
      <c r="A20551" t="s">
        <v>32167</v>
      </c>
      <c r="B20551" t="s">
        <v>32168</v>
      </c>
      <c r="C20551">
        <v>2</v>
      </c>
      <c r="D20551">
        <v>0</v>
      </c>
    </row>
    <row r="20552" spans="1:4" x14ac:dyDescent="0.25">
      <c r="A20552" t="s">
        <v>32167</v>
      </c>
      <c r="B20552" t="s">
        <v>4910</v>
      </c>
      <c r="C20552">
        <v>1</v>
      </c>
      <c r="D20552">
        <v>0</v>
      </c>
    </row>
    <row r="20553" spans="1:4" x14ac:dyDescent="0.25">
      <c r="A20553" t="s">
        <v>32169</v>
      </c>
      <c r="B20553" t="s">
        <v>32170</v>
      </c>
      <c r="C20553">
        <v>0</v>
      </c>
      <c r="D20553">
        <v>0</v>
      </c>
    </row>
    <row r="20554" spans="1:4" x14ac:dyDescent="0.25">
      <c r="A20554" t="s">
        <v>32169</v>
      </c>
      <c r="B20554" t="s">
        <v>32171</v>
      </c>
      <c r="C20554">
        <v>0</v>
      </c>
      <c r="D20554">
        <v>0</v>
      </c>
    </row>
    <row r="20555" spans="1:4" x14ac:dyDescent="0.25">
      <c r="A20555" t="s">
        <v>32169</v>
      </c>
      <c r="B20555" t="s">
        <v>32172</v>
      </c>
      <c r="C20555">
        <v>1</v>
      </c>
      <c r="D20555">
        <v>0</v>
      </c>
    </row>
    <row r="20556" spans="1:4" x14ac:dyDescent="0.25">
      <c r="A20556" t="s">
        <v>32173</v>
      </c>
      <c r="B20556" t="s">
        <v>32174</v>
      </c>
      <c r="C20556">
        <v>0</v>
      </c>
      <c r="D20556">
        <v>0</v>
      </c>
    </row>
    <row r="20557" spans="1:4" x14ac:dyDescent="0.25">
      <c r="A20557" t="s">
        <v>32173</v>
      </c>
      <c r="B20557" t="s">
        <v>32175</v>
      </c>
      <c r="C20557">
        <v>0</v>
      </c>
      <c r="D20557">
        <v>0</v>
      </c>
    </row>
    <row r="20558" spans="1:4" x14ac:dyDescent="0.25">
      <c r="A20558" t="s">
        <v>32173</v>
      </c>
      <c r="B20558" t="s">
        <v>32176</v>
      </c>
      <c r="C20558">
        <v>0</v>
      </c>
      <c r="D20558">
        <v>0</v>
      </c>
    </row>
    <row r="20559" spans="1:4" x14ac:dyDescent="0.25">
      <c r="A20559" t="s">
        <v>32177</v>
      </c>
      <c r="B20559" t="s">
        <v>32178</v>
      </c>
      <c r="C20559">
        <v>1</v>
      </c>
      <c r="D20559">
        <v>0</v>
      </c>
    </row>
    <row r="20560" spans="1:4" x14ac:dyDescent="0.25">
      <c r="A20560" t="s">
        <v>32177</v>
      </c>
      <c r="B20560" t="s">
        <v>32179</v>
      </c>
      <c r="C20560">
        <v>1</v>
      </c>
      <c r="D20560">
        <v>0</v>
      </c>
    </row>
    <row r="20561" spans="1:4" x14ac:dyDescent="0.25">
      <c r="A20561" t="s">
        <v>32177</v>
      </c>
      <c r="B20561" t="s">
        <v>32180</v>
      </c>
      <c r="C20561">
        <v>2</v>
      </c>
      <c r="D20561">
        <v>0</v>
      </c>
    </row>
    <row r="20562" spans="1:4" x14ac:dyDescent="0.25">
      <c r="A20562" t="s">
        <v>32181</v>
      </c>
      <c r="B20562" t="s">
        <v>1001</v>
      </c>
      <c r="C20562">
        <v>1</v>
      </c>
      <c r="D20562">
        <v>0</v>
      </c>
    </row>
    <row r="20563" spans="1:4" x14ac:dyDescent="0.25">
      <c r="A20563" t="s">
        <v>32182</v>
      </c>
      <c r="B20563" t="s">
        <v>1001</v>
      </c>
      <c r="C20563">
        <v>1</v>
      </c>
      <c r="D20563">
        <v>0</v>
      </c>
    </row>
    <row r="20564" spans="1:4" x14ac:dyDescent="0.25">
      <c r="A20564" t="s">
        <v>32182</v>
      </c>
      <c r="B20564" t="s">
        <v>32183</v>
      </c>
      <c r="C20564">
        <v>2</v>
      </c>
      <c r="D20564">
        <v>0</v>
      </c>
    </row>
    <row r="20565" spans="1:4" x14ac:dyDescent="0.25">
      <c r="A20565" t="s">
        <v>32184</v>
      </c>
      <c r="B20565" t="s">
        <v>1001</v>
      </c>
      <c r="C20565">
        <v>1</v>
      </c>
      <c r="D20565">
        <v>0</v>
      </c>
    </row>
    <row r="20566" spans="1:4" x14ac:dyDescent="0.25">
      <c r="A20566" t="s">
        <v>32185</v>
      </c>
      <c r="B20566" t="s">
        <v>32186</v>
      </c>
      <c r="C20566">
        <v>0</v>
      </c>
      <c r="D20566">
        <v>0</v>
      </c>
    </row>
    <row r="20567" spans="1:4" x14ac:dyDescent="0.25">
      <c r="A20567" t="s">
        <v>32187</v>
      </c>
      <c r="B20567" t="s">
        <v>32188</v>
      </c>
      <c r="C20567">
        <v>0</v>
      </c>
      <c r="D20567">
        <v>0</v>
      </c>
    </row>
    <row r="20568" spans="1:4" x14ac:dyDescent="0.25">
      <c r="A20568" t="s">
        <v>32189</v>
      </c>
      <c r="B20568" t="s">
        <v>32190</v>
      </c>
      <c r="C20568">
        <v>2</v>
      </c>
      <c r="D20568">
        <v>0</v>
      </c>
    </row>
    <row r="20569" spans="1:4" x14ac:dyDescent="0.25">
      <c r="A20569" t="s">
        <v>32189</v>
      </c>
      <c r="B20569" t="s">
        <v>32191</v>
      </c>
      <c r="C20569">
        <v>1</v>
      </c>
      <c r="D20569">
        <v>0</v>
      </c>
    </row>
    <row r="20570" spans="1:4" x14ac:dyDescent="0.25">
      <c r="A20570" t="s">
        <v>32189</v>
      </c>
      <c r="B20570" t="s">
        <v>32192</v>
      </c>
      <c r="C20570">
        <v>2</v>
      </c>
      <c r="D20570">
        <v>0</v>
      </c>
    </row>
    <row r="20571" spans="1:4" x14ac:dyDescent="0.25">
      <c r="A20571" t="s">
        <v>32193</v>
      </c>
      <c r="B20571" t="s">
        <v>32194</v>
      </c>
      <c r="C20571">
        <v>1</v>
      </c>
      <c r="D20571">
        <v>0</v>
      </c>
    </row>
    <row r="20572" spans="1:4" x14ac:dyDescent="0.25">
      <c r="A20572" t="s">
        <v>32193</v>
      </c>
      <c r="B20572" t="s">
        <v>32195</v>
      </c>
      <c r="C20572">
        <v>0</v>
      </c>
      <c r="D20572">
        <v>0</v>
      </c>
    </row>
    <row r="20573" spans="1:4" x14ac:dyDescent="0.25">
      <c r="A20573" t="s">
        <v>32193</v>
      </c>
      <c r="B20573" t="s">
        <v>5685</v>
      </c>
      <c r="C20573">
        <v>0</v>
      </c>
      <c r="D20573">
        <v>0</v>
      </c>
    </row>
    <row r="20574" spans="1:4" x14ac:dyDescent="0.25">
      <c r="A20574" t="s">
        <v>32196</v>
      </c>
      <c r="B20574" t="s">
        <v>32197</v>
      </c>
      <c r="C20574">
        <v>1</v>
      </c>
      <c r="D20574">
        <v>0</v>
      </c>
    </row>
    <row r="20575" spans="1:4" x14ac:dyDescent="0.25">
      <c r="A20575" t="s">
        <v>32196</v>
      </c>
      <c r="B20575" t="s">
        <v>32198</v>
      </c>
      <c r="C20575">
        <v>1</v>
      </c>
      <c r="D20575">
        <v>0</v>
      </c>
    </row>
    <row r="20576" spans="1:4" x14ac:dyDescent="0.25">
      <c r="A20576" t="s">
        <v>32196</v>
      </c>
      <c r="B20576" t="s">
        <v>32199</v>
      </c>
      <c r="C20576">
        <v>1</v>
      </c>
      <c r="D20576">
        <v>0</v>
      </c>
    </row>
    <row r="20577" spans="1:4" x14ac:dyDescent="0.25">
      <c r="A20577" t="s">
        <v>32200</v>
      </c>
      <c r="B20577" t="s">
        <v>32201</v>
      </c>
      <c r="C20577">
        <v>2</v>
      </c>
      <c r="D20577">
        <v>0</v>
      </c>
    </row>
    <row r="20578" spans="1:4" x14ac:dyDescent="0.25">
      <c r="A20578" t="s">
        <v>32200</v>
      </c>
      <c r="B20578" t="s">
        <v>32202</v>
      </c>
      <c r="C20578">
        <v>2</v>
      </c>
      <c r="D20578">
        <v>0</v>
      </c>
    </row>
    <row r="20579" spans="1:4" x14ac:dyDescent="0.25">
      <c r="A20579" t="s">
        <v>32200</v>
      </c>
      <c r="B20579" t="s">
        <v>32203</v>
      </c>
      <c r="C20579">
        <v>2</v>
      </c>
      <c r="D20579">
        <v>0</v>
      </c>
    </row>
    <row r="20580" spans="1:4" x14ac:dyDescent="0.25">
      <c r="A20580" t="s">
        <v>32204</v>
      </c>
      <c r="B20580" t="s">
        <v>32205</v>
      </c>
      <c r="C20580">
        <v>1</v>
      </c>
      <c r="D20580">
        <v>0</v>
      </c>
    </row>
    <row r="20581" spans="1:4" x14ac:dyDescent="0.25">
      <c r="A20581" t="s">
        <v>32204</v>
      </c>
      <c r="B20581" t="s">
        <v>32206</v>
      </c>
      <c r="C20581">
        <v>0</v>
      </c>
      <c r="D20581">
        <v>0</v>
      </c>
    </row>
    <row r="20582" spans="1:4" x14ac:dyDescent="0.25">
      <c r="A20582" t="s">
        <v>32204</v>
      </c>
      <c r="B20582" t="s">
        <v>32207</v>
      </c>
      <c r="C20582">
        <v>0</v>
      </c>
      <c r="D20582">
        <v>0</v>
      </c>
    </row>
    <row r="20583" spans="1:4" x14ac:dyDescent="0.25">
      <c r="A20583" t="s">
        <v>32208</v>
      </c>
      <c r="B20583" t="s">
        <v>32209</v>
      </c>
      <c r="C20583">
        <v>0</v>
      </c>
      <c r="D20583">
        <v>0</v>
      </c>
    </row>
    <row r="20584" spans="1:4" x14ac:dyDescent="0.25">
      <c r="A20584" t="s">
        <v>32208</v>
      </c>
      <c r="B20584" t="s">
        <v>32210</v>
      </c>
      <c r="C20584">
        <v>0</v>
      </c>
      <c r="D20584">
        <v>0</v>
      </c>
    </row>
    <row r="20585" spans="1:4" x14ac:dyDescent="0.25">
      <c r="A20585" t="s">
        <v>32208</v>
      </c>
      <c r="B20585" t="s">
        <v>32211</v>
      </c>
      <c r="C20585">
        <v>0</v>
      </c>
      <c r="D20585">
        <v>0</v>
      </c>
    </row>
    <row r="20586" spans="1:4" x14ac:dyDescent="0.25">
      <c r="A20586" t="s">
        <v>32212</v>
      </c>
      <c r="B20586" t="s">
        <v>32213</v>
      </c>
      <c r="C20586">
        <v>1</v>
      </c>
      <c r="D20586">
        <v>0</v>
      </c>
    </row>
    <row r="20587" spans="1:4" x14ac:dyDescent="0.25">
      <c r="A20587" t="s">
        <v>32212</v>
      </c>
      <c r="B20587" t="s">
        <v>32214</v>
      </c>
      <c r="C20587">
        <v>1</v>
      </c>
      <c r="D20587">
        <v>0</v>
      </c>
    </row>
    <row r="20588" spans="1:4" x14ac:dyDescent="0.25">
      <c r="A20588" t="s">
        <v>32212</v>
      </c>
      <c r="B20588" t="s">
        <v>32215</v>
      </c>
      <c r="C20588">
        <v>1</v>
      </c>
      <c r="D20588">
        <v>0</v>
      </c>
    </row>
    <row r="20589" spans="1:4" x14ac:dyDescent="0.25">
      <c r="A20589" t="s">
        <v>32216</v>
      </c>
      <c r="B20589" t="s">
        <v>32217</v>
      </c>
      <c r="C20589">
        <v>1</v>
      </c>
      <c r="D20589">
        <v>0</v>
      </c>
    </row>
    <row r="20590" spans="1:4" x14ac:dyDescent="0.25">
      <c r="A20590" t="s">
        <v>32218</v>
      </c>
      <c r="B20590" t="s">
        <v>32219</v>
      </c>
      <c r="C20590">
        <v>0</v>
      </c>
      <c r="D20590">
        <v>0</v>
      </c>
    </row>
    <row r="20591" spans="1:4" x14ac:dyDescent="0.25">
      <c r="A20591" t="s">
        <v>32218</v>
      </c>
      <c r="B20591" t="s">
        <v>32220</v>
      </c>
      <c r="C20591">
        <v>0</v>
      </c>
      <c r="D20591">
        <v>0</v>
      </c>
    </row>
    <row r="20592" spans="1:4" x14ac:dyDescent="0.25">
      <c r="A20592" t="s">
        <v>32218</v>
      </c>
      <c r="B20592" t="s">
        <v>32221</v>
      </c>
      <c r="C20592">
        <v>0</v>
      </c>
      <c r="D20592">
        <v>0</v>
      </c>
    </row>
    <row r="20593" spans="1:4" x14ac:dyDescent="0.25">
      <c r="A20593" t="s">
        <v>32222</v>
      </c>
      <c r="B20593" t="s">
        <v>32223</v>
      </c>
      <c r="C20593">
        <v>0</v>
      </c>
      <c r="D20593">
        <v>0</v>
      </c>
    </row>
    <row r="20594" spans="1:4" x14ac:dyDescent="0.25">
      <c r="A20594" t="s">
        <v>32222</v>
      </c>
      <c r="B20594" t="s">
        <v>32224</v>
      </c>
      <c r="C20594">
        <v>0</v>
      </c>
      <c r="D20594">
        <v>0</v>
      </c>
    </row>
    <row r="20595" spans="1:4" x14ac:dyDescent="0.25">
      <c r="A20595" t="s">
        <v>32225</v>
      </c>
      <c r="B20595" t="s">
        <v>32226</v>
      </c>
      <c r="C20595">
        <v>1</v>
      </c>
      <c r="D20595">
        <v>0</v>
      </c>
    </row>
    <row r="20596" spans="1:4" x14ac:dyDescent="0.25">
      <c r="A20596" t="s">
        <v>32227</v>
      </c>
      <c r="B20596" t="s">
        <v>32228</v>
      </c>
      <c r="C20596">
        <v>2</v>
      </c>
      <c r="D20596">
        <v>0</v>
      </c>
    </row>
    <row r="20597" spans="1:4" x14ac:dyDescent="0.25">
      <c r="A20597" t="s">
        <v>32229</v>
      </c>
      <c r="B20597" t="s">
        <v>32230</v>
      </c>
      <c r="C20597">
        <v>2</v>
      </c>
      <c r="D20597">
        <v>0</v>
      </c>
    </row>
    <row r="20598" spans="1:4" x14ac:dyDescent="0.25">
      <c r="A20598" t="s">
        <v>32229</v>
      </c>
      <c r="B20598" t="s">
        <v>32231</v>
      </c>
      <c r="C20598">
        <v>2</v>
      </c>
      <c r="D20598">
        <v>0</v>
      </c>
    </row>
    <row r="20599" spans="1:4" x14ac:dyDescent="0.25">
      <c r="A20599" t="s">
        <v>32229</v>
      </c>
      <c r="B20599" t="s">
        <v>32232</v>
      </c>
      <c r="C20599">
        <v>2</v>
      </c>
      <c r="D20599">
        <v>0</v>
      </c>
    </row>
    <row r="20600" spans="1:4" x14ac:dyDescent="0.25">
      <c r="A20600" t="s">
        <v>32233</v>
      </c>
      <c r="B20600" t="s">
        <v>32234</v>
      </c>
      <c r="C20600">
        <v>1</v>
      </c>
      <c r="D20600">
        <v>0</v>
      </c>
    </row>
    <row r="20601" spans="1:4" x14ac:dyDescent="0.25">
      <c r="A20601" t="s">
        <v>32233</v>
      </c>
      <c r="B20601" t="s">
        <v>32235</v>
      </c>
      <c r="C20601">
        <v>1</v>
      </c>
      <c r="D20601">
        <v>0</v>
      </c>
    </row>
    <row r="20602" spans="1:4" x14ac:dyDescent="0.25">
      <c r="A20602" t="s">
        <v>32233</v>
      </c>
      <c r="B20602" t="s">
        <v>32236</v>
      </c>
      <c r="C20602">
        <v>1</v>
      </c>
      <c r="D20602">
        <v>0</v>
      </c>
    </row>
    <row r="20603" spans="1:4" x14ac:dyDescent="0.25">
      <c r="A20603" t="s">
        <v>32237</v>
      </c>
      <c r="B20603" t="s">
        <v>32238</v>
      </c>
      <c r="C20603">
        <v>0</v>
      </c>
      <c r="D20603">
        <v>0</v>
      </c>
    </row>
    <row r="20604" spans="1:4" x14ac:dyDescent="0.25">
      <c r="A20604" t="s">
        <v>32239</v>
      </c>
      <c r="B20604" t="s">
        <v>32240</v>
      </c>
      <c r="C20604">
        <v>1</v>
      </c>
      <c r="D20604">
        <v>0</v>
      </c>
    </row>
    <row r="20605" spans="1:4" x14ac:dyDescent="0.25">
      <c r="A20605" t="s">
        <v>32239</v>
      </c>
      <c r="B20605" t="s">
        <v>32241</v>
      </c>
      <c r="C20605">
        <v>1</v>
      </c>
      <c r="D20605">
        <v>0</v>
      </c>
    </row>
    <row r="20606" spans="1:4" x14ac:dyDescent="0.25">
      <c r="A20606" t="s">
        <v>32239</v>
      </c>
      <c r="B20606" t="s">
        <v>32242</v>
      </c>
      <c r="C20606">
        <v>1</v>
      </c>
      <c r="D20606">
        <v>0</v>
      </c>
    </row>
    <row r="20607" spans="1:4" x14ac:dyDescent="0.25">
      <c r="A20607" t="s">
        <v>32243</v>
      </c>
      <c r="B20607" t="s">
        <v>32244</v>
      </c>
      <c r="C20607">
        <v>1</v>
      </c>
      <c r="D20607">
        <v>0</v>
      </c>
    </row>
    <row r="20608" spans="1:4" x14ac:dyDescent="0.25">
      <c r="A20608" t="s">
        <v>32243</v>
      </c>
      <c r="B20608" t="s">
        <v>32245</v>
      </c>
      <c r="C20608">
        <v>1</v>
      </c>
      <c r="D20608">
        <v>0</v>
      </c>
    </row>
    <row r="20609" spans="1:4" x14ac:dyDescent="0.25">
      <c r="A20609" t="s">
        <v>32243</v>
      </c>
      <c r="B20609" t="s">
        <v>32246</v>
      </c>
      <c r="C20609">
        <v>1</v>
      </c>
      <c r="D20609">
        <v>0</v>
      </c>
    </row>
    <row r="20610" spans="1:4" x14ac:dyDescent="0.25">
      <c r="A20610" t="s">
        <v>32247</v>
      </c>
      <c r="B20610" t="s">
        <v>32248</v>
      </c>
      <c r="C20610">
        <v>1</v>
      </c>
      <c r="D20610">
        <v>0</v>
      </c>
    </row>
    <row r="20611" spans="1:4" x14ac:dyDescent="0.25">
      <c r="A20611" t="s">
        <v>32247</v>
      </c>
      <c r="B20611" t="s">
        <v>32249</v>
      </c>
      <c r="C20611">
        <v>0</v>
      </c>
      <c r="D20611">
        <v>0</v>
      </c>
    </row>
    <row r="20612" spans="1:4" x14ac:dyDescent="0.25">
      <c r="A20612" t="s">
        <v>32247</v>
      </c>
      <c r="B20612" t="s">
        <v>32250</v>
      </c>
      <c r="C20612">
        <v>1</v>
      </c>
      <c r="D20612">
        <v>0</v>
      </c>
    </row>
    <row r="20613" spans="1:4" x14ac:dyDescent="0.25">
      <c r="A20613" t="s">
        <v>32251</v>
      </c>
      <c r="B20613" t="s">
        <v>32252</v>
      </c>
      <c r="C20613">
        <v>1</v>
      </c>
      <c r="D20613">
        <v>0</v>
      </c>
    </row>
    <row r="20614" spans="1:4" x14ac:dyDescent="0.25">
      <c r="A20614" t="s">
        <v>32251</v>
      </c>
      <c r="B20614" t="s">
        <v>32253</v>
      </c>
      <c r="C20614">
        <v>0</v>
      </c>
      <c r="D20614">
        <v>0</v>
      </c>
    </row>
    <row r="20615" spans="1:4" x14ac:dyDescent="0.25">
      <c r="A20615" t="s">
        <v>32254</v>
      </c>
      <c r="B20615" t="s">
        <v>32255</v>
      </c>
      <c r="C20615">
        <v>0</v>
      </c>
      <c r="D20615">
        <v>0</v>
      </c>
    </row>
    <row r="20616" spans="1:4" x14ac:dyDescent="0.25">
      <c r="A20616" t="s">
        <v>32254</v>
      </c>
      <c r="B20616" t="s">
        <v>32256</v>
      </c>
      <c r="C20616">
        <v>0</v>
      </c>
      <c r="D20616">
        <v>0</v>
      </c>
    </row>
    <row r="20617" spans="1:4" x14ac:dyDescent="0.25">
      <c r="A20617" t="s">
        <v>32254</v>
      </c>
      <c r="B20617" t="s">
        <v>32257</v>
      </c>
      <c r="C20617">
        <v>1</v>
      </c>
      <c r="D20617">
        <v>0</v>
      </c>
    </row>
    <row r="20618" spans="1:4" x14ac:dyDescent="0.25">
      <c r="A20618" t="s">
        <v>32258</v>
      </c>
      <c r="B20618" t="s">
        <v>32259</v>
      </c>
      <c r="C20618">
        <v>0</v>
      </c>
      <c r="D20618">
        <v>0</v>
      </c>
    </row>
    <row r="20619" spans="1:4" x14ac:dyDescent="0.25">
      <c r="A20619" t="s">
        <v>32258</v>
      </c>
      <c r="B20619" t="s">
        <v>32260</v>
      </c>
      <c r="C20619">
        <v>1</v>
      </c>
      <c r="D20619">
        <v>0</v>
      </c>
    </row>
    <row r="20620" spans="1:4" x14ac:dyDescent="0.25">
      <c r="A20620" t="s">
        <v>32258</v>
      </c>
      <c r="B20620" t="s">
        <v>32261</v>
      </c>
      <c r="C20620">
        <v>2</v>
      </c>
      <c r="D20620">
        <v>0</v>
      </c>
    </row>
    <row r="20621" spans="1:4" x14ac:dyDescent="0.25">
      <c r="A20621" t="s">
        <v>32262</v>
      </c>
      <c r="B20621" t="s">
        <v>32263</v>
      </c>
      <c r="C20621">
        <v>0</v>
      </c>
      <c r="D20621">
        <v>0</v>
      </c>
    </row>
    <row r="20622" spans="1:4" x14ac:dyDescent="0.25">
      <c r="A20622" t="s">
        <v>32262</v>
      </c>
      <c r="B20622" t="s">
        <v>32264</v>
      </c>
      <c r="C20622">
        <v>0</v>
      </c>
      <c r="D20622">
        <v>0</v>
      </c>
    </row>
    <row r="20623" spans="1:4" x14ac:dyDescent="0.25">
      <c r="A20623" t="s">
        <v>32265</v>
      </c>
      <c r="B20623" t="s">
        <v>32266</v>
      </c>
      <c r="C20623">
        <v>1</v>
      </c>
      <c r="D20623">
        <v>0</v>
      </c>
    </row>
    <row r="20624" spans="1:4" x14ac:dyDescent="0.25">
      <c r="A20624" t="s">
        <v>32267</v>
      </c>
      <c r="B20624" t="s">
        <v>32268</v>
      </c>
      <c r="C20624">
        <v>1</v>
      </c>
      <c r="D20624">
        <v>0</v>
      </c>
    </row>
    <row r="20625" spans="1:4" x14ac:dyDescent="0.25">
      <c r="A20625" t="s">
        <v>32269</v>
      </c>
      <c r="B20625" t="s">
        <v>32270</v>
      </c>
      <c r="C20625">
        <v>2</v>
      </c>
      <c r="D20625">
        <v>0</v>
      </c>
    </row>
    <row r="20626" spans="1:4" x14ac:dyDescent="0.25">
      <c r="A20626" t="s">
        <v>32269</v>
      </c>
      <c r="B20626" t="s">
        <v>32271</v>
      </c>
      <c r="C20626">
        <v>0</v>
      </c>
      <c r="D20626">
        <v>0</v>
      </c>
    </row>
    <row r="20627" spans="1:4" x14ac:dyDescent="0.25">
      <c r="A20627" t="s">
        <v>32272</v>
      </c>
      <c r="B20627" t="s">
        <v>32273</v>
      </c>
      <c r="C20627">
        <v>1</v>
      </c>
      <c r="D20627">
        <v>0</v>
      </c>
    </row>
    <row r="20628" spans="1:4" x14ac:dyDescent="0.25">
      <c r="A20628" t="s">
        <v>32272</v>
      </c>
      <c r="B20628" t="s">
        <v>32274</v>
      </c>
      <c r="C20628">
        <v>0</v>
      </c>
      <c r="D20628">
        <v>0</v>
      </c>
    </row>
    <row r="20629" spans="1:4" x14ac:dyDescent="0.25">
      <c r="A20629" t="s">
        <v>32275</v>
      </c>
      <c r="B20629" t="s">
        <v>795</v>
      </c>
      <c r="C20629">
        <v>0</v>
      </c>
      <c r="D20629">
        <v>0</v>
      </c>
    </row>
    <row r="20630" spans="1:4" x14ac:dyDescent="0.25">
      <c r="A20630" t="s">
        <v>32276</v>
      </c>
      <c r="B20630" t="s">
        <v>32277</v>
      </c>
      <c r="C20630">
        <v>1</v>
      </c>
      <c r="D20630">
        <v>0</v>
      </c>
    </row>
    <row r="20631" spans="1:4" x14ac:dyDescent="0.25">
      <c r="A20631" t="s">
        <v>32276</v>
      </c>
      <c r="B20631" t="s">
        <v>32278</v>
      </c>
      <c r="C20631">
        <v>1</v>
      </c>
      <c r="D20631">
        <v>0</v>
      </c>
    </row>
    <row r="20632" spans="1:4" x14ac:dyDescent="0.25">
      <c r="A20632" t="s">
        <v>32276</v>
      </c>
      <c r="B20632" t="s">
        <v>32279</v>
      </c>
      <c r="C20632">
        <v>2</v>
      </c>
      <c r="D20632">
        <v>0</v>
      </c>
    </row>
    <row r="20633" spans="1:4" x14ac:dyDescent="0.25">
      <c r="A20633" t="s">
        <v>32280</v>
      </c>
      <c r="B20633" t="s">
        <v>2061</v>
      </c>
      <c r="C20633">
        <v>0</v>
      </c>
      <c r="D20633">
        <v>0</v>
      </c>
    </row>
    <row r="20634" spans="1:4" x14ac:dyDescent="0.25">
      <c r="A20634" t="s">
        <v>32281</v>
      </c>
      <c r="B20634" t="s">
        <v>32282</v>
      </c>
      <c r="C20634">
        <v>2</v>
      </c>
      <c r="D20634">
        <v>0</v>
      </c>
    </row>
    <row r="20635" spans="1:4" x14ac:dyDescent="0.25">
      <c r="A20635" t="s">
        <v>32283</v>
      </c>
      <c r="B20635" t="s">
        <v>32284</v>
      </c>
      <c r="C20635">
        <v>2</v>
      </c>
      <c r="D20635">
        <v>0</v>
      </c>
    </row>
    <row r="20636" spans="1:4" x14ac:dyDescent="0.25">
      <c r="A20636" t="s">
        <v>32283</v>
      </c>
      <c r="B20636" t="s">
        <v>969</v>
      </c>
      <c r="C20636">
        <v>0</v>
      </c>
      <c r="D20636">
        <v>0</v>
      </c>
    </row>
    <row r="20637" spans="1:4" x14ac:dyDescent="0.25">
      <c r="A20637" t="s">
        <v>32285</v>
      </c>
      <c r="B20637" t="s">
        <v>32286</v>
      </c>
      <c r="C20637">
        <v>2</v>
      </c>
      <c r="D20637">
        <v>0</v>
      </c>
    </row>
    <row r="20638" spans="1:4" x14ac:dyDescent="0.25">
      <c r="A20638" t="s">
        <v>32285</v>
      </c>
      <c r="B20638" t="s">
        <v>32287</v>
      </c>
      <c r="C20638">
        <v>0</v>
      </c>
      <c r="D20638">
        <v>0</v>
      </c>
    </row>
    <row r="20639" spans="1:4" x14ac:dyDescent="0.25">
      <c r="A20639" t="s">
        <v>32285</v>
      </c>
      <c r="B20639" t="s">
        <v>32288</v>
      </c>
      <c r="C20639">
        <v>1</v>
      </c>
      <c r="D20639">
        <v>0</v>
      </c>
    </row>
    <row r="20640" spans="1:4" x14ac:dyDescent="0.25">
      <c r="A20640" t="s">
        <v>32289</v>
      </c>
      <c r="B20640" t="s">
        <v>32290</v>
      </c>
      <c r="C20640">
        <v>2</v>
      </c>
      <c r="D20640">
        <v>0</v>
      </c>
    </row>
    <row r="20641" spans="1:4" x14ac:dyDescent="0.25">
      <c r="A20641" t="s">
        <v>32289</v>
      </c>
      <c r="B20641" t="s">
        <v>32291</v>
      </c>
      <c r="C20641">
        <v>2</v>
      </c>
      <c r="D20641">
        <v>0</v>
      </c>
    </row>
    <row r="20642" spans="1:4" x14ac:dyDescent="0.25">
      <c r="A20642" t="s">
        <v>32289</v>
      </c>
      <c r="B20642" t="s">
        <v>32292</v>
      </c>
      <c r="C20642">
        <v>2</v>
      </c>
      <c r="D20642">
        <v>0</v>
      </c>
    </row>
    <row r="20643" spans="1:4" x14ac:dyDescent="0.25">
      <c r="A20643" t="s">
        <v>32293</v>
      </c>
      <c r="B20643" t="s">
        <v>32294</v>
      </c>
      <c r="C20643">
        <v>0</v>
      </c>
      <c r="D20643">
        <v>0</v>
      </c>
    </row>
    <row r="20644" spans="1:4" x14ac:dyDescent="0.25">
      <c r="A20644" t="s">
        <v>32293</v>
      </c>
      <c r="B20644" t="s">
        <v>32295</v>
      </c>
      <c r="C20644">
        <v>1</v>
      </c>
      <c r="D20644">
        <v>0</v>
      </c>
    </row>
    <row r="20645" spans="1:4" x14ac:dyDescent="0.25">
      <c r="A20645" t="s">
        <v>32296</v>
      </c>
      <c r="B20645" t="s">
        <v>32297</v>
      </c>
      <c r="C20645">
        <v>1</v>
      </c>
      <c r="D20645">
        <v>0</v>
      </c>
    </row>
    <row r="20646" spans="1:4" x14ac:dyDescent="0.25">
      <c r="A20646" t="s">
        <v>32298</v>
      </c>
      <c r="B20646" t="s">
        <v>32299</v>
      </c>
      <c r="C20646">
        <v>0</v>
      </c>
      <c r="D20646">
        <v>0</v>
      </c>
    </row>
    <row r="20647" spans="1:4" x14ac:dyDescent="0.25">
      <c r="A20647" t="s">
        <v>32298</v>
      </c>
      <c r="B20647" t="s">
        <v>32300</v>
      </c>
      <c r="C20647">
        <v>0</v>
      </c>
      <c r="D20647">
        <v>0</v>
      </c>
    </row>
    <row r="20648" spans="1:4" x14ac:dyDescent="0.25">
      <c r="A20648" t="s">
        <v>32301</v>
      </c>
      <c r="B20648" t="s">
        <v>32302</v>
      </c>
      <c r="C20648">
        <v>1</v>
      </c>
      <c r="D20648">
        <v>0</v>
      </c>
    </row>
    <row r="20649" spans="1:4" x14ac:dyDescent="0.25">
      <c r="A20649" t="s">
        <v>32301</v>
      </c>
      <c r="B20649" t="s">
        <v>32303</v>
      </c>
      <c r="C20649">
        <v>0</v>
      </c>
      <c r="D20649">
        <v>0</v>
      </c>
    </row>
    <row r="20650" spans="1:4" x14ac:dyDescent="0.25">
      <c r="A20650" t="s">
        <v>32301</v>
      </c>
      <c r="B20650" t="s">
        <v>32304</v>
      </c>
      <c r="C20650">
        <v>0</v>
      </c>
      <c r="D20650">
        <v>0</v>
      </c>
    </row>
    <row r="20651" spans="1:4" x14ac:dyDescent="0.25">
      <c r="A20651" t="s">
        <v>32305</v>
      </c>
      <c r="B20651" t="s">
        <v>32306</v>
      </c>
      <c r="C20651">
        <v>2</v>
      </c>
      <c r="D20651">
        <v>0</v>
      </c>
    </row>
    <row r="20652" spans="1:4" x14ac:dyDescent="0.25">
      <c r="A20652" t="s">
        <v>32305</v>
      </c>
      <c r="B20652" t="s">
        <v>32307</v>
      </c>
      <c r="C20652">
        <v>0</v>
      </c>
      <c r="D20652">
        <v>0</v>
      </c>
    </row>
    <row r="20653" spans="1:4" x14ac:dyDescent="0.25">
      <c r="A20653" t="s">
        <v>32305</v>
      </c>
      <c r="B20653" t="s">
        <v>32308</v>
      </c>
      <c r="C20653">
        <v>2</v>
      </c>
      <c r="D20653">
        <v>0</v>
      </c>
    </row>
    <row r="20654" spans="1:4" x14ac:dyDescent="0.25">
      <c r="A20654" t="s">
        <v>32309</v>
      </c>
      <c r="B20654" t="s">
        <v>32310</v>
      </c>
      <c r="C20654">
        <v>1</v>
      </c>
      <c r="D20654">
        <v>0</v>
      </c>
    </row>
    <row r="20655" spans="1:4" x14ac:dyDescent="0.25">
      <c r="A20655" t="s">
        <v>32311</v>
      </c>
      <c r="B20655" t="s">
        <v>32312</v>
      </c>
      <c r="C20655">
        <v>2</v>
      </c>
      <c r="D20655">
        <v>0</v>
      </c>
    </row>
    <row r="20656" spans="1:4" x14ac:dyDescent="0.25">
      <c r="A20656" t="s">
        <v>32313</v>
      </c>
      <c r="B20656" t="s">
        <v>32314</v>
      </c>
      <c r="C20656">
        <v>1</v>
      </c>
      <c r="D20656">
        <v>0</v>
      </c>
    </row>
    <row r="20657" spans="1:4" x14ac:dyDescent="0.25">
      <c r="A20657" t="s">
        <v>32313</v>
      </c>
      <c r="B20657" t="s">
        <v>32315</v>
      </c>
      <c r="C20657">
        <v>0</v>
      </c>
      <c r="D20657">
        <v>0</v>
      </c>
    </row>
    <row r="20658" spans="1:4" x14ac:dyDescent="0.25">
      <c r="A20658" t="s">
        <v>32316</v>
      </c>
      <c r="B20658" t="s">
        <v>32317</v>
      </c>
      <c r="C20658">
        <v>1</v>
      </c>
      <c r="D20658">
        <v>0</v>
      </c>
    </row>
    <row r="20659" spans="1:4" x14ac:dyDescent="0.25">
      <c r="A20659" t="s">
        <v>32316</v>
      </c>
      <c r="B20659" t="s">
        <v>32318</v>
      </c>
      <c r="C20659">
        <v>1</v>
      </c>
      <c r="D20659">
        <v>0</v>
      </c>
    </row>
    <row r="20660" spans="1:4" x14ac:dyDescent="0.25">
      <c r="A20660" t="s">
        <v>32316</v>
      </c>
      <c r="B20660" t="s">
        <v>32319</v>
      </c>
      <c r="C20660">
        <v>1</v>
      </c>
      <c r="D20660">
        <v>0</v>
      </c>
    </row>
    <row r="20661" spans="1:4" x14ac:dyDescent="0.25">
      <c r="A20661" t="s">
        <v>32320</v>
      </c>
      <c r="B20661" t="s">
        <v>29592</v>
      </c>
      <c r="C20661">
        <v>1</v>
      </c>
      <c r="D20661">
        <v>0</v>
      </c>
    </row>
    <row r="20662" spans="1:4" x14ac:dyDescent="0.25">
      <c r="A20662" t="s">
        <v>32321</v>
      </c>
      <c r="B20662" t="s">
        <v>32322</v>
      </c>
      <c r="C20662">
        <v>1</v>
      </c>
      <c r="D20662">
        <v>0</v>
      </c>
    </row>
    <row r="20663" spans="1:4" x14ac:dyDescent="0.25">
      <c r="A20663" t="s">
        <v>32323</v>
      </c>
      <c r="B20663" t="s">
        <v>32324</v>
      </c>
      <c r="C20663">
        <v>0</v>
      </c>
      <c r="D20663">
        <v>0</v>
      </c>
    </row>
    <row r="20664" spans="1:4" x14ac:dyDescent="0.25">
      <c r="A20664" t="s">
        <v>32323</v>
      </c>
      <c r="B20664" t="s">
        <v>32325</v>
      </c>
      <c r="C20664">
        <v>1</v>
      </c>
      <c r="D20664">
        <v>0</v>
      </c>
    </row>
    <row r="20665" spans="1:4" x14ac:dyDescent="0.25">
      <c r="A20665" t="s">
        <v>32326</v>
      </c>
      <c r="B20665" t="s">
        <v>32327</v>
      </c>
      <c r="C20665">
        <v>0</v>
      </c>
      <c r="D20665">
        <v>0</v>
      </c>
    </row>
    <row r="20666" spans="1:4" x14ac:dyDescent="0.25">
      <c r="A20666" t="s">
        <v>32326</v>
      </c>
      <c r="B20666" t="s">
        <v>32328</v>
      </c>
      <c r="C20666">
        <v>0</v>
      </c>
      <c r="D20666">
        <v>0</v>
      </c>
    </row>
    <row r="20667" spans="1:4" x14ac:dyDescent="0.25">
      <c r="A20667" t="s">
        <v>32329</v>
      </c>
      <c r="B20667" t="s">
        <v>32330</v>
      </c>
      <c r="C20667">
        <v>2</v>
      </c>
      <c r="D20667">
        <v>0</v>
      </c>
    </row>
    <row r="20668" spans="1:4" x14ac:dyDescent="0.25">
      <c r="A20668" t="s">
        <v>32329</v>
      </c>
      <c r="B20668" t="s">
        <v>32331</v>
      </c>
      <c r="C20668">
        <v>0</v>
      </c>
      <c r="D20668">
        <v>0</v>
      </c>
    </row>
    <row r="20669" spans="1:4" x14ac:dyDescent="0.25">
      <c r="A20669" t="s">
        <v>32329</v>
      </c>
      <c r="B20669" t="s">
        <v>32332</v>
      </c>
      <c r="C20669">
        <v>1</v>
      </c>
      <c r="D20669">
        <v>0</v>
      </c>
    </row>
    <row r="20670" spans="1:4" x14ac:dyDescent="0.25">
      <c r="A20670" t="s">
        <v>32333</v>
      </c>
      <c r="B20670" t="s">
        <v>32334</v>
      </c>
      <c r="C20670">
        <v>1</v>
      </c>
      <c r="D20670">
        <v>0</v>
      </c>
    </row>
    <row r="20671" spans="1:4" x14ac:dyDescent="0.25">
      <c r="A20671" t="s">
        <v>32335</v>
      </c>
      <c r="B20671" t="s">
        <v>32336</v>
      </c>
      <c r="C20671">
        <v>2</v>
      </c>
      <c r="D20671">
        <v>0</v>
      </c>
    </row>
    <row r="20672" spans="1:4" x14ac:dyDescent="0.25">
      <c r="A20672" t="s">
        <v>32335</v>
      </c>
      <c r="B20672" t="s">
        <v>32337</v>
      </c>
      <c r="C20672">
        <v>2</v>
      </c>
      <c r="D20672">
        <v>0</v>
      </c>
    </row>
    <row r="20673" spans="1:4" x14ac:dyDescent="0.25">
      <c r="A20673" t="s">
        <v>32335</v>
      </c>
      <c r="B20673" t="s">
        <v>32338</v>
      </c>
      <c r="C20673">
        <v>2</v>
      </c>
      <c r="D20673">
        <v>0</v>
      </c>
    </row>
    <row r="20674" spans="1:4" x14ac:dyDescent="0.25">
      <c r="A20674" t="s">
        <v>32339</v>
      </c>
      <c r="B20674" t="s">
        <v>32340</v>
      </c>
      <c r="C20674">
        <v>1</v>
      </c>
      <c r="D20674">
        <v>0</v>
      </c>
    </row>
    <row r="20675" spans="1:4" x14ac:dyDescent="0.25">
      <c r="A20675" t="s">
        <v>32341</v>
      </c>
      <c r="B20675" t="s">
        <v>398</v>
      </c>
      <c r="C20675">
        <v>0</v>
      </c>
      <c r="D20675">
        <v>0</v>
      </c>
    </row>
    <row r="20676" spans="1:4" x14ac:dyDescent="0.25">
      <c r="A20676" t="s">
        <v>32342</v>
      </c>
      <c r="B20676" t="s">
        <v>32343</v>
      </c>
      <c r="C20676">
        <v>1</v>
      </c>
      <c r="D20676">
        <v>0</v>
      </c>
    </row>
    <row r="20677" spans="1:4" x14ac:dyDescent="0.25">
      <c r="A20677" t="s">
        <v>32342</v>
      </c>
      <c r="B20677" t="s">
        <v>32344</v>
      </c>
      <c r="C20677">
        <v>2</v>
      </c>
      <c r="D20677">
        <v>0</v>
      </c>
    </row>
    <row r="20678" spans="1:4" x14ac:dyDescent="0.25">
      <c r="A20678" t="s">
        <v>32342</v>
      </c>
      <c r="B20678" t="s">
        <v>32345</v>
      </c>
      <c r="C20678">
        <v>2</v>
      </c>
      <c r="D20678">
        <v>0</v>
      </c>
    </row>
    <row r="20679" spans="1:4" x14ac:dyDescent="0.25">
      <c r="A20679" t="s">
        <v>32346</v>
      </c>
      <c r="B20679" t="s">
        <v>32347</v>
      </c>
      <c r="C20679">
        <v>0</v>
      </c>
      <c r="D20679">
        <v>0</v>
      </c>
    </row>
    <row r="20680" spans="1:4" x14ac:dyDescent="0.25">
      <c r="A20680" t="s">
        <v>32346</v>
      </c>
      <c r="B20680" t="s">
        <v>32348</v>
      </c>
      <c r="C20680">
        <v>2</v>
      </c>
      <c r="D20680">
        <v>0</v>
      </c>
    </row>
    <row r="20681" spans="1:4" x14ac:dyDescent="0.25">
      <c r="A20681" t="s">
        <v>32349</v>
      </c>
      <c r="B20681" t="s">
        <v>32350</v>
      </c>
      <c r="C20681">
        <v>1</v>
      </c>
      <c r="D20681">
        <v>0</v>
      </c>
    </row>
    <row r="20682" spans="1:4" x14ac:dyDescent="0.25">
      <c r="A20682" t="s">
        <v>32351</v>
      </c>
      <c r="B20682" t="s">
        <v>10993</v>
      </c>
      <c r="C20682">
        <v>0</v>
      </c>
      <c r="D20682">
        <v>0</v>
      </c>
    </row>
    <row r="20683" spans="1:4" x14ac:dyDescent="0.25">
      <c r="A20683" t="s">
        <v>32352</v>
      </c>
      <c r="B20683" t="s">
        <v>843</v>
      </c>
      <c r="C20683">
        <v>1</v>
      </c>
      <c r="D20683">
        <v>0</v>
      </c>
    </row>
    <row r="20684" spans="1:4" x14ac:dyDescent="0.25">
      <c r="A20684" t="s">
        <v>32353</v>
      </c>
      <c r="B20684" t="s">
        <v>32354</v>
      </c>
      <c r="C20684">
        <v>2</v>
      </c>
      <c r="D20684">
        <v>0</v>
      </c>
    </row>
    <row r="20685" spans="1:4" x14ac:dyDescent="0.25">
      <c r="A20685" t="s">
        <v>32355</v>
      </c>
      <c r="B20685" t="s">
        <v>32356</v>
      </c>
      <c r="C20685">
        <v>2</v>
      </c>
      <c r="D20685">
        <v>0</v>
      </c>
    </row>
    <row r="20686" spans="1:4" x14ac:dyDescent="0.25">
      <c r="A20686" t="s">
        <v>32355</v>
      </c>
      <c r="B20686" t="s">
        <v>32357</v>
      </c>
      <c r="C20686">
        <v>2</v>
      </c>
      <c r="D20686">
        <v>0</v>
      </c>
    </row>
    <row r="20687" spans="1:4" x14ac:dyDescent="0.25">
      <c r="A20687" t="s">
        <v>32358</v>
      </c>
      <c r="B20687" t="s">
        <v>32359</v>
      </c>
      <c r="C20687">
        <v>1</v>
      </c>
      <c r="D20687">
        <v>0</v>
      </c>
    </row>
    <row r="20688" spans="1:4" x14ac:dyDescent="0.25">
      <c r="A20688" t="s">
        <v>32358</v>
      </c>
      <c r="B20688" t="s">
        <v>32360</v>
      </c>
      <c r="C20688">
        <v>1</v>
      </c>
      <c r="D20688">
        <v>0</v>
      </c>
    </row>
    <row r="20689" spans="1:4" x14ac:dyDescent="0.25">
      <c r="A20689" t="s">
        <v>32358</v>
      </c>
      <c r="B20689" t="s">
        <v>32361</v>
      </c>
      <c r="C20689">
        <v>1</v>
      </c>
      <c r="D20689">
        <v>0</v>
      </c>
    </row>
    <row r="20690" spans="1:4" x14ac:dyDescent="0.25">
      <c r="A20690" t="s">
        <v>32362</v>
      </c>
      <c r="B20690" t="s">
        <v>32363</v>
      </c>
      <c r="C20690">
        <v>2</v>
      </c>
      <c r="D20690">
        <v>0</v>
      </c>
    </row>
    <row r="20691" spans="1:4" x14ac:dyDescent="0.25">
      <c r="A20691" t="s">
        <v>32362</v>
      </c>
      <c r="B20691" t="s">
        <v>32364</v>
      </c>
      <c r="C20691">
        <v>0</v>
      </c>
      <c r="D20691">
        <v>0</v>
      </c>
    </row>
    <row r="20692" spans="1:4" x14ac:dyDescent="0.25">
      <c r="A20692" t="s">
        <v>32365</v>
      </c>
      <c r="B20692" t="s">
        <v>32366</v>
      </c>
      <c r="C20692">
        <v>1</v>
      </c>
      <c r="D20692">
        <v>0</v>
      </c>
    </row>
    <row r="20693" spans="1:4" x14ac:dyDescent="0.25">
      <c r="A20693" t="s">
        <v>32365</v>
      </c>
      <c r="B20693" t="s">
        <v>32367</v>
      </c>
      <c r="C20693">
        <v>1</v>
      </c>
      <c r="D20693">
        <v>0</v>
      </c>
    </row>
    <row r="20694" spans="1:4" x14ac:dyDescent="0.25">
      <c r="A20694" t="s">
        <v>32365</v>
      </c>
      <c r="B20694" t="s">
        <v>32368</v>
      </c>
      <c r="C20694">
        <v>1</v>
      </c>
      <c r="D20694">
        <v>0</v>
      </c>
    </row>
    <row r="20695" spans="1:4" x14ac:dyDescent="0.25">
      <c r="A20695" t="s">
        <v>32369</v>
      </c>
      <c r="B20695" t="s">
        <v>8120</v>
      </c>
      <c r="C20695">
        <v>1</v>
      </c>
      <c r="D20695">
        <v>0</v>
      </c>
    </row>
    <row r="20696" spans="1:4" x14ac:dyDescent="0.25">
      <c r="A20696" t="s">
        <v>32369</v>
      </c>
      <c r="B20696" t="s">
        <v>32370</v>
      </c>
      <c r="C20696">
        <v>1</v>
      </c>
      <c r="D20696">
        <v>0</v>
      </c>
    </row>
    <row r="20697" spans="1:4" x14ac:dyDescent="0.25">
      <c r="A20697" t="s">
        <v>32371</v>
      </c>
      <c r="B20697" t="s">
        <v>32372</v>
      </c>
      <c r="C20697">
        <v>2</v>
      </c>
      <c r="D20697">
        <v>0</v>
      </c>
    </row>
    <row r="20698" spans="1:4" x14ac:dyDescent="0.25">
      <c r="A20698" t="s">
        <v>32373</v>
      </c>
      <c r="B20698" t="s">
        <v>32374</v>
      </c>
      <c r="C20698">
        <v>2</v>
      </c>
      <c r="D20698">
        <v>0</v>
      </c>
    </row>
    <row r="20699" spans="1:4" x14ac:dyDescent="0.25">
      <c r="A20699" t="s">
        <v>32375</v>
      </c>
      <c r="B20699" t="s">
        <v>32376</v>
      </c>
      <c r="C20699">
        <v>2</v>
      </c>
      <c r="D20699">
        <v>0</v>
      </c>
    </row>
    <row r="20700" spans="1:4" x14ac:dyDescent="0.25">
      <c r="A20700" t="s">
        <v>32375</v>
      </c>
      <c r="B20700" t="s">
        <v>32377</v>
      </c>
      <c r="C20700">
        <v>2</v>
      </c>
      <c r="D20700">
        <v>0</v>
      </c>
    </row>
    <row r="20701" spans="1:4" x14ac:dyDescent="0.25">
      <c r="A20701" t="s">
        <v>32375</v>
      </c>
      <c r="B20701" t="s">
        <v>32378</v>
      </c>
      <c r="C20701">
        <v>0</v>
      </c>
      <c r="D20701">
        <v>0</v>
      </c>
    </row>
    <row r="20702" spans="1:4" x14ac:dyDescent="0.25">
      <c r="A20702" t="s">
        <v>32379</v>
      </c>
      <c r="B20702" t="s">
        <v>32380</v>
      </c>
      <c r="C20702">
        <v>2</v>
      </c>
      <c r="D20702">
        <v>0</v>
      </c>
    </row>
    <row r="20703" spans="1:4" x14ac:dyDescent="0.25">
      <c r="A20703" t="s">
        <v>32379</v>
      </c>
      <c r="B20703" t="s">
        <v>32381</v>
      </c>
      <c r="C20703">
        <v>0</v>
      </c>
      <c r="D20703">
        <v>0</v>
      </c>
    </row>
    <row r="20704" spans="1:4" x14ac:dyDescent="0.25">
      <c r="A20704" t="s">
        <v>32382</v>
      </c>
      <c r="B20704" t="s">
        <v>32383</v>
      </c>
      <c r="C20704">
        <v>0</v>
      </c>
      <c r="D20704">
        <v>0</v>
      </c>
    </row>
    <row r="20705" spans="1:4" x14ac:dyDescent="0.25">
      <c r="A20705" t="s">
        <v>32382</v>
      </c>
      <c r="B20705" t="s">
        <v>32384</v>
      </c>
      <c r="C20705">
        <v>0</v>
      </c>
      <c r="D20705">
        <v>0</v>
      </c>
    </row>
    <row r="20706" spans="1:4" x14ac:dyDescent="0.25">
      <c r="A20706" t="s">
        <v>32385</v>
      </c>
      <c r="B20706" t="s">
        <v>32386</v>
      </c>
      <c r="C20706">
        <v>2</v>
      </c>
      <c r="D20706">
        <v>0</v>
      </c>
    </row>
    <row r="20707" spans="1:4" x14ac:dyDescent="0.25">
      <c r="A20707" t="s">
        <v>32385</v>
      </c>
      <c r="B20707" t="s">
        <v>32387</v>
      </c>
      <c r="C20707">
        <v>0</v>
      </c>
      <c r="D20707">
        <v>0</v>
      </c>
    </row>
    <row r="20708" spans="1:4" x14ac:dyDescent="0.25">
      <c r="A20708" t="s">
        <v>32385</v>
      </c>
      <c r="B20708" t="s">
        <v>32388</v>
      </c>
      <c r="C20708">
        <v>2</v>
      </c>
      <c r="D20708">
        <v>0</v>
      </c>
    </row>
    <row r="20709" spans="1:4" x14ac:dyDescent="0.25">
      <c r="A20709" t="s">
        <v>32389</v>
      </c>
      <c r="B20709" t="s">
        <v>843</v>
      </c>
      <c r="C20709">
        <v>1</v>
      </c>
      <c r="D20709">
        <v>0</v>
      </c>
    </row>
    <row r="20710" spans="1:4" x14ac:dyDescent="0.25">
      <c r="A20710" t="s">
        <v>32390</v>
      </c>
      <c r="B20710" t="s">
        <v>32391</v>
      </c>
      <c r="C20710">
        <v>1</v>
      </c>
      <c r="D20710">
        <v>0</v>
      </c>
    </row>
    <row r="20711" spans="1:4" x14ac:dyDescent="0.25">
      <c r="A20711" t="s">
        <v>32390</v>
      </c>
      <c r="B20711" t="s">
        <v>32392</v>
      </c>
      <c r="C20711">
        <v>2</v>
      </c>
      <c r="D20711">
        <v>0</v>
      </c>
    </row>
    <row r="20712" spans="1:4" x14ac:dyDescent="0.25">
      <c r="A20712" t="s">
        <v>32393</v>
      </c>
      <c r="B20712" t="s">
        <v>32394</v>
      </c>
      <c r="C20712">
        <v>1</v>
      </c>
      <c r="D20712">
        <v>0</v>
      </c>
    </row>
    <row r="20713" spans="1:4" x14ac:dyDescent="0.25">
      <c r="A20713" t="s">
        <v>32393</v>
      </c>
      <c r="B20713" t="s">
        <v>32395</v>
      </c>
      <c r="C20713">
        <v>2</v>
      </c>
      <c r="D20713">
        <v>0</v>
      </c>
    </row>
    <row r="20714" spans="1:4" x14ac:dyDescent="0.25">
      <c r="A20714" t="s">
        <v>32393</v>
      </c>
      <c r="B20714" t="s">
        <v>32396</v>
      </c>
      <c r="C20714">
        <v>2</v>
      </c>
      <c r="D20714">
        <v>0</v>
      </c>
    </row>
    <row r="20715" spans="1:4" x14ac:dyDescent="0.25">
      <c r="A20715" t="s">
        <v>32397</v>
      </c>
      <c r="B20715" t="s">
        <v>32398</v>
      </c>
      <c r="C20715">
        <v>0</v>
      </c>
      <c r="D20715">
        <v>0</v>
      </c>
    </row>
    <row r="20716" spans="1:4" x14ac:dyDescent="0.25">
      <c r="A20716" t="s">
        <v>32397</v>
      </c>
      <c r="B20716" t="s">
        <v>32399</v>
      </c>
      <c r="C20716">
        <v>2</v>
      </c>
      <c r="D20716">
        <v>0</v>
      </c>
    </row>
    <row r="20717" spans="1:4" x14ac:dyDescent="0.25">
      <c r="A20717" t="s">
        <v>32397</v>
      </c>
      <c r="B20717" t="s">
        <v>32400</v>
      </c>
      <c r="C20717">
        <v>2</v>
      </c>
      <c r="D20717">
        <v>0</v>
      </c>
    </row>
    <row r="20718" spans="1:4" x14ac:dyDescent="0.25">
      <c r="A20718" t="s">
        <v>32401</v>
      </c>
      <c r="B20718" t="s">
        <v>32402</v>
      </c>
      <c r="C20718">
        <v>0</v>
      </c>
      <c r="D20718">
        <v>0</v>
      </c>
    </row>
    <row r="20719" spans="1:4" x14ac:dyDescent="0.25">
      <c r="A20719" t="s">
        <v>32401</v>
      </c>
      <c r="B20719" t="s">
        <v>32403</v>
      </c>
      <c r="C20719">
        <v>0</v>
      </c>
      <c r="D20719">
        <v>0</v>
      </c>
    </row>
    <row r="20720" spans="1:4" x14ac:dyDescent="0.25">
      <c r="A20720" t="s">
        <v>32404</v>
      </c>
      <c r="B20720" t="s">
        <v>32405</v>
      </c>
      <c r="C20720">
        <v>0</v>
      </c>
      <c r="D20720">
        <v>0</v>
      </c>
    </row>
    <row r="20721" spans="1:4" x14ac:dyDescent="0.25">
      <c r="A20721" t="s">
        <v>32406</v>
      </c>
      <c r="B20721" t="s">
        <v>32407</v>
      </c>
      <c r="C20721">
        <v>0</v>
      </c>
      <c r="D20721">
        <v>0</v>
      </c>
    </row>
    <row r="20722" spans="1:4" x14ac:dyDescent="0.25">
      <c r="A20722" t="s">
        <v>32408</v>
      </c>
      <c r="B20722" t="s">
        <v>32409</v>
      </c>
      <c r="C20722">
        <v>1</v>
      </c>
      <c r="D20722">
        <v>0</v>
      </c>
    </row>
    <row r="20723" spans="1:4" x14ac:dyDescent="0.25">
      <c r="A20723" t="s">
        <v>32408</v>
      </c>
      <c r="B20723" t="s">
        <v>32410</v>
      </c>
      <c r="C20723">
        <v>1</v>
      </c>
      <c r="D20723">
        <v>0</v>
      </c>
    </row>
    <row r="20724" spans="1:4" x14ac:dyDescent="0.25">
      <c r="A20724" t="s">
        <v>32411</v>
      </c>
      <c r="B20724" t="s">
        <v>32412</v>
      </c>
      <c r="C20724">
        <v>0</v>
      </c>
      <c r="D20724">
        <v>0</v>
      </c>
    </row>
    <row r="20725" spans="1:4" x14ac:dyDescent="0.25">
      <c r="A20725" t="s">
        <v>32411</v>
      </c>
      <c r="B20725" t="s">
        <v>32413</v>
      </c>
      <c r="C20725">
        <v>0</v>
      </c>
      <c r="D20725">
        <v>0</v>
      </c>
    </row>
    <row r="20726" spans="1:4" x14ac:dyDescent="0.25">
      <c r="A20726" t="s">
        <v>32414</v>
      </c>
      <c r="B20726" t="s">
        <v>32415</v>
      </c>
      <c r="C20726">
        <v>1</v>
      </c>
      <c r="D20726">
        <v>0</v>
      </c>
    </row>
    <row r="20727" spans="1:4" x14ac:dyDescent="0.25">
      <c r="A20727" t="s">
        <v>32414</v>
      </c>
      <c r="B20727" t="s">
        <v>32416</v>
      </c>
      <c r="C20727">
        <v>2</v>
      </c>
      <c r="D20727">
        <v>0</v>
      </c>
    </row>
    <row r="20728" spans="1:4" x14ac:dyDescent="0.25">
      <c r="A20728" t="s">
        <v>32417</v>
      </c>
      <c r="B20728" t="s">
        <v>3410</v>
      </c>
      <c r="C20728">
        <v>1</v>
      </c>
      <c r="D20728">
        <v>0</v>
      </c>
    </row>
    <row r="20729" spans="1:4" x14ac:dyDescent="0.25">
      <c r="A20729" t="s">
        <v>32418</v>
      </c>
      <c r="B20729" t="s">
        <v>32419</v>
      </c>
      <c r="C20729">
        <v>0</v>
      </c>
      <c r="D20729">
        <v>0</v>
      </c>
    </row>
    <row r="20730" spans="1:4" x14ac:dyDescent="0.25">
      <c r="A20730" t="s">
        <v>32418</v>
      </c>
      <c r="B20730" t="s">
        <v>32420</v>
      </c>
      <c r="C20730">
        <v>0</v>
      </c>
      <c r="D20730">
        <v>0</v>
      </c>
    </row>
    <row r="20731" spans="1:4" x14ac:dyDescent="0.25">
      <c r="A20731" t="s">
        <v>32418</v>
      </c>
      <c r="B20731" t="s">
        <v>32421</v>
      </c>
      <c r="C20731">
        <v>0</v>
      </c>
      <c r="D20731">
        <v>0</v>
      </c>
    </row>
    <row r="20732" spans="1:4" x14ac:dyDescent="0.25">
      <c r="A20732" t="s">
        <v>32422</v>
      </c>
      <c r="B20732" t="s">
        <v>32423</v>
      </c>
      <c r="C20732">
        <v>1</v>
      </c>
      <c r="D20732">
        <v>0</v>
      </c>
    </row>
    <row r="20733" spans="1:4" x14ac:dyDescent="0.25">
      <c r="A20733" t="s">
        <v>32424</v>
      </c>
      <c r="B20733" t="s">
        <v>32425</v>
      </c>
      <c r="C20733">
        <v>1</v>
      </c>
      <c r="D20733">
        <v>0</v>
      </c>
    </row>
    <row r="20734" spans="1:4" x14ac:dyDescent="0.25">
      <c r="A20734" t="s">
        <v>32424</v>
      </c>
      <c r="B20734" t="s">
        <v>32426</v>
      </c>
      <c r="C20734">
        <v>1</v>
      </c>
      <c r="D20734">
        <v>0</v>
      </c>
    </row>
    <row r="20735" spans="1:4" x14ac:dyDescent="0.25">
      <c r="A20735" t="s">
        <v>32424</v>
      </c>
      <c r="B20735" t="s">
        <v>32427</v>
      </c>
      <c r="C20735">
        <v>2</v>
      </c>
      <c r="D20735">
        <v>0</v>
      </c>
    </row>
    <row r="20736" spans="1:4" x14ac:dyDescent="0.25">
      <c r="A20736" t="s">
        <v>32428</v>
      </c>
      <c r="B20736" t="s">
        <v>32429</v>
      </c>
      <c r="C20736">
        <v>0</v>
      </c>
      <c r="D20736">
        <v>0</v>
      </c>
    </row>
    <row r="20737" spans="1:4" x14ac:dyDescent="0.25">
      <c r="A20737" t="s">
        <v>32428</v>
      </c>
      <c r="B20737" t="s">
        <v>32430</v>
      </c>
      <c r="C20737">
        <v>2</v>
      </c>
      <c r="D20737">
        <v>0</v>
      </c>
    </row>
    <row r="20738" spans="1:4" x14ac:dyDescent="0.25">
      <c r="A20738" t="s">
        <v>32431</v>
      </c>
      <c r="B20738" t="s">
        <v>32432</v>
      </c>
      <c r="C20738">
        <v>1</v>
      </c>
      <c r="D20738">
        <v>0</v>
      </c>
    </row>
    <row r="20739" spans="1:4" x14ac:dyDescent="0.25">
      <c r="A20739" t="s">
        <v>32431</v>
      </c>
      <c r="B20739" t="s">
        <v>32433</v>
      </c>
      <c r="C20739">
        <v>2</v>
      </c>
      <c r="D20739">
        <v>0</v>
      </c>
    </row>
    <row r="20740" spans="1:4" x14ac:dyDescent="0.25">
      <c r="A20740" t="s">
        <v>32434</v>
      </c>
      <c r="B20740" t="s">
        <v>32435</v>
      </c>
      <c r="C20740">
        <v>0</v>
      </c>
      <c r="D20740">
        <v>0</v>
      </c>
    </row>
    <row r="20741" spans="1:4" x14ac:dyDescent="0.25">
      <c r="A20741" t="s">
        <v>32434</v>
      </c>
      <c r="B20741" t="s">
        <v>32436</v>
      </c>
      <c r="C20741">
        <v>1</v>
      </c>
      <c r="D20741">
        <v>0</v>
      </c>
    </row>
    <row r="20742" spans="1:4" x14ac:dyDescent="0.25">
      <c r="A20742" t="s">
        <v>32437</v>
      </c>
      <c r="B20742" t="s">
        <v>32438</v>
      </c>
      <c r="C20742">
        <v>1</v>
      </c>
      <c r="D20742">
        <v>0</v>
      </c>
    </row>
    <row r="20743" spans="1:4" x14ac:dyDescent="0.25">
      <c r="A20743" t="s">
        <v>32437</v>
      </c>
      <c r="B20743" t="s">
        <v>32439</v>
      </c>
      <c r="C20743">
        <v>0</v>
      </c>
      <c r="D20743">
        <v>0</v>
      </c>
    </row>
    <row r="20744" spans="1:4" x14ac:dyDescent="0.25">
      <c r="A20744" t="s">
        <v>32440</v>
      </c>
      <c r="B20744" t="s">
        <v>32441</v>
      </c>
      <c r="C20744">
        <v>2</v>
      </c>
      <c r="D20744">
        <v>0</v>
      </c>
    </row>
    <row r="20745" spans="1:4" x14ac:dyDescent="0.25">
      <c r="A20745" t="s">
        <v>32440</v>
      </c>
      <c r="B20745" t="s">
        <v>32442</v>
      </c>
      <c r="C20745">
        <v>2</v>
      </c>
      <c r="D20745">
        <v>0</v>
      </c>
    </row>
    <row r="20746" spans="1:4" x14ac:dyDescent="0.25">
      <c r="A20746" t="s">
        <v>32443</v>
      </c>
      <c r="B20746" t="s">
        <v>32444</v>
      </c>
      <c r="C20746">
        <v>1</v>
      </c>
      <c r="D20746">
        <v>0</v>
      </c>
    </row>
    <row r="20747" spans="1:4" x14ac:dyDescent="0.25">
      <c r="A20747" t="s">
        <v>32443</v>
      </c>
      <c r="B20747" t="s">
        <v>32445</v>
      </c>
      <c r="C20747">
        <v>2</v>
      </c>
      <c r="D20747">
        <v>0</v>
      </c>
    </row>
    <row r="20748" spans="1:4" x14ac:dyDescent="0.25">
      <c r="A20748" t="s">
        <v>32446</v>
      </c>
      <c r="B20748" t="s">
        <v>32447</v>
      </c>
      <c r="C20748">
        <v>0</v>
      </c>
      <c r="D20748">
        <v>0</v>
      </c>
    </row>
    <row r="20749" spans="1:4" x14ac:dyDescent="0.25">
      <c r="A20749" t="s">
        <v>32446</v>
      </c>
      <c r="B20749" t="s">
        <v>32448</v>
      </c>
      <c r="C20749">
        <v>1</v>
      </c>
      <c r="D20749">
        <v>0</v>
      </c>
    </row>
    <row r="20750" spans="1:4" x14ac:dyDescent="0.25">
      <c r="A20750" t="s">
        <v>32449</v>
      </c>
      <c r="B20750" t="s">
        <v>32450</v>
      </c>
      <c r="C20750">
        <v>1</v>
      </c>
      <c r="D20750">
        <v>0</v>
      </c>
    </row>
    <row r="20751" spans="1:4" x14ac:dyDescent="0.25">
      <c r="A20751" t="s">
        <v>32449</v>
      </c>
      <c r="B20751" t="s">
        <v>32451</v>
      </c>
      <c r="C20751">
        <v>0</v>
      </c>
      <c r="D20751">
        <v>0</v>
      </c>
    </row>
    <row r="20752" spans="1:4" x14ac:dyDescent="0.25">
      <c r="A20752" t="s">
        <v>32452</v>
      </c>
      <c r="B20752" t="s">
        <v>32453</v>
      </c>
      <c r="C20752">
        <v>1</v>
      </c>
      <c r="D20752">
        <v>0</v>
      </c>
    </row>
    <row r="20753" spans="1:4" x14ac:dyDescent="0.25">
      <c r="A20753" t="s">
        <v>32454</v>
      </c>
      <c r="B20753" t="s">
        <v>32455</v>
      </c>
      <c r="C20753">
        <v>1</v>
      </c>
      <c r="D20753">
        <v>0</v>
      </c>
    </row>
    <row r="20754" spans="1:4" x14ac:dyDescent="0.25">
      <c r="A20754" t="s">
        <v>32456</v>
      </c>
      <c r="B20754" t="s">
        <v>32457</v>
      </c>
      <c r="C20754">
        <v>1</v>
      </c>
      <c r="D20754">
        <v>0</v>
      </c>
    </row>
    <row r="20755" spans="1:4" x14ac:dyDescent="0.25">
      <c r="A20755" t="s">
        <v>32456</v>
      </c>
      <c r="B20755" t="s">
        <v>32458</v>
      </c>
      <c r="C20755">
        <v>0</v>
      </c>
      <c r="D20755">
        <v>0</v>
      </c>
    </row>
    <row r="20756" spans="1:4" x14ac:dyDescent="0.25">
      <c r="A20756" t="s">
        <v>32456</v>
      </c>
      <c r="B20756" t="s">
        <v>32459</v>
      </c>
      <c r="C20756">
        <v>1</v>
      </c>
      <c r="D20756">
        <v>0</v>
      </c>
    </row>
    <row r="20757" spans="1:4" x14ac:dyDescent="0.25">
      <c r="A20757" t="s">
        <v>32460</v>
      </c>
      <c r="B20757" t="s">
        <v>32461</v>
      </c>
      <c r="C20757">
        <v>2</v>
      </c>
      <c r="D20757">
        <v>0</v>
      </c>
    </row>
    <row r="20758" spans="1:4" x14ac:dyDescent="0.25">
      <c r="A20758" t="s">
        <v>32460</v>
      </c>
      <c r="B20758" t="s">
        <v>32462</v>
      </c>
      <c r="C20758">
        <v>1</v>
      </c>
      <c r="D20758">
        <v>0</v>
      </c>
    </row>
    <row r="20759" spans="1:4" x14ac:dyDescent="0.25">
      <c r="A20759" t="s">
        <v>32463</v>
      </c>
      <c r="B20759" t="s">
        <v>32464</v>
      </c>
      <c r="C20759">
        <v>0</v>
      </c>
      <c r="D20759">
        <v>0</v>
      </c>
    </row>
    <row r="20760" spans="1:4" x14ac:dyDescent="0.25">
      <c r="A20760" t="s">
        <v>32463</v>
      </c>
      <c r="B20760" t="s">
        <v>32465</v>
      </c>
      <c r="C20760">
        <v>1</v>
      </c>
      <c r="D20760">
        <v>0</v>
      </c>
    </row>
    <row r="20761" spans="1:4" x14ac:dyDescent="0.25">
      <c r="A20761" t="s">
        <v>32463</v>
      </c>
      <c r="B20761" t="s">
        <v>852</v>
      </c>
      <c r="C20761">
        <v>0</v>
      </c>
      <c r="D20761">
        <v>0</v>
      </c>
    </row>
    <row r="20762" spans="1:4" x14ac:dyDescent="0.25">
      <c r="A20762" t="s">
        <v>32466</v>
      </c>
      <c r="B20762" t="s">
        <v>32467</v>
      </c>
      <c r="C20762">
        <v>0</v>
      </c>
      <c r="D20762">
        <v>0</v>
      </c>
    </row>
    <row r="20763" spans="1:4" x14ac:dyDescent="0.25">
      <c r="A20763" t="s">
        <v>32466</v>
      </c>
      <c r="B20763" t="s">
        <v>32468</v>
      </c>
      <c r="C20763">
        <v>2</v>
      </c>
      <c r="D20763">
        <v>0</v>
      </c>
    </row>
    <row r="20764" spans="1:4" x14ac:dyDescent="0.25">
      <c r="A20764" t="s">
        <v>32466</v>
      </c>
      <c r="B20764" t="s">
        <v>32469</v>
      </c>
      <c r="C20764">
        <v>2</v>
      </c>
      <c r="D20764">
        <v>0</v>
      </c>
    </row>
    <row r="20765" spans="1:4" x14ac:dyDescent="0.25">
      <c r="A20765" t="s">
        <v>32470</v>
      </c>
      <c r="B20765" t="s">
        <v>32471</v>
      </c>
      <c r="C20765">
        <v>0</v>
      </c>
      <c r="D20765">
        <v>0</v>
      </c>
    </row>
    <row r="20766" spans="1:4" x14ac:dyDescent="0.25">
      <c r="A20766" t="s">
        <v>32470</v>
      </c>
      <c r="B20766" t="s">
        <v>32472</v>
      </c>
      <c r="C20766">
        <v>1</v>
      </c>
      <c r="D20766">
        <v>0</v>
      </c>
    </row>
    <row r="20767" spans="1:4" x14ac:dyDescent="0.25">
      <c r="A20767" t="s">
        <v>32473</v>
      </c>
      <c r="B20767" t="s">
        <v>32322</v>
      </c>
      <c r="C20767">
        <v>1</v>
      </c>
      <c r="D20767">
        <v>0</v>
      </c>
    </row>
    <row r="20768" spans="1:4" x14ac:dyDescent="0.25">
      <c r="A20768" t="s">
        <v>32474</v>
      </c>
      <c r="B20768" t="s">
        <v>32475</v>
      </c>
      <c r="C20768">
        <v>1</v>
      </c>
      <c r="D20768">
        <v>0</v>
      </c>
    </row>
    <row r="20769" spans="1:4" x14ac:dyDescent="0.25">
      <c r="A20769" t="s">
        <v>32476</v>
      </c>
      <c r="B20769" t="s">
        <v>32477</v>
      </c>
      <c r="C20769">
        <v>2</v>
      </c>
      <c r="D20769">
        <v>0</v>
      </c>
    </row>
    <row r="20770" spans="1:4" x14ac:dyDescent="0.25">
      <c r="A20770" t="s">
        <v>32478</v>
      </c>
      <c r="B20770" t="s">
        <v>32479</v>
      </c>
      <c r="C20770">
        <v>2</v>
      </c>
      <c r="D20770">
        <v>0</v>
      </c>
    </row>
    <row r="20771" spans="1:4" x14ac:dyDescent="0.25">
      <c r="A20771" t="s">
        <v>32478</v>
      </c>
      <c r="B20771" t="s">
        <v>32480</v>
      </c>
      <c r="C20771">
        <v>2</v>
      </c>
      <c r="D20771">
        <v>0</v>
      </c>
    </row>
    <row r="20772" spans="1:4" x14ac:dyDescent="0.25">
      <c r="A20772" t="s">
        <v>32481</v>
      </c>
      <c r="B20772" t="s">
        <v>32482</v>
      </c>
      <c r="C20772">
        <v>0</v>
      </c>
      <c r="D20772">
        <v>0</v>
      </c>
    </row>
    <row r="20773" spans="1:4" x14ac:dyDescent="0.25">
      <c r="A20773" t="s">
        <v>32481</v>
      </c>
      <c r="B20773" t="s">
        <v>32483</v>
      </c>
      <c r="C20773">
        <v>1</v>
      </c>
      <c r="D20773">
        <v>0</v>
      </c>
    </row>
    <row r="20774" spans="1:4" x14ac:dyDescent="0.25">
      <c r="A20774" t="s">
        <v>32481</v>
      </c>
      <c r="B20774" t="s">
        <v>32484</v>
      </c>
      <c r="C20774">
        <v>1</v>
      </c>
      <c r="D20774">
        <v>0</v>
      </c>
    </row>
    <row r="20775" spans="1:4" x14ac:dyDescent="0.25">
      <c r="A20775" t="s">
        <v>32485</v>
      </c>
      <c r="B20775" t="s">
        <v>32486</v>
      </c>
      <c r="C20775">
        <v>0</v>
      </c>
      <c r="D20775">
        <v>0</v>
      </c>
    </row>
    <row r="20776" spans="1:4" x14ac:dyDescent="0.25">
      <c r="A20776" t="s">
        <v>32485</v>
      </c>
      <c r="B20776" t="s">
        <v>32487</v>
      </c>
      <c r="C20776">
        <v>1</v>
      </c>
      <c r="D20776">
        <v>0</v>
      </c>
    </row>
    <row r="20777" spans="1:4" x14ac:dyDescent="0.25">
      <c r="A20777" t="s">
        <v>32488</v>
      </c>
      <c r="B20777" t="s">
        <v>32489</v>
      </c>
      <c r="C20777">
        <v>2</v>
      </c>
      <c r="D20777">
        <v>0</v>
      </c>
    </row>
    <row r="20778" spans="1:4" x14ac:dyDescent="0.25">
      <c r="A20778" t="s">
        <v>32488</v>
      </c>
      <c r="B20778" t="s">
        <v>32490</v>
      </c>
      <c r="C20778">
        <v>2</v>
      </c>
      <c r="D20778">
        <v>0</v>
      </c>
    </row>
    <row r="20779" spans="1:4" x14ac:dyDescent="0.25">
      <c r="A20779" t="s">
        <v>32491</v>
      </c>
      <c r="B20779" t="s">
        <v>32492</v>
      </c>
      <c r="C20779">
        <v>1</v>
      </c>
      <c r="D20779">
        <v>0</v>
      </c>
    </row>
    <row r="20780" spans="1:4" x14ac:dyDescent="0.25">
      <c r="A20780" t="s">
        <v>32491</v>
      </c>
      <c r="B20780" t="s">
        <v>32493</v>
      </c>
      <c r="C20780">
        <v>2</v>
      </c>
      <c r="D20780">
        <v>0</v>
      </c>
    </row>
    <row r="20781" spans="1:4" x14ac:dyDescent="0.25">
      <c r="A20781" t="s">
        <v>32491</v>
      </c>
      <c r="B20781" t="s">
        <v>32494</v>
      </c>
      <c r="C20781">
        <v>0</v>
      </c>
      <c r="D20781">
        <v>0</v>
      </c>
    </row>
    <row r="20782" spans="1:4" x14ac:dyDescent="0.25">
      <c r="A20782" t="s">
        <v>32495</v>
      </c>
      <c r="B20782" t="s">
        <v>32496</v>
      </c>
      <c r="C20782">
        <v>2</v>
      </c>
      <c r="D20782">
        <v>0</v>
      </c>
    </row>
    <row r="20783" spans="1:4" x14ac:dyDescent="0.25">
      <c r="A20783" t="s">
        <v>32495</v>
      </c>
      <c r="B20783" t="s">
        <v>32497</v>
      </c>
      <c r="C20783">
        <v>1</v>
      </c>
      <c r="D20783">
        <v>0</v>
      </c>
    </row>
    <row r="20784" spans="1:4" x14ac:dyDescent="0.25">
      <c r="A20784" t="s">
        <v>32498</v>
      </c>
      <c r="B20784" t="s">
        <v>32499</v>
      </c>
      <c r="C20784">
        <v>1</v>
      </c>
      <c r="D20784">
        <v>0</v>
      </c>
    </row>
    <row r="20785" spans="1:4" x14ac:dyDescent="0.25">
      <c r="A20785" t="s">
        <v>32500</v>
      </c>
      <c r="B20785" t="s">
        <v>32501</v>
      </c>
      <c r="C20785">
        <v>2</v>
      </c>
      <c r="D20785">
        <v>0</v>
      </c>
    </row>
    <row r="20786" spans="1:4" x14ac:dyDescent="0.25">
      <c r="A20786" t="s">
        <v>32502</v>
      </c>
      <c r="B20786" t="s">
        <v>32503</v>
      </c>
      <c r="C20786">
        <v>2</v>
      </c>
      <c r="D20786">
        <v>0</v>
      </c>
    </row>
    <row r="20787" spans="1:4" x14ac:dyDescent="0.25">
      <c r="A20787" t="s">
        <v>32502</v>
      </c>
      <c r="B20787" t="s">
        <v>32504</v>
      </c>
      <c r="C20787">
        <v>0</v>
      </c>
      <c r="D20787">
        <v>0</v>
      </c>
    </row>
    <row r="20788" spans="1:4" x14ac:dyDescent="0.25">
      <c r="A20788" t="s">
        <v>32502</v>
      </c>
      <c r="B20788" t="s">
        <v>32505</v>
      </c>
      <c r="C20788">
        <v>1</v>
      </c>
      <c r="D20788">
        <v>0</v>
      </c>
    </row>
    <row r="20789" spans="1:4" x14ac:dyDescent="0.25">
      <c r="A20789" t="s">
        <v>32506</v>
      </c>
      <c r="B20789" t="s">
        <v>32507</v>
      </c>
      <c r="C20789">
        <v>1</v>
      </c>
      <c r="D20789">
        <v>0</v>
      </c>
    </row>
    <row r="20790" spans="1:4" x14ac:dyDescent="0.25">
      <c r="A20790" t="s">
        <v>32508</v>
      </c>
      <c r="B20790" t="s">
        <v>32509</v>
      </c>
      <c r="C20790">
        <v>1</v>
      </c>
      <c r="D20790">
        <v>0</v>
      </c>
    </row>
    <row r="20791" spans="1:4" x14ac:dyDescent="0.25">
      <c r="A20791" t="s">
        <v>32508</v>
      </c>
      <c r="B20791" t="s">
        <v>32510</v>
      </c>
      <c r="C20791">
        <v>0</v>
      </c>
      <c r="D20791">
        <v>0</v>
      </c>
    </row>
    <row r="20792" spans="1:4" x14ac:dyDescent="0.25">
      <c r="A20792" t="s">
        <v>32511</v>
      </c>
      <c r="B20792" t="s">
        <v>32512</v>
      </c>
      <c r="C20792">
        <v>0</v>
      </c>
      <c r="D20792">
        <v>0</v>
      </c>
    </row>
    <row r="20793" spans="1:4" x14ac:dyDescent="0.25">
      <c r="A20793" t="s">
        <v>32511</v>
      </c>
      <c r="B20793" t="s">
        <v>32513</v>
      </c>
      <c r="C20793">
        <v>1</v>
      </c>
      <c r="D20793">
        <v>0</v>
      </c>
    </row>
    <row r="20794" spans="1:4" x14ac:dyDescent="0.25">
      <c r="A20794" t="s">
        <v>32511</v>
      </c>
      <c r="B20794" t="s">
        <v>32514</v>
      </c>
      <c r="C20794">
        <v>1</v>
      </c>
      <c r="D20794">
        <v>0</v>
      </c>
    </row>
    <row r="20795" spans="1:4" x14ac:dyDescent="0.25">
      <c r="A20795" t="s">
        <v>32515</v>
      </c>
      <c r="B20795" t="s">
        <v>30235</v>
      </c>
      <c r="C20795">
        <v>2</v>
      </c>
      <c r="D20795">
        <v>0</v>
      </c>
    </row>
    <row r="20796" spans="1:4" x14ac:dyDescent="0.25">
      <c r="A20796" t="s">
        <v>32516</v>
      </c>
      <c r="B20796" t="s">
        <v>32517</v>
      </c>
      <c r="C20796">
        <v>0</v>
      </c>
      <c r="D20796">
        <v>0</v>
      </c>
    </row>
    <row r="20797" spans="1:4" x14ac:dyDescent="0.25">
      <c r="A20797" t="s">
        <v>32516</v>
      </c>
      <c r="B20797" t="s">
        <v>32518</v>
      </c>
      <c r="C20797">
        <v>1</v>
      </c>
      <c r="D20797">
        <v>0</v>
      </c>
    </row>
    <row r="20798" spans="1:4" x14ac:dyDescent="0.25">
      <c r="A20798" t="s">
        <v>32519</v>
      </c>
      <c r="B20798" t="s">
        <v>32520</v>
      </c>
      <c r="C20798">
        <v>2</v>
      </c>
      <c r="D20798">
        <v>0</v>
      </c>
    </row>
    <row r="20799" spans="1:4" x14ac:dyDescent="0.25">
      <c r="A20799" t="s">
        <v>32519</v>
      </c>
      <c r="B20799" t="s">
        <v>32521</v>
      </c>
      <c r="C20799">
        <v>0</v>
      </c>
      <c r="D20799">
        <v>0</v>
      </c>
    </row>
    <row r="20800" spans="1:4" x14ac:dyDescent="0.25">
      <c r="A20800" t="s">
        <v>32522</v>
      </c>
      <c r="B20800" t="s">
        <v>32523</v>
      </c>
      <c r="C20800">
        <v>0</v>
      </c>
      <c r="D20800">
        <v>0</v>
      </c>
    </row>
    <row r="20801" spans="1:4" x14ac:dyDescent="0.25">
      <c r="A20801" t="s">
        <v>32522</v>
      </c>
      <c r="B20801" t="s">
        <v>32524</v>
      </c>
      <c r="C20801">
        <v>2</v>
      </c>
      <c r="D20801">
        <v>0</v>
      </c>
    </row>
    <row r="20802" spans="1:4" x14ac:dyDescent="0.25">
      <c r="A20802" t="s">
        <v>32525</v>
      </c>
      <c r="B20802" t="s">
        <v>32526</v>
      </c>
      <c r="C20802">
        <v>1</v>
      </c>
      <c r="D20802">
        <v>0</v>
      </c>
    </row>
    <row r="20803" spans="1:4" x14ac:dyDescent="0.25">
      <c r="A20803" t="s">
        <v>32525</v>
      </c>
      <c r="B20803" t="s">
        <v>32527</v>
      </c>
      <c r="C20803">
        <v>1</v>
      </c>
      <c r="D20803">
        <v>0</v>
      </c>
    </row>
    <row r="20804" spans="1:4" x14ac:dyDescent="0.25">
      <c r="A20804" t="s">
        <v>32528</v>
      </c>
      <c r="B20804" t="s">
        <v>2061</v>
      </c>
      <c r="C20804">
        <v>0</v>
      </c>
      <c r="D20804">
        <v>0</v>
      </c>
    </row>
    <row r="20805" spans="1:4" x14ac:dyDescent="0.25">
      <c r="A20805" t="s">
        <v>32528</v>
      </c>
      <c r="B20805" t="s">
        <v>1001</v>
      </c>
      <c r="C20805">
        <v>1</v>
      </c>
      <c r="D20805">
        <v>0</v>
      </c>
    </row>
    <row r="20806" spans="1:4" x14ac:dyDescent="0.25">
      <c r="A20806" t="s">
        <v>32528</v>
      </c>
      <c r="B20806" t="s">
        <v>1001</v>
      </c>
      <c r="C20806">
        <v>1</v>
      </c>
      <c r="D20806">
        <v>0</v>
      </c>
    </row>
    <row r="20807" spans="1:4" x14ac:dyDescent="0.25">
      <c r="A20807" t="s">
        <v>32529</v>
      </c>
      <c r="B20807" t="s">
        <v>32530</v>
      </c>
      <c r="C20807">
        <v>1</v>
      </c>
      <c r="D20807">
        <v>0</v>
      </c>
    </row>
    <row r="20808" spans="1:4" x14ac:dyDescent="0.25">
      <c r="A20808" t="s">
        <v>32529</v>
      </c>
      <c r="B20808" t="s">
        <v>32531</v>
      </c>
      <c r="C20808">
        <v>1</v>
      </c>
      <c r="D20808">
        <v>0</v>
      </c>
    </row>
    <row r="20809" spans="1:4" x14ac:dyDescent="0.25">
      <c r="A20809" t="s">
        <v>32529</v>
      </c>
      <c r="B20809" t="s">
        <v>32532</v>
      </c>
      <c r="C20809">
        <v>2</v>
      </c>
      <c r="D20809">
        <v>0</v>
      </c>
    </row>
    <row r="20810" spans="1:4" x14ac:dyDescent="0.25">
      <c r="A20810" t="s">
        <v>32533</v>
      </c>
      <c r="B20810" t="s">
        <v>32534</v>
      </c>
      <c r="C20810">
        <v>2</v>
      </c>
      <c r="D20810">
        <v>0</v>
      </c>
    </row>
    <row r="20811" spans="1:4" x14ac:dyDescent="0.25">
      <c r="A20811" t="s">
        <v>32533</v>
      </c>
      <c r="B20811" t="s">
        <v>32535</v>
      </c>
      <c r="C20811">
        <v>1</v>
      </c>
      <c r="D20811">
        <v>0</v>
      </c>
    </row>
    <row r="20812" spans="1:4" x14ac:dyDescent="0.25">
      <c r="A20812" t="s">
        <v>32533</v>
      </c>
      <c r="B20812" t="s">
        <v>32536</v>
      </c>
      <c r="C20812">
        <v>0</v>
      </c>
      <c r="D20812">
        <v>0</v>
      </c>
    </row>
    <row r="20813" spans="1:4" x14ac:dyDescent="0.25">
      <c r="A20813" t="s">
        <v>32537</v>
      </c>
      <c r="B20813" t="s">
        <v>32538</v>
      </c>
      <c r="C20813">
        <v>1</v>
      </c>
      <c r="D20813">
        <v>0</v>
      </c>
    </row>
    <row r="20814" spans="1:4" x14ac:dyDescent="0.25">
      <c r="A20814" t="s">
        <v>32537</v>
      </c>
      <c r="B20814" t="s">
        <v>32539</v>
      </c>
      <c r="C20814">
        <v>1</v>
      </c>
      <c r="D20814">
        <v>0</v>
      </c>
    </row>
    <row r="20815" spans="1:4" x14ac:dyDescent="0.25">
      <c r="A20815" t="s">
        <v>32537</v>
      </c>
      <c r="B20815" t="s">
        <v>969</v>
      </c>
      <c r="C20815">
        <v>0</v>
      </c>
      <c r="D20815">
        <v>0</v>
      </c>
    </row>
    <row r="20816" spans="1:4" x14ac:dyDescent="0.25">
      <c r="A20816" t="s">
        <v>32540</v>
      </c>
      <c r="B20816" t="s">
        <v>32541</v>
      </c>
      <c r="C20816">
        <v>1</v>
      </c>
      <c r="D20816">
        <v>0</v>
      </c>
    </row>
    <row r="20817" spans="1:4" x14ac:dyDescent="0.25">
      <c r="A20817" t="s">
        <v>32542</v>
      </c>
      <c r="B20817" t="s">
        <v>19747</v>
      </c>
      <c r="C20817">
        <v>0</v>
      </c>
      <c r="D20817">
        <v>0</v>
      </c>
    </row>
    <row r="20818" spans="1:4" x14ac:dyDescent="0.25">
      <c r="A20818" t="s">
        <v>32543</v>
      </c>
      <c r="B20818" t="s">
        <v>32544</v>
      </c>
      <c r="C20818">
        <v>0</v>
      </c>
      <c r="D20818">
        <v>0</v>
      </c>
    </row>
    <row r="20819" spans="1:4" x14ac:dyDescent="0.25">
      <c r="A20819" t="s">
        <v>32543</v>
      </c>
      <c r="B20819" t="s">
        <v>32545</v>
      </c>
      <c r="C20819">
        <v>2</v>
      </c>
      <c r="D20819">
        <v>0</v>
      </c>
    </row>
    <row r="20820" spans="1:4" x14ac:dyDescent="0.25">
      <c r="A20820" t="s">
        <v>32546</v>
      </c>
      <c r="B20820" t="s">
        <v>32547</v>
      </c>
      <c r="C20820">
        <v>0</v>
      </c>
      <c r="D20820">
        <v>0</v>
      </c>
    </row>
    <row r="20821" spans="1:4" x14ac:dyDescent="0.25">
      <c r="A20821" t="s">
        <v>32546</v>
      </c>
      <c r="B20821" t="s">
        <v>32548</v>
      </c>
      <c r="C20821">
        <v>1</v>
      </c>
      <c r="D20821">
        <v>0</v>
      </c>
    </row>
    <row r="20822" spans="1:4" x14ac:dyDescent="0.25">
      <c r="A20822" t="s">
        <v>32546</v>
      </c>
      <c r="B20822" t="s">
        <v>32549</v>
      </c>
      <c r="C20822">
        <v>2</v>
      </c>
      <c r="D20822">
        <v>0</v>
      </c>
    </row>
    <row r="20823" spans="1:4" x14ac:dyDescent="0.25">
      <c r="A20823" t="s">
        <v>32550</v>
      </c>
      <c r="B20823" t="s">
        <v>32551</v>
      </c>
      <c r="C20823">
        <v>2</v>
      </c>
      <c r="D20823">
        <v>0</v>
      </c>
    </row>
    <row r="20824" spans="1:4" x14ac:dyDescent="0.25">
      <c r="A20824" t="s">
        <v>32550</v>
      </c>
      <c r="B20824" t="s">
        <v>32552</v>
      </c>
      <c r="C20824">
        <v>0</v>
      </c>
      <c r="D20824">
        <v>0</v>
      </c>
    </row>
    <row r="20825" spans="1:4" x14ac:dyDescent="0.25">
      <c r="A20825" t="s">
        <v>32550</v>
      </c>
      <c r="B20825" t="s">
        <v>32553</v>
      </c>
      <c r="C20825">
        <v>2</v>
      </c>
      <c r="D20825">
        <v>0</v>
      </c>
    </row>
    <row r="20826" spans="1:4" x14ac:dyDescent="0.25">
      <c r="A20826" t="s">
        <v>32554</v>
      </c>
      <c r="B20826" t="s">
        <v>32555</v>
      </c>
      <c r="C20826">
        <v>1</v>
      </c>
      <c r="D20826">
        <v>0</v>
      </c>
    </row>
    <row r="20827" spans="1:4" x14ac:dyDescent="0.25">
      <c r="A20827" t="s">
        <v>32554</v>
      </c>
      <c r="B20827" t="s">
        <v>32556</v>
      </c>
      <c r="C20827">
        <v>1</v>
      </c>
      <c r="D20827">
        <v>0</v>
      </c>
    </row>
    <row r="20828" spans="1:4" x14ac:dyDescent="0.25">
      <c r="A20828" t="s">
        <v>32554</v>
      </c>
      <c r="B20828" t="s">
        <v>32557</v>
      </c>
      <c r="C20828">
        <v>1</v>
      </c>
      <c r="D20828">
        <v>0</v>
      </c>
    </row>
    <row r="20829" spans="1:4" x14ac:dyDescent="0.25">
      <c r="A20829" t="s">
        <v>32558</v>
      </c>
      <c r="B20829" t="s">
        <v>32559</v>
      </c>
      <c r="C20829">
        <v>1</v>
      </c>
      <c r="D20829">
        <v>0</v>
      </c>
    </row>
    <row r="20830" spans="1:4" x14ac:dyDescent="0.25">
      <c r="A20830" t="s">
        <v>32560</v>
      </c>
      <c r="B20830" t="s">
        <v>1570</v>
      </c>
      <c r="C20830">
        <v>1</v>
      </c>
      <c r="D20830">
        <v>0</v>
      </c>
    </row>
    <row r="20831" spans="1:4" x14ac:dyDescent="0.25">
      <c r="A20831" t="s">
        <v>32560</v>
      </c>
      <c r="B20831" t="s">
        <v>32561</v>
      </c>
      <c r="C20831">
        <v>0</v>
      </c>
      <c r="D20831">
        <v>0</v>
      </c>
    </row>
    <row r="20832" spans="1:4" x14ac:dyDescent="0.25">
      <c r="A20832" t="s">
        <v>32562</v>
      </c>
      <c r="B20832" t="s">
        <v>1499</v>
      </c>
      <c r="C20832">
        <v>1</v>
      </c>
      <c r="D20832">
        <v>0</v>
      </c>
    </row>
    <row r="20833" spans="1:4" x14ac:dyDescent="0.25">
      <c r="A20833" t="s">
        <v>32563</v>
      </c>
      <c r="B20833" t="s">
        <v>32564</v>
      </c>
      <c r="C20833">
        <v>0</v>
      </c>
      <c r="D20833">
        <v>0</v>
      </c>
    </row>
    <row r="20834" spans="1:4" x14ac:dyDescent="0.25">
      <c r="A20834" t="s">
        <v>32565</v>
      </c>
      <c r="B20834" t="s">
        <v>32566</v>
      </c>
      <c r="C20834">
        <v>0</v>
      </c>
      <c r="D20834">
        <v>0</v>
      </c>
    </row>
    <row r="20835" spans="1:4" x14ac:dyDescent="0.25">
      <c r="A20835" t="s">
        <v>32565</v>
      </c>
      <c r="B20835" t="s">
        <v>32567</v>
      </c>
      <c r="C20835">
        <v>0</v>
      </c>
      <c r="D20835">
        <v>0</v>
      </c>
    </row>
    <row r="20836" spans="1:4" x14ac:dyDescent="0.25">
      <c r="A20836" t="s">
        <v>32568</v>
      </c>
      <c r="B20836" t="s">
        <v>32569</v>
      </c>
      <c r="C20836">
        <v>0</v>
      </c>
      <c r="D20836">
        <v>0</v>
      </c>
    </row>
    <row r="20837" spans="1:4" x14ac:dyDescent="0.25">
      <c r="A20837" t="s">
        <v>32568</v>
      </c>
      <c r="B20837" t="s">
        <v>32570</v>
      </c>
      <c r="C20837">
        <v>0</v>
      </c>
      <c r="D20837">
        <v>0</v>
      </c>
    </row>
    <row r="20838" spans="1:4" x14ac:dyDescent="0.25">
      <c r="A20838" t="s">
        <v>32571</v>
      </c>
      <c r="B20838" t="s">
        <v>32572</v>
      </c>
      <c r="C20838">
        <v>1</v>
      </c>
      <c r="D20838">
        <v>0</v>
      </c>
    </row>
    <row r="20839" spans="1:4" x14ac:dyDescent="0.25">
      <c r="A20839" t="s">
        <v>32571</v>
      </c>
      <c r="B20839" t="s">
        <v>32573</v>
      </c>
      <c r="C20839">
        <v>0</v>
      </c>
      <c r="D20839">
        <v>0</v>
      </c>
    </row>
    <row r="20840" spans="1:4" x14ac:dyDescent="0.25">
      <c r="A20840" t="s">
        <v>32571</v>
      </c>
      <c r="B20840" t="s">
        <v>32574</v>
      </c>
      <c r="C20840">
        <v>2</v>
      </c>
      <c r="D20840">
        <v>0</v>
      </c>
    </row>
    <row r="20841" spans="1:4" x14ac:dyDescent="0.25">
      <c r="A20841" t="s">
        <v>32575</v>
      </c>
      <c r="B20841" t="s">
        <v>32576</v>
      </c>
      <c r="C20841">
        <v>2</v>
      </c>
      <c r="D20841">
        <v>0</v>
      </c>
    </row>
    <row r="20842" spans="1:4" x14ac:dyDescent="0.25">
      <c r="A20842" t="s">
        <v>32575</v>
      </c>
      <c r="B20842" t="s">
        <v>32577</v>
      </c>
      <c r="C20842">
        <v>0</v>
      </c>
      <c r="D20842">
        <v>0</v>
      </c>
    </row>
    <row r="20843" spans="1:4" x14ac:dyDescent="0.25">
      <c r="A20843" t="s">
        <v>32575</v>
      </c>
      <c r="B20843" t="s">
        <v>32578</v>
      </c>
      <c r="C20843">
        <v>2</v>
      </c>
      <c r="D20843">
        <v>0</v>
      </c>
    </row>
    <row r="20844" spans="1:4" x14ac:dyDescent="0.25">
      <c r="A20844" t="s">
        <v>32579</v>
      </c>
      <c r="B20844" t="s">
        <v>32580</v>
      </c>
      <c r="C20844">
        <v>1</v>
      </c>
      <c r="D20844">
        <v>0</v>
      </c>
    </row>
    <row r="20845" spans="1:4" x14ac:dyDescent="0.25">
      <c r="A20845" t="s">
        <v>32579</v>
      </c>
      <c r="B20845" t="s">
        <v>32581</v>
      </c>
      <c r="C20845">
        <v>1</v>
      </c>
      <c r="D20845">
        <v>0</v>
      </c>
    </row>
    <row r="20846" spans="1:4" x14ac:dyDescent="0.25">
      <c r="A20846" t="s">
        <v>32579</v>
      </c>
      <c r="B20846" t="s">
        <v>32582</v>
      </c>
      <c r="C20846">
        <v>0</v>
      </c>
      <c r="D20846">
        <v>0</v>
      </c>
    </row>
    <row r="20847" spans="1:4" x14ac:dyDescent="0.25">
      <c r="A20847" t="s">
        <v>32583</v>
      </c>
      <c r="B20847" t="s">
        <v>32584</v>
      </c>
      <c r="C20847">
        <v>2</v>
      </c>
      <c r="D20847">
        <v>0</v>
      </c>
    </row>
    <row r="20848" spans="1:4" x14ac:dyDescent="0.25">
      <c r="A20848" t="s">
        <v>32585</v>
      </c>
      <c r="B20848" t="s">
        <v>32586</v>
      </c>
      <c r="C20848">
        <v>2</v>
      </c>
      <c r="D20848">
        <v>0</v>
      </c>
    </row>
    <row r="20849" spans="1:4" x14ac:dyDescent="0.25">
      <c r="A20849" t="s">
        <v>32587</v>
      </c>
      <c r="B20849" t="s">
        <v>32588</v>
      </c>
      <c r="C20849">
        <v>0</v>
      </c>
      <c r="D20849">
        <v>0</v>
      </c>
    </row>
    <row r="20850" spans="1:4" x14ac:dyDescent="0.25">
      <c r="A20850" t="s">
        <v>32587</v>
      </c>
      <c r="B20850" t="s">
        <v>32589</v>
      </c>
      <c r="C20850">
        <v>0</v>
      </c>
      <c r="D20850">
        <v>0</v>
      </c>
    </row>
    <row r="20851" spans="1:4" x14ac:dyDescent="0.25">
      <c r="A20851" t="s">
        <v>32590</v>
      </c>
      <c r="B20851" t="s">
        <v>32591</v>
      </c>
      <c r="C20851">
        <v>0</v>
      </c>
      <c r="D20851">
        <v>0</v>
      </c>
    </row>
    <row r="20852" spans="1:4" x14ac:dyDescent="0.25">
      <c r="A20852" t="s">
        <v>32590</v>
      </c>
      <c r="B20852" t="s">
        <v>32592</v>
      </c>
      <c r="C20852">
        <v>2</v>
      </c>
      <c r="D20852">
        <v>0</v>
      </c>
    </row>
    <row r="20853" spans="1:4" x14ac:dyDescent="0.25">
      <c r="A20853" t="s">
        <v>32593</v>
      </c>
      <c r="B20853" t="s">
        <v>32594</v>
      </c>
      <c r="C20853">
        <v>1</v>
      </c>
      <c r="D20853">
        <v>0</v>
      </c>
    </row>
    <row r="20854" spans="1:4" x14ac:dyDescent="0.25">
      <c r="A20854" t="s">
        <v>32593</v>
      </c>
      <c r="B20854" t="s">
        <v>32595</v>
      </c>
      <c r="C20854">
        <v>1</v>
      </c>
      <c r="D20854">
        <v>0</v>
      </c>
    </row>
    <row r="20855" spans="1:4" x14ac:dyDescent="0.25">
      <c r="A20855" t="s">
        <v>32596</v>
      </c>
      <c r="B20855" t="s">
        <v>1938</v>
      </c>
      <c r="C20855">
        <v>0</v>
      </c>
      <c r="D20855">
        <v>0</v>
      </c>
    </row>
    <row r="20856" spans="1:4" x14ac:dyDescent="0.25">
      <c r="A20856" t="s">
        <v>32596</v>
      </c>
      <c r="B20856" t="s">
        <v>32597</v>
      </c>
      <c r="C20856">
        <v>1</v>
      </c>
      <c r="D20856">
        <v>0</v>
      </c>
    </row>
    <row r="20857" spans="1:4" x14ac:dyDescent="0.25">
      <c r="A20857" t="s">
        <v>32598</v>
      </c>
      <c r="B20857" t="s">
        <v>32599</v>
      </c>
      <c r="C20857">
        <v>0</v>
      </c>
      <c r="D20857">
        <v>0</v>
      </c>
    </row>
    <row r="20858" spans="1:4" x14ac:dyDescent="0.25">
      <c r="A20858" t="s">
        <v>32600</v>
      </c>
      <c r="B20858" t="s">
        <v>32601</v>
      </c>
      <c r="C20858">
        <v>0</v>
      </c>
      <c r="D20858">
        <v>0</v>
      </c>
    </row>
    <row r="20859" spans="1:4" x14ac:dyDescent="0.25">
      <c r="A20859" t="s">
        <v>32600</v>
      </c>
      <c r="B20859" t="s">
        <v>32602</v>
      </c>
      <c r="C20859">
        <v>0</v>
      </c>
      <c r="D20859">
        <v>0</v>
      </c>
    </row>
    <row r="20860" spans="1:4" x14ac:dyDescent="0.25">
      <c r="A20860" t="s">
        <v>32600</v>
      </c>
      <c r="B20860" t="s">
        <v>32603</v>
      </c>
      <c r="C20860">
        <v>2</v>
      </c>
      <c r="D20860">
        <v>0</v>
      </c>
    </row>
    <row r="20861" spans="1:4" x14ac:dyDescent="0.25">
      <c r="A20861" t="s">
        <v>32604</v>
      </c>
      <c r="B20861" t="s">
        <v>32605</v>
      </c>
      <c r="C20861">
        <v>2</v>
      </c>
      <c r="D20861">
        <v>0</v>
      </c>
    </row>
    <row r="20862" spans="1:4" x14ac:dyDescent="0.25">
      <c r="A20862" t="s">
        <v>32604</v>
      </c>
      <c r="B20862" t="s">
        <v>32606</v>
      </c>
      <c r="C20862">
        <v>1</v>
      </c>
      <c r="D20862">
        <v>0</v>
      </c>
    </row>
    <row r="20863" spans="1:4" x14ac:dyDescent="0.25">
      <c r="A20863" t="s">
        <v>32604</v>
      </c>
      <c r="B20863" t="s">
        <v>32607</v>
      </c>
      <c r="C20863">
        <v>2</v>
      </c>
      <c r="D20863">
        <v>0</v>
      </c>
    </row>
    <row r="20864" spans="1:4" x14ac:dyDescent="0.25">
      <c r="A20864" t="s">
        <v>32608</v>
      </c>
      <c r="B20864" t="s">
        <v>32609</v>
      </c>
      <c r="C20864">
        <v>0</v>
      </c>
      <c r="D20864">
        <v>0</v>
      </c>
    </row>
    <row r="20865" spans="1:4" x14ac:dyDescent="0.25">
      <c r="A20865" t="s">
        <v>32610</v>
      </c>
      <c r="B20865" t="s">
        <v>32611</v>
      </c>
      <c r="C20865">
        <v>1</v>
      </c>
      <c r="D20865">
        <v>0</v>
      </c>
    </row>
    <row r="20866" spans="1:4" x14ac:dyDescent="0.25">
      <c r="A20866" t="s">
        <v>32612</v>
      </c>
      <c r="B20866" t="s">
        <v>22326</v>
      </c>
      <c r="C20866">
        <v>1</v>
      </c>
      <c r="D20866">
        <v>0</v>
      </c>
    </row>
    <row r="20867" spans="1:4" x14ac:dyDescent="0.25">
      <c r="A20867" t="s">
        <v>32612</v>
      </c>
      <c r="B20867" t="s">
        <v>32613</v>
      </c>
      <c r="C20867">
        <v>0</v>
      </c>
      <c r="D20867">
        <v>0</v>
      </c>
    </row>
    <row r="20868" spans="1:4" x14ac:dyDescent="0.25">
      <c r="A20868" t="s">
        <v>32614</v>
      </c>
      <c r="B20868" t="s">
        <v>32615</v>
      </c>
      <c r="C20868">
        <v>1</v>
      </c>
      <c r="D20868">
        <v>0</v>
      </c>
    </row>
    <row r="20869" spans="1:4" x14ac:dyDescent="0.25">
      <c r="A20869" t="s">
        <v>32616</v>
      </c>
      <c r="B20869" t="s">
        <v>32617</v>
      </c>
      <c r="C20869">
        <v>0</v>
      </c>
      <c r="D20869">
        <v>0</v>
      </c>
    </row>
    <row r="20870" spans="1:4" x14ac:dyDescent="0.25">
      <c r="A20870" t="s">
        <v>32616</v>
      </c>
      <c r="B20870" t="s">
        <v>32618</v>
      </c>
      <c r="C20870">
        <v>1</v>
      </c>
      <c r="D20870">
        <v>0</v>
      </c>
    </row>
    <row r="20871" spans="1:4" x14ac:dyDescent="0.25">
      <c r="A20871" t="s">
        <v>32619</v>
      </c>
      <c r="B20871" t="s">
        <v>32620</v>
      </c>
      <c r="C20871">
        <v>1</v>
      </c>
      <c r="D20871">
        <v>0</v>
      </c>
    </row>
    <row r="20872" spans="1:4" x14ac:dyDescent="0.25">
      <c r="A20872" t="s">
        <v>32621</v>
      </c>
      <c r="B20872" t="s">
        <v>32622</v>
      </c>
      <c r="C20872">
        <v>0</v>
      </c>
      <c r="D20872">
        <v>0</v>
      </c>
    </row>
    <row r="20873" spans="1:4" x14ac:dyDescent="0.25">
      <c r="A20873" t="s">
        <v>32621</v>
      </c>
      <c r="B20873" t="s">
        <v>32623</v>
      </c>
      <c r="C20873">
        <v>2</v>
      </c>
      <c r="D20873">
        <v>0</v>
      </c>
    </row>
    <row r="20874" spans="1:4" x14ac:dyDescent="0.25">
      <c r="A20874" t="s">
        <v>32621</v>
      </c>
      <c r="B20874" t="s">
        <v>32624</v>
      </c>
      <c r="C20874">
        <v>2</v>
      </c>
      <c r="D20874">
        <v>0</v>
      </c>
    </row>
    <row r="20875" spans="1:4" x14ac:dyDescent="0.25">
      <c r="A20875" t="s">
        <v>32625</v>
      </c>
      <c r="B20875" t="s">
        <v>32626</v>
      </c>
      <c r="C20875">
        <v>1</v>
      </c>
      <c r="D20875">
        <v>0</v>
      </c>
    </row>
    <row r="20876" spans="1:4" x14ac:dyDescent="0.25">
      <c r="A20876" t="s">
        <v>32625</v>
      </c>
      <c r="B20876" t="s">
        <v>32627</v>
      </c>
      <c r="C20876">
        <v>2</v>
      </c>
      <c r="D20876">
        <v>0</v>
      </c>
    </row>
    <row r="20877" spans="1:4" x14ac:dyDescent="0.25">
      <c r="A20877" t="s">
        <v>32625</v>
      </c>
      <c r="B20877" t="s">
        <v>32628</v>
      </c>
      <c r="C20877">
        <v>1</v>
      </c>
      <c r="D20877">
        <v>0</v>
      </c>
    </row>
    <row r="20878" spans="1:4" x14ac:dyDescent="0.25">
      <c r="A20878" t="s">
        <v>32629</v>
      </c>
      <c r="B20878" t="s">
        <v>32630</v>
      </c>
      <c r="C20878">
        <v>1</v>
      </c>
      <c r="D20878">
        <v>0</v>
      </c>
    </row>
    <row r="20879" spans="1:4" x14ac:dyDescent="0.25">
      <c r="A20879" t="s">
        <v>32629</v>
      </c>
      <c r="B20879" t="s">
        <v>969</v>
      </c>
      <c r="C20879">
        <v>0</v>
      </c>
      <c r="D20879">
        <v>0</v>
      </c>
    </row>
    <row r="20880" spans="1:4" x14ac:dyDescent="0.25">
      <c r="A20880" t="s">
        <v>32631</v>
      </c>
      <c r="B20880" t="s">
        <v>32632</v>
      </c>
      <c r="C20880">
        <v>1</v>
      </c>
      <c r="D20880">
        <v>0</v>
      </c>
    </row>
    <row r="20881" spans="1:4" x14ac:dyDescent="0.25">
      <c r="A20881" t="s">
        <v>32631</v>
      </c>
      <c r="B20881" t="s">
        <v>32633</v>
      </c>
      <c r="C20881">
        <v>2</v>
      </c>
      <c r="D20881">
        <v>0</v>
      </c>
    </row>
    <row r="20882" spans="1:4" x14ac:dyDescent="0.25">
      <c r="A20882" t="s">
        <v>32631</v>
      </c>
      <c r="B20882" t="s">
        <v>32634</v>
      </c>
      <c r="C20882">
        <v>1</v>
      </c>
      <c r="D20882">
        <v>0</v>
      </c>
    </row>
    <row r="20883" spans="1:4" x14ac:dyDescent="0.25">
      <c r="A20883" t="s">
        <v>32635</v>
      </c>
      <c r="B20883" t="s">
        <v>32636</v>
      </c>
      <c r="C20883">
        <v>2</v>
      </c>
      <c r="D20883">
        <v>0</v>
      </c>
    </row>
    <row r="20884" spans="1:4" x14ac:dyDescent="0.25">
      <c r="A20884" t="s">
        <v>32637</v>
      </c>
      <c r="B20884" t="s">
        <v>32638</v>
      </c>
      <c r="C20884">
        <v>1</v>
      </c>
      <c r="D20884">
        <v>0</v>
      </c>
    </row>
    <row r="20885" spans="1:4" x14ac:dyDescent="0.25">
      <c r="A20885" t="s">
        <v>32637</v>
      </c>
      <c r="B20885" t="s">
        <v>32639</v>
      </c>
      <c r="C20885">
        <v>1</v>
      </c>
      <c r="D20885">
        <v>0</v>
      </c>
    </row>
    <row r="20886" spans="1:4" x14ac:dyDescent="0.25">
      <c r="A20886" t="s">
        <v>32640</v>
      </c>
      <c r="B20886" t="s">
        <v>32641</v>
      </c>
      <c r="C20886">
        <v>2</v>
      </c>
      <c r="D20886">
        <v>0</v>
      </c>
    </row>
    <row r="20887" spans="1:4" x14ac:dyDescent="0.25">
      <c r="A20887" t="s">
        <v>32640</v>
      </c>
      <c r="B20887" t="s">
        <v>32642</v>
      </c>
      <c r="C20887">
        <v>0</v>
      </c>
      <c r="D20887">
        <v>0</v>
      </c>
    </row>
    <row r="20888" spans="1:4" x14ac:dyDescent="0.25">
      <c r="A20888" t="s">
        <v>32643</v>
      </c>
      <c r="B20888" t="s">
        <v>32644</v>
      </c>
      <c r="C20888">
        <v>0</v>
      </c>
      <c r="D20888">
        <v>0</v>
      </c>
    </row>
    <row r="20889" spans="1:4" x14ac:dyDescent="0.25">
      <c r="A20889" t="s">
        <v>32643</v>
      </c>
      <c r="B20889" t="s">
        <v>32645</v>
      </c>
      <c r="C20889">
        <v>2</v>
      </c>
      <c r="D20889">
        <v>0</v>
      </c>
    </row>
    <row r="20890" spans="1:4" x14ac:dyDescent="0.25">
      <c r="A20890" t="s">
        <v>32646</v>
      </c>
      <c r="B20890" t="s">
        <v>32647</v>
      </c>
      <c r="C20890">
        <v>0</v>
      </c>
      <c r="D20890">
        <v>0</v>
      </c>
    </row>
    <row r="20891" spans="1:4" x14ac:dyDescent="0.25">
      <c r="A20891" t="s">
        <v>32646</v>
      </c>
      <c r="B20891" t="s">
        <v>32648</v>
      </c>
      <c r="C20891">
        <v>1</v>
      </c>
      <c r="D20891">
        <v>0</v>
      </c>
    </row>
    <row r="20892" spans="1:4" x14ac:dyDescent="0.25">
      <c r="A20892" t="s">
        <v>32646</v>
      </c>
      <c r="B20892" t="s">
        <v>32649</v>
      </c>
      <c r="C20892">
        <v>1</v>
      </c>
      <c r="D20892">
        <v>0</v>
      </c>
    </row>
    <row r="20893" spans="1:4" x14ac:dyDescent="0.25">
      <c r="A20893" t="s">
        <v>32650</v>
      </c>
      <c r="B20893" t="s">
        <v>32651</v>
      </c>
      <c r="C20893">
        <v>2</v>
      </c>
      <c r="D20893">
        <v>0</v>
      </c>
    </row>
    <row r="20894" spans="1:4" x14ac:dyDescent="0.25">
      <c r="A20894" t="s">
        <v>32650</v>
      </c>
      <c r="B20894" t="s">
        <v>32652</v>
      </c>
      <c r="C20894">
        <v>1</v>
      </c>
      <c r="D20894">
        <v>0</v>
      </c>
    </row>
    <row r="20895" spans="1:4" x14ac:dyDescent="0.25">
      <c r="A20895" t="s">
        <v>32653</v>
      </c>
      <c r="B20895" t="s">
        <v>32654</v>
      </c>
      <c r="C20895">
        <v>2</v>
      </c>
      <c r="D20895">
        <v>0</v>
      </c>
    </row>
    <row r="20896" spans="1:4" x14ac:dyDescent="0.25">
      <c r="A20896" t="s">
        <v>32653</v>
      </c>
      <c r="B20896" t="s">
        <v>32655</v>
      </c>
      <c r="C20896">
        <v>2</v>
      </c>
      <c r="D20896">
        <v>0</v>
      </c>
    </row>
    <row r="20897" spans="1:4" x14ac:dyDescent="0.25">
      <c r="A20897" t="s">
        <v>32653</v>
      </c>
      <c r="B20897" t="s">
        <v>32656</v>
      </c>
      <c r="C20897">
        <v>2</v>
      </c>
      <c r="D20897">
        <v>0</v>
      </c>
    </row>
    <row r="20898" spans="1:4" x14ac:dyDescent="0.25">
      <c r="A20898" t="s">
        <v>32657</v>
      </c>
      <c r="B20898" t="s">
        <v>32658</v>
      </c>
      <c r="C20898">
        <v>0</v>
      </c>
      <c r="D20898">
        <v>0</v>
      </c>
    </row>
    <row r="20899" spans="1:4" x14ac:dyDescent="0.25">
      <c r="A20899" t="s">
        <v>32657</v>
      </c>
      <c r="B20899" t="s">
        <v>32659</v>
      </c>
      <c r="C20899">
        <v>1</v>
      </c>
      <c r="D20899">
        <v>0</v>
      </c>
    </row>
    <row r="20900" spans="1:4" x14ac:dyDescent="0.25">
      <c r="A20900" t="s">
        <v>32660</v>
      </c>
      <c r="B20900" t="s">
        <v>32661</v>
      </c>
      <c r="C20900">
        <v>1</v>
      </c>
      <c r="D20900">
        <v>0</v>
      </c>
    </row>
    <row r="20901" spans="1:4" x14ac:dyDescent="0.25">
      <c r="A20901" t="s">
        <v>32660</v>
      </c>
      <c r="B20901" t="s">
        <v>32662</v>
      </c>
      <c r="C20901">
        <v>1</v>
      </c>
      <c r="D20901">
        <v>0</v>
      </c>
    </row>
    <row r="20902" spans="1:4" x14ac:dyDescent="0.25">
      <c r="A20902" t="s">
        <v>32663</v>
      </c>
      <c r="B20902" t="s">
        <v>32664</v>
      </c>
      <c r="C20902">
        <v>1</v>
      </c>
      <c r="D20902">
        <v>0</v>
      </c>
    </row>
    <row r="20903" spans="1:4" x14ac:dyDescent="0.25">
      <c r="A20903" t="s">
        <v>32663</v>
      </c>
      <c r="B20903" t="s">
        <v>32665</v>
      </c>
      <c r="C20903">
        <v>1</v>
      </c>
      <c r="D20903">
        <v>0</v>
      </c>
    </row>
    <row r="20904" spans="1:4" x14ac:dyDescent="0.25">
      <c r="A20904" t="s">
        <v>32666</v>
      </c>
      <c r="B20904" t="s">
        <v>32667</v>
      </c>
      <c r="C20904">
        <v>2</v>
      </c>
      <c r="D20904">
        <v>0</v>
      </c>
    </row>
    <row r="20905" spans="1:4" x14ac:dyDescent="0.25">
      <c r="A20905" t="s">
        <v>32666</v>
      </c>
      <c r="B20905" t="s">
        <v>32668</v>
      </c>
      <c r="C20905">
        <v>0</v>
      </c>
      <c r="D20905">
        <v>0</v>
      </c>
    </row>
    <row r="20906" spans="1:4" x14ac:dyDescent="0.25">
      <c r="A20906" t="s">
        <v>32666</v>
      </c>
      <c r="B20906" t="s">
        <v>32669</v>
      </c>
      <c r="C20906">
        <v>0</v>
      </c>
      <c r="D20906">
        <v>0</v>
      </c>
    </row>
    <row r="20907" spans="1:4" x14ac:dyDescent="0.25">
      <c r="A20907" t="s">
        <v>32670</v>
      </c>
      <c r="B20907" t="s">
        <v>32671</v>
      </c>
      <c r="C20907">
        <v>1</v>
      </c>
      <c r="D20907">
        <v>0</v>
      </c>
    </row>
    <row r="20908" spans="1:4" x14ac:dyDescent="0.25">
      <c r="A20908" t="s">
        <v>32672</v>
      </c>
      <c r="B20908" t="s">
        <v>32673</v>
      </c>
      <c r="C20908">
        <v>2</v>
      </c>
      <c r="D20908">
        <v>0</v>
      </c>
    </row>
    <row r="20909" spans="1:4" x14ac:dyDescent="0.25">
      <c r="A20909" t="s">
        <v>32672</v>
      </c>
      <c r="B20909" t="s">
        <v>32674</v>
      </c>
      <c r="C20909">
        <v>0</v>
      </c>
      <c r="D20909">
        <v>0</v>
      </c>
    </row>
    <row r="20910" spans="1:4" x14ac:dyDescent="0.25">
      <c r="A20910" t="s">
        <v>32672</v>
      </c>
      <c r="B20910" t="s">
        <v>32675</v>
      </c>
      <c r="C20910">
        <v>0</v>
      </c>
      <c r="D20910">
        <v>0</v>
      </c>
    </row>
    <row r="20911" spans="1:4" x14ac:dyDescent="0.25">
      <c r="A20911" t="s">
        <v>32676</v>
      </c>
      <c r="B20911" t="s">
        <v>1423</v>
      </c>
      <c r="C20911">
        <v>1</v>
      </c>
      <c r="D20911">
        <v>0</v>
      </c>
    </row>
    <row r="20912" spans="1:4" x14ac:dyDescent="0.25">
      <c r="A20912" t="s">
        <v>32677</v>
      </c>
      <c r="B20912" t="s">
        <v>3266</v>
      </c>
      <c r="C20912">
        <v>1</v>
      </c>
      <c r="D20912">
        <v>0</v>
      </c>
    </row>
    <row r="20913" spans="1:4" x14ac:dyDescent="0.25">
      <c r="A20913" t="s">
        <v>32678</v>
      </c>
      <c r="B20913" t="s">
        <v>398</v>
      </c>
      <c r="C20913">
        <v>0</v>
      </c>
      <c r="D20913">
        <v>0</v>
      </c>
    </row>
    <row r="20914" spans="1:4" x14ac:dyDescent="0.25">
      <c r="A20914" t="s">
        <v>32679</v>
      </c>
      <c r="B20914" t="s">
        <v>32680</v>
      </c>
      <c r="C20914">
        <v>0</v>
      </c>
      <c r="D20914">
        <v>0</v>
      </c>
    </row>
    <row r="20915" spans="1:4" x14ac:dyDescent="0.25">
      <c r="A20915" t="s">
        <v>32681</v>
      </c>
      <c r="B20915" t="s">
        <v>32682</v>
      </c>
      <c r="C20915">
        <v>1</v>
      </c>
      <c r="D20915">
        <v>0</v>
      </c>
    </row>
    <row r="20916" spans="1:4" x14ac:dyDescent="0.25">
      <c r="A20916" t="s">
        <v>32683</v>
      </c>
      <c r="B20916" t="s">
        <v>32684</v>
      </c>
      <c r="C20916">
        <v>1</v>
      </c>
      <c r="D20916">
        <v>0</v>
      </c>
    </row>
    <row r="20917" spans="1:4" x14ac:dyDescent="0.25">
      <c r="A20917" t="s">
        <v>32685</v>
      </c>
      <c r="B20917" t="s">
        <v>32686</v>
      </c>
      <c r="C20917">
        <v>1</v>
      </c>
      <c r="D20917">
        <v>0</v>
      </c>
    </row>
    <row r="20918" spans="1:4" x14ac:dyDescent="0.25">
      <c r="A20918" t="s">
        <v>32685</v>
      </c>
      <c r="B20918" t="s">
        <v>32687</v>
      </c>
      <c r="C20918">
        <v>2</v>
      </c>
      <c r="D20918">
        <v>0</v>
      </c>
    </row>
    <row r="20919" spans="1:4" x14ac:dyDescent="0.25">
      <c r="A20919" t="s">
        <v>32685</v>
      </c>
      <c r="B20919" t="s">
        <v>32688</v>
      </c>
      <c r="C20919">
        <v>2</v>
      </c>
      <c r="D20919">
        <v>0</v>
      </c>
    </row>
    <row r="20920" spans="1:4" x14ac:dyDescent="0.25">
      <c r="A20920" t="s">
        <v>32689</v>
      </c>
      <c r="B20920" t="s">
        <v>1246</v>
      </c>
      <c r="C20920">
        <v>0</v>
      </c>
      <c r="D20920">
        <v>0</v>
      </c>
    </row>
    <row r="20921" spans="1:4" x14ac:dyDescent="0.25">
      <c r="A20921" t="s">
        <v>32690</v>
      </c>
      <c r="B20921" t="s">
        <v>32691</v>
      </c>
      <c r="C20921">
        <v>2</v>
      </c>
      <c r="D20921">
        <v>0</v>
      </c>
    </row>
    <row r="20922" spans="1:4" x14ac:dyDescent="0.25">
      <c r="A20922" t="s">
        <v>32690</v>
      </c>
      <c r="B20922" t="s">
        <v>32692</v>
      </c>
      <c r="C20922">
        <v>2</v>
      </c>
      <c r="D20922">
        <v>0</v>
      </c>
    </row>
    <row r="20923" spans="1:4" x14ac:dyDescent="0.25">
      <c r="A20923" t="s">
        <v>32693</v>
      </c>
      <c r="B20923" t="s">
        <v>32694</v>
      </c>
      <c r="C20923">
        <v>1</v>
      </c>
      <c r="D20923">
        <v>0</v>
      </c>
    </row>
    <row r="20924" spans="1:4" x14ac:dyDescent="0.25">
      <c r="A20924" t="s">
        <v>32693</v>
      </c>
      <c r="B20924" t="s">
        <v>32695</v>
      </c>
      <c r="C20924">
        <v>0</v>
      </c>
      <c r="D20924">
        <v>0</v>
      </c>
    </row>
    <row r="20925" spans="1:4" x14ac:dyDescent="0.25">
      <c r="A20925" t="s">
        <v>32696</v>
      </c>
      <c r="B20925" t="s">
        <v>32697</v>
      </c>
      <c r="C20925">
        <v>0</v>
      </c>
      <c r="D20925">
        <v>0</v>
      </c>
    </row>
    <row r="20926" spans="1:4" x14ac:dyDescent="0.25">
      <c r="A20926" t="s">
        <v>32698</v>
      </c>
      <c r="B20926" t="s">
        <v>32699</v>
      </c>
      <c r="C20926">
        <v>2</v>
      </c>
      <c r="D20926">
        <v>0</v>
      </c>
    </row>
    <row r="20927" spans="1:4" x14ac:dyDescent="0.25">
      <c r="A20927" t="s">
        <v>32700</v>
      </c>
      <c r="B20927" t="s">
        <v>2061</v>
      </c>
      <c r="C20927">
        <v>0</v>
      </c>
      <c r="D20927">
        <v>0</v>
      </c>
    </row>
    <row r="20928" spans="1:4" x14ac:dyDescent="0.25">
      <c r="A20928" t="s">
        <v>32700</v>
      </c>
      <c r="B20928" t="s">
        <v>32701</v>
      </c>
      <c r="C20928">
        <v>0</v>
      </c>
      <c r="D20928">
        <v>0</v>
      </c>
    </row>
    <row r="20929" spans="1:4" x14ac:dyDescent="0.25">
      <c r="A20929" t="s">
        <v>32700</v>
      </c>
      <c r="B20929" t="s">
        <v>32702</v>
      </c>
      <c r="C20929">
        <v>0</v>
      </c>
      <c r="D20929">
        <v>0</v>
      </c>
    </row>
    <row r="20930" spans="1:4" x14ac:dyDescent="0.25">
      <c r="A20930" t="s">
        <v>32703</v>
      </c>
      <c r="B20930" t="s">
        <v>32704</v>
      </c>
      <c r="C20930">
        <v>2</v>
      </c>
      <c r="D20930">
        <v>0</v>
      </c>
    </row>
    <row r="20931" spans="1:4" x14ac:dyDescent="0.25">
      <c r="A20931" t="s">
        <v>32703</v>
      </c>
      <c r="B20931" t="s">
        <v>32705</v>
      </c>
      <c r="C20931">
        <v>2</v>
      </c>
      <c r="D20931">
        <v>0</v>
      </c>
    </row>
    <row r="20932" spans="1:4" x14ac:dyDescent="0.25">
      <c r="A20932" t="s">
        <v>32703</v>
      </c>
      <c r="B20932" t="s">
        <v>32706</v>
      </c>
      <c r="C20932">
        <v>0</v>
      </c>
      <c r="D20932">
        <v>0</v>
      </c>
    </row>
    <row r="20933" spans="1:4" x14ac:dyDescent="0.25">
      <c r="A20933" t="s">
        <v>32707</v>
      </c>
      <c r="B20933" t="s">
        <v>32708</v>
      </c>
      <c r="C20933">
        <v>1</v>
      </c>
      <c r="D20933">
        <v>0</v>
      </c>
    </row>
    <row r="20934" spans="1:4" x14ac:dyDescent="0.25">
      <c r="A20934" t="s">
        <v>32709</v>
      </c>
      <c r="B20934" t="s">
        <v>32710</v>
      </c>
      <c r="C20934">
        <v>0</v>
      </c>
      <c r="D20934">
        <v>0</v>
      </c>
    </row>
    <row r="20935" spans="1:4" x14ac:dyDescent="0.25">
      <c r="A20935" t="s">
        <v>32709</v>
      </c>
      <c r="B20935" t="s">
        <v>32711</v>
      </c>
      <c r="C20935">
        <v>1</v>
      </c>
      <c r="D20935">
        <v>0</v>
      </c>
    </row>
    <row r="20936" spans="1:4" x14ac:dyDescent="0.25">
      <c r="A20936" t="s">
        <v>32712</v>
      </c>
      <c r="B20936" t="s">
        <v>1151</v>
      </c>
      <c r="C20936">
        <v>1</v>
      </c>
      <c r="D20936">
        <v>0</v>
      </c>
    </row>
    <row r="20937" spans="1:4" x14ac:dyDescent="0.25">
      <c r="A20937" t="s">
        <v>32713</v>
      </c>
      <c r="B20937" t="s">
        <v>888</v>
      </c>
      <c r="C20937">
        <v>1</v>
      </c>
      <c r="D20937">
        <v>0</v>
      </c>
    </row>
    <row r="20938" spans="1:4" x14ac:dyDescent="0.25">
      <c r="A20938" t="s">
        <v>32713</v>
      </c>
      <c r="B20938" t="s">
        <v>32714</v>
      </c>
      <c r="C20938">
        <v>0</v>
      </c>
      <c r="D20938">
        <v>0</v>
      </c>
    </row>
    <row r="20939" spans="1:4" x14ac:dyDescent="0.25">
      <c r="A20939" t="s">
        <v>32715</v>
      </c>
      <c r="B20939" t="s">
        <v>32716</v>
      </c>
      <c r="C20939">
        <v>0</v>
      </c>
      <c r="D20939">
        <v>0</v>
      </c>
    </row>
    <row r="20940" spans="1:4" x14ac:dyDescent="0.25">
      <c r="A20940" t="s">
        <v>32715</v>
      </c>
      <c r="B20940" t="s">
        <v>32717</v>
      </c>
      <c r="C20940">
        <v>1</v>
      </c>
      <c r="D20940">
        <v>0</v>
      </c>
    </row>
    <row r="20941" spans="1:4" x14ac:dyDescent="0.25">
      <c r="A20941" t="s">
        <v>32718</v>
      </c>
      <c r="B20941" t="s">
        <v>10993</v>
      </c>
      <c r="C20941">
        <v>0</v>
      </c>
      <c r="D20941">
        <v>0</v>
      </c>
    </row>
    <row r="20942" spans="1:4" x14ac:dyDescent="0.25">
      <c r="A20942" t="s">
        <v>32718</v>
      </c>
      <c r="B20942" t="s">
        <v>32719</v>
      </c>
      <c r="C20942">
        <v>2</v>
      </c>
      <c r="D20942">
        <v>0</v>
      </c>
    </row>
    <row r="20943" spans="1:4" x14ac:dyDescent="0.25">
      <c r="A20943" t="s">
        <v>32718</v>
      </c>
      <c r="B20943" t="s">
        <v>32720</v>
      </c>
      <c r="C20943">
        <v>2</v>
      </c>
      <c r="D20943">
        <v>0</v>
      </c>
    </row>
    <row r="20944" spans="1:4" x14ac:dyDescent="0.25">
      <c r="A20944" t="s">
        <v>32721</v>
      </c>
      <c r="B20944" t="s">
        <v>5713</v>
      </c>
      <c r="C20944">
        <v>1</v>
      </c>
      <c r="D20944">
        <v>0</v>
      </c>
    </row>
    <row r="20945" spans="1:4" x14ac:dyDescent="0.25">
      <c r="A20945" t="s">
        <v>32721</v>
      </c>
      <c r="B20945" t="s">
        <v>32722</v>
      </c>
      <c r="C20945">
        <v>0</v>
      </c>
      <c r="D20945">
        <v>0</v>
      </c>
    </row>
    <row r="20946" spans="1:4" x14ac:dyDescent="0.25">
      <c r="A20946" t="s">
        <v>32721</v>
      </c>
      <c r="B20946" t="s">
        <v>32723</v>
      </c>
      <c r="C20946">
        <v>0</v>
      </c>
      <c r="D20946">
        <v>0</v>
      </c>
    </row>
    <row r="20947" spans="1:4" x14ac:dyDescent="0.25">
      <c r="A20947" t="s">
        <v>32724</v>
      </c>
      <c r="B20947" t="s">
        <v>32725</v>
      </c>
      <c r="C20947">
        <v>1</v>
      </c>
      <c r="D20947">
        <v>0</v>
      </c>
    </row>
    <row r="20948" spans="1:4" x14ac:dyDescent="0.25">
      <c r="A20948" t="s">
        <v>32724</v>
      </c>
      <c r="B20948" t="s">
        <v>32726</v>
      </c>
      <c r="C20948">
        <v>2</v>
      </c>
      <c r="D20948">
        <v>0</v>
      </c>
    </row>
    <row r="20949" spans="1:4" x14ac:dyDescent="0.25">
      <c r="A20949" t="s">
        <v>32724</v>
      </c>
      <c r="B20949" t="s">
        <v>32727</v>
      </c>
      <c r="C20949">
        <v>1</v>
      </c>
      <c r="D20949">
        <v>0</v>
      </c>
    </row>
    <row r="20950" spans="1:4" x14ac:dyDescent="0.25">
      <c r="A20950" t="s">
        <v>32728</v>
      </c>
      <c r="B20950" t="s">
        <v>32729</v>
      </c>
      <c r="C20950">
        <v>1</v>
      </c>
      <c r="D20950">
        <v>0</v>
      </c>
    </row>
    <row r="20951" spans="1:4" x14ac:dyDescent="0.25">
      <c r="A20951" t="s">
        <v>32728</v>
      </c>
      <c r="B20951" t="s">
        <v>32730</v>
      </c>
      <c r="C20951">
        <v>2</v>
      </c>
      <c r="D20951">
        <v>0</v>
      </c>
    </row>
    <row r="20952" spans="1:4" x14ac:dyDescent="0.25">
      <c r="A20952" t="s">
        <v>32731</v>
      </c>
      <c r="B20952" t="s">
        <v>32732</v>
      </c>
      <c r="C20952">
        <v>1</v>
      </c>
      <c r="D20952">
        <v>0</v>
      </c>
    </row>
    <row r="20953" spans="1:4" x14ac:dyDescent="0.25">
      <c r="A20953" t="s">
        <v>32733</v>
      </c>
      <c r="B20953" t="s">
        <v>32734</v>
      </c>
      <c r="C20953">
        <v>1</v>
      </c>
      <c r="D20953">
        <v>0</v>
      </c>
    </row>
    <row r="20954" spans="1:4" x14ac:dyDescent="0.25">
      <c r="A20954" t="s">
        <v>32735</v>
      </c>
      <c r="B20954" t="s">
        <v>32736</v>
      </c>
      <c r="C20954">
        <v>1</v>
      </c>
      <c r="D20954">
        <v>0</v>
      </c>
    </row>
    <row r="20955" spans="1:4" x14ac:dyDescent="0.25">
      <c r="A20955" t="s">
        <v>32737</v>
      </c>
      <c r="B20955" t="s">
        <v>32738</v>
      </c>
      <c r="C20955">
        <v>2</v>
      </c>
      <c r="D20955">
        <v>0</v>
      </c>
    </row>
    <row r="20956" spans="1:4" x14ac:dyDescent="0.25">
      <c r="A20956" t="s">
        <v>32737</v>
      </c>
      <c r="B20956" t="s">
        <v>32739</v>
      </c>
      <c r="C20956">
        <v>1</v>
      </c>
      <c r="D20956">
        <v>0</v>
      </c>
    </row>
    <row r="20957" spans="1:4" x14ac:dyDescent="0.25">
      <c r="A20957" t="s">
        <v>32737</v>
      </c>
      <c r="B20957" t="s">
        <v>32740</v>
      </c>
      <c r="C20957">
        <v>0</v>
      </c>
      <c r="D20957">
        <v>0</v>
      </c>
    </row>
    <row r="20958" spans="1:4" x14ac:dyDescent="0.25">
      <c r="A20958" t="s">
        <v>32741</v>
      </c>
      <c r="B20958" t="s">
        <v>30486</v>
      </c>
      <c r="C20958">
        <v>0</v>
      </c>
      <c r="D20958">
        <v>0</v>
      </c>
    </row>
    <row r="20959" spans="1:4" x14ac:dyDescent="0.25">
      <c r="A20959" t="s">
        <v>32741</v>
      </c>
      <c r="B20959" t="s">
        <v>32742</v>
      </c>
      <c r="C20959">
        <v>1</v>
      </c>
      <c r="D20959">
        <v>0</v>
      </c>
    </row>
    <row r="20960" spans="1:4" x14ac:dyDescent="0.25">
      <c r="A20960" t="s">
        <v>32743</v>
      </c>
      <c r="B20960" t="s">
        <v>32744</v>
      </c>
      <c r="C20960">
        <v>2</v>
      </c>
      <c r="D20960">
        <v>0</v>
      </c>
    </row>
    <row r="20961" spans="1:4" x14ac:dyDescent="0.25">
      <c r="A20961" t="s">
        <v>32743</v>
      </c>
      <c r="B20961" t="s">
        <v>32745</v>
      </c>
      <c r="C20961">
        <v>0</v>
      </c>
      <c r="D20961">
        <v>0</v>
      </c>
    </row>
    <row r="20962" spans="1:4" x14ac:dyDescent="0.25">
      <c r="A20962" t="s">
        <v>32743</v>
      </c>
      <c r="B20962" t="s">
        <v>32746</v>
      </c>
      <c r="C20962">
        <v>2</v>
      </c>
      <c r="D20962">
        <v>0</v>
      </c>
    </row>
    <row r="20963" spans="1:4" x14ac:dyDescent="0.25">
      <c r="A20963" t="s">
        <v>32747</v>
      </c>
      <c r="B20963" t="s">
        <v>32748</v>
      </c>
      <c r="C20963">
        <v>1</v>
      </c>
      <c r="D20963">
        <v>0</v>
      </c>
    </row>
    <row r="20964" spans="1:4" x14ac:dyDescent="0.25">
      <c r="A20964" t="s">
        <v>32749</v>
      </c>
      <c r="B20964" t="s">
        <v>32750</v>
      </c>
      <c r="C20964">
        <v>1</v>
      </c>
      <c r="D20964">
        <v>0</v>
      </c>
    </row>
    <row r="20965" spans="1:4" x14ac:dyDescent="0.25">
      <c r="A20965" t="s">
        <v>32751</v>
      </c>
      <c r="B20965" t="s">
        <v>32752</v>
      </c>
      <c r="C20965">
        <v>1</v>
      </c>
      <c r="D20965">
        <v>0</v>
      </c>
    </row>
    <row r="20966" spans="1:4" x14ac:dyDescent="0.25">
      <c r="A20966" t="s">
        <v>32751</v>
      </c>
      <c r="B20966" t="s">
        <v>32753</v>
      </c>
      <c r="C20966">
        <v>0</v>
      </c>
      <c r="D20966">
        <v>0</v>
      </c>
    </row>
    <row r="20967" spans="1:4" x14ac:dyDescent="0.25">
      <c r="A20967" t="s">
        <v>32754</v>
      </c>
      <c r="B20967" t="s">
        <v>32755</v>
      </c>
      <c r="C20967">
        <v>0</v>
      </c>
      <c r="D20967">
        <v>0</v>
      </c>
    </row>
    <row r="20968" spans="1:4" x14ac:dyDescent="0.25">
      <c r="A20968" t="s">
        <v>32754</v>
      </c>
      <c r="B20968" t="s">
        <v>32756</v>
      </c>
      <c r="C20968">
        <v>2</v>
      </c>
      <c r="D20968">
        <v>0</v>
      </c>
    </row>
    <row r="20969" spans="1:4" x14ac:dyDescent="0.25">
      <c r="A20969" t="s">
        <v>32757</v>
      </c>
      <c r="B20969" t="s">
        <v>32758</v>
      </c>
      <c r="C20969">
        <v>2</v>
      </c>
      <c r="D20969">
        <v>0</v>
      </c>
    </row>
    <row r="20970" spans="1:4" x14ac:dyDescent="0.25">
      <c r="A20970" t="s">
        <v>32757</v>
      </c>
      <c r="B20970" t="s">
        <v>32759</v>
      </c>
      <c r="C20970">
        <v>0</v>
      </c>
      <c r="D20970">
        <v>0</v>
      </c>
    </row>
    <row r="20971" spans="1:4" x14ac:dyDescent="0.25">
      <c r="A20971" t="s">
        <v>32757</v>
      </c>
      <c r="B20971" t="s">
        <v>32760</v>
      </c>
      <c r="C20971">
        <v>0</v>
      </c>
      <c r="D20971">
        <v>0</v>
      </c>
    </row>
    <row r="20972" spans="1:4" x14ac:dyDescent="0.25">
      <c r="A20972" t="s">
        <v>32761</v>
      </c>
      <c r="B20972" t="s">
        <v>32762</v>
      </c>
      <c r="C20972">
        <v>1</v>
      </c>
      <c r="D20972">
        <v>0</v>
      </c>
    </row>
    <row r="20973" spans="1:4" x14ac:dyDescent="0.25">
      <c r="A20973" t="s">
        <v>32761</v>
      </c>
      <c r="B20973" t="s">
        <v>32763</v>
      </c>
      <c r="C20973">
        <v>1</v>
      </c>
      <c r="D20973">
        <v>0</v>
      </c>
    </row>
    <row r="20974" spans="1:4" x14ac:dyDescent="0.25">
      <c r="A20974" t="s">
        <v>32761</v>
      </c>
      <c r="B20974" t="s">
        <v>32764</v>
      </c>
      <c r="C20974">
        <v>2</v>
      </c>
      <c r="D20974">
        <v>0</v>
      </c>
    </row>
    <row r="20975" spans="1:4" x14ac:dyDescent="0.25">
      <c r="A20975" t="s">
        <v>32765</v>
      </c>
      <c r="B20975" t="s">
        <v>32766</v>
      </c>
      <c r="C20975">
        <v>0</v>
      </c>
      <c r="D20975">
        <v>0</v>
      </c>
    </row>
    <row r="20976" spans="1:4" x14ac:dyDescent="0.25">
      <c r="A20976" t="s">
        <v>32765</v>
      </c>
      <c r="B20976" t="s">
        <v>32767</v>
      </c>
      <c r="C20976">
        <v>1</v>
      </c>
      <c r="D20976">
        <v>0</v>
      </c>
    </row>
    <row r="20977" spans="1:4" x14ac:dyDescent="0.25">
      <c r="A20977" t="s">
        <v>32765</v>
      </c>
      <c r="B20977" t="s">
        <v>32768</v>
      </c>
      <c r="C20977">
        <v>0</v>
      </c>
      <c r="D20977">
        <v>0</v>
      </c>
    </row>
    <row r="20978" spans="1:4" x14ac:dyDescent="0.25">
      <c r="A20978" t="s">
        <v>32769</v>
      </c>
      <c r="B20978" t="s">
        <v>32770</v>
      </c>
      <c r="C20978">
        <v>2</v>
      </c>
      <c r="D20978">
        <v>0</v>
      </c>
    </row>
    <row r="20979" spans="1:4" x14ac:dyDescent="0.25">
      <c r="A20979" t="s">
        <v>32771</v>
      </c>
      <c r="B20979" t="s">
        <v>32772</v>
      </c>
      <c r="C20979">
        <v>1</v>
      </c>
      <c r="D20979">
        <v>0</v>
      </c>
    </row>
    <row r="20980" spans="1:4" x14ac:dyDescent="0.25">
      <c r="A20980" t="s">
        <v>32773</v>
      </c>
      <c r="B20980" t="s">
        <v>2421</v>
      </c>
      <c r="C20980">
        <v>0</v>
      </c>
      <c r="D20980">
        <v>0</v>
      </c>
    </row>
    <row r="20981" spans="1:4" x14ac:dyDescent="0.25">
      <c r="A20981" t="s">
        <v>32774</v>
      </c>
      <c r="B20981" t="s">
        <v>32775</v>
      </c>
      <c r="C20981">
        <v>1</v>
      </c>
      <c r="D20981">
        <v>0</v>
      </c>
    </row>
    <row r="20982" spans="1:4" x14ac:dyDescent="0.25">
      <c r="A20982" t="s">
        <v>32776</v>
      </c>
      <c r="B20982" t="s">
        <v>32777</v>
      </c>
      <c r="C20982">
        <v>0</v>
      </c>
      <c r="D20982">
        <v>0</v>
      </c>
    </row>
    <row r="20983" spans="1:4" x14ac:dyDescent="0.25">
      <c r="A20983" t="s">
        <v>32776</v>
      </c>
      <c r="B20983" t="s">
        <v>32778</v>
      </c>
      <c r="C20983">
        <v>0</v>
      </c>
      <c r="D20983">
        <v>0</v>
      </c>
    </row>
    <row r="20984" spans="1:4" x14ac:dyDescent="0.25">
      <c r="A20984" t="s">
        <v>32776</v>
      </c>
      <c r="B20984" t="s">
        <v>32779</v>
      </c>
      <c r="C20984">
        <v>0</v>
      </c>
      <c r="D20984">
        <v>0</v>
      </c>
    </row>
    <row r="20985" spans="1:4" x14ac:dyDescent="0.25">
      <c r="A20985" t="s">
        <v>32780</v>
      </c>
      <c r="B20985" t="s">
        <v>32781</v>
      </c>
      <c r="C20985">
        <v>1</v>
      </c>
      <c r="D20985">
        <v>0</v>
      </c>
    </row>
    <row r="20986" spans="1:4" x14ac:dyDescent="0.25">
      <c r="A20986" t="s">
        <v>32780</v>
      </c>
      <c r="B20986" t="s">
        <v>32782</v>
      </c>
      <c r="C20986">
        <v>1</v>
      </c>
      <c r="D20986">
        <v>0</v>
      </c>
    </row>
    <row r="20987" spans="1:4" x14ac:dyDescent="0.25">
      <c r="A20987" t="s">
        <v>32783</v>
      </c>
      <c r="B20987" t="s">
        <v>32784</v>
      </c>
      <c r="C20987">
        <v>2</v>
      </c>
      <c r="D20987">
        <v>0</v>
      </c>
    </row>
    <row r="20988" spans="1:4" x14ac:dyDescent="0.25">
      <c r="A20988" t="s">
        <v>32785</v>
      </c>
      <c r="B20988" t="s">
        <v>32786</v>
      </c>
      <c r="C20988">
        <v>1</v>
      </c>
      <c r="D20988">
        <v>0</v>
      </c>
    </row>
    <row r="20989" spans="1:4" x14ac:dyDescent="0.25">
      <c r="A20989" t="s">
        <v>32785</v>
      </c>
      <c r="B20989" t="s">
        <v>32787</v>
      </c>
      <c r="C20989">
        <v>1</v>
      </c>
      <c r="D20989">
        <v>0</v>
      </c>
    </row>
    <row r="20990" spans="1:4" x14ac:dyDescent="0.25">
      <c r="A20990" t="s">
        <v>32788</v>
      </c>
      <c r="B20990" t="s">
        <v>32789</v>
      </c>
      <c r="C20990">
        <v>0</v>
      </c>
      <c r="D20990">
        <v>0</v>
      </c>
    </row>
    <row r="20991" spans="1:4" x14ac:dyDescent="0.25">
      <c r="A20991" t="s">
        <v>32790</v>
      </c>
      <c r="B20991" t="s">
        <v>32791</v>
      </c>
      <c r="C20991">
        <v>2</v>
      </c>
      <c r="D20991">
        <v>0</v>
      </c>
    </row>
    <row r="20992" spans="1:4" x14ac:dyDescent="0.25">
      <c r="A20992" t="s">
        <v>32790</v>
      </c>
      <c r="B20992" t="s">
        <v>32792</v>
      </c>
      <c r="C20992">
        <v>1</v>
      </c>
      <c r="D20992">
        <v>0</v>
      </c>
    </row>
    <row r="20993" spans="1:4" x14ac:dyDescent="0.25">
      <c r="A20993" t="s">
        <v>32793</v>
      </c>
      <c r="B20993" t="s">
        <v>32794</v>
      </c>
      <c r="C20993">
        <v>1</v>
      </c>
      <c r="D20993">
        <v>0</v>
      </c>
    </row>
    <row r="20994" spans="1:4" x14ac:dyDescent="0.25">
      <c r="A20994" t="s">
        <v>32795</v>
      </c>
      <c r="B20994" t="s">
        <v>1769</v>
      </c>
      <c r="C20994">
        <v>1</v>
      </c>
      <c r="D20994">
        <v>0</v>
      </c>
    </row>
    <row r="20995" spans="1:4" x14ac:dyDescent="0.25">
      <c r="A20995" t="s">
        <v>32796</v>
      </c>
      <c r="B20995" t="s">
        <v>1387</v>
      </c>
      <c r="C20995">
        <v>1</v>
      </c>
      <c r="D20995">
        <v>0</v>
      </c>
    </row>
    <row r="20996" spans="1:4" x14ac:dyDescent="0.25">
      <c r="A20996" t="s">
        <v>32797</v>
      </c>
      <c r="B20996" t="s">
        <v>32798</v>
      </c>
      <c r="C20996">
        <v>1</v>
      </c>
      <c r="D20996">
        <v>0</v>
      </c>
    </row>
    <row r="20997" spans="1:4" x14ac:dyDescent="0.25">
      <c r="A20997" t="s">
        <v>32797</v>
      </c>
      <c r="B20997" t="s">
        <v>32799</v>
      </c>
      <c r="C20997">
        <v>1</v>
      </c>
      <c r="D20997">
        <v>0</v>
      </c>
    </row>
    <row r="20998" spans="1:4" x14ac:dyDescent="0.25">
      <c r="A20998" t="s">
        <v>32797</v>
      </c>
      <c r="B20998" t="s">
        <v>32800</v>
      </c>
      <c r="C20998">
        <v>2</v>
      </c>
      <c r="D20998">
        <v>0</v>
      </c>
    </row>
    <row r="20999" spans="1:4" x14ac:dyDescent="0.25">
      <c r="A20999" t="s">
        <v>32801</v>
      </c>
      <c r="B20999" t="s">
        <v>32802</v>
      </c>
      <c r="C20999">
        <v>1</v>
      </c>
      <c r="D20999">
        <v>0</v>
      </c>
    </row>
    <row r="21000" spans="1:4" x14ac:dyDescent="0.25">
      <c r="A21000" t="s">
        <v>32803</v>
      </c>
      <c r="B21000" t="s">
        <v>32804</v>
      </c>
      <c r="C21000">
        <v>1</v>
      </c>
      <c r="D21000">
        <v>0</v>
      </c>
    </row>
    <row r="21001" spans="1:4" x14ac:dyDescent="0.25">
      <c r="A21001" t="s">
        <v>32803</v>
      </c>
      <c r="B21001" t="s">
        <v>32805</v>
      </c>
      <c r="C21001">
        <v>0</v>
      </c>
      <c r="D21001">
        <v>0</v>
      </c>
    </row>
    <row r="21002" spans="1:4" x14ac:dyDescent="0.25">
      <c r="A21002" t="s">
        <v>32806</v>
      </c>
      <c r="B21002" t="s">
        <v>32807</v>
      </c>
      <c r="C21002">
        <v>0</v>
      </c>
      <c r="D21002">
        <v>0</v>
      </c>
    </row>
    <row r="21003" spans="1:4" x14ac:dyDescent="0.25">
      <c r="A21003" t="s">
        <v>32806</v>
      </c>
      <c r="B21003" t="s">
        <v>32808</v>
      </c>
      <c r="C21003">
        <v>0</v>
      </c>
      <c r="D21003">
        <v>0</v>
      </c>
    </row>
    <row r="21004" spans="1:4" x14ac:dyDescent="0.25">
      <c r="A21004" t="s">
        <v>32806</v>
      </c>
      <c r="B21004" t="s">
        <v>32809</v>
      </c>
      <c r="C21004">
        <v>1</v>
      </c>
      <c r="D21004">
        <v>0</v>
      </c>
    </row>
    <row r="21005" spans="1:4" x14ac:dyDescent="0.25">
      <c r="A21005" t="s">
        <v>32810</v>
      </c>
      <c r="B21005" t="s">
        <v>1401</v>
      </c>
      <c r="C21005">
        <v>0</v>
      </c>
      <c r="D21005">
        <v>0</v>
      </c>
    </row>
    <row r="21006" spans="1:4" x14ac:dyDescent="0.25">
      <c r="A21006" t="s">
        <v>32810</v>
      </c>
      <c r="B21006" t="s">
        <v>13043</v>
      </c>
      <c r="C21006">
        <v>1</v>
      </c>
      <c r="D21006">
        <v>0</v>
      </c>
    </row>
    <row r="21007" spans="1:4" x14ac:dyDescent="0.25">
      <c r="A21007" t="s">
        <v>32811</v>
      </c>
      <c r="B21007" t="s">
        <v>32812</v>
      </c>
      <c r="C21007">
        <v>1</v>
      </c>
      <c r="D21007">
        <v>0</v>
      </c>
    </row>
    <row r="21008" spans="1:4" x14ac:dyDescent="0.25">
      <c r="A21008" t="s">
        <v>32811</v>
      </c>
      <c r="B21008" t="s">
        <v>32813</v>
      </c>
      <c r="C21008">
        <v>1</v>
      </c>
      <c r="D21008">
        <v>0</v>
      </c>
    </row>
    <row r="21009" spans="1:4" x14ac:dyDescent="0.25">
      <c r="A21009" t="s">
        <v>32811</v>
      </c>
      <c r="B21009" t="s">
        <v>32814</v>
      </c>
      <c r="C21009">
        <v>2</v>
      </c>
      <c r="D21009">
        <v>0</v>
      </c>
    </row>
    <row r="21010" spans="1:4" x14ac:dyDescent="0.25">
      <c r="A21010" t="s">
        <v>32815</v>
      </c>
      <c r="B21010" t="s">
        <v>32816</v>
      </c>
      <c r="C21010">
        <v>0</v>
      </c>
      <c r="D21010">
        <v>0</v>
      </c>
    </row>
    <row r="21011" spans="1:4" x14ac:dyDescent="0.25">
      <c r="A21011" t="s">
        <v>32815</v>
      </c>
      <c r="B21011" t="s">
        <v>32817</v>
      </c>
      <c r="C21011">
        <v>1</v>
      </c>
      <c r="D21011">
        <v>0</v>
      </c>
    </row>
    <row r="21012" spans="1:4" x14ac:dyDescent="0.25">
      <c r="A21012" t="s">
        <v>32818</v>
      </c>
      <c r="B21012" t="s">
        <v>32819</v>
      </c>
      <c r="C21012">
        <v>0</v>
      </c>
      <c r="D21012">
        <v>0</v>
      </c>
    </row>
    <row r="21013" spans="1:4" x14ac:dyDescent="0.25">
      <c r="A21013" t="s">
        <v>32820</v>
      </c>
      <c r="B21013" t="s">
        <v>1499</v>
      </c>
      <c r="C21013">
        <v>1</v>
      </c>
      <c r="D21013">
        <v>0</v>
      </c>
    </row>
    <row r="21014" spans="1:4" x14ac:dyDescent="0.25">
      <c r="A21014" t="s">
        <v>32820</v>
      </c>
      <c r="B21014" t="s">
        <v>852</v>
      </c>
      <c r="C21014">
        <v>0</v>
      </c>
      <c r="D21014">
        <v>0</v>
      </c>
    </row>
    <row r="21015" spans="1:4" x14ac:dyDescent="0.25">
      <c r="A21015" t="s">
        <v>32820</v>
      </c>
      <c r="B21015" t="s">
        <v>32821</v>
      </c>
      <c r="C21015">
        <v>2</v>
      </c>
      <c r="D21015">
        <v>0</v>
      </c>
    </row>
    <row r="21016" spans="1:4" x14ac:dyDescent="0.25">
      <c r="A21016" t="s">
        <v>32822</v>
      </c>
      <c r="B21016" t="s">
        <v>32823</v>
      </c>
      <c r="C21016">
        <v>1</v>
      </c>
      <c r="D21016">
        <v>0</v>
      </c>
    </row>
    <row r="21017" spans="1:4" x14ac:dyDescent="0.25">
      <c r="A21017" t="s">
        <v>32824</v>
      </c>
      <c r="B21017" t="s">
        <v>32825</v>
      </c>
      <c r="C21017">
        <v>0</v>
      </c>
      <c r="D21017">
        <v>0</v>
      </c>
    </row>
    <row r="21018" spans="1:4" x14ac:dyDescent="0.25">
      <c r="A21018" t="s">
        <v>32824</v>
      </c>
      <c r="B21018" t="s">
        <v>32826</v>
      </c>
      <c r="C21018">
        <v>2</v>
      </c>
      <c r="D21018">
        <v>0</v>
      </c>
    </row>
    <row r="21019" spans="1:4" x14ac:dyDescent="0.25">
      <c r="A21019" t="s">
        <v>32827</v>
      </c>
      <c r="B21019" t="s">
        <v>32828</v>
      </c>
      <c r="C21019">
        <v>2</v>
      </c>
      <c r="D21019">
        <v>0</v>
      </c>
    </row>
    <row r="21020" spans="1:4" x14ac:dyDescent="0.25">
      <c r="A21020" t="s">
        <v>32827</v>
      </c>
      <c r="B21020" t="s">
        <v>32829</v>
      </c>
      <c r="C21020">
        <v>1</v>
      </c>
      <c r="D21020">
        <v>0</v>
      </c>
    </row>
    <row r="21021" spans="1:4" x14ac:dyDescent="0.25">
      <c r="A21021" t="s">
        <v>32830</v>
      </c>
      <c r="B21021" t="s">
        <v>32831</v>
      </c>
      <c r="C21021">
        <v>1</v>
      </c>
      <c r="D21021">
        <v>0</v>
      </c>
    </row>
    <row r="21022" spans="1:4" x14ac:dyDescent="0.25">
      <c r="A21022" t="s">
        <v>32830</v>
      </c>
      <c r="B21022" t="s">
        <v>32832</v>
      </c>
      <c r="C21022">
        <v>1</v>
      </c>
      <c r="D21022">
        <v>0</v>
      </c>
    </row>
    <row r="21023" spans="1:4" x14ac:dyDescent="0.25">
      <c r="A21023" t="s">
        <v>32830</v>
      </c>
      <c r="B21023" t="s">
        <v>32833</v>
      </c>
      <c r="C21023">
        <v>1</v>
      </c>
      <c r="D21023">
        <v>0</v>
      </c>
    </row>
    <row r="21024" spans="1:4" x14ac:dyDescent="0.25">
      <c r="A21024" t="s">
        <v>32834</v>
      </c>
      <c r="B21024" t="s">
        <v>32835</v>
      </c>
      <c r="C21024">
        <v>0</v>
      </c>
      <c r="D21024">
        <v>0</v>
      </c>
    </row>
    <row r="21025" spans="1:4" x14ac:dyDescent="0.25">
      <c r="A21025" t="s">
        <v>32836</v>
      </c>
      <c r="B21025" t="s">
        <v>32837</v>
      </c>
      <c r="C21025">
        <v>0</v>
      </c>
      <c r="D21025">
        <v>0</v>
      </c>
    </row>
    <row r="21026" spans="1:4" x14ac:dyDescent="0.25">
      <c r="A21026" t="s">
        <v>32836</v>
      </c>
      <c r="B21026" t="s">
        <v>32838</v>
      </c>
      <c r="C21026">
        <v>0</v>
      </c>
      <c r="D21026">
        <v>0</v>
      </c>
    </row>
    <row r="21027" spans="1:4" x14ac:dyDescent="0.25">
      <c r="A21027" t="s">
        <v>32839</v>
      </c>
      <c r="B21027" t="s">
        <v>32840</v>
      </c>
      <c r="C21027">
        <v>1</v>
      </c>
      <c r="D21027">
        <v>0</v>
      </c>
    </row>
    <row r="21028" spans="1:4" x14ac:dyDescent="0.25">
      <c r="A21028" t="s">
        <v>32839</v>
      </c>
      <c r="B21028" t="s">
        <v>32841</v>
      </c>
      <c r="C21028">
        <v>0</v>
      </c>
      <c r="D21028">
        <v>0</v>
      </c>
    </row>
    <row r="21029" spans="1:4" x14ac:dyDescent="0.25">
      <c r="A21029" t="s">
        <v>32842</v>
      </c>
      <c r="B21029" t="s">
        <v>32843</v>
      </c>
      <c r="C21029">
        <v>0</v>
      </c>
      <c r="D21029">
        <v>0</v>
      </c>
    </row>
    <row r="21030" spans="1:4" x14ac:dyDescent="0.25">
      <c r="A21030" t="s">
        <v>32842</v>
      </c>
      <c r="B21030" t="s">
        <v>32844</v>
      </c>
      <c r="C21030">
        <v>0</v>
      </c>
      <c r="D21030">
        <v>0</v>
      </c>
    </row>
    <row r="21031" spans="1:4" x14ac:dyDescent="0.25">
      <c r="A21031" t="s">
        <v>32842</v>
      </c>
      <c r="B21031" t="s">
        <v>32845</v>
      </c>
      <c r="C21031">
        <v>0</v>
      </c>
      <c r="D21031">
        <v>0</v>
      </c>
    </row>
    <row r="21032" spans="1:4" x14ac:dyDescent="0.25">
      <c r="A21032" t="s">
        <v>32846</v>
      </c>
      <c r="B21032" t="s">
        <v>32847</v>
      </c>
      <c r="C21032">
        <v>0</v>
      </c>
      <c r="D21032">
        <v>0</v>
      </c>
    </row>
    <row r="21033" spans="1:4" x14ac:dyDescent="0.25">
      <c r="A21033" t="s">
        <v>32846</v>
      </c>
      <c r="B21033" t="s">
        <v>32848</v>
      </c>
      <c r="C21033">
        <v>0</v>
      </c>
      <c r="D21033">
        <v>0</v>
      </c>
    </row>
    <row r="21034" spans="1:4" x14ac:dyDescent="0.25">
      <c r="A21034" t="s">
        <v>32849</v>
      </c>
      <c r="B21034" t="s">
        <v>32850</v>
      </c>
      <c r="C21034">
        <v>1</v>
      </c>
      <c r="D21034">
        <v>0</v>
      </c>
    </row>
    <row r="21035" spans="1:4" x14ac:dyDescent="0.25">
      <c r="A21035" t="s">
        <v>32849</v>
      </c>
      <c r="B21035" t="s">
        <v>32851</v>
      </c>
      <c r="C21035">
        <v>1</v>
      </c>
      <c r="D21035">
        <v>0</v>
      </c>
    </row>
    <row r="21036" spans="1:4" x14ac:dyDescent="0.25">
      <c r="A21036" t="s">
        <v>32852</v>
      </c>
      <c r="B21036" t="s">
        <v>32853</v>
      </c>
      <c r="C21036">
        <v>1</v>
      </c>
      <c r="D21036">
        <v>0</v>
      </c>
    </row>
    <row r="21037" spans="1:4" x14ac:dyDescent="0.25">
      <c r="A21037" t="s">
        <v>32852</v>
      </c>
      <c r="B21037" t="s">
        <v>32854</v>
      </c>
      <c r="C21037">
        <v>1</v>
      </c>
      <c r="D21037">
        <v>0</v>
      </c>
    </row>
    <row r="21038" spans="1:4" x14ac:dyDescent="0.25">
      <c r="A21038" t="s">
        <v>32852</v>
      </c>
      <c r="B21038" t="s">
        <v>32855</v>
      </c>
      <c r="C21038">
        <v>1</v>
      </c>
      <c r="D21038">
        <v>0</v>
      </c>
    </row>
    <row r="21039" spans="1:4" x14ac:dyDescent="0.25">
      <c r="A21039" t="s">
        <v>32856</v>
      </c>
      <c r="B21039" t="s">
        <v>1001</v>
      </c>
      <c r="C21039">
        <v>1</v>
      </c>
      <c r="D21039">
        <v>0</v>
      </c>
    </row>
    <row r="21040" spans="1:4" x14ac:dyDescent="0.25">
      <c r="A21040" t="s">
        <v>32857</v>
      </c>
      <c r="B21040" t="s">
        <v>32858</v>
      </c>
      <c r="C21040">
        <v>1</v>
      </c>
      <c r="D21040">
        <v>0</v>
      </c>
    </row>
    <row r="21041" spans="1:4" x14ac:dyDescent="0.25">
      <c r="A21041" t="s">
        <v>32857</v>
      </c>
      <c r="B21041" t="s">
        <v>22800</v>
      </c>
      <c r="C21041">
        <v>1</v>
      </c>
      <c r="D21041">
        <v>0</v>
      </c>
    </row>
    <row r="21042" spans="1:4" x14ac:dyDescent="0.25">
      <c r="A21042" t="s">
        <v>32859</v>
      </c>
      <c r="B21042" t="s">
        <v>32860</v>
      </c>
      <c r="C21042">
        <v>1</v>
      </c>
      <c r="D21042">
        <v>0</v>
      </c>
    </row>
    <row r="21043" spans="1:4" x14ac:dyDescent="0.25">
      <c r="A21043" t="s">
        <v>32859</v>
      </c>
      <c r="B21043" t="s">
        <v>32861</v>
      </c>
      <c r="C21043">
        <v>1</v>
      </c>
      <c r="D21043">
        <v>0</v>
      </c>
    </row>
    <row r="21044" spans="1:4" x14ac:dyDescent="0.25">
      <c r="A21044" t="s">
        <v>32859</v>
      </c>
      <c r="B21044" t="s">
        <v>32862</v>
      </c>
      <c r="C21044">
        <v>2</v>
      </c>
      <c r="D21044">
        <v>0</v>
      </c>
    </row>
    <row r="21045" spans="1:4" x14ac:dyDescent="0.25">
      <c r="A21045" t="s">
        <v>32863</v>
      </c>
      <c r="B21045" t="s">
        <v>32864</v>
      </c>
      <c r="C21045">
        <v>0</v>
      </c>
      <c r="D21045">
        <v>0</v>
      </c>
    </row>
    <row r="21046" spans="1:4" x14ac:dyDescent="0.25">
      <c r="A21046" t="s">
        <v>32863</v>
      </c>
      <c r="B21046" t="s">
        <v>32865</v>
      </c>
      <c r="C21046">
        <v>1</v>
      </c>
      <c r="D21046">
        <v>0</v>
      </c>
    </row>
    <row r="21047" spans="1:4" x14ac:dyDescent="0.25">
      <c r="A21047" t="s">
        <v>32866</v>
      </c>
      <c r="B21047" t="s">
        <v>843</v>
      </c>
      <c r="C21047">
        <v>1</v>
      </c>
      <c r="D21047">
        <v>0</v>
      </c>
    </row>
    <row r="21048" spans="1:4" x14ac:dyDescent="0.25">
      <c r="A21048" t="s">
        <v>32867</v>
      </c>
      <c r="B21048" t="s">
        <v>32868</v>
      </c>
      <c r="C21048">
        <v>1</v>
      </c>
      <c r="D21048">
        <v>0</v>
      </c>
    </row>
    <row r="21049" spans="1:4" x14ac:dyDescent="0.25">
      <c r="A21049" t="s">
        <v>32867</v>
      </c>
      <c r="B21049" t="s">
        <v>32869</v>
      </c>
      <c r="C21049">
        <v>2</v>
      </c>
      <c r="D21049">
        <v>0</v>
      </c>
    </row>
    <row r="21050" spans="1:4" x14ac:dyDescent="0.25">
      <c r="A21050" t="s">
        <v>32867</v>
      </c>
      <c r="B21050" t="s">
        <v>3347</v>
      </c>
      <c r="C21050">
        <v>0</v>
      </c>
      <c r="D21050">
        <v>0</v>
      </c>
    </row>
    <row r="21051" spans="1:4" x14ac:dyDescent="0.25">
      <c r="A21051" t="s">
        <v>32870</v>
      </c>
      <c r="B21051" t="s">
        <v>32871</v>
      </c>
      <c r="C21051">
        <v>0</v>
      </c>
      <c r="D21051">
        <v>0</v>
      </c>
    </row>
    <row r="21052" spans="1:4" x14ac:dyDescent="0.25">
      <c r="A21052" t="s">
        <v>32872</v>
      </c>
      <c r="B21052" t="s">
        <v>32873</v>
      </c>
      <c r="C21052">
        <v>0</v>
      </c>
      <c r="D21052">
        <v>0</v>
      </c>
    </row>
    <row r="21053" spans="1:4" x14ac:dyDescent="0.25">
      <c r="A21053" t="s">
        <v>32874</v>
      </c>
      <c r="B21053" t="s">
        <v>1001</v>
      </c>
      <c r="C21053">
        <v>1</v>
      </c>
      <c r="D21053">
        <v>0</v>
      </c>
    </row>
    <row r="21054" spans="1:4" x14ac:dyDescent="0.25">
      <c r="A21054" t="s">
        <v>32875</v>
      </c>
      <c r="B21054" t="s">
        <v>32876</v>
      </c>
      <c r="C21054">
        <v>0</v>
      </c>
      <c r="D21054">
        <v>0</v>
      </c>
    </row>
    <row r="21055" spans="1:4" x14ac:dyDescent="0.25">
      <c r="A21055" t="s">
        <v>32875</v>
      </c>
      <c r="B21055" t="s">
        <v>32877</v>
      </c>
      <c r="C21055">
        <v>0</v>
      </c>
      <c r="D21055">
        <v>0</v>
      </c>
    </row>
    <row r="21056" spans="1:4" x14ac:dyDescent="0.25">
      <c r="A21056" t="s">
        <v>32875</v>
      </c>
      <c r="B21056" t="s">
        <v>32878</v>
      </c>
      <c r="C21056">
        <v>0</v>
      </c>
      <c r="D21056">
        <v>0</v>
      </c>
    </row>
    <row r="21057" spans="1:4" x14ac:dyDescent="0.25">
      <c r="A21057" t="s">
        <v>32879</v>
      </c>
      <c r="B21057" t="s">
        <v>32880</v>
      </c>
      <c r="C21057">
        <v>0</v>
      </c>
      <c r="D21057">
        <v>0</v>
      </c>
    </row>
    <row r="21058" spans="1:4" x14ac:dyDescent="0.25">
      <c r="A21058" t="s">
        <v>32881</v>
      </c>
      <c r="B21058" t="s">
        <v>32882</v>
      </c>
      <c r="C21058">
        <v>1</v>
      </c>
      <c r="D21058">
        <v>0</v>
      </c>
    </row>
    <row r="21059" spans="1:4" x14ac:dyDescent="0.25">
      <c r="A21059" t="s">
        <v>32883</v>
      </c>
      <c r="B21059" t="s">
        <v>32884</v>
      </c>
      <c r="C21059">
        <v>1</v>
      </c>
      <c r="D21059">
        <v>0</v>
      </c>
    </row>
    <row r="21060" spans="1:4" x14ac:dyDescent="0.25">
      <c r="A21060" t="s">
        <v>32883</v>
      </c>
      <c r="B21060" t="s">
        <v>32885</v>
      </c>
      <c r="C21060">
        <v>2</v>
      </c>
      <c r="D21060">
        <v>0</v>
      </c>
    </row>
    <row r="21061" spans="1:4" x14ac:dyDescent="0.25">
      <c r="A21061" t="s">
        <v>32883</v>
      </c>
      <c r="B21061" t="s">
        <v>32886</v>
      </c>
      <c r="C21061">
        <v>2</v>
      </c>
      <c r="D21061">
        <v>0</v>
      </c>
    </row>
    <row r="21062" spans="1:4" x14ac:dyDescent="0.25">
      <c r="A21062" t="s">
        <v>32887</v>
      </c>
      <c r="B21062" t="s">
        <v>32888</v>
      </c>
      <c r="C21062">
        <v>2</v>
      </c>
      <c r="D21062">
        <v>0</v>
      </c>
    </row>
    <row r="21063" spans="1:4" x14ac:dyDescent="0.25">
      <c r="A21063" t="s">
        <v>32887</v>
      </c>
      <c r="B21063" t="s">
        <v>32889</v>
      </c>
      <c r="C21063">
        <v>1</v>
      </c>
      <c r="D21063">
        <v>0</v>
      </c>
    </row>
    <row r="21064" spans="1:4" x14ac:dyDescent="0.25">
      <c r="A21064" t="s">
        <v>32887</v>
      </c>
      <c r="B21064" t="s">
        <v>32890</v>
      </c>
      <c r="C21064">
        <v>2</v>
      </c>
      <c r="D21064">
        <v>0</v>
      </c>
    </row>
    <row r="21065" spans="1:4" x14ac:dyDescent="0.25">
      <c r="A21065" t="s">
        <v>32891</v>
      </c>
      <c r="B21065" t="s">
        <v>32892</v>
      </c>
      <c r="C21065">
        <v>0</v>
      </c>
      <c r="D21065">
        <v>0</v>
      </c>
    </row>
    <row r="21066" spans="1:4" x14ac:dyDescent="0.25">
      <c r="A21066" t="s">
        <v>32891</v>
      </c>
      <c r="B21066" t="s">
        <v>32893</v>
      </c>
      <c r="C21066">
        <v>1</v>
      </c>
      <c r="D21066">
        <v>0</v>
      </c>
    </row>
    <row r="21067" spans="1:4" x14ac:dyDescent="0.25">
      <c r="A21067" t="s">
        <v>32891</v>
      </c>
      <c r="B21067" t="s">
        <v>32894</v>
      </c>
      <c r="C21067">
        <v>0</v>
      </c>
      <c r="D21067">
        <v>0</v>
      </c>
    </row>
    <row r="21068" spans="1:4" x14ac:dyDescent="0.25">
      <c r="A21068" t="s">
        <v>32895</v>
      </c>
      <c r="B21068" t="s">
        <v>32896</v>
      </c>
      <c r="C21068">
        <v>1</v>
      </c>
      <c r="D21068">
        <v>0</v>
      </c>
    </row>
    <row r="21069" spans="1:4" x14ac:dyDescent="0.25">
      <c r="A21069" t="s">
        <v>32897</v>
      </c>
      <c r="B21069" t="s">
        <v>32898</v>
      </c>
      <c r="C21069">
        <v>2</v>
      </c>
      <c r="D21069">
        <v>0</v>
      </c>
    </row>
    <row r="21070" spans="1:4" x14ac:dyDescent="0.25">
      <c r="A21070" t="s">
        <v>32897</v>
      </c>
      <c r="B21070" t="s">
        <v>32899</v>
      </c>
      <c r="C21070">
        <v>1</v>
      </c>
      <c r="D21070">
        <v>0</v>
      </c>
    </row>
    <row r="21071" spans="1:4" x14ac:dyDescent="0.25">
      <c r="A21071" t="s">
        <v>32900</v>
      </c>
      <c r="B21071" t="s">
        <v>4894</v>
      </c>
      <c r="C21071">
        <v>0</v>
      </c>
      <c r="D21071">
        <v>0</v>
      </c>
    </row>
    <row r="21072" spans="1:4" x14ac:dyDescent="0.25">
      <c r="A21072" t="s">
        <v>32901</v>
      </c>
      <c r="B21072" t="s">
        <v>32902</v>
      </c>
      <c r="C21072">
        <v>1</v>
      </c>
      <c r="D21072">
        <v>0</v>
      </c>
    </row>
    <row r="21073" spans="1:4" x14ac:dyDescent="0.25">
      <c r="A21073" t="s">
        <v>32903</v>
      </c>
      <c r="B21073" t="s">
        <v>3926</v>
      </c>
      <c r="C21073">
        <v>1</v>
      </c>
      <c r="D21073">
        <v>0</v>
      </c>
    </row>
    <row r="21074" spans="1:4" x14ac:dyDescent="0.25">
      <c r="A21074" t="s">
        <v>32904</v>
      </c>
      <c r="B21074" t="s">
        <v>32905</v>
      </c>
      <c r="C21074">
        <v>1</v>
      </c>
      <c r="D21074">
        <v>0</v>
      </c>
    </row>
    <row r="21075" spans="1:4" x14ac:dyDescent="0.25">
      <c r="A21075" t="s">
        <v>32906</v>
      </c>
      <c r="B21075" t="s">
        <v>843</v>
      </c>
      <c r="C21075">
        <v>1</v>
      </c>
      <c r="D21075">
        <v>0</v>
      </c>
    </row>
    <row r="21076" spans="1:4" x14ac:dyDescent="0.25">
      <c r="A21076" t="s">
        <v>32907</v>
      </c>
      <c r="B21076" t="s">
        <v>32908</v>
      </c>
      <c r="C21076">
        <v>1</v>
      </c>
      <c r="D21076">
        <v>0</v>
      </c>
    </row>
    <row r="21077" spans="1:4" x14ac:dyDescent="0.25">
      <c r="A21077" t="s">
        <v>32907</v>
      </c>
      <c r="B21077" t="s">
        <v>32909</v>
      </c>
      <c r="C21077">
        <v>2</v>
      </c>
      <c r="D21077">
        <v>0</v>
      </c>
    </row>
    <row r="21078" spans="1:4" x14ac:dyDescent="0.25">
      <c r="A21078" t="s">
        <v>32910</v>
      </c>
      <c r="B21078" t="s">
        <v>1938</v>
      </c>
      <c r="C21078">
        <v>0</v>
      </c>
      <c r="D21078">
        <v>0</v>
      </c>
    </row>
    <row r="21079" spans="1:4" x14ac:dyDescent="0.25">
      <c r="A21079" t="s">
        <v>32911</v>
      </c>
      <c r="B21079" t="s">
        <v>32912</v>
      </c>
      <c r="C21079">
        <v>2</v>
      </c>
      <c r="D21079">
        <v>0</v>
      </c>
    </row>
    <row r="21080" spans="1:4" x14ac:dyDescent="0.25">
      <c r="A21080" t="s">
        <v>32913</v>
      </c>
      <c r="B21080" t="s">
        <v>32914</v>
      </c>
      <c r="C21080">
        <v>1</v>
      </c>
      <c r="D21080">
        <v>0</v>
      </c>
    </row>
    <row r="21081" spans="1:4" x14ac:dyDescent="0.25">
      <c r="A21081" t="s">
        <v>32913</v>
      </c>
      <c r="B21081" t="s">
        <v>32915</v>
      </c>
      <c r="C21081">
        <v>1</v>
      </c>
      <c r="D21081">
        <v>0</v>
      </c>
    </row>
    <row r="21082" spans="1:4" x14ac:dyDescent="0.25">
      <c r="A21082" t="s">
        <v>32913</v>
      </c>
      <c r="B21082" t="s">
        <v>32916</v>
      </c>
      <c r="C21082">
        <v>0</v>
      </c>
      <c r="D21082">
        <v>0</v>
      </c>
    </row>
    <row r="21083" spans="1:4" x14ac:dyDescent="0.25">
      <c r="A21083" t="s">
        <v>32917</v>
      </c>
      <c r="B21083" t="s">
        <v>32918</v>
      </c>
      <c r="C21083">
        <v>1</v>
      </c>
      <c r="D21083">
        <v>0</v>
      </c>
    </row>
    <row r="21084" spans="1:4" x14ac:dyDescent="0.25">
      <c r="A21084" t="s">
        <v>32919</v>
      </c>
      <c r="B21084" t="s">
        <v>1001</v>
      </c>
      <c r="C21084">
        <v>1</v>
      </c>
      <c r="D21084">
        <v>0</v>
      </c>
    </row>
    <row r="21085" spans="1:4" x14ac:dyDescent="0.25">
      <c r="A21085" t="s">
        <v>32920</v>
      </c>
      <c r="B21085" t="s">
        <v>32921</v>
      </c>
      <c r="C21085">
        <v>0</v>
      </c>
      <c r="D21085">
        <v>0</v>
      </c>
    </row>
    <row r="21086" spans="1:4" x14ac:dyDescent="0.25">
      <c r="A21086" t="s">
        <v>32922</v>
      </c>
      <c r="B21086" t="s">
        <v>32923</v>
      </c>
      <c r="C21086">
        <v>1</v>
      </c>
      <c r="D21086">
        <v>0</v>
      </c>
    </row>
    <row r="21087" spans="1:4" x14ac:dyDescent="0.25">
      <c r="A21087" t="s">
        <v>32922</v>
      </c>
      <c r="B21087" t="s">
        <v>32924</v>
      </c>
      <c r="C21087">
        <v>0</v>
      </c>
      <c r="D21087">
        <v>0</v>
      </c>
    </row>
    <row r="21088" spans="1:4" x14ac:dyDescent="0.25">
      <c r="A21088" t="s">
        <v>32925</v>
      </c>
      <c r="B21088" t="s">
        <v>32926</v>
      </c>
      <c r="C21088">
        <v>1</v>
      </c>
      <c r="D21088">
        <v>0</v>
      </c>
    </row>
    <row r="21089" spans="1:4" x14ac:dyDescent="0.25">
      <c r="A21089" t="s">
        <v>32925</v>
      </c>
      <c r="B21089" t="s">
        <v>32927</v>
      </c>
      <c r="C21089">
        <v>0</v>
      </c>
      <c r="D21089">
        <v>0</v>
      </c>
    </row>
    <row r="21090" spans="1:4" x14ac:dyDescent="0.25">
      <c r="A21090" t="s">
        <v>32928</v>
      </c>
      <c r="B21090" t="s">
        <v>32929</v>
      </c>
      <c r="C21090">
        <v>0</v>
      </c>
      <c r="D21090">
        <v>0</v>
      </c>
    </row>
    <row r="21091" spans="1:4" x14ac:dyDescent="0.25">
      <c r="A21091" t="s">
        <v>32930</v>
      </c>
      <c r="B21091" t="s">
        <v>32931</v>
      </c>
      <c r="C21091">
        <v>1</v>
      </c>
      <c r="D21091">
        <v>0</v>
      </c>
    </row>
    <row r="21092" spans="1:4" x14ac:dyDescent="0.25">
      <c r="A21092" t="s">
        <v>32932</v>
      </c>
      <c r="B21092" t="s">
        <v>32933</v>
      </c>
      <c r="C21092">
        <v>2</v>
      </c>
      <c r="D21092">
        <v>0</v>
      </c>
    </row>
    <row r="21093" spans="1:4" x14ac:dyDescent="0.25">
      <c r="A21093" t="s">
        <v>32932</v>
      </c>
      <c r="B21093" t="s">
        <v>32934</v>
      </c>
      <c r="C21093">
        <v>1</v>
      </c>
      <c r="D21093">
        <v>0</v>
      </c>
    </row>
    <row r="21094" spans="1:4" x14ac:dyDescent="0.25">
      <c r="A21094" t="s">
        <v>32932</v>
      </c>
      <c r="B21094" t="s">
        <v>32935</v>
      </c>
      <c r="C21094">
        <v>1</v>
      </c>
      <c r="D21094">
        <v>0</v>
      </c>
    </row>
    <row r="21095" spans="1:4" x14ac:dyDescent="0.25">
      <c r="A21095" t="s">
        <v>32936</v>
      </c>
      <c r="B21095" t="s">
        <v>32937</v>
      </c>
      <c r="C21095">
        <v>1</v>
      </c>
      <c r="D21095">
        <v>0</v>
      </c>
    </row>
    <row r="21096" spans="1:4" x14ac:dyDescent="0.25">
      <c r="A21096" t="s">
        <v>32936</v>
      </c>
      <c r="B21096" t="s">
        <v>32938</v>
      </c>
      <c r="C21096">
        <v>0</v>
      </c>
      <c r="D21096">
        <v>0</v>
      </c>
    </row>
    <row r="21097" spans="1:4" x14ac:dyDescent="0.25">
      <c r="A21097" t="s">
        <v>32939</v>
      </c>
      <c r="B21097" t="s">
        <v>32940</v>
      </c>
      <c r="C21097">
        <v>2</v>
      </c>
      <c r="D21097">
        <v>0</v>
      </c>
    </row>
    <row r="21098" spans="1:4" x14ac:dyDescent="0.25">
      <c r="A21098" t="s">
        <v>32939</v>
      </c>
      <c r="B21098" t="s">
        <v>32941</v>
      </c>
      <c r="C21098">
        <v>0</v>
      </c>
      <c r="D21098">
        <v>0</v>
      </c>
    </row>
    <row r="21099" spans="1:4" x14ac:dyDescent="0.25">
      <c r="A21099" t="s">
        <v>32939</v>
      </c>
      <c r="B21099" t="s">
        <v>32942</v>
      </c>
      <c r="C21099">
        <v>0</v>
      </c>
      <c r="D21099">
        <v>0</v>
      </c>
    </row>
    <row r="21100" spans="1:4" x14ac:dyDescent="0.25">
      <c r="A21100" t="s">
        <v>32943</v>
      </c>
      <c r="B21100" t="s">
        <v>32944</v>
      </c>
      <c r="C21100">
        <v>0</v>
      </c>
      <c r="D21100">
        <v>0</v>
      </c>
    </row>
    <row r="21101" spans="1:4" x14ac:dyDescent="0.25">
      <c r="A21101" t="s">
        <v>32943</v>
      </c>
      <c r="B21101" t="s">
        <v>32945</v>
      </c>
      <c r="C21101">
        <v>2</v>
      </c>
      <c r="D21101">
        <v>0</v>
      </c>
    </row>
    <row r="21102" spans="1:4" x14ac:dyDescent="0.25">
      <c r="A21102" t="s">
        <v>32943</v>
      </c>
      <c r="B21102" t="s">
        <v>32946</v>
      </c>
      <c r="C21102">
        <v>0</v>
      </c>
      <c r="D21102">
        <v>0</v>
      </c>
    </row>
    <row r="21103" spans="1:4" x14ac:dyDescent="0.25">
      <c r="A21103" t="s">
        <v>32947</v>
      </c>
      <c r="B21103" t="s">
        <v>32948</v>
      </c>
      <c r="C21103">
        <v>2</v>
      </c>
      <c r="D21103">
        <v>0</v>
      </c>
    </row>
    <row r="21104" spans="1:4" x14ac:dyDescent="0.25">
      <c r="A21104" t="s">
        <v>32947</v>
      </c>
      <c r="B21104" t="s">
        <v>32949</v>
      </c>
      <c r="C21104">
        <v>1</v>
      </c>
      <c r="D21104">
        <v>0</v>
      </c>
    </row>
    <row r="21105" spans="1:4" x14ac:dyDescent="0.25">
      <c r="A21105" t="s">
        <v>32947</v>
      </c>
      <c r="B21105" t="s">
        <v>32950</v>
      </c>
      <c r="C21105">
        <v>1</v>
      </c>
      <c r="D21105">
        <v>0</v>
      </c>
    </row>
    <row r="21106" spans="1:4" x14ac:dyDescent="0.25">
      <c r="A21106" t="s">
        <v>32951</v>
      </c>
      <c r="B21106" t="s">
        <v>32952</v>
      </c>
      <c r="C21106">
        <v>0</v>
      </c>
      <c r="D21106">
        <v>0</v>
      </c>
    </row>
    <row r="21107" spans="1:4" x14ac:dyDescent="0.25">
      <c r="A21107" t="s">
        <v>32951</v>
      </c>
      <c r="B21107" t="s">
        <v>32953</v>
      </c>
      <c r="C21107">
        <v>0</v>
      </c>
      <c r="D21107">
        <v>0</v>
      </c>
    </row>
    <row r="21108" spans="1:4" x14ac:dyDescent="0.25">
      <c r="A21108" t="s">
        <v>32951</v>
      </c>
      <c r="B21108" t="s">
        <v>32954</v>
      </c>
      <c r="C21108">
        <v>0</v>
      </c>
      <c r="D21108">
        <v>0</v>
      </c>
    </row>
    <row r="21109" spans="1:4" x14ac:dyDescent="0.25">
      <c r="A21109" t="s">
        <v>32955</v>
      </c>
      <c r="B21109" t="s">
        <v>32956</v>
      </c>
      <c r="C21109">
        <v>0</v>
      </c>
      <c r="D21109">
        <v>0</v>
      </c>
    </row>
    <row r="21110" spans="1:4" x14ac:dyDescent="0.25">
      <c r="A21110" t="s">
        <v>32955</v>
      </c>
      <c r="B21110" t="s">
        <v>32957</v>
      </c>
      <c r="C21110">
        <v>2</v>
      </c>
      <c r="D21110">
        <v>0</v>
      </c>
    </row>
    <row r="21111" spans="1:4" x14ac:dyDescent="0.25">
      <c r="A21111" t="s">
        <v>32958</v>
      </c>
      <c r="B21111" t="s">
        <v>32959</v>
      </c>
      <c r="C21111">
        <v>2</v>
      </c>
      <c r="D21111">
        <v>0</v>
      </c>
    </row>
    <row r="21112" spans="1:4" x14ac:dyDescent="0.25">
      <c r="A21112" t="s">
        <v>32960</v>
      </c>
      <c r="B21112" t="s">
        <v>13383</v>
      </c>
      <c r="C21112">
        <v>0</v>
      </c>
      <c r="D21112">
        <v>0</v>
      </c>
    </row>
    <row r="21113" spans="1:4" x14ac:dyDescent="0.25">
      <c r="A21113" t="s">
        <v>32961</v>
      </c>
      <c r="B21113" t="s">
        <v>32962</v>
      </c>
      <c r="C21113">
        <v>0</v>
      </c>
      <c r="D21113">
        <v>0</v>
      </c>
    </row>
    <row r="21114" spans="1:4" x14ac:dyDescent="0.25">
      <c r="A21114" t="s">
        <v>32961</v>
      </c>
      <c r="B21114" t="s">
        <v>32963</v>
      </c>
      <c r="C21114">
        <v>1</v>
      </c>
      <c r="D21114">
        <v>0</v>
      </c>
    </row>
    <row r="21115" spans="1:4" x14ac:dyDescent="0.25">
      <c r="A21115" t="s">
        <v>32961</v>
      </c>
      <c r="B21115" t="s">
        <v>32964</v>
      </c>
      <c r="C21115">
        <v>0</v>
      </c>
      <c r="D21115">
        <v>0</v>
      </c>
    </row>
    <row r="21116" spans="1:4" x14ac:dyDescent="0.25">
      <c r="A21116" t="s">
        <v>32965</v>
      </c>
      <c r="B21116" t="s">
        <v>32966</v>
      </c>
      <c r="C21116">
        <v>2</v>
      </c>
      <c r="D21116">
        <v>0</v>
      </c>
    </row>
    <row r="21117" spans="1:4" x14ac:dyDescent="0.25">
      <c r="A21117" t="s">
        <v>32965</v>
      </c>
      <c r="B21117" t="s">
        <v>32967</v>
      </c>
      <c r="C21117">
        <v>0</v>
      </c>
      <c r="D21117">
        <v>0</v>
      </c>
    </row>
    <row r="21118" spans="1:4" x14ac:dyDescent="0.25">
      <c r="A21118" t="s">
        <v>32965</v>
      </c>
      <c r="B21118" t="s">
        <v>32968</v>
      </c>
      <c r="C21118">
        <v>2</v>
      </c>
      <c r="D21118">
        <v>0</v>
      </c>
    </row>
    <row r="21119" spans="1:4" x14ac:dyDescent="0.25">
      <c r="A21119" t="s">
        <v>32969</v>
      </c>
      <c r="B21119" t="s">
        <v>32970</v>
      </c>
      <c r="C21119">
        <v>2</v>
      </c>
      <c r="D21119">
        <v>0</v>
      </c>
    </row>
    <row r="21120" spans="1:4" x14ac:dyDescent="0.25">
      <c r="A21120" t="s">
        <v>32969</v>
      </c>
      <c r="B21120" t="s">
        <v>32971</v>
      </c>
      <c r="C21120">
        <v>2</v>
      </c>
      <c r="D21120">
        <v>0</v>
      </c>
    </row>
    <row r="21121" spans="1:4" x14ac:dyDescent="0.25">
      <c r="A21121" t="s">
        <v>32969</v>
      </c>
      <c r="B21121" t="s">
        <v>32972</v>
      </c>
      <c r="C21121">
        <v>2</v>
      </c>
      <c r="D21121">
        <v>0</v>
      </c>
    </row>
    <row r="21122" spans="1:4" x14ac:dyDescent="0.25">
      <c r="A21122" t="s">
        <v>32973</v>
      </c>
      <c r="B21122" t="s">
        <v>6061</v>
      </c>
      <c r="C21122">
        <v>0</v>
      </c>
      <c r="D21122">
        <v>0</v>
      </c>
    </row>
    <row r="21123" spans="1:4" x14ac:dyDescent="0.25">
      <c r="A21123" t="s">
        <v>32974</v>
      </c>
      <c r="B21123" t="s">
        <v>32975</v>
      </c>
      <c r="C21123">
        <v>0</v>
      </c>
      <c r="D21123">
        <v>0</v>
      </c>
    </row>
    <row r="21124" spans="1:4" x14ac:dyDescent="0.25">
      <c r="A21124" t="s">
        <v>32974</v>
      </c>
      <c r="B21124" t="s">
        <v>32976</v>
      </c>
      <c r="C21124">
        <v>0</v>
      </c>
      <c r="D21124">
        <v>0</v>
      </c>
    </row>
    <row r="21125" spans="1:4" x14ac:dyDescent="0.25">
      <c r="A21125" t="s">
        <v>32974</v>
      </c>
      <c r="B21125" t="s">
        <v>32977</v>
      </c>
      <c r="C21125">
        <v>0</v>
      </c>
      <c r="D21125">
        <v>0</v>
      </c>
    </row>
    <row r="21126" spans="1:4" x14ac:dyDescent="0.25">
      <c r="A21126" t="s">
        <v>32978</v>
      </c>
      <c r="B21126" t="s">
        <v>32979</v>
      </c>
      <c r="C21126">
        <v>1</v>
      </c>
      <c r="D21126">
        <v>0</v>
      </c>
    </row>
    <row r="21127" spans="1:4" x14ac:dyDescent="0.25">
      <c r="A21127" t="s">
        <v>32978</v>
      </c>
      <c r="B21127" t="s">
        <v>32980</v>
      </c>
      <c r="C21127">
        <v>1</v>
      </c>
      <c r="D21127">
        <v>0</v>
      </c>
    </row>
    <row r="21128" spans="1:4" x14ac:dyDescent="0.25">
      <c r="A21128" t="s">
        <v>32978</v>
      </c>
      <c r="B21128" t="s">
        <v>32981</v>
      </c>
      <c r="C21128">
        <v>1</v>
      </c>
      <c r="D21128">
        <v>0</v>
      </c>
    </row>
    <row r="21129" spans="1:4" x14ac:dyDescent="0.25">
      <c r="A21129" t="s">
        <v>32982</v>
      </c>
      <c r="B21129" t="s">
        <v>32983</v>
      </c>
      <c r="C21129">
        <v>1</v>
      </c>
      <c r="D21129">
        <v>0</v>
      </c>
    </row>
    <row r="21130" spans="1:4" x14ac:dyDescent="0.25">
      <c r="A21130" t="s">
        <v>32982</v>
      </c>
      <c r="B21130" t="s">
        <v>32984</v>
      </c>
      <c r="C21130">
        <v>0</v>
      </c>
      <c r="D21130">
        <v>0</v>
      </c>
    </row>
    <row r="21131" spans="1:4" x14ac:dyDescent="0.25">
      <c r="A21131" t="s">
        <v>32985</v>
      </c>
      <c r="B21131" t="s">
        <v>32986</v>
      </c>
      <c r="C21131">
        <v>1</v>
      </c>
      <c r="D21131">
        <v>0</v>
      </c>
    </row>
    <row r="21132" spans="1:4" x14ac:dyDescent="0.25">
      <c r="A21132" t="s">
        <v>32985</v>
      </c>
      <c r="B21132" t="s">
        <v>32987</v>
      </c>
      <c r="C21132">
        <v>2</v>
      </c>
      <c r="D21132">
        <v>0</v>
      </c>
    </row>
    <row r="21133" spans="1:4" x14ac:dyDescent="0.25">
      <c r="A21133" t="s">
        <v>32988</v>
      </c>
      <c r="B21133" t="s">
        <v>1294</v>
      </c>
      <c r="C21133">
        <v>1</v>
      </c>
      <c r="D21133">
        <v>0</v>
      </c>
    </row>
    <row r="21134" spans="1:4" x14ac:dyDescent="0.25">
      <c r="A21134" t="s">
        <v>32988</v>
      </c>
      <c r="B21134" t="s">
        <v>32989</v>
      </c>
      <c r="C21134">
        <v>2</v>
      </c>
      <c r="D21134">
        <v>0</v>
      </c>
    </row>
    <row r="21135" spans="1:4" x14ac:dyDescent="0.25">
      <c r="A21135" t="s">
        <v>32990</v>
      </c>
      <c r="B21135" t="s">
        <v>32991</v>
      </c>
      <c r="C21135">
        <v>1</v>
      </c>
      <c r="D21135">
        <v>0</v>
      </c>
    </row>
    <row r="21136" spans="1:4" x14ac:dyDescent="0.25">
      <c r="A21136" t="s">
        <v>32990</v>
      </c>
      <c r="B21136" t="s">
        <v>32992</v>
      </c>
      <c r="C21136">
        <v>0</v>
      </c>
      <c r="D21136">
        <v>0</v>
      </c>
    </row>
    <row r="21137" spans="1:4" x14ac:dyDescent="0.25">
      <c r="A21137" t="s">
        <v>32990</v>
      </c>
      <c r="B21137" t="s">
        <v>32993</v>
      </c>
      <c r="C21137">
        <v>2</v>
      </c>
      <c r="D21137">
        <v>0</v>
      </c>
    </row>
    <row r="21138" spans="1:4" x14ac:dyDescent="0.25">
      <c r="A21138" t="s">
        <v>32994</v>
      </c>
      <c r="B21138" t="s">
        <v>32995</v>
      </c>
      <c r="C21138">
        <v>2</v>
      </c>
      <c r="D21138">
        <v>0</v>
      </c>
    </row>
    <row r="21139" spans="1:4" x14ac:dyDescent="0.25">
      <c r="A21139" t="s">
        <v>32994</v>
      </c>
      <c r="B21139" t="s">
        <v>32996</v>
      </c>
      <c r="C21139">
        <v>0</v>
      </c>
      <c r="D21139">
        <v>0</v>
      </c>
    </row>
    <row r="21140" spans="1:4" x14ac:dyDescent="0.25">
      <c r="A21140" t="s">
        <v>32994</v>
      </c>
      <c r="B21140" t="s">
        <v>32997</v>
      </c>
      <c r="C21140">
        <v>1</v>
      </c>
      <c r="D21140">
        <v>0</v>
      </c>
    </row>
    <row r="21141" spans="1:4" x14ac:dyDescent="0.25">
      <c r="A21141" t="s">
        <v>32998</v>
      </c>
      <c r="B21141" t="s">
        <v>32999</v>
      </c>
      <c r="C21141">
        <v>2</v>
      </c>
      <c r="D21141">
        <v>0</v>
      </c>
    </row>
    <row r="21142" spans="1:4" x14ac:dyDescent="0.25">
      <c r="A21142" t="s">
        <v>32998</v>
      </c>
      <c r="B21142" t="s">
        <v>33000</v>
      </c>
      <c r="C21142">
        <v>2</v>
      </c>
      <c r="D21142">
        <v>0</v>
      </c>
    </row>
    <row r="21143" spans="1:4" x14ac:dyDescent="0.25">
      <c r="A21143" t="s">
        <v>32998</v>
      </c>
      <c r="B21143" t="s">
        <v>33001</v>
      </c>
      <c r="C21143">
        <v>0</v>
      </c>
      <c r="D21143">
        <v>0</v>
      </c>
    </row>
    <row r="21144" spans="1:4" x14ac:dyDescent="0.25">
      <c r="A21144" t="s">
        <v>33002</v>
      </c>
      <c r="B21144" t="s">
        <v>33003</v>
      </c>
      <c r="C21144">
        <v>0</v>
      </c>
      <c r="D21144">
        <v>0</v>
      </c>
    </row>
    <row r="21145" spans="1:4" x14ac:dyDescent="0.25">
      <c r="A21145" t="s">
        <v>33002</v>
      </c>
      <c r="B21145" t="s">
        <v>33004</v>
      </c>
      <c r="C21145">
        <v>0</v>
      </c>
      <c r="D21145">
        <v>0</v>
      </c>
    </row>
    <row r="21146" spans="1:4" x14ac:dyDescent="0.25">
      <c r="A21146" t="s">
        <v>33002</v>
      </c>
      <c r="B21146" t="s">
        <v>33005</v>
      </c>
      <c r="C21146">
        <v>0</v>
      </c>
      <c r="D21146">
        <v>0</v>
      </c>
    </row>
    <row r="21147" spans="1:4" x14ac:dyDescent="0.25">
      <c r="A21147" t="s">
        <v>33006</v>
      </c>
      <c r="B21147" t="s">
        <v>33007</v>
      </c>
      <c r="C21147">
        <v>1</v>
      </c>
      <c r="D21147">
        <v>0</v>
      </c>
    </row>
    <row r="21148" spans="1:4" x14ac:dyDescent="0.25">
      <c r="A21148" t="s">
        <v>33006</v>
      </c>
      <c r="B21148" t="s">
        <v>33008</v>
      </c>
      <c r="C21148">
        <v>1</v>
      </c>
      <c r="D21148">
        <v>0</v>
      </c>
    </row>
    <row r="21149" spans="1:4" x14ac:dyDescent="0.25">
      <c r="A21149" t="s">
        <v>33006</v>
      </c>
      <c r="B21149" t="s">
        <v>33009</v>
      </c>
      <c r="C21149">
        <v>1</v>
      </c>
      <c r="D21149">
        <v>0</v>
      </c>
    </row>
    <row r="21150" spans="1:4" x14ac:dyDescent="0.25">
      <c r="A21150" t="s">
        <v>33010</v>
      </c>
      <c r="B21150" t="s">
        <v>33011</v>
      </c>
      <c r="C21150">
        <v>0</v>
      </c>
      <c r="D21150">
        <v>0</v>
      </c>
    </row>
    <row r="21151" spans="1:4" x14ac:dyDescent="0.25">
      <c r="A21151" t="s">
        <v>33010</v>
      </c>
      <c r="B21151" t="s">
        <v>33012</v>
      </c>
      <c r="C21151">
        <v>2</v>
      </c>
      <c r="D21151">
        <v>0</v>
      </c>
    </row>
    <row r="21152" spans="1:4" x14ac:dyDescent="0.25">
      <c r="A21152" t="s">
        <v>33013</v>
      </c>
      <c r="B21152" t="s">
        <v>33014</v>
      </c>
      <c r="C21152">
        <v>1</v>
      </c>
      <c r="D21152">
        <v>0</v>
      </c>
    </row>
    <row r="21153" spans="1:4" x14ac:dyDescent="0.25">
      <c r="A21153" t="s">
        <v>33013</v>
      </c>
      <c r="B21153" t="s">
        <v>33015</v>
      </c>
      <c r="C21153">
        <v>2</v>
      </c>
      <c r="D21153">
        <v>0</v>
      </c>
    </row>
    <row r="21154" spans="1:4" x14ac:dyDescent="0.25">
      <c r="A21154" t="s">
        <v>33016</v>
      </c>
      <c r="B21154" t="s">
        <v>1887</v>
      </c>
      <c r="C21154">
        <v>0</v>
      </c>
      <c r="D21154">
        <v>0</v>
      </c>
    </row>
    <row r="21155" spans="1:4" x14ac:dyDescent="0.25">
      <c r="A21155" t="s">
        <v>33016</v>
      </c>
      <c r="B21155" t="s">
        <v>33017</v>
      </c>
      <c r="C21155">
        <v>1</v>
      </c>
      <c r="D21155">
        <v>0</v>
      </c>
    </row>
    <row r="21156" spans="1:4" x14ac:dyDescent="0.25">
      <c r="A21156" t="s">
        <v>33018</v>
      </c>
      <c r="B21156" t="s">
        <v>33019</v>
      </c>
      <c r="C21156">
        <v>1</v>
      </c>
      <c r="D21156">
        <v>0</v>
      </c>
    </row>
    <row r="21157" spans="1:4" x14ac:dyDescent="0.25">
      <c r="A21157" t="s">
        <v>33020</v>
      </c>
      <c r="B21157" t="s">
        <v>28544</v>
      </c>
      <c r="C21157">
        <v>0</v>
      </c>
      <c r="D21157">
        <v>0</v>
      </c>
    </row>
    <row r="21158" spans="1:4" x14ac:dyDescent="0.25">
      <c r="A21158" t="s">
        <v>33020</v>
      </c>
      <c r="B21158" t="s">
        <v>33021</v>
      </c>
      <c r="C21158">
        <v>0</v>
      </c>
      <c r="D21158">
        <v>0</v>
      </c>
    </row>
    <row r="21159" spans="1:4" x14ac:dyDescent="0.25">
      <c r="A21159" t="s">
        <v>33020</v>
      </c>
      <c r="B21159" t="s">
        <v>33022</v>
      </c>
      <c r="C21159">
        <v>1</v>
      </c>
      <c r="D21159">
        <v>0</v>
      </c>
    </row>
    <row r="21160" spans="1:4" x14ac:dyDescent="0.25">
      <c r="A21160" t="s">
        <v>33023</v>
      </c>
      <c r="B21160" t="s">
        <v>33024</v>
      </c>
      <c r="C21160">
        <v>0</v>
      </c>
      <c r="D21160">
        <v>0</v>
      </c>
    </row>
    <row r="21161" spans="1:4" x14ac:dyDescent="0.25">
      <c r="A21161" t="s">
        <v>33023</v>
      </c>
      <c r="B21161" t="s">
        <v>33025</v>
      </c>
      <c r="C21161">
        <v>0</v>
      </c>
      <c r="D21161">
        <v>0</v>
      </c>
    </row>
    <row r="21162" spans="1:4" x14ac:dyDescent="0.25">
      <c r="A21162" t="s">
        <v>33026</v>
      </c>
      <c r="B21162" t="s">
        <v>33027</v>
      </c>
      <c r="C21162">
        <v>1</v>
      </c>
      <c r="D21162">
        <v>0</v>
      </c>
    </row>
    <row r="21163" spans="1:4" x14ac:dyDescent="0.25">
      <c r="A21163" t="s">
        <v>33026</v>
      </c>
      <c r="B21163" t="s">
        <v>33028</v>
      </c>
      <c r="C21163">
        <v>1</v>
      </c>
      <c r="D21163">
        <v>0</v>
      </c>
    </row>
    <row r="21164" spans="1:4" x14ac:dyDescent="0.25">
      <c r="A21164" t="s">
        <v>33026</v>
      </c>
      <c r="B21164" t="s">
        <v>33029</v>
      </c>
      <c r="C21164">
        <v>1</v>
      </c>
      <c r="D21164">
        <v>0</v>
      </c>
    </row>
    <row r="21165" spans="1:4" x14ac:dyDescent="0.25">
      <c r="A21165" t="s">
        <v>33030</v>
      </c>
      <c r="B21165" t="s">
        <v>33031</v>
      </c>
      <c r="C21165">
        <v>1</v>
      </c>
      <c r="D21165">
        <v>0</v>
      </c>
    </row>
    <row r="21166" spans="1:4" x14ac:dyDescent="0.25">
      <c r="A21166" t="s">
        <v>33032</v>
      </c>
      <c r="B21166" t="s">
        <v>33033</v>
      </c>
      <c r="C21166">
        <v>1</v>
      </c>
      <c r="D21166">
        <v>0</v>
      </c>
    </row>
    <row r="21167" spans="1:4" x14ac:dyDescent="0.25">
      <c r="A21167" t="s">
        <v>33032</v>
      </c>
      <c r="B21167" t="s">
        <v>33034</v>
      </c>
      <c r="C21167">
        <v>0</v>
      </c>
      <c r="D21167">
        <v>0</v>
      </c>
    </row>
    <row r="21168" spans="1:4" x14ac:dyDescent="0.25">
      <c r="A21168" t="s">
        <v>33032</v>
      </c>
      <c r="B21168" t="s">
        <v>33035</v>
      </c>
      <c r="C21168">
        <v>0</v>
      </c>
      <c r="D21168">
        <v>0</v>
      </c>
    </row>
    <row r="21169" spans="1:4" x14ac:dyDescent="0.25">
      <c r="A21169" t="s">
        <v>33036</v>
      </c>
      <c r="B21169" t="s">
        <v>33037</v>
      </c>
      <c r="C21169">
        <v>1</v>
      </c>
      <c r="D21169">
        <v>0</v>
      </c>
    </row>
    <row r="21170" spans="1:4" x14ac:dyDescent="0.25">
      <c r="A21170" t="s">
        <v>33036</v>
      </c>
      <c r="B21170" t="s">
        <v>33038</v>
      </c>
      <c r="C21170">
        <v>0</v>
      </c>
      <c r="D21170">
        <v>0</v>
      </c>
    </row>
    <row r="21171" spans="1:4" x14ac:dyDescent="0.25">
      <c r="A21171" t="s">
        <v>33039</v>
      </c>
      <c r="B21171" t="s">
        <v>33040</v>
      </c>
      <c r="C21171">
        <v>0</v>
      </c>
      <c r="D21171">
        <v>0</v>
      </c>
    </row>
    <row r="21172" spans="1:4" x14ac:dyDescent="0.25">
      <c r="A21172" t="s">
        <v>33041</v>
      </c>
      <c r="B21172" t="s">
        <v>33042</v>
      </c>
      <c r="C21172">
        <v>2</v>
      </c>
      <c r="D21172">
        <v>0</v>
      </c>
    </row>
    <row r="21173" spans="1:4" x14ac:dyDescent="0.25">
      <c r="A21173" t="s">
        <v>33041</v>
      </c>
      <c r="B21173" t="s">
        <v>33043</v>
      </c>
      <c r="C21173">
        <v>2</v>
      </c>
      <c r="D21173">
        <v>0</v>
      </c>
    </row>
    <row r="21174" spans="1:4" x14ac:dyDescent="0.25">
      <c r="A21174" t="s">
        <v>33041</v>
      </c>
      <c r="B21174" t="s">
        <v>33044</v>
      </c>
      <c r="C21174">
        <v>2</v>
      </c>
      <c r="D21174">
        <v>0</v>
      </c>
    </row>
    <row r="21175" spans="1:4" x14ac:dyDescent="0.25">
      <c r="A21175" t="s">
        <v>33045</v>
      </c>
      <c r="B21175" t="s">
        <v>33046</v>
      </c>
      <c r="C21175">
        <v>1</v>
      </c>
      <c r="D21175">
        <v>0</v>
      </c>
    </row>
    <row r="21176" spans="1:4" x14ac:dyDescent="0.25">
      <c r="A21176" t="s">
        <v>33045</v>
      </c>
      <c r="B21176" t="s">
        <v>33047</v>
      </c>
      <c r="C21176">
        <v>2</v>
      </c>
      <c r="D21176">
        <v>0</v>
      </c>
    </row>
    <row r="21177" spans="1:4" x14ac:dyDescent="0.25">
      <c r="A21177" t="s">
        <v>33045</v>
      </c>
      <c r="B21177" t="s">
        <v>33048</v>
      </c>
      <c r="C21177">
        <v>2</v>
      </c>
      <c r="D21177">
        <v>0</v>
      </c>
    </row>
    <row r="21178" spans="1:4" x14ac:dyDescent="0.25">
      <c r="A21178" t="s">
        <v>33049</v>
      </c>
      <c r="B21178" t="s">
        <v>33050</v>
      </c>
      <c r="C21178">
        <v>0</v>
      </c>
      <c r="D21178">
        <v>0</v>
      </c>
    </row>
    <row r="21179" spans="1:4" x14ac:dyDescent="0.25">
      <c r="A21179" t="s">
        <v>33051</v>
      </c>
      <c r="B21179" t="s">
        <v>33052</v>
      </c>
      <c r="C21179">
        <v>1</v>
      </c>
      <c r="D21179">
        <v>0</v>
      </c>
    </row>
    <row r="21180" spans="1:4" x14ac:dyDescent="0.25">
      <c r="A21180" t="s">
        <v>33051</v>
      </c>
      <c r="B21180" t="s">
        <v>33053</v>
      </c>
      <c r="C21180">
        <v>0</v>
      </c>
      <c r="D21180">
        <v>0</v>
      </c>
    </row>
    <row r="21181" spans="1:4" x14ac:dyDescent="0.25">
      <c r="A21181" t="s">
        <v>33054</v>
      </c>
      <c r="B21181" t="s">
        <v>33055</v>
      </c>
      <c r="C21181">
        <v>1</v>
      </c>
      <c r="D21181">
        <v>0</v>
      </c>
    </row>
    <row r="21182" spans="1:4" x14ac:dyDescent="0.25">
      <c r="A21182" t="s">
        <v>33054</v>
      </c>
      <c r="B21182" t="s">
        <v>33056</v>
      </c>
      <c r="C21182">
        <v>0</v>
      </c>
      <c r="D21182">
        <v>0</v>
      </c>
    </row>
    <row r="21183" spans="1:4" x14ac:dyDescent="0.25">
      <c r="A21183" t="s">
        <v>33054</v>
      </c>
      <c r="B21183" t="s">
        <v>33057</v>
      </c>
      <c r="C21183">
        <v>1</v>
      </c>
      <c r="D21183">
        <v>0</v>
      </c>
    </row>
    <row r="21184" spans="1:4" x14ac:dyDescent="0.25">
      <c r="A21184" t="s">
        <v>33058</v>
      </c>
      <c r="B21184" t="s">
        <v>33059</v>
      </c>
      <c r="C21184">
        <v>1</v>
      </c>
      <c r="D21184">
        <v>0</v>
      </c>
    </row>
    <row r="21185" spans="1:4" x14ac:dyDescent="0.25">
      <c r="A21185" t="s">
        <v>33060</v>
      </c>
      <c r="B21185" t="s">
        <v>33061</v>
      </c>
      <c r="C21185">
        <v>1</v>
      </c>
      <c r="D21185">
        <v>0</v>
      </c>
    </row>
    <row r="21186" spans="1:4" x14ac:dyDescent="0.25">
      <c r="A21186" t="s">
        <v>33060</v>
      </c>
      <c r="B21186" t="s">
        <v>33062</v>
      </c>
      <c r="C21186">
        <v>1</v>
      </c>
      <c r="D21186">
        <v>0</v>
      </c>
    </row>
    <row r="21187" spans="1:4" x14ac:dyDescent="0.25">
      <c r="A21187" t="s">
        <v>33060</v>
      </c>
      <c r="B21187" t="s">
        <v>33063</v>
      </c>
      <c r="C21187">
        <v>0</v>
      </c>
      <c r="D21187">
        <v>0</v>
      </c>
    </row>
    <row r="21188" spans="1:4" x14ac:dyDescent="0.25">
      <c r="A21188" t="s">
        <v>33064</v>
      </c>
      <c r="B21188" t="s">
        <v>33065</v>
      </c>
      <c r="C21188">
        <v>0</v>
      </c>
      <c r="D21188">
        <v>0</v>
      </c>
    </row>
    <row r="21189" spans="1:4" x14ac:dyDescent="0.25">
      <c r="A21189" t="s">
        <v>33064</v>
      </c>
      <c r="B21189" t="s">
        <v>33066</v>
      </c>
      <c r="C21189">
        <v>2</v>
      </c>
      <c r="D21189">
        <v>0</v>
      </c>
    </row>
    <row r="21190" spans="1:4" x14ac:dyDescent="0.25">
      <c r="A21190" t="s">
        <v>33064</v>
      </c>
      <c r="B21190" t="s">
        <v>365</v>
      </c>
      <c r="C21190">
        <v>2</v>
      </c>
      <c r="D21190">
        <v>0</v>
      </c>
    </row>
    <row r="21191" spans="1:4" x14ac:dyDescent="0.25">
      <c r="A21191" t="s">
        <v>33067</v>
      </c>
      <c r="B21191" t="s">
        <v>33068</v>
      </c>
      <c r="C21191">
        <v>0</v>
      </c>
      <c r="D21191">
        <v>0</v>
      </c>
    </row>
    <row r="21192" spans="1:4" x14ac:dyDescent="0.25">
      <c r="A21192" t="s">
        <v>33067</v>
      </c>
      <c r="B21192" t="s">
        <v>33069</v>
      </c>
      <c r="C21192">
        <v>2</v>
      </c>
      <c r="D21192">
        <v>0</v>
      </c>
    </row>
    <row r="21193" spans="1:4" x14ac:dyDescent="0.25">
      <c r="A21193" t="s">
        <v>33070</v>
      </c>
      <c r="B21193" t="s">
        <v>33071</v>
      </c>
      <c r="C21193">
        <v>1</v>
      </c>
      <c r="D21193">
        <v>0</v>
      </c>
    </row>
    <row r="21194" spans="1:4" x14ac:dyDescent="0.25">
      <c r="A21194" t="s">
        <v>33070</v>
      </c>
      <c r="B21194" t="s">
        <v>33072</v>
      </c>
      <c r="C21194">
        <v>1</v>
      </c>
      <c r="D21194">
        <v>0</v>
      </c>
    </row>
    <row r="21195" spans="1:4" x14ac:dyDescent="0.25">
      <c r="A21195" t="s">
        <v>33073</v>
      </c>
      <c r="B21195" t="s">
        <v>33074</v>
      </c>
      <c r="C21195">
        <v>1</v>
      </c>
      <c r="D21195">
        <v>0</v>
      </c>
    </row>
    <row r="21196" spans="1:4" x14ac:dyDescent="0.25">
      <c r="A21196" t="s">
        <v>33073</v>
      </c>
      <c r="B21196" t="s">
        <v>33075</v>
      </c>
      <c r="C21196">
        <v>1</v>
      </c>
      <c r="D21196">
        <v>0</v>
      </c>
    </row>
    <row r="21197" spans="1:4" x14ac:dyDescent="0.25">
      <c r="A21197" t="s">
        <v>33073</v>
      </c>
      <c r="B21197" t="s">
        <v>33076</v>
      </c>
      <c r="C21197">
        <v>1</v>
      </c>
      <c r="D21197">
        <v>0</v>
      </c>
    </row>
    <row r="21198" spans="1:4" x14ac:dyDescent="0.25">
      <c r="A21198" t="s">
        <v>33077</v>
      </c>
      <c r="B21198" t="s">
        <v>33078</v>
      </c>
      <c r="C21198">
        <v>0</v>
      </c>
      <c r="D21198">
        <v>0</v>
      </c>
    </row>
    <row r="21199" spans="1:4" x14ac:dyDescent="0.25">
      <c r="A21199" t="s">
        <v>33077</v>
      </c>
      <c r="B21199" t="s">
        <v>33079</v>
      </c>
      <c r="C21199">
        <v>2</v>
      </c>
      <c r="D21199">
        <v>0</v>
      </c>
    </row>
    <row r="21200" spans="1:4" x14ac:dyDescent="0.25">
      <c r="A21200" t="s">
        <v>33080</v>
      </c>
      <c r="B21200" t="s">
        <v>33081</v>
      </c>
      <c r="C21200">
        <v>1</v>
      </c>
      <c r="D21200">
        <v>0</v>
      </c>
    </row>
    <row r="21201" spans="1:4" x14ac:dyDescent="0.25">
      <c r="A21201" t="s">
        <v>33082</v>
      </c>
      <c r="B21201" t="s">
        <v>33083</v>
      </c>
      <c r="C21201">
        <v>1</v>
      </c>
      <c r="D21201">
        <v>0</v>
      </c>
    </row>
    <row r="21202" spans="1:4" x14ac:dyDescent="0.25">
      <c r="A21202" t="s">
        <v>33082</v>
      </c>
      <c r="B21202" t="s">
        <v>33084</v>
      </c>
      <c r="C21202">
        <v>1</v>
      </c>
      <c r="D21202">
        <v>0</v>
      </c>
    </row>
    <row r="21203" spans="1:4" x14ac:dyDescent="0.25">
      <c r="A21203" t="s">
        <v>33085</v>
      </c>
      <c r="B21203" t="s">
        <v>852</v>
      </c>
      <c r="C21203">
        <v>0</v>
      </c>
      <c r="D21203">
        <v>0</v>
      </c>
    </row>
    <row r="21204" spans="1:4" x14ac:dyDescent="0.25">
      <c r="A21204" t="s">
        <v>33086</v>
      </c>
      <c r="B21204" t="s">
        <v>33087</v>
      </c>
      <c r="C21204">
        <v>1</v>
      </c>
      <c r="D21204">
        <v>0</v>
      </c>
    </row>
    <row r="21205" spans="1:4" x14ac:dyDescent="0.25">
      <c r="A21205" t="s">
        <v>33088</v>
      </c>
      <c r="B21205" t="s">
        <v>1001</v>
      </c>
      <c r="C21205">
        <v>1</v>
      </c>
      <c r="D21205">
        <v>0</v>
      </c>
    </row>
    <row r="21206" spans="1:4" x14ac:dyDescent="0.25">
      <c r="A21206" t="s">
        <v>33089</v>
      </c>
      <c r="B21206" t="s">
        <v>816</v>
      </c>
      <c r="C21206">
        <v>1</v>
      </c>
      <c r="D21206">
        <v>0</v>
      </c>
    </row>
    <row r="21207" spans="1:4" x14ac:dyDescent="0.25">
      <c r="A21207" t="s">
        <v>33089</v>
      </c>
      <c r="B21207" t="s">
        <v>33090</v>
      </c>
      <c r="C21207">
        <v>0</v>
      </c>
      <c r="D21207">
        <v>0</v>
      </c>
    </row>
    <row r="21208" spans="1:4" x14ac:dyDescent="0.25">
      <c r="A21208" t="s">
        <v>33091</v>
      </c>
      <c r="B21208" t="s">
        <v>33092</v>
      </c>
      <c r="C21208">
        <v>0</v>
      </c>
      <c r="D21208">
        <v>0</v>
      </c>
    </row>
    <row r="21209" spans="1:4" x14ac:dyDescent="0.25">
      <c r="A21209" t="s">
        <v>33091</v>
      </c>
      <c r="B21209" t="s">
        <v>33093</v>
      </c>
      <c r="C21209">
        <v>0</v>
      </c>
      <c r="D21209">
        <v>0</v>
      </c>
    </row>
    <row r="21210" spans="1:4" x14ac:dyDescent="0.25">
      <c r="A21210" t="s">
        <v>33091</v>
      </c>
      <c r="B21210" t="s">
        <v>33094</v>
      </c>
      <c r="C21210">
        <v>0</v>
      </c>
      <c r="D21210">
        <v>0</v>
      </c>
    </row>
    <row r="21211" spans="1:4" x14ac:dyDescent="0.25">
      <c r="A21211" t="s">
        <v>33095</v>
      </c>
      <c r="B21211" t="s">
        <v>33096</v>
      </c>
      <c r="C21211">
        <v>0</v>
      </c>
      <c r="D21211">
        <v>0</v>
      </c>
    </row>
    <row r="21212" spans="1:4" x14ac:dyDescent="0.25">
      <c r="A21212" t="s">
        <v>33095</v>
      </c>
      <c r="B21212" t="s">
        <v>33097</v>
      </c>
      <c r="C21212">
        <v>0</v>
      </c>
      <c r="D21212">
        <v>0</v>
      </c>
    </row>
    <row r="21213" spans="1:4" x14ac:dyDescent="0.25">
      <c r="A21213" t="s">
        <v>33095</v>
      </c>
      <c r="B21213" t="s">
        <v>3410</v>
      </c>
      <c r="C21213">
        <v>1</v>
      </c>
      <c r="D21213">
        <v>0</v>
      </c>
    </row>
    <row r="21214" spans="1:4" x14ac:dyDescent="0.25">
      <c r="A21214" t="s">
        <v>33098</v>
      </c>
      <c r="B21214" t="s">
        <v>33099</v>
      </c>
      <c r="C21214">
        <v>0</v>
      </c>
      <c r="D21214">
        <v>0</v>
      </c>
    </row>
    <row r="21215" spans="1:4" x14ac:dyDescent="0.25">
      <c r="A21215" t="s">
        <v>33098</v>
      </c>
      <c r="B21215" t="s">
        <v>33100</v>
      </c>
      <c r="C21215">
        <v>1</v>
      </c>
      <c r="D21215">
        <v>0</v>
      </c>
    </row>
    <row r="21216" spans="1:4" x14ac:dyDescent="0.25">
      <c r="A21216" t="s">
        <v>33098</v>
      </c>
      <c r="B21216" t="s">
        <v>33101</v>
      </c>
      <c r="C21216">
        <v>1</v>
      </c>
      <c r="D21216">
        <v>0</v>
      </c>
    </row>
    <row r="21217" spans="1:4" x14ac:dyDescent="0.25">
      <c r="A21217" t="s">
        <v>33102</v>
      </c>
      <c r="B21217" t="s">
        <v>33103</v>
      </c>
      <c r="C21217">
        <v>0</v>
      </c>
      <c r="D21217">
        <v>0</v>
      </c>
    </row>
    <row r="21218" spans="1:4" x14ac:dyDescent="0.25">
      <c r="A21218" t="s">
        <v>33102</v>
      </c>
      <c r="B21218" t="s">
        <v>33104</v>
      </c>
      <c r="C21218">
        <v>2</v>
      </c>
      <c r="D21218">
        <v>0</v>
      </c>
    </row>
    <row r="21219" spans="1:4" x14ac:dyDescent="0.25">
      <c r="A21219" t="s">
        <v>33102</v>
      </c>
      <c r="B21219" t="s">
        <v>33105</v>
      </c>
      <c r="C21219">
        <v>1</v>
      </c>
      <c r="D21219">
        <v>0</v>
      </c>
    </row>
    <row r="21220" spans="1:4" x14ac:dyDescent="0.25">
      <c r="A21220" t="s">
        <v>33106</v>
      </c>
      <c r="B21220" t="s">
        <v>33107</v>
      </c>
      <c r="C21220">
        <v>2</v>
      </c>
      <c r="D21220">
        <v>0</v>
      </c>
    </row>
    <row r="21221" spans="1:4" x14ac:dyDescent="0.25">
      <c r="A21221" t="s">
        <v>33108</v>
      </c>
      <c r="B21221" t="s">
        <v>33109</v>
      </c>
      <c r="C21221">
        <v>2</v>
      </c>
      <c r="D21221">
        <v>0</v>
      </c>
    </row>
    <row r="21222" spans="1:4" x14ac:dyDescent="0.25">
      <c r="A21222" t="s">
        <v>33108</v>
      </c>
      <c r="B21222" t="s">
        <v>816</v>
      </c>
      <c r="C21222">
        <v>1</v>
      </c>
      <c r="D21222">
        <v>0</v>
      </c>
    </row>
    <row r="21223" spans="1:4" x14ac:dyDescent="0.25">
      <c r="A21223" t="s">
        <v>33110</v>
      </c>
      <c r="B21223" t="s">
        <v>398</v>
      </c>
      <c r="C21223">
        <v>0</v>
      </c>
      <c r="D21223">
        <v>0</v>
      </c>
    </row>
    <row r="21224" spans="1:4" x14ac:dyDescent="0.25">
      <c r="A21224" t="s">
        <v>33110</v>
      </c>
      <c r="B21224" t="s">
        <v>12560</v>
      </c>
      <c r="C21224">
        <v>1</v>
      </c>
      <c r="D21224">
        <v>0</v>
      </c>
    </row>
    <row r="21225" spans="1:4" x14ac:dyDescent="0.25">
      <c r="A21225" t="s">
        <v>33111</v>
      </c>
      <c r="B21225" t="s">
        <v>33112</v>
      </c>
      <c r="C21225">
        <v>0</v>
      </c>
      <c r="D21225">
        <v>0</v>
      </c>
    </row>
    <row r="21226" spans="1:4" x14ac:dyDescent="0.25">
      <c r="A21226" t="s">
        <v>33113</v>
      </c>
      <c r="B21226" t="s">
        <v>33114</v>
      </c>
      <c r="C21226">
        <v>0</v>
      </c>
      <c r="D21226">
        <v>0</v>
      </c>
    </row>
    <row r="21227" spans="1:4" x14ac:dyDescent="0.25">
      <c r="A21227" t="s">
        <v>33115</v>
      </c>
      <c r="B21227" t="s">
        <v>33116</v>
      </c>
      <c r="C21227">
        <v>0</v>
      </c>
      <c r="D21227">
        <v>0</v>
      </c>
    </row>
    <row r="21228" spans="1:4" x14ac:dyDescent="0.25">
      <c r="A21228" t="s">
        <v>33115</v>
      </c>
      <c r="B21228" t="s">
        <v>33117</v>
      </c>
      <c r="C21228">
        <v>0</v>
      </c>
      <c r="D21228">
        <v>0</v>
      </c>
    </row>
    <row r="21229" spans="1:4" x14ac:dyDescent="0.25">
      <c r="A21229" t="s">
        <v>33118</v>
      </c>
      <c r="B21229" t="s">
        <v>33119</v>
      </c>
      <c r="C21229">
        <v>2</v>
      </c>
      <c r="D21229">
        <v>0</v>
      </c>
    </row>
    <row r="21230" spans="1:4" x14ac:dyDescent="0.25">
      <c r="A21230" t="s">
        <v>33118</v>
      </c>
      <c r="B21230" t="s">
        <v>33120</v>
      </c>
      <c r="C21230">
        <v>0</v>
      </c>
      <c r="D21230">
        <v>0</v>
      </c>
    </row>
    <row r="21231" spans="1:4" x14ac:dyDescent="0.25">
      <c r="A21231" t="s">
        <v>33121</v>
      </c>
      <c r="B21231" t="s">
        <v>33122</v>
      </c>
      <c r="C21231">
        <v>2</v>
      </c>
      <c r="D21231">
        <v>0</v>
      </c>
    </row>
    <row r="21232" spans="1:4" x14ac:dyDescent="0.25">
      <c r="A21232" t="s">
        <v>33121</v>
      </c>
      <c r="B21232" t="s">
        <v>33123</v>
      </c>
      <c r="C21232">
        <v>0</v>
      </c>
      <c r="D21232">
        <v>0</v>
      </c>
    </row>
    <row r="21233" spans="1:4" x14ac:dyDescent="0.25">
      <c r="A21233" t="s">
        <v>33121</v>
      </c>
      <c r="B21233" t="s">
        <v>33124</v>
      </c>
      <c r="C21233">
        <v>0</v>
      </c>
      <c r="D21233">
        <v>0</v>
      </c>
    </row>
    <row r="21234" spans="1:4" x14ac:dyDescent="0.25">
      <c r="A21234" t="s">
        <v>33125</v>
      </c>
      <c r="B21234" t="s">
        <v>398</v>
      </c>
      <c r="C21234">
        <v>0</v>
      </c>
      <c r="D21234">
        <v>0</v>
      </c>
    </row>
    <row r="21235" spans="1:4" x14ac:dyDescent="0.25">
      <c r="A21235" t="s">
        <v>33126</v>
      </c>
      <c r="B21235" t="s">
        <v>9112</v>
      </c>
      <c r="C21235">
        <v>1</v>
      </c>
      <c r="D21235">
        <v>0</v>
      </c>
    </row>
    <row r="21236" spans="1:4" x14ac:dyDescent="0.25">
      <c r="A21236" t="s">
        <v>33126</v>
      </c>
      <c r="B21236" t="s">
        <v>33127</v>
      </c>
      <c r="C21236">
        <v>2</v>
      </c>
      <c r="D21236">
        <v>0</v>
      </c>
    </row>
    <row r="21237" spans="1:4" x14ac:dyDescent="0.25">
      <c r="A21237" t="s">
        <v>33126</v>
      </c>
      <c r="B21237" t="s">
        <v>33128</v>
      </c>
      <c r="C21237">
        <v>2</v>
      </c>
      <c r="D21237">
        <v>0</v>
      </c>
    </row>
    <row r="21238" spans="1:4" x14ac:dyDescent="0.25">
      <c r="A21238" t="s">
        <v>33129</v>
      </c>
      <c r="B21238" t="s">
        <v>33130</v>
      </c>
      <c r="C21238">
        <v>1</v>
      </c>
      <c r="D21238">
        <v>0</v>
      </c>
    </row>
    <row r="21239" spans="1:4" x14ac:dyDescent="0.25">
      <c r="A21239" t="s">
        <v>33129</v>
      </c>
      <c r="B21239" t="s">
        <v>33131</v>
      </c>
      <c r="C21239">
        <v>1</v>
      </c>
      <c r="D21239">
        <v>0</v>
      </c>
    </row>
    <row r="21240" spans="1:4" x14ac:dyDescent="0.25">
      <c r="A21240" t="s">
        <v>33129</v>
      </c>
      <c r="B21240" t="s">
        <v>33132</v>
      </c>
      <c r="C21240">
        <v>0</v>
      </c>
      <c r="D21240">
        <v>0</v>
      </c>
    </row>
    <row r="21241" spans="1:4" x14ac:dyDescent="0.25">
      <c r="A21241" t="s">
        <v>33133</v>
      </c>
      <c r="B21241" t="s">
        <v>33134</v>
      </c>
      <c r="C21241">
        <v>1</v>
      </c>
      <c r="D21241">
        <v>0</v>
      </c>
    </row>
    <row r="21242" spans="1:4" x14ac:dyDescent="0.25">
      <c r="A21242" t="s">
        <v>33133</v>
      </c>
      <c r="B21242" t="s">
        <v>33135</v>
      </c>
      <c r="C21242">
        <v>0</v>
      </c>
      <c r="D21242">
        <v>0</v>
      </c>
    </row>
    <row r="21243" spans="1:4" x14ac:dyDescent="0.25">
      <c r="A21243" t="s">
        <v>33133</v>
      </c>
      <c r="B21243" t="s">
        <v>33136</v>
      </c>
      <c r="C21243">
        <v>1</v>
      </c>
      <c r="D21243">
        <v>0</v>
      </c>
    </row>
    <row r="21244" spans="1:4" x14ac:dyDescent="0.25">
      <c r="A21244" t="s">
        <v>33137</v>
      </c>
      <c r="B21244" t="s">
        <v>33138</v>
      </c>
      <c r="C21244">
        <v>2</v>
      </c>
      <c r="D21244">
        <v>0</v>
      </c>
    </row>
    <row r="21245" spans="1:4" x14ac:dyDescent="0.25">
      <c r="A21245" t="s">
        <v>33137</v>
      </c>
      <c r="B21245" t="s">
        <v>33139</v>
      </c>
      <c r="C21245">
        <v>0</v>
      </c>
      <c r="D21245">
        <v>0</v>
      </c>
    </row>
    <row r="21246" spans="1:4" x14ac:dyDescent="0.25">
      <c r="A21246" t="s">
        <v>33137</v>
      </c>
      <c r="B21246" t="s">
        <v>33140</v>
      </c>
      <c r="C21246">
        <v>0</v>
      </c>
      <c r="D21246">
        <v>0</v>
      </c>
    </row>
    <row r="21247" spans="1:4" x14ac:dyDescent="0.25">
      <c r="A21247" t="s">
        <v>33141</v>
      </c>
      <c r="B21247" t="s">
        <v>33142</v>
      </c>
      <c r="C21247">
        <v>1</v>
      </c>
      <c r="D21247">
        <v>0</v>
      </c>
    </row>
    <row r="21248" spans="1:4" x14ac:dyDescent="0.25">
      <c r="A21248" t="s">
        <v>33141</v>
      </c>
      <c r="B21248" t="s">
        <v>33143</v>
      </c>
      <c r="C21248">
        <v>0</v>
      </c>
      <c r="D21248">
        <v>0</v>
      </c>
    </row>
    <row r="21249" spans="1:4" x14ac:dyDescent="0.25">
      <c r="A21249" t="s">
        <v>33141</v>
      </c>
      <c r="B21249" t="s">
        <v>33144</v>
      </c>
      <c r="C21249">
        <v>1</v>
      </c>
      <c r="D21249">
        <v>0</v>
      </c>
    </row>
    <row r="21250" spans="1:4" x14ac:dyDescent="0.25">
      <c r="A21250" t="s">
        <v>33145</v>
      </c>
      <c r="B21250" t="s">
        <v>33146</v>
      </c>
      <c r="C21250">
        <v>2</v>
      </c>
      <c r="D21250">
        <v>0</v>
      </c>
    </row>
    <row r="21251" spans="1:4" x14ac:dyDescent="0.25">
      <c r="A21251" t="s">
        <v>33145</v>
      </c>
      <c r="B21251" t="s">
        <v>33147</v>
      </c>
      <c r="C21251">
        <v>2</v>
      </c>
      <c r="D21251">
        <v>0</v>
      </c>
    </row>
    <row r="21252" spans="1:4" x14ac:dyDescent="0.25">
      <c r="A21252" t="s">
        <v>33145</v>
      </c>
      <c r="B21252" t="s">
        <v>33148</v>
      </c>
      <c r="C21252">
        <v>1</v>
      </c>
      <c r="D21252">
        <v>0</v>
      </c>
    </row>
    <row r="21253" spans="1:4" x14ac:dyDescent="0.25">
      <c r="A21253" t="s">
        <v>33149</v>
      </c>
      <c r="B21253" t="s">
        <v>843</v>
      </c>
      <c r="C21253">
        <v>1</v>
      </c>
      <c r="D21253">
        <v>0</v>
      </c>
    </row>
    <row r="21254" spans="1:4" x14ac:dyDescent="0.25">
      <c r="A21254" t="s">
        <v>33150</v>
      </c>
      <c r="B21254" t="s">
        <v>33151</v>
      </c>
      <c r="C21254">
        <v>0</v>
      </c>
      <c r="D21254">
        <v>0</v>
      </c>
    </row>
    <row r="21255" spans="1:4" x14ac:dyDescent="0.25">
      <c r="A21255" t="s">
        <v>33150</v>
      </c>
      <c r="B21255" t="s">
        <v>33152</v>
      </c>
      <c r="C21255">
        <v>1</v>
      </c>
      <c r="D21255">
        <v>0</v>
      </c>
    </row>
    <row r="21256" spans="1:4" x14ac:dyDescent="0.25">
      <c r="A21256" t="s">
        <v>33153</v>
      </c>
      <c r="B21256" t="s">
        <v>33154</v>
      </c>
      <c r="C21256">
        <v>1</v>
      </c>
      <c r="D21256">
        <v>0</v>
      </c>
    </row>
    <row r="21257" spans="1:4" x14ac:dyDescent="0.25">
      <c r="A21257" t="s">
        <v>33153</v>
      </c>
      <c r="B21257" t="s">
        <v>843</v>
      </c>
      <c r="C21257">
        <v>1</v>
      </c>
      <c r="D21257">
        <v>0</v>
      </c>
    </row>
    <row r="21258" spans="1:4" x14ac:dyDescent="0.25">
      <c r="A21258" t="s">
        <v>33155</v>
      </c>
      <c r="B21258" t="s">
        <v>33156</v>
      </c>
      <c r="C21258">
        <v>0</v>
      </c>
      <c r="D21258">
        <v>0</v>
      </c>
    </row>
    <row r="21259" spans="1:4" x14ac:dyDescent="0.25">
      <c r="A21259" t="s">
        <v>33157</v>
      </c>
      <c r="B21259" t="s">
        <v>33158</v>
      </c>
      <c r="C21259">
        <v>0</v>
      </c>
      <c r="D21259">
        <v>0</v>
      </c>
    </row>
    <row r="21260" spans="1:4" x14ac:dyDescent="0.25">
      <c r="A21260" t="s">
        <v>33157</v>
      </c>
      <c r="B21260" t="s">
        <v>33159</v>
      </c>
      <c r="C21260">
        <v>0</v>
      </c>
      <c r="D21260">
        <v>0</v>
      </c>
    </row>
    <row r="21261" spans="1:4" x14ac:dyDescent="0.25">
      <c r="A21261" t="s">
        <v>33160</v>
      </c>
      <c r="B21261" t="s">
        <v>33161</v>
      </c>
      <c r="C21261">
        <v>0</v>
      </c>
      <c r="D21261">
        <v>0</v>
      </c>
    </row>
    <row r="21262" spans="1:4" x14ac:dyDescent="0.25">
      <c r="A21262" t="s">
        <v>33162</v>
      </c>
      <c r="B21262" t="s">
        <v>33163</v>
      </c>
      <c r="C21262">
        <v>1</v>
      </c>
      <c r="D21262">
        <v>0</v>
      </c>
    </row>
    <row r="21263" spans="1:4" x14ac:dyDescent="0.25">
      <c r="A21263" t="s">
        <v>33164</v>
      </c>
      <c r="B21263" t="s">
        <v>33165</v>
      </c>
      <c r="C21263">
        <v>0</v>
      </c>
      <c r="D21263">
        <v>0</v>
      </c>
    </row>
    <row r="21264" spans="1:4" x14ac:dyDescent="0.25">
      <c r="A21264" t="s">
        <v>33164</v>
      </c>
      <c r="B21264" t="s">
        <v>33166</v>
      </c>
      <c r="C21264">
        <v>1</v>
      </c>
      <c r="D21264">
        <v>0</v>
      </c>
    </row>
    <row r="21265" spans="1:4" x14ac:dyDescent="0.25">
      <c r="A21265" t="s">
        <v>33164</v>
      </c>
      <c r="B21265" t="s">
        <v>9218</v>
      </c>
      <c r="C21265">
        <v>1</v>
      </c>
      <c r="D21265">
        <v>0</v>
      </c>
    </row>
    <row r="21266" spans="1:4" x14ac:dyDescent="0.25">
      <c r="A21266" t="s">
        <v>33167</v>
      </c>
      <c r="B21266" t="s">
        <v>33168</v>
      </c>
      <c r="C21266">
        <v>1</v>
      </c>
      <c r="D21266">
        <v>0</v>
      </c>
    </row>
    <row r="21267" spans="1:4" x14ac:dyDescent="0.25">
      <c r="A21267" t="s">
        <v>33169</v>
      </c>
      <c r="B21267" t="s">
        <v>1001</v>
      </c>
      <c r="C21267">
        <v>1</v>
      </c>
      <c r="D21267">
        <v>0</v>
      </c>
    </row>
    <row r="21268" spans="1:4" x14ac:dyDescent="0.25">
      <c r="A21268" t="s">
        <v>33169</v>
      </c>
      <c r="B21268" t="s">
        <v>33170</v>
      </c>
      <c r="C21268">
        <v>2</v>
      </c>
      <c r="D21268">
        <v>0</v>
      </c>
    </row>
    <row r="21269" spans="1:4" x14ac:dyDescent="0.25">
      <c r="A21269" t="s">
        <v>33169</v>
      </c>
      <c r="B21269" t="s">
        <v>33171</v>
      </c>
      <c r="C21269">
        <v>2</v>
      </c>
      <c r="D21269">
        <v>0</v>
      </c>
    </row>
    <row r="21270" spans="1:4" x14ac:dyDescent="0.25">
      <c r="A21270" t="s">
        <v>33172</v>
      </c>
      <c r="B21270" t="s">
        <v>33173</v>
      </c>
      <c r="C21270">
        <v>0</v>
      </c>
      <c r="D21270">
        <v>0</v>
      </c>
    </row>
    <row r="21271" spans="1:4" x14ac:dyDescent="0.25">
      <c r="A21271" t="s">
        <v>33172</v>
      </c>
      <c r="B21271" t="s">
        <v>33174</v>
      </c>
      <c r="C21271">
        <v>0</v>
      </c>
      <c r="D21271">
        <v>0</v>
      </c>
    </row>
    <row r="21272" spans="1:4" x14ac:dyDescent="0.25">
      <c r="A21272" t="s">
        <v>33172</v>
      </c>
      <c r="B21272" t="s">
        <v>33175</v>
      </c>
      <c r="C21272">
        <v>0</v>
      </c>
      <c r="D21272">
        <v>0</v>
      </c>
    </row>
    <row r="21273" spans="1:4" x14ac:dyDescent="0.25">
      <c r="A21273" t="s">
        <v>33176</v>
      </c>
      <c r="B21273" t="s">
        <v>33177</v>
      </c>
      <c r="C21273">
        <v>1</v>
      </c>
      <c r="D21273">
        <v>0</v>
      </c>
    </row>
    <row r="21274" spans="1:4" x14ac:dyDescent="0.25">
      <c r="A21274" t="s">
        <v>33178</v>
      </c>
      <c r="B21274" t="s">
        <v>33179</v>
      </c>
      <c r="C21274">
        <v>1</v>
      </c>
      <c r="D21274">
        <v>0</v>
      </c>
    </row>
    <row r="21275" spans="1:4" x14ac:dyDescent="0.25">
      <c r="A21275" t="s">
        <v>33180</v>
      </c>
      <c r="B21275" t="s">
        <v>33181</v>
      </c>
      <c r="C21275">
        <v>0</v>
      </c>
      <c r="D21275">
        <v>0</v>
      </c>
    </row>
    <row r="21276" spans="1:4" x14ac:dyDescent="0.25">
      <c r="A21276" t="s">
        <v>33180</v>
      </c>
      <c r="B21276" t="s">
        <v>33182</v>
      </c>
      <c r="C21276">
        <v>2</v>
      </c>
      <c r="D21276">
        <v>0</v>
      </c>
    </row>
    <row r="21277" spans="1:4" x14ac:dyDescent="0.25">
      <c r="A21277" t="s">
        <v>33180</v>
      </c>
      <c r="B21277" t="s">
        <v>33183</v>
      </c>
      <c r="C21277">
        <v>0</v>
      </c>
      <c r="D21277">
        <v>0</v>
      </c>
    </row>
    <row r="21278" spans="1:4" x14ac:dyDescent="0.25">
      <c r="A21278" t="s">
        <v>33184</v>
      </c>
      <c r="B21278" t="s">
        <v>33185</v>
      </c>
      <c r="C21278">
        <v>2</v>
      </c>
      <c r="D21278">
        <v>0</v>
      </c>
    </row>
    <row r="21279" spans="1:4" x14ac:dyDescent="0.25">
      <c r="A21279" t="s">
        <v>33186</v>
      </c>
      <c r="B21279" t="s">
        <v>33187</v>
      </c>
      <c r="C21279">
        <v>1</v>
      </c>
      <c r="D21279">
        <v>0</v>
      </c>
    </row>
    <row r="21280" spans="1:4" x14ac:dyDescent="0.25">
      <c r="A21280" t="s">
        <v>33188</v>
      </c>
      <c r="B21280" t="s">
        <v>33189</v>
      </c>
      <c r="C21280">
        <v>2</v>
      </c>
      <c r="D21280">
        <v>0</v>
      </c>
    </row>
    <row r="21281" spans="1:4" x14ac:dyDescent="0.25">
      <c r="A21281" t="s">
        <v>33188</v>
      </c>
      <c r="B21281" t="s">
        <v>33190</v>
      </c>
      <c r="C21281">
        <v>0</v>
      </c>
      <c r="D21281">
        <v>0</v>
      </c>
    </row>
    <row r="21282" spans="1:4" x14ac:dyDescent="0.25">
      <c r="A21282" t="s">
        <v>33188</v>
      </c>
      <c r="B21282" t="s">
        <v>29843</v>
      </c>
      <c r="C21282">
        <v>1</v>
      </c>
      <c r="D21282">
        <v>0</v>
      </c>
    </row>
    <row r="21283" spans="1:4" x14ac:dyDescent="0.25">
      <c r="A21283" t="s">
        <v>33191</v>
      </c>
      <c r="B21283" t="s">
        <v>33192</v>
      </c>
      <c r="C21283">
        <v>1</v>
      </c>
      <c r="D21283">
        <v>0</v>
      </c>
    </row>
    <row r="21284" spans="1:4" x14ac:dyDescent="0.25">
      <c r="A21284" t="s">
        <v>33191</v>
      </c>
      <c r="B21284" t="s">
        <v>33193</v>
      </c>
      <c r="C21284">
        <v>0</v>
      </c>
      <c r="D21284">
        <v>0</v>
      </c>
    </row>
    <row r="21285" spans="1:4" x14ac:dyDescent="0.25">
      <c r="A21285" t="s">
        <v>33191</v>
      </c>
      <c r="B21285" t="s">
        <v>33194</v>
      </c>
      <c r="C21285">
        <v>1</v>
      </c>
      <c r="D21285">
        <v>0</v>
      </c>
    </row>
    <row r="21286" spans="1:4" x14ac:dyDescent="0.25">
      <c r="A21286" t="s">
        <v>33195</v>
      </c>
      <c r="B21286" t="s">
        <v>33196</v>
      </c>
      <c r="C21286">
        <v>2</v>
      </c>
      <c r="D21286">
        <v>0</v>
      </c>
    </row>
    <row r="21287" spans="1:4" x14ac:dyDescent="0.25">
      <c r="A21287" t="s">
        <v>33195</v>
      </c>
      <c r="B21287" t="s">
        <v>33197</v>
      </c>
      <c r="C21287">
        <v>2</v>
      </c>
      <c r="D21287">
        <v>0</v>
      </c>
    </row>
    <row r="21288" spans="1:4" x14ac:dyDescent="0.25">
      <c r="A21288" t="s">
        <v>33195</v>
      </c>
      <c r="B21288" t="s">
        <v>33198</v>
      </c>
      <c r="C21288">
        <v>2</v>
      </c>
      <c r="D21288">
        <v>0</v>
      </c>
    </row>
    <row r="21289" spans="1:4" x14ac:dyDescent="0.25">
      <c r="A21289" t="s">
        <v>33199</v>
      </c>
      <c r="B21289" t="s">
        <v>33200</v>
      </c>
      <c r="C21289">
        <v>2</v>
      </c>
      <c r="D21289">
        <v>0</v>
      </c>
    </row>
    <row r="21290" spans="1:4" x14ac:dyDescent="0.25">
      <c r="A21290" t="s">
        <v>33199</v>
      </c>
      <c r="B21290" t="s">
        <v>33201</v>
      </c>
      <c r="C21290">
        <v>1</v>
      </c>
      <c r="D21290">
        <v>0</v>
      </c>
    </row>
    <row r="21291" spans="1:4" x14ac:dyDescent="0.25">
      <c r="A21291" t="s">
        <v>33199</v>
      </c>
      <c r="B21291" t="s">
        <v>33202</v>
      </c>
      <c r="C21291">
        <v>1</v>
      </c>
      <c r="D21291">
        <v>0</v>
      </c>
    </row>
    <row r="21292" spans="1:4" x14ac:dyDescent="0.25">
      <c r="A21292" t="s">
        <v>33203</v>
      </c>
      <c r="B21292" t="s">
        <v>33204</v>
      </c>
      <c r="C21292">
        <v>1</v>
      </c>
      <c r="D21292">
        <v>0</v>
      </c>
    </row>
    <row r="21293" spans="1:4" x14ac:dyDescent="0.25">
      <c r="A21293" t="s">
        <v>33203</v>
      </c>
      <c r="B21293" t="s">
        <v>33205</v>
      </c>
      <c r="C21293">
        <v>1</v>
      </c>
      <c r="D21293">
        <v>0</v>
      </c>
    </row>
    <row r="21294" spans="1:4" x14ac:dyDescent="0.25">
      <c r="A21294" t="s">
        <v>33206</v>
      </c>
      <c r="B21294" t="s">
        <v>33207</v>
      </c>
      <c r="C21294">
        <v>1</v>
      </c>
      <c r="D21294">
        <v>0</v>
      </c>
    </row>
    <row r="21295" spans="1:4" x14ac:dyDescent="0.25">
      <c r="A21295" t="s">
        <v>33206</v>
      </c>
      <c r="B21295" t="s">
        <v>888</v>
      </c>
      <c r="C21295">
        <v>1</v>
      </c>
      <c r="D21295">
        <v>0</v>
      </c>
    </row>
    <row r="21296" spans="1:4" x14ac:dyDescent="0.25">
      <c r="A21296" t="s">
        <v>33208</v>
      </c>
      <c r="B21296" t="s">
        <v>33209</v>
      </c>
      <c r="C21296">
        <v>1</v>
      </c>
      <c r="D21296">
        <v>0</v>
      </c>
    </row>
    <row r="21297" spans="1:4" x14ac:dyDescent="0.25">
      <c r="A21297" t="s">
        <v>33208</v>
      </c>
      <c r="B21297" t="s">
        <v>33210</v>
      </c>
      <c r="C21297">
        <v>2</v>
      </c>
      <c r="D21297">
        <v>0</v>
      </c>
    </row>
    <row r="21298" spans="1:4" x14ac:dyDescent="0.25">
      <c r="A21298" t="s">
        <v>33211</v>
      </c>
      <c r="B21298" t="s">
        <v>1401</v>
      </c>
      <c r="C21298">
        <v>0</v>
      </c>
      <c r="D21298">
        <v>0</v>
      </c>
    </row>
    <row r="21299" spans="1:4" x14ac:dyDescent="0.25">
      <c r="A21299" t="s">
        <v>33211</v>
      </c>
      <c r="B21299" t="s">
        <v>33212</v>
      </c>
      <c r="C21299">
        <v>0</v>
      </c>
      <c r="D21299">
        <v>0</v>
      </c>
    </row>
    <row r="21300" spans="1:4" x14ac:dyDescent="0.25">
      <c r="A21300" t="s">
        <v>33211</v>
      </c>
      <c r="B21300" t="s">
        <v>33213</v>
      </c>
      <c r="C21300">
        <v>0</v>
      </c>
      <c r="D21300">
        <v>0</v>
      </c>
    </row>
    <row r="21301" spans="1:4" x14ac:dyDescent="0.25">
      <c r="A21301" t="s">
        <v>33214</v>
      </c>
      <c r="B21301" t="s">
        <v>33215</v>
      </c>
      <c r="C21301">
        <v>1</v>
      </c>
      <c r="D21301">
        <v>0</v>
      </c>
    </row>
    <row r="21302" spans="1:4" x14ac:dyDescent="0.25">
      <c r="A21302" t="s">
        <v>33216</v>
      </c>
      <c r="B21302" t="s">
        <v>398</v>
      </c>
      <c r="C21302">
        <v>0</v>
      </c>
      <c r="D21302">
        <v>0</v>
      </c>
    </row>
    <row r="21303" spans="1:4" x14ac:dyDescent="0.25">
      <c r="A21303" t="s">
        <v>33217</v>
      </c>
      <c r="B21303" t="s">
        <v>33218</v>
      </c>
      <c r="C21303">
        <v>2</v>
      </c>
      <c r="D21303">
        <v>0</v>
      </c>
    </row>
    <row r="21304" spans="1:4" x14ac:dyDescent="0.25">
      <c r="A21304" t="s">
        <v>33217</v>
      </c>
      <c r="B21304" t="s">
        <v>33219</v>
      </c>
      <c r="C21304">
        <v>1</v>
      </c>
      <c r="D21304">
        <v>0</v>
      </c>
    </row>
    <row r="21305" spans="1:4" x14ac:dyDescent="0.25">
      <c r="A21305" t="s">
        <v>33220</v>
      </c>
      <c r="B21305" t="s">
        <v>33221</v>
      </c>
      <c r="C21305">
        <v>0</v>
      </c>
      <c r="D21305">
        <v>0</v>
      </c>
    </row>
    <row r="21306" spans="1:4" x14ac:dyDescent="0.25">
      <c r="A21306" t="s">
        <v>33220</v>
      </c>
      <c r="B21306" t="s">
        <v>33222</v>
      </c>
      <c r="C21306">
        <v>2</v>
      </c>
      <c r="D21306">
        <v>0</v>
      </c>
    </row>
    <row r="21307" spans="1:4" x14ac:dyDescent="0.25">
      <c r="A21307" t="s">
        <v>33223</v>
      </c>
      <c r="B21307" t="s">
        <v>33224</v>
      </c>
      <c r="C21307">
        <v>2</v>
      </c>
      <c r="D21307">
        <v>0</v>
      </c>
    </row>
    <row r="21308" spans="1:4" x14ac:dyDescent="0.25">
      <c r="A21308" t="s">
        <v>33223</v>
      </c>
      <c r="B21308" t="s">
        <v>33225</v>
      </c>
      <c r="C21308">
        <v>2</v>
      </c>
      <c r="D21308">
        <v>0</v>
      </c>
    </row>
    <row r="21309" spans="1:4" x14ac:dyDescent="0.25">
      <c r="A21309" t="s">
        <v>33226</v>
      </c>
      <c r="B21309" t="s">
        <v>33227</v>
      </c>
      <c r="C21309">
        <v>1</v>
      </c>
      <c r="D21309">
        <v>0</v>
      </c>
    </row>
    <row r="21310" spans="1:4" x14ac:dyDescent="0.25">
      <c r="A21310" t="s">
        <v>33228</v>
      </c>
      <c r="B21310" t="s">
        <v>33229</v>
      </c>
      <c r="C21310">
        <v>1</v>
      </c>
      <c r="D21310">
        <v>0</v>
      </c>
    </row>
    <row r="21311" spans="1:4" x14ac:dyDescent="0.25">
      <c r="A21311" t="s">
        <v>33230</v>
      </c>
      <c r="B21311" t="s">
        <v>33231</v>
      </c>
      <c r="C21311">
        <v>1</v>
      </c>
      <c r="D21311">
        <v>0</v>
      </c>
    </row>
    <row r="21312" spans="1:4" x14ac:dyDescent="0.25">
      <c r="A21312" t="s">
        <v>33230</v>
      </c>
      <c r="B21312" t="s">
        <v>33232</v>
      </c>
      <c r="C21312">
        <v>0</v>
      </c>
      <c r="D21312">
        <v>0</v>
      </c>
    </row>
    <row r="21313" spans="1:4" x14ac:dyDescent="0.25">
      <c r="A21313" t="s">
        <v>33230</v>
      </c>
      <c r="B21313" t="s">
        <v>33233</v>
      </c>
      <c r="C21313">
        <v>0</v>
      </c>
      <c r="D21313">
        <v>0</v>
      </c>
    </row>
    <row r="21314" spans="1:4" x14ac:dyDescent="0.25">
      <c r="A21314" t="s">
        <v>33234</v>
      </c>
      <c r="B21314" t="s">
        <v>31244</v>
      </c>
      <c r="C21314">
        <v>1</v>
      </c>
      <c r="D21314">
        <v>0</v>
      </c>
    </row>
    <row r="21315" spans="1:4" x14ac:dyDescent="0.25">
      <c r="A21315" t="s">
        <v>33235</v>
      </c>
      <c r="B21315" t="s">
        <v>33236</v>
      </c>
      <c r="C21315">
        <v>2</v>
      </c>
      <c r="D21315">
        <v>0</v>
      </c>
    </row>
    <row r="21316" spans="1:4" x14ac:dyDescent="0.25">
      <c r="A21316" t="s">
        <v>33235</v>
      </c>
      <c r="B21316" t="s">
        <v>33237</v>
      </c>
      <c r="C21316">
        <v>2</v>
      </c>
      <c r="D21316">
        <v>0</v>
      </c>
    </row>
    <row r="21317" spans="1:4" x14ac:dyDescent="0.25">
      <c r="A21317" t="s">
        <v>33235</v>
      </c>
      <c r="B21317" t="s">
        <v>33238</v>
      </c>
      <c r="C21317">
        <v>1</v>
      </c>
      <c r="D21317">
        <v>0</v>
      </c>
    </row>
    <row r="21318" spans="1:4" x14ac:dyDescent="0.25">
      <c r="A21318" t="s">
        <v>33239</v>
      </c>
      <c r="B21318" t="s">
        <v>33240</v>
      </c>
      <c r="C21318">
        <v>2</v>
      </c>
      <c r="D21318">
        <v>0</v>
      </c>
    </row>
    <row r="21319" spans="1:4" x14ac:dyDescent="0.25">
      <c r="A21319" t="s">
        <v>33239</v>
      </c>
      <c r="B21319" t="s">
        <v>33241</v>
      </c>
      <c r="C21319">
        <v>1</v>
      </c>
      <c r="D21319">
        <v>0</v>
      </c>
    </row>
    <row r="21320" spans="1:4" x14ac:dyDescent="0.25">
      <c r="A21320" t="s">
        <v>33242</v>
      </c>
      <c r="B21320" t="s">
        <v>2061</v>
      </c>
      <c r="C21320">
        <v>0</v>
      </c>
      <c r="D21320">
        <v>0</v>
      </c>
    </row>
    <row r="21321" spans="1:4" x14ac:dyDescent="0.25">
      <c r="A21321" t="s">
        <v>33243</v>
      </c>
      <c r="B21321" t="s">
        <v>1001</v>
      </c>
      <c r="C21321">
        <v>1</v>
      </c>
      <c r="D21321">
        <v>0</v>
      </c>
    </row>
    <row r="21322" spans="1:4" x14ac:dyDescent="0.25">
      <c r="A21322" t="s">
        <v>33243</v>
      </c>
      <c r="B21322" t="s">
        <v>33244</v>
      </c>
      <c r="C21322">
        <v>0</v>
      </c>
      <c r="D21322">
        <v>0</v>
      </c>
    </row>
    <row r="21323" spans="1:4" x14ac:dyDescent="0.25">
      <c r="A21323" t="s">
        <v>33243</v>
      </c>
      <c r="B21323" t="s">
        <v>33245</v>
      </c>
      <c r="C21323">
        <v>2</v>
      </c>
      <c r="D21323">
        <v>0</v>
      </c>
    </row>
    <row r="21324" spans="1:4" x14ac:dyDescent="0.25">
      <c r="A21324" t="s">
        <v>33246</v>
      </c>
      <c r="B21324" t="s">
        <v>33247</v>
      </c>
      <c r="C21324">
        <v>1</v>
      </c>
      <c r="D21324">
        <v>0</v>
      </c>
    </row>
    <row r="21325" spans="1:4" x14ac:dyDescent="0.25">
      <c r="A21325" t="s">
        <v>33246</v>
      </c>
      <c r="B21325" t="s">
        <v>33248</v>
      </c>
      <c r="C21325">
        <v>1</v>
      </c>
      <c r="D21325">
        <v>0</v>
      </c>
    </row>
    <row r="21326" spans="1:4" x14ac:dyDescent="0.25">
      <c r="A21326" t="s">
        <v>33246</v>
      </c>
      <c r="B21326" t="s">
        <v>33249</v>
      </c>
      <c r="C21326">
        <v>2</v>
      </c>
      <c r="D21326">
        <v>0</v>
      </c>
    </row>
    <row r="21327" spans="1:4" x14ac:dyDescent="0.25">
      <c r="A21327" t="s">
        <v>33250</v>
      </c>
      <c r="B21327" t="s">
        <v>33251</v>
      </c>
      <c r="C21327">
        <v>0</v>
      </c>
      <c r="D21327">
        <v>0</v>
      </c>
    </row>
    <row r="21328" spans="1:4" x14ac:dyDescent="0.25">
      <c r="A21328" t="s">
        <v>33250</v>
      </c>
      <c r="B21328" t="s">
        <v>843</v>
      </c>
      <c r="C21328">
        <v>1</v>
      </c>
      <c r="D21328">
        <v>0</v>
      </c>
    </row>
    <row r="21329" spans="1:4" x14ac:dyDescent="0.25">
      <c r="A21329" t="s">
        <v>33252</v>
      </c>
      <c r="B21329" t="s">
        <v>1526</v>
      </c>
      <c r="C21329">
        <v>1</v>
      </c>
      <c r="D21329">
        <v>0</v>
      </c>
    </row>
    <row r="21330" spans="1:4" x14ac:dyDescent="0.25">
      <c r="A21330" t="s">
        <v>33253</v>
      </c>
      <c r="B21330" t="s">
        <v>33254</v>
      </c>
      <c r="C21330">
        <v>1</v>
      </c>
      <c r="D21330">
        <v>0</v>
      </c>
    </row>
    <row r="21331" spans="1:4" x14ac:dyDescent="0.25">
      <c r="A21331" t="s">
        <v>33255</v>
      </c>
      <c r="B21331" t="s">
        <v>33256</v>
      </c>
      <c r="C21331">
        <v>1</v>
      </c>
      <c r="D21331">
        <v>0</v>
      </c>
    </row>
    <row r="21332" spans="1:4" x14ac:dyDescent="0.25">
      <c r="A21332" t="s">
        <v>33255</v>
      </c>
      <c r="B21332" t="s">
        <v>33257</v>
      </c>
      <c r="C21332">
        <v>1</v>
      </c>
      <c r="D21332">
        <v>0</v>
      </c>
    </row>
    <row r="21333" spans="1:4" x14ac:dyDescent="0.25">
      <c r="A21333" t="s">
        <v>33258</v>
      </c>
      <c r="B21333" t="s">
        <v>33259</v>
      </c>
      <c r="C21333">
        <v>1</v>
      </c>
      <c r="D21333">
        <v>0</v>
      </c>
    </row>
    <row r="21334" spans="1:4" x14ac:dyDescent="0.25">
      <c r="A21334" t="s">
        <v>33260</v>
      </c>
      <c r="B21334" t="s">
        <v>816</v>
      </c>
      <c r="C21334">
        <v>1</v>
      </c>
      <c r="D21334">
        <v>0</v>
      </c>
    </row>
    <row r="21335" spans="1:4" x14ac:dyDescent="0.25">
      <c r="A21335" t="s">
        <v>33260</v>
      </c>
      <c r="B21335" t="s">
        <v>2943</v>
      </c>
      <c r="C21335">
        <v>0</v>
      </c>
      <c r="D21335">
        <v>0</v>
      </c>
    </row>
    <row r="21336" spans="1:4" x14ac:dyDescent="0.25">
      <c r="A21336" t="s">
        <v>33261</v>
      </c>
      <c r="B21336" t="s">
        <v>33262</v>
      </c>
      <c r="C21336">
        <v>2</v>
      </c>
      <c r="D21336">
        <v>0</v>
      </c>
    </row>
    <row r="21337" spans="1:4" x14ac:dyDescent="0.25">
      <c r="A21337" t="s">
        <v>33261</v>
      </c>
      <c r="B21337" t="s">
        <v>33263</v>
      </c>
      <c r="C21337">
        <v>1</v>
      </c>
      <c r="D21337">
        <v>0</v>
      </c>
    </row>
    <row r="21338" spans="1:4" x14ac:dyDescent="0.25">
      <c r="A21338" t="s">
        <v>33261</v>
      </c>
      <c r="B21338" t="s">
        <v>33264</v>
      </c>
      <c r="C21338">
        <v>1</v>
      </c>
      <c r="D21338">
        <v>0</v>
      </c>
    </row>
    <row r="21339" spans="1:4" x14ac:dyDescent="0.25">
      <c r="A21339" t="s">
        <v>33265</v>
      </c>
      <c r="B21339" t="s">
        <v>33266</v>
      </c>
      <c r="C21339">
        <v>2</v>
      </c>
      <c r="D21339">
        <v>0</v>
      </c>
    </row>
    <row r="21340" spans="1:4" x14ac:dyDescent="0.25">
      <c r="A21340" t="s">
        <v>33265</v>
      </c>
      <c r="B21340" t="s">
        <v>33267</v>
      </c>
      <c r="C21340">
        <v>2</v>
      </c>
      <c r="D21340">
        <v>0</v>
      </c>
    </row>
    <row r="21341" spans="1:4" x14ac:dyDescent="0.25">
      <c r="A21341" t="s">
        <v>33265</v>
      </c>
      <c r="B21341" t="s">
        <v>33268</v>
      </c>
      <c r="C21341">
        <v>2</v>
      </c>
      <c r="D21341">
        <v>0</v>
      </c>
    </row>
    <row r="21342" spans="1:4" x14ac:dyDescent="0.25">
      <c r="A21342" t="s">
        <v>33269</v>
      </c>
      <c r="B21342" t="s">
        <v>33270</v>
      </c>
      <c r="C21342">
        <v>1</v>
      </c>
      <c r="D21342">
        <v>0</v>
      </c>
    </row>
    <row r="21343" spans="1:4" x14ac:dyDescent="0.25">
      <c r="A21343" t="s">
        <v>33271</v>
      </c>
      <c r="B21343" t="s">
        <v>33272</v>
      </c>
      <c r="C21343">
        <v>1</v>
      </c>
      <c r="D21343">
        <v>0</v>
      </c>
    </row>
    <row r="21344" spans="1:4" x14ac:dyDescent="0.25">
      <c r="A21344" t="s">
        <v>33273</v>
      </c>
      <c r="B21344" t="s">
        <v>33274</v>
      </c>
      <c r="C21344">
        <v>2</v>
      </c>
      <c r="D21344">
        <v>0</v>
      </c>
    </row>
    <row r="21345" spans="1:4" x14ac:dyDescent="0.25">
      <c r="A21345" t="s">
        <v>33273</v>
      </c>
      <c r="B21345" t="s">
        <v>33275</v>
      </c>
      <c r="C21345">
        <v>0</v>
      </c>
      <c r="D21345">
        <v>0</v>
      </c>
    </row>
    <row r="21346" spans="1:4" x14ac:dyDescent="0.25">
      <c r="A21346" t="s">
        <v>33273</v>
      </c>
      <c r="B21346" t="s">
        <v>33276</v>
      </c>
      <c r="C21346">
        <v>2</v>
      </c>
      <c r="D21346">
        <v>0</v>
      </c>
    </row>
    <row r="21347" spans="1:4" x14ac:dyDescent="0.25">
      <c r="A21347" t="s">
        <v>33277</v>
      </c>
      <c r="B21347" t="s">
        <v>33278</v>
      </c>
      <c r="C21347">
        <v>0</v>
      </c>
      <c r="D21347">
        <v>0</v>
      </c>
    </row>
    <row r="21348" spans="1:4" x14ac:dyDescent="0.25">
      <c r="A21348" t="s">
        <v>33277</v>
      </c>
      <c r="B21348" t="s">
        <v>33279</v>
      </c>
      <c r="C21348">
        <v>2</v>
      </c>
      <c r="D21348">
        <v>0</v>
      </c>
    </row>
    <row r="21349" spans="1:4" x14ac:dyDescent="0.25">
      <c r="A21349" t="s">
        <v>33277</v>
      </c>
      <c r="B21349" t="s">
        <v>33280</v>
      </c>
      <c r="C21349">
        <v>1</v>
      </c>
      <c r="D21349">
        <v>0</v>
      </c>
    </row>
    <row r="21350" spans="1:4" x14ac:dyDescent="0.25">
      <c r="A21350" t="s">
        <v>33281</v>
      </c>
      <c r="B21350" t="s">
        <v>33282</v>
      </c>
      <c r="C21350">
        <v>1</v>
      </c>
      <c r="D21350">
        <v>0</v>
      </c>
    </row>
    <row r="21351" spans="1:4" x14ac:dyDescent="0.25">
      <c r="A21351" t="s">
        <v>33283</v>
      </c>
      <c r="B21351" t="s">
        <v>1938</v>
      </c>
      <c r="C21351">
        <v>0</v>
      </c>
      <c r="D21351">
        <v>0</v>
      </c>
    </row>
    <row r="21352" spans="1:4" x14ac:dyDescent="0.25">
      <c r="A21352" t="s">
        <v>33283</v>
      </c>
      <c r="B21352" t="s">
        <v>33284</v>
      </c>
      <c r="C21352">
        <v>0</v>
      </c>
      <c r="D21352">
        <v>0</v>
      </c>
    </row>
    <row r="21353" spans="1:4" x14ac:dyDescent="0.25">
      <c r="A21353" t="s">
        <v>33283</v>
      </c>
      <c r="B21353" t="s">
        <v>33285</v>
      </c>
      <c r="C21353">
        <v>0</v>
      </c>
      <c r="D21353">
        <v>0</v>
      </c>
    </row>
    <row r="21354" spans="1:4" x14ac:dyDescent="0.25">
      <c r="A21354" t="s">
        <v>33286</v>
      </c>
      <c r="B21354" t="s">
        <v>33287</v>
      </c>
      <c r="C21354">
        <v>1</v>
      </c>
      <c r="D21354">
        <v>0</v>
      </c>
    </row>
    <row r="21355" spans="1:4" x14ac:dyDescent="0.25">
      <c r="A21355" t="s">
        <v>33288</v>
      </c>
      <c r="B21355" t="s">
        <v>33289</v>
      </c>
      <c r="C21355">
        <v>1</v>
      </c>
      <c r="D21355">
        <v>0</v>
      </c>
    </row>
    <row r="21356" spans="1:4" x14ac:dyDescent="0.25">
      <c r="A21356" t="s">
        <v>33288</v>
      </c>
      <c r="B21356" t="s">
        <v>33290</v>
      </c>
      <c r="C21356">
        <v>2</v>
      </c>
      <c r="D21356">
        <v>0</v>
      </c>
    </row>
    <row r="21357" spans="1:4" x14ac:dyDescent="0.25">
      <c r="A21357" t="s">
        <v>33291</v>
      </c>
      <c r="B21357" t="s">
        <v>33292</v>
      </c>
      <c r="C21357">
        <v>1</v>
      </c>
      <c r="D21357">
        <v>0</v>
      </c>
    </row>
    <row r="21358" spans="1:4" x14ac:dyDescent="0.25">
      <c r="A21358" t="s">
        <v>33291</v>
      </c>
      <c r="B21358" t="s">
        <v>33293</v>
      </c>
      <c r="C21358">
        <v>1</v>
      </c>
      <c r="D21358">
        <v>0</v>
      </c>
    </row>
    <row r="21359" spans="1:4" x14ac:dyDescent="0.25">
      <c r="A21359" t="s">
        <v>33291</v>
      </c>
      <c r="B21359" t="s">
        <v>33294</v>
      </c>
      <c r="C21359">
        <v>1</v>
      </c>
      <c r="D21359">
        <v>0</v>
      </c>
    </row>
    <row r="21360" spans="1:4" x14ac:dyDescent="0.25">
      <c r="A21360" t="s">
        <v>33295</v>
      </c>
      <c r="B21360" t="s">
        <v>33296</v>
      </c>
      <c r="C21360">
        <v>0</v>
      </c>
      <c r="D21360">
        <v>0</v>
      </c>
    </row>
    <row r="21361" spans="1:4" x14ac:dyDescent="0.25">
      <c r="A21361" t="s">
        <v>33297</v>
      </c>
      <c r="B21361" t="s">
        <v>33298</v>
      </c>
      <c r="C21361">
        <v>2</v>
      </c>
      <c r="D21361">
        <v>0</v>
      </c>
    </row>
    <row r="21362" spans="1:4" x14ac:dyDescent="0.25">
      <c r="A21362" t="s">
        <v>33297</v>
      </c>
      <c r="B21362" t="s">
        <v>33299</v>
      </c>
      <c r="C21362">
        <v>1</v>
      </c>
      <c r="D21362">
        <v>0</v>
      </c>
    </row>
    <row r="21363" spans="1:4" x14ac:dyDescent="0.25">
      <c r="A21363" t="s">
        <v>33297</v>
      </c>
      <c r="B21363" t="s">
        <v>33300</v>
      </c>
      <c r="C21363">
        <v>2</v>
      </c>
      <c r="D21363">
        <v>0</v>
      </c>
    </row>
    <row r="21364" spans="1:4" x14ac:dyDescent="0.25">
      <c r="A21364" t="s">
        <v>33301</v>
      </c>
      <c r="B21364" t="s">
        <v>33302</v>
      </c>
      <c r="C21364">
        <v>1</v>
      </c>
      <c r="D21364">
        <v>0</v>
      </c>
    </row>
    <row r="21365" spans="1:4" x14ac:dyDescent="0.25">
      <c r="A21365" t="s">
        <v>33303</v>
      </c>
      <c r="B21365" t="s">
        <v>33304</v>
      </c>
      <c r="C21365">
        <v>0</v>
      </c>
      <c r="D21365">
        <v>0</v>
      </c>
    </row>
    <row r="21366" spans="1:4" x14ac:dyDescent="0.25">
      <c r="A21366" t="s">
        <v>33303</v>
      </c>
      <c r="B21366" t="s">
        <v>33305</v>
      </c>
      <c r="C21366">
        <v>0</v>
      </c>
      <c r="D21366">
        <v>0</v>
      </c>
    </row>
    <row r="21367" spans="1:4" x14ac:dyDescent="0.25">
      <c r="A21367" t="s">
        <v>33303</v>
      </c>
      <c r="B21367" t="s">
        <v>33306</v>
      </c>
      <c r="C21367">
        <v>1</v>
      </c>
      <c r="D21367">
        <v>0</v>
      </c>
    </row>
    <row r="21368" spans="1:4" x14ac:dyDescent="0.25">
      <c r="A21368" t="s">
        <v>33307</v>
      </c>
      <c r="B21368" t="s">
        <v>33308</v>
      </c>
      <c r="C21368">
        <v>1</v>
      </c>
      <c r="D21368">
        <v>0</v>
      </c>
    </row>
    <row r="21369" spans="1:4" x14ac:dyDescent="0.25">
      <c r="A21369" t="s">
        <v>33307</v>
      </c>
      <c r="B21369" t="s">
        <v>33309</v>
      </c>
      <c r="C21369">
        <v>0</v>
      </c>
      <c r="D21369">
        <v>0</v>
      </c>
    </row>
    <row r="21370" spans="1:4" x14ac:dyDescent="0.25">
      <c r="A21370" t="s">
        <v>33307</v>
      </c>
      <c r="B21370" t="s">
        <v>33310</v>
      </c>
      <c r="C21370">
        <v>0</v>
      </c>
      <c r="D21370">
        <v>0</v>
      </c>
    </row>
    <row r="21371" spans="1:4" x14ac:dyDescent="0.25">
      <c r="A21371" t="s">
        <v>33311</v>
      </c>
      <c r="B21371" t="s">
        <v>33312</v>
      </c>
      <c r="C21371">
        <v>1</v>
      </c>
      <c r="D21371">
        <v>0</v>
      </c>
    </row>
    <row r="21372" spans="1:4" x14ac:dyDescent="0.25">
      <c r="A21372" t="s">
        <v>33311</v>
      </c>
      <c r="B21372" t="s">
        <v>33313</v>
      </c>
      <c r="C21372">
        <v>1</v>
      </c>
      <c r="D21372">
        <v>0</v>
      </c>
    </row>
    <row r="21373" spans="1:4" x14ac:dyDescent="0.25">
      <c r="A21373" t="s">
        <v>33314</v>
      </c>
      <c r="B21373" t="s">
        <v>33315</v>
      </c>
      <c r="C21373">
        <v>0</v>
      </c>
      <c r="D21373">
        <v>0</v>
      </c>
    </row>
    <row r="21374" spans="1:4" x14ac:dyDescent="0.25">
      <c r="A21374" t="s">
        <v>33314</v>
      </c>
      <c r="B21374" t="s">
        <v>33316</v>
      </c>
      <c r="C21374">
        <v>1</v>
      </c>
      <c r="D21374">
        <v>0</v>
      </c>
    </row>
    <row r="21375" spans="1:4" x14ac:dyDescent="0.25">
      <c r="A21375" t="s">
        <v>33317</v>
      </c>
      <c r="B21375" t="s">
        <v>33318</v>
      </c>
      <c r="C21375">
        <v>1</v>
      </c>
      <c r="D21375">
        <v>0</v>
      </c>
    </row>
    <row r="21376" spans="1:4" x14ac:dyDescent="0.25">
      <c r="A21376" t="s">
        <v>33317</v>
      </c>
      <c r="B21376" t="s">
        <v>843</v>
      </c>
      <c r="C21376">
        <v>1</v>
      </c>
      <c r="D21376">
        <v>0</v>
      </c>
    </row>
    <row r="21377" spans="1:4" x14ac:dyDescent="0.25">
      <c r="A21377" t="s">
        <v>33319</v>
      </c>
      <c r="B21377" t="s">
        <v>2499</v>
      </c>
      <c r="C21377">
        <v>1</v>
      </c>
      <c r="D21377">
        <v>0</v>
      </c>
    </row>
    <row r="21378" spans="1:4" x14ac:dyDescent="0.25">
      <c r="A21378" t="s">
        <v>33320</v>
      </c>
      <c r="B21378" t="s">
        <v>33321</v>
      </c>
      <c r="C21378">
        <v>0</v>
      </c>
      <c r="D21378">
        <v>0</v>
      </c>
    </row>
    <row r="21379" spans="1:4" x14ac:dyDescent="0.25">
      <c r="A21379" t="s">
        <v>33322</v>
      </c>
      <c r="B21379" t="s">
        <v>33323</v>
      </c>
      <c r="C21379">
        <v>0</v>
      </c>
      <c r="D21379">
        <v>0</v>
      </c>
    </row>
    <row r="21380" spans="1:4" x14ac:dyDescent="0.25">
      <c r="A21380" t="s">
        <v>33324</v>
      </c>
      <c r="B21380" t="s">
        <v>33325</v>
      </c>
      <c r="C21380">
        <v>1</v>
      </c>
      <c r="D21380">
        <v>0</v>
      </c>
    </row>
    <row r="21381" spans="1:4" x14ac:dyDescent="0.25">
      <c r="A21381" t="s">
        <v>33324</v>
      </c>
      <c r="B21381" t="s">
        <v>33326</v>
      </c>
      <c r="C21381">
        <v>1</v>
      </c>
      <c r="D21381">
        <v>0</v>
      </c>
    </row>
    <row r="21382" spans="1:4" x14ac:dyDescent="0.25">
      <c r="A21382" t="s">
        <v>33324</v>
      </c>
      <c r="B21382" t="s">
        <v>33327</v>
      </c>
      <c r="C21382">
        <v>1</v>
      </c>
      <c r="D21382">
        <v>0</v>
      </c>
    </row>
    <row r="21383" spans="1:4" x14ac:dyDescent="0.25">
      <c r="A21383" t="s">
        <v>33328</v>
      </c>
      <c r="B21383" t="s">
        <v>33329</v>
      </c>
      <c r="C21383">
        <v>1</v>
      </c>
      <c r="D21383">
        <v>0</v>
      </c>
    </row>
    <row r="21384" spans="1:4" x14ac:dyDescent="0.25">
      <c r="A21384" t="s">
        <v>33328</v>
      </c>
      <c r="B21384" t="s">
        <v>33330</v>
      </c>
      <c r="C21384">
        <v>0</v>
      </c>
      <c r="D21384">
        <v>0</v>
      </c>
    </row>
    <row r="21385" spans="1:4" x14ac:dyDescent="0.25">
      <c r="A21385" t="s">
        <v>33331</v>
      </c>
      <c r="B21385" t="s">
        <v>33332</v>
      </c>
      <c r="C21385">
        <v>1</v>
      </c>
      <c r="D21385">
        <v>0</v>
      </c>
    </row>
    <row r="21386" spans="1:4" x14ac:dyDescent="0.25">
      <c r="A21386" t="s">
        <v>33333</v>
      </c>
      <c r="B21386" t="s">
        <v>33334</v>
      </c>
      <c r="C21386">
        <v>0</v>
      </c>
      <c r="D21386">
        <v>0</v>
      </c>
    </row>
    <row r="21387" spans="1:4" x14ac:dyDescent="0.25">
      <c r="A21387" t="s">
        <v>33333</v>
      </c>
      <c r="B21387" t="s">
        <v>33335</v>
      </c>
      <c r="C21387">
        <v>1</v>
      </c>
      <c r="D21387">
        <v>0</v>
      </c>
    </row>
    <row r="21388" spans="1:4" x14ac:dyDescent="0.25">
      <c r="A21388" t="s">
        <v>33336</v>
      </c>
      <c r="B21388" t="s">
        <v>2499</v>
      </c>
      <c r="C21388">
        <v>1</v>
      </c>
      <c r="D21388">
        <v>0</v>
      </c>
    </row>
    <row r="21389" spans="1:4" x14ac:dyDescent="0.25">
      <c r="A21389" t="s">
        <v>33337</v>
      </c>
      <c r="B21389" t="s">
        <v>1001</v>
      </c>
      <c r="C21389">
        <v>1</v>
      </c>
      <c r="D21389">
        <v>0</v>
      </c>
    </row>
    <row r="21390" spans="1:4" x14ac:dyDescent="0.25">
      <c r="A21390" t="s">
        <v>33338</v>
      </c>
      <c r="B21390" t="s">
        <v>33339</v>
      </c>
      <c r="C21390">
        <v>1</v>
      </c>
      <c r="D21390">
        <v>0</v>
      </c>
    </row>
    <row r="21391" spans="1:4" x14ac:dyDescent="0.25">
      <c r="A21391" t="s">
        <v>33338</v>
      </c>
      <c r="B21391" t="s">
        <v>33340</v>
      </c>
      <c r="C21391">
        <v>1</v>
      </c>
      <c r="D21391">
        <v>0</v>
      </c>
    </row>
    <row r="21392" spans="1:4" x14ac:dyDescent="0.25">
      <c r="A21392" t="s">
        <v>33338</v>
      </c>
      <c r="B21392" t="s">
        <v>33341</v>
      </c>
      <c r="C21392">
        <v>1</v>
      </c>
      <c r="D21392">
        <v>0</v>
      </c>
    </row>
    <row r="21393" spans="1:4" x14ac:dyDescent="0.25">
      <c r="A21393" t="s">
        <v>33342</v>
      </c>
      <c r="B21393" t="s">
        <v>33343</v>
      </c>
      <c r="C21393">
        <v>1</v>
      </c>
      <c r="D21393">
        <v>0</v>
      </c>
    </row>
    <row r="21394" spans="1:4" x14ac:dyDescent="0.25">
      <c r="A21394" t="s">
        <v>33342</v>
      </c>
      <c r="B21394" t="s">
        <v>33344</v>
      </c>
      <c r="C21394">
        <v>1</v>
      </c>
      <c r="D21394">
        <v>0</v>
      </c>
    </row>
    <row r="21395" spans="1:4" x14ac:dyDescent="0.25">
      <c r="A21395" t="s">
        <v>33342</v>
      </c>
      <c r="B21395" t="s">
        <v>33345</v>
      </c>
      <c r="C21395">
        <v>1</v>
      </c>
      <c r="D21395">
        <v>0</v>
      </c>
    </row>
    <row r="21396" spans="1:4" x14ac:dyDescent="0.25">
      <c r="A21396" t="s">
        <v>33346</v>
      </c>
      <c r="B21396" t="s">
        <v>33347</v>
      </c>
      <c r="C21396">
        <v>1</v>
      </c>
      <c r="D21396">
        <v>0</v>
      </c>
    </row>
    <row r="21397" spans="1:4" x14ac:dyDescent="0.25">
      <c r="A21397" t="s">
        <v>33348</v>
      </c>
      <c r="B21397" t="s">
        <v>33349</v>
      </c>
      <c r="C21397">
        <v>0</v>
      </c>
      <c r="D21397">
        <v>0</v>
      </c>
    </row>
    <row r="21398" spans="1:4" x14ac:dyDescent="0.25">
      <c r="A21398" t="s">
        <v>33348</v>
      </c>
      <c r="B21398" t="s">
        <v>33350</v>
      </c>
      <c r="C21398">
        <v>0</v>
      </c>
      <c r="D21398">
        <v>0</v>
      </c>
    </row>
    <row r="21399" spans="1:4" x14ac:dyDescent="0.25">
      <c r="A21399" t="s">
        <v>33351</v>
      </c>
      <c r="B21399" t="s">
        <v>33352</v>
      </c>
      <c r="C21399">
        <v>2</v>
      </c>
      <c r="D21399">
        <v>0</v>
      </c>
    </row>
    <row r="21400" spans="1:4" x14ac:dyDescent="0.25">
      <c r="A21400" t="s">
        <v>33351</v>
      </c>
      <c r="B21400" t="s">
        <v>33353</v>
      </c>
      <c r="C21400">
        <v>1</v>
      </c>
      <c r="D21400">
        <v>0</v>
      </c>
    </row>
    <row r="21401" spans="1:4" x14ac:dyDescent="0.25">
      <c r="A21401" t="s">
        <v>33354</v>
      </c>
      <c r="B21401" t="s">
        <v>33355</v>
      </c>
      <c r="C21401">
        <v>0</v>
      </c>
      <c r="D21401">
        <v>0</v>
      </c>
    </row>
    <row r="21402" spans="1:4" x14ac:dyDescent="0.25">
      <c r="A21402" t="s">
        <v>33354</v>
      </c>
      <c r="B21402" t="s">
        <v>33356</v>
      </c>
      <c r="C21402">
        <v>0</v>
      </c>
      <c r="D21402">
        <v>0</v>
      </c>
    </row>
    <row r="21403" spans="1:4" x14ac:dyDescent="0.25">
      <c r="A21403" t="s">
        <v>33357</v>
      </c>
      <c r="B21403" t="s">
        <v>33358</v>
      </c>
      <c r="C21403">
        <v>1</v>
      </c>
      <c r="D21403">
        <v>0</v>
      </c>
    </row>
    <row r="21404" spans="1:4" x14ac:dyDescent="0.25">
      <c r="A21404" t="s">
        <v>33359</v>
      </c>
      <c r="B21404" t="s">
        <v>33360</v>
      </c>
      <c r="C21404">
        <v>1</v>
      </c>
      <c r="D21404">
        <v>0</v>
      </c>
    </row>
    <row r="21405" spans="1:4" x14ac:dyDescent="0.25">
      <c r="A21405" t="s">
        <v>33359</v>
      </c>
      <c r="B21405" t="s">
        <v>33361</v>
      </c>
      <c r="C21405">
        <v>0</v>
      </c>
      <c r="D21405">
        <v>0</v>
      </c>
    </row>
    <row r="21406" spans="1:4" x14ac:dyDescent="0.25">
      <c r="A21406" t="s">
        <v>33362</v>
      </c>
      <c r="B21406" t="s">
        <v>33363</v>
      </c>
      <c r="C21406">
        <v>1</v>
      </c>
      <c r="D21406">
        <v>0</v>
      </c>
    </row>
    <row r="21407" spans="1:4" x14ac:dyDescent="0.25">
      <c r="A21407" t="s">
        <v>33362</v>
      </c>
      <c r="B21407" t="s">
        <v>33364</v>
      </c>
      <c r="C21407">
        <v>1</v>
      </c>
      <c r="D21407">
        <v>0</v>
      </c>
    </row>
    <row r="21408" spans="1:4" x14ac:dyDescent="0.25">
      <c r="A21408" t="s">
        <v>33362</v>
      </c>
      <c r="B21408" t="s">
        <v>33365</v>
      </c>
      <c r="C21408">
        <v>2</v>
      </c>
      <c r="D21408">
        <v>0</v>
      </c>
    </row>
    <row r="21409" spans="1:4" x14ac:dyDescent="0.25">
      <c r="A21409" t="s">
        <v>33366</v>
      </c>
      <c r="B21409" t="s">
        <v>33367</v>
      </c>
      <c r="C21409">
        <v>0</v>
      </c>
      <c r="D21409">
        <v>0</v>
      </c>
    </row>
    <row r="21410" spans="1:4" x14ac:dyDescent="0.25">
      <c r="A21410" t="s">
        <v>33368</v>
      </c>
      <c r="B21410" t="s">
        <v>33369</v>
      </c>
      <c r="C21410">
        <v>1</v>
      </c>
      <c r="D21410">
        <v>0</v>
      </c>
    </row>
    <row r="21411" spans="1:4" x14ac:dyDescent="0.25">
      <c r="A21411" t="s">
        <v>33368</v>
      </c>
      <c r="B21411" t="s">
        <v>33370</v>
      </c>
      <c r="C21411">
        <v>1</v>
      </c>
      <c r="D21411">
        <v>0</v>
      </c>
    </row>
    <row r="21412" spans="1:4" x14ac:dyDescent="0.25">
      <c r="A21412" t="s">
        <v>33368</v>
      </c>
      <c r="B21412" t="s">
        <v>14581</v>
      </c>
      <c r="C21412">
        <v>1</v>
      </c>
      <c r="D21412">
        <v>0</v>
      </c>
    </row>
    <row r="21413" spans="1:4" x14ac:dyDescent="0.25">
      <c r="A21413" t="s">
        <v>33371</v>
      </c>
      <c r="B21413" t="s">
        <v>33372</v>
      </c>
      <c r="C21413">
        <v>0</v>
      </c>
      <c r="D21413">
        <v>0</v>
      </c>
    </row>
    <row r="21414" spans="1:4" x14ac:dyDescent="0.25">
      <c r="A21414" t="s">
        <v>33373</v>
      </c>
      <c r="B21414" t="s">
        <v>33374</v>
      </c>
      <c r="C21414">
        <v>1</v>
      </c>
      <c r="D21414">
        <v>0</v>
      </c>
    </row>
    <row r="21415" spans="1:4" x14ac:dyDescent="0.25">
      <c r="A21415" t="s">
        <v>33375</v>
      </c>
      <c r="B21415" t="s">
        <v>33376</v>
      </c>
      <c r="C21415">
        <v>2</v>
      </c>
      <c r="D21415">
        <v>0</v>
      </c>
    </row>
    <row r="21416" spans="1:4" x14ac:dyDescent="0.25">
      <c r="A21416" t="s">
        <v>33375</v>
      </c>
      <c r="B21416" t="s">
        <v>33377</v>
      </c>
      <c r="C21416">
        <v>2</v>
      </c>
      <c r="D21416">
        <v>0</v>
      </c>
    </row>
    <row r="21417" spans="1:4" x14ac:dyDescent="0.25">
      <c r="A21417" t="s">
        <v>33378</v>
      </c>
      <c r="B21417" t="s">
        <v>33379</v>
      </c>
      <c r="C21417">
        <v>2</v>
      </c>
      <c r="D21417">
        <v>0</v>
      </c>
    </row>
    <row r="21418" spans="1:4" x14ac:dyDescent="0.25">
      <c r="A21418" t="s">
        <v>33378</v>
      </c>
      <c r="B21418" t="s">
        <v>33380</v>
      </c>
      <c r="C21418">
        <v>1</v>
      </c>
      <c r="D21418">
        <v>0</v>
      </c>
    </row>
    <row r="21419" spans="1:4" x14ac:dyDescent="0.25">
      <c r="A21419" t="s">
        <v>33378</v>
      </c>
      <c r="B21419" t="s">
        <v>33381</v>
      </c>
      <c r="C21419">
        <v>1</v>
      </c>
      <c r="D21419">
        <v>0</v>
      </c>
    </row>
    <row r="21420" spans="1:4" x14ac:dyDescent="0.25">
      <c r="A21420" t="s">
        <v>33382</v>
      </c>
      <c r="B21420" t="s">
        <v>33383</v>
      </c>
      <c r="C21420">
        <v>1</v>
      </c>
      <c r="D21420">
        <v>0</v>
      </c>
    </row>
    <row r="21421" spans="1:4" x14ac:dyDescent="0.25">
      <c r="A21421" t="s">
        <v>33382</v>
      </c>
      <c r="B21421" t="s">
        <v>33384</v>
      </c>
      <c r="C21421">
        <v>2</v>
      </c>
      <c r="D21421">
        <v>0</v>
      </c>
    </row>
    <row r="21422" spans="1:4" x14ac:dyDescent="0.25">
      <c r="A21422" t="s">
        <v>33385</v>
      </c>
      <c r="B21422" t="s">
        <v>33386</v>
      </c>
      <c r="C21422">
        <v>2</v>
      </c>
      <c r="D21422">
        <v>0</v>
      </c>
    </row>
    <row r="21423" spans="1:4" x14ac:dyDescent="0.25">
      <c r="A21423" t="s">
        <v>33385</v>
      </c>
      <c r="B21423" t="s">
        <v>398</v>
      </c>
      <c r="C21423">
        <v>0</v>
      </c>
      <c r="D21423">
        <v>0</v>
      </c>
    </row>
    <row r="21424" spans="1:4" x14ac:dyDescent="0.25">
      <c r="A21424" t="s">
        <v>33385</v>
      </c>
      <c r="B21424" t="s">
        <v>33387</v>
      </c>
      <c r="C21424">
        <v>1</v>
      </c>
      <c r="D21424">
        <v>0</v>
      </c>
    </row>
    <row r="21425" spans="1:4" x14ac:dyDescent="0.25">
      <c r="A21425" t="s">
        <v>33388</v>
      </c>
      <c r="B21425" t="s">
        <v>33389</v>
      </c>
      <c r="C21425">
        <v>1</v>
      </c>
      <c r="D21425">
        <v>0</v>
      </c>
    </row>
    <row r="21426" spans="1:4" x14ac:dyDescent="0.25">
      <c r="A21426" t="s">
        <v>33388</v>
      </c>
      <c r="B21426" t="s">
        <v>33390</v>
      </c>
      <c r="C21426">
        <v>2</v>
      </c>
      <c r="D21426">
        <v>0</v>
      </c>
    </row>
    <row r="21427" spans="1:4" x14ac:dyDescent="0.25">
      <c r="A21427" t="s">
        <v>33391</v>
      </c>
      <c r="B21427" t="s">
        <v>33392</v>
      </c>
      <c r="C21427">
        <v>1</v>
      </c>
      <c r="D21427">
        <v>0</v>
      </c>
    </row>
    <row r="21428" spans="1:4" x14ac:dyDescent="0.25">
      <c r="A21428" t="s">
        <v>33393</v>
      </c>
      <c r="B21428" t="s">
        <v>33394</v>
      </c>
      <c r="C21428">
        <v>1</v>
      </c>
      <c r="D21428">
        <v>0</v>
      </c>
    </row>
    <row r="21429" spans="1:4" x14ac:dyDescent="0.25">
      <c r="A21429" t="s">
        <v>33395</v>
      </c>
      <c r="B21429" t="s">
        <v>33396</v>
      </c>
      <c r="C21429">
        <v>0</v>
      </c>
      <c r="D21429">
        <v>0</v>
      </c>
    </row>
    <row r="21430" spans="1:4" x14ac:dyDescent="0.25">
      <c r="A21430" t="s">
        <v>33395</v>
      </c>
      <c r="B21430" t="s">
        <v>1001</v>
      </c>
      <c r="C21430">
        <v>1</v>
      </c>
      <c r="D21430">
        <v>0</v>
      </c>
    </row>
    <row r="21431" spans="1:4" x14ac:dyDescent="0.25">
      <c r="A21431" t="s">
        <v>33395</v>
      </c>
      <c r="B21431" t="s">
        <v>33397</v>
      </c>
      <c r="C21431">
        <v>0</v>
      </c>
      <c r="D21431">
        <v>0</v>
      </c>
    </row>
    <row r="21432" spans="1:4" x14ac:dyDescent="0.25">
      <c r="A21432" t="s">
        <v>33398</v>
      </c>
      <c r="B21432" t="s">
        <v>33399</v>
      </c>
      <c r="C21432">
        <v>2</v>
      </c>
      <c r="D21432">
        <v>0</v>
      </c>
    </row>
    <row r="21433" spans="1:4" x14ac:dyDescent="0.25">
      <c r="A21433" t="s">
        <v>33398</v>
      </c>
      <c r="B21433" t="s">
        <v>33400</v>
      </c>
      <c r="C21433">
        <v>2</v>
      </c>
      <c r="D21433">
        <v>0</v>
      </c>
    </row>
    <row r="21434" spans="1:4" x14ac:dyDescent="0.25">
      <c r="A21434" t="s">
        <v>33401</v>
      </c>
      <c r="B21434" t="s">
        <v>33402</v>
      </c>
      <c r="C21434">
        <v>0</v>
      </c>
      <c r="D21434">
        <v>0</v>
      </c>
    </row>
    <row r="21435" spans="1:4" x14ac:dyDescent="0.25">
      <c r="A21435" t="s">
        <v>33401</v>
      </c>
      <c r="B21435" t="s">
        <v>33403</v>
      </c>
      <c r="C21435">
        <v>1</v>
      </c>
      <c r="D21435">
        <v>0</v>
      </c>
    </row>
    <row r="21436" spans="1:4" x14ac:dyDescent="0.25">
      <c r="A21436" t="s">
        <v>33404</v>
      </c>
      <c r="B21436" t="s">
        <v>33405</v>
      </c>
      <c r="C21436">
        <v>0</v>
      </c>
      <c r="D21436">
        <v>0</v>
      </c>
    </row>
    <row r="21437" spans="1:4" x14ac:dyDescent="0.25">
      <c r="A21437" t="s">
        <v>33404</v>
      </c>
      <c r="B21437" t="s">
        <v>33405</v>
      </c>
      <c r="C21437">
        <v>0</v>
      </c>
      <c r="D21437">
        <v>0</v>
      </c>
    </row>
    <row r="21438" spans="1:4" x14ac:dyDescent="0.25">
      <c r="A21438" t="s">
        <v>33404</v>
      </c>
      <c r="B21438" t="s">
        <v>33406</v>
      </c>
      <c r="C21438">
        <v>1</v>
      </c>
      <c r="D21438">
        <v>0</v>
      </c>
    </row>
    <row r="21439" spans="1:4" x14ac:dyDescent="0.25">
      <c r="A21439" t="s">
        <v>33407</v>
      </c>
      <c r="B21439" t="s">
        <v>33408</v>
      </c>
      <c r="C21439">
        <v>1</v>
      </c>
      <c r="D21439">
        <v>0</v>
      </c>
    </row>
    <row r="21440" spans="1:4" x14ac:dyDescent="0.25">
      <c r="A21440" t="s">
        <v>33407</v>
      </c>
      <c r="B21440" t="s">
        <v>1001</v>
      </c>
      <c r="C21440">
        <v>1</v>
      </c>
      <c r="D21440">
        <v>0</v>
      </c>
    </row>
    <row r="21441" spans="1:4" x14ac:dyDescent="0.25">
      <c r="A21441" t="s">
        <v>33407</v>
      </c>
      <c r="B21441" t="s">
        <v>33409</v>
      </c>
      <c r="C21441">
        <v>1</v>
      </c>
      <c r="D21441">
        <v>0</v>
      </c>
    </row>
    <row r="21442" spans="1:4" x14ac:dyDescent="0.25">
      <c r="A21442" t="s">
        <v>33410</v>
      </c>
      <c r="B21442" t="s">
        <v>33411</v>
      </c>
      <c r="C21442">
        <v>1</v>
      </c>
      <c r="D21442">
        <v>0</v>
      </c>
    </row>
    <row r="21443" spans="1:4" x14ac:dyDescent="0.25">
      <c r="A21443" t="s">
        <v>33410</v>
      </c>
      <c r="B21443" t="s">
        <v>33412</v>
      </c>
      <c r="C21443">
        <v>1</v>
      </c>
      <c r="D21443">
        <v>0</v>
      </c>
    </row>
    <row r="21444" spans="1:4" x14ac:dyDescent="0.25">
      <c r="A21444" t="s">
        <v>33410</v>
      </c>
      <c r="B21444" t="s">
        <v>33413</v>
      </c>
      <c r="C21444">
        <v>1</v>
      </c>
      <c r="D21444">
        <v>0</v>
      </c>
    </row>
    <row r="21445" spans="1:4" x14ac:dyDescent="0.25">
      <c r="A21445" t="s">
        <v>33414</v>
      </c>
      <c r="B21445" t="s">
        <v>33415</v>
      </c>
      <c r="C21445">
        <v>1</v>
      </c>
      <c r="D21445">
        <v>0</v>
      </c>
    </row>
    <row r="21446" spans="1:4" x14ac:dyDescent="0.25">
      <c r="A21446" t="s">
        <v>33414</v>
      </c>
      <c r="B21446" t="s">
        <v>33416</v>
      </c>
      <c r="C21446">
        <v>1</v>
      </c>
      <c r="D21446">
        <v>0</v>
      </c>
    </row>
    <row r="21447" spans="1:4" x14ac:dyDescent="0.25">
      <c r="A21447" t="s">
        <v>33417</v>
      </c>
      <c r="B21447" t="s">
        <v>33418</v>
      </c>
      <c r="C21447">
        <v>2</v>
      </c>
      <c r="D21447">
        <v>0</v>
      </c>
    </row>
    <row r="21448" spans="1:4" x14ac:dyDescent="0.25">
      <c r="A21448" t="s">
        <v>33419</v>
      </c>
      <c r="B21448" t="s">
        <v>1090</v>
      </c>
      <c r="C21448">
        <v>1</v>
      </c>
      <c r="D21448">
        <v>0</v>
      </c>
    </row>
    <row r="21449" spans="1:4" x14ac:dyDescent="0.25">
      <c r="A21449" t="s">
        <v>33420</v>
      </c>
      <c r="B21449" t="s">
        <v>852</v>
      </c>
      <c r="C21449">
        <v>0</v>
      </c>
      <c r="D21449">
        <v>0</v>
      </c>
    </row>
    <row r="21450" spans="1:4" x14ac:dyDescent="0.25">
      <c r="A21450" t="s">
        <v>33421</v>
      </c>
      <c r="B21450" t="s">
        <v>33422</v>
      </c>
      <c r="C21450">
        <v>1</v>
      </c>
      <c r="D21450">
        <v>0</v>
      </c>
    </row>
    <row r="21451" spans="1:4" x14ac:dyDescent="0.25">
      <c r="A21451" t="s">
        <v>33423</v>
      </c>
      <c r="B21451" t="s">
        <v>33424</v>
      </c>
      <c r="C21451">
        <v>2</v>
      </c>
      <c r="D21451">
        <v>0</v>
      </c>
    </row>
    <row r="21452" spans="1:4" x14ac:dyDescent="0.25">
      <c r="A21452" t="s">
        <v>33423</v>
      </c>
      <c r="B21452" t="s">
        <v>33425</v>
      </c>
      <c r="C21452">
        <v>0</v>
      </c>
      <c r="D21452">
        <v>0</v>
      </c>
    </row>
    <row r="21453" spans="1:4" x14ac:dyDescent="0.25">
      <c r="A21453" t="s">
        <v>33423</v>
      </c>
      <c r="B21453" t="s">
        <v>33426</v>
      </c>
      <c r="C21453">
        <v>0</v>
      </c>
      <c r="D21453">
        <v>0</v>
      </c>
    </row>
    <row r="21454" spans="1:4" x14ac:dyDescent="0.25">
      <c r="A21454" t="s">
        <v>33427</v>
      </c>
      <c r="B21454" t="s">
        <v>1001</v>
      </c>
      <c r="C21454">
        <v>1</v>
      </c>
      <c r="D21454">
        <v>0</v>
      </c>
    </row>
    <row r="21455" spans="1:4" x14ac:dyDescent="0.25">
      <c r="A21455" t="s">
        <v>33428</v>
      </c>
      <c r="B21455" t="s">
        <v>15172</v>
      </c>
      <c r="C21455">
        <v>1</v>
      </c>
      <c r="D21455">
        <v>0</v>
      </c>
    </row>
    <row r="21456" spans="1:4" x14ac:dyDescent="0.25">
      <c r="A21456" t="s">
        <v>33429</v>
      </c>
      <c r="B21456" t="s">
        <v>33430</v>
      </c>
      <c r="C21456">
        <v>1</v>
      </c>
      <c r="D21456">
        <v>0</v>
      </c>
    </row>
    <row r="21457" spans="1:4" x14ac:dyDescent="0.25">
      <c r="A21457" t="s">
        <v>33429</v>
      </c>
      <c r="B21457" t="s">
        <v>33431</v>
      </c>
      <c r="C21457">
        <v>1</v>
      </c>
      <c r="D21457">
        <v>0</v>
      </c>
    </row>
    <row r="21458" spans="1:4" x14ac:dyDescent="0.25">
      <c r="A21458" t="s">
        <v>33429</v>
      </c>
      <c r="B21458" t="s">
        <v>33432</v>
      </c>
      <c r="C21458">
        <v>1</v>
      </c>
      <c r="D21458">
        <v>0</v>
      </c>
    </row>
    <row r="21459" spans="1:4" x14ac:dyDescent="0.25">
      <c r="A21459" t="s">
        <v>33433</v>
      </c>
      <c r="B21459" t="s">
        <v>33434</v>
      </c>
      <c r="C21459">
        <v>0</v>
      </c>
      <c r="D21459">
        <v>0</v>
      </c>
    </row>
    <row r="21460" spans="1:4" x14ac:dyDescent="0.25">
      <c r="A21460" t="s">
        <v>33433</v>
      </c>
      <c r="B21460" t="s">
        <v>33435</v>
      </c>
      <c r="C21460">
        <v>0</v>
      </c>
      <c r="D21460">
        <v>0</v>
      </c>
    </row>
    <row r="21461" spans="1:4" x14ac:dyDescent="0.25">
      <c r="A21461" t="s">
        <v>33436</v>
      </c>
      <c r="B21461" t="s">
        <v>33437</v>
      </c>
      <c r="C21461">
        <v>0</v>
      </c>
      <c r="D21461">
        <v>0</v>
      </c>
    </row>
    <row r="21462" spans="1:4" x14ac:dyDescent="0.25">
      <c r="A21462" t="s">
        <v>33436</v>
      </c>
      <c r="B21462" t="s">
        <v>33438</v>
      </c>
      <c r="C21462">
        <v>1</v>
      </c>
      <c r="D21462">
        <v>0</v>
      </c>
    </row>
    <row r="21463" spans="1:4" x14ac:dyDescent="0.25">
      <c r="A21463" t="s">
        <v>33439</v>
      </c>
      <c r="B21463" t="s">
        <v>33440</v>
      </c>
      <c r="C21463">
        <v>1</v>
      </c>
      <c r="D21463">
        <v>0</v>
      </c>
    </row>
    <row r="21464" spans="1:4" x14ac:dyDescent="0.25">
      <c r="A21464" t="s">
        <v>33439</v>
      </c>
      <c r="B21464" t="s">
        <v>1001</v>
      </c>
      <c r="C21464">
        <v>1</v>
      </c>
      <c r="D21464">
        <v>0</v>
      </c>
    </row>
    <row r="21465" spans="1:4" x14ac:dyDescent="0.25">
      <c r="A21465" t="s">
        <v>33441</v>
      </c>
      <c r="B21465" t="s">
        <v>33442</v>
      </c>
      <c r="C21465">
        <v>1</v>
      </c>
      <c r="D21465">
        <v>0</v>
      </c>
    </row>
    <row r="21466" spans="1:4" x14ac:dyDescent="0.25">
      <c r="A21466" t="s">
        <v>33441</v>
      </c>
      <c r="B21466" t="s">
        <v>33443</v>
      </c>
      <c r="C21466">
        <v>1</v>
      </c>
      <c r="D21466">
        <v>0</v>
      </c>
    </row>
    <row r="21467" spans="1:4" x14ac:dyDescent="0.25">
      <c r="A21467" t="s">
        <v>33441</v>
      </c>
      <c r="B21467" t="s">
        <v>33444</v>
      </c>
      <c r="C21467">
        <v>2</v>
      </c>
      <c r="D21467">
        <v>0</v>
      </c>
    </row>
    <row r="21468" spans="1:4" x14ac:dyDescent="0.25">
      <c r="A21468" t="s">
        <v>33445</v>
      </c>
      <c r="B21468" t="s">
        <v>33446</v>
      </c>
      <c r="C21468">
        <v>2</v>
      </c>
      <c r="D21468">
        <v>0</v>
      </c>
    </row>
    <row r="21469" spans="1:4" x14ac:dyDescent="0.25">
      <c r="A21469" t="s">
        <v>33445</v>
      </c>
      <c r="B21469" t="s">
        <v>33447</v>
      </c>
      <c r="C21469">
        <v>0</v>
      </c>
      <c r="D21469">
        <v>0</v>
      </c>
    </row>
    <row r="21470" spans="1:4" x14ac:dyDescent="0.25">
      <c r="A21470" t="s">
        <v>33448</v>
      </c>
      <c r="B21470" t="s">
        <v>33449</v>
      </c>
      <c r="C21470">
        <v>1</v>
      </c>
      <c r="D21470">
        <v>0</v>
      </c>
    </row>
    <row r="21471" spans="1:4" x14ac:dyDescent="0.25">
      <c r="A21471" t="s">
        <v>33448</v>
      </c>
      <c r="B21471" t="s">
        <v>33450</v>
      </c>
      <c r="C21471">
        <v>1</v>
      </c>
      <c r="D21471">
        <v>0</v>
      </c>
    </row>
    <row r="21472" spans="1:4" x14ac:dyDescent="0.25">
      <c r="A21472" t="s">
        <v>33448</v>
      </c>
      <c r="B21472" t="s">
        <v>33451</v>
      </c>
      <c r="C21472">
        <v>1</v>
      </c>
      <c r="D21472">
        <v>0</v>
      </c>
    </row>
    <row r="21473" spans="1:4" x14ac:dyDescent="0.25">
      <c r="A21473" t="s">
        <v>33452</v>
      </c>
      <c r="B21473" t="s">
        <v>33453</v>
      </c>
      <c r="C21473">
        <v>0</v>
      </c>
      <c r="D21473">
        <v>0</v>
      </c>
    </row>
    <row r="21474" spans="1:4" x14ac:dyDescent="0.25">
      <c r="A21474" t="s">
        <v>33452</v>
      </c>
      <c r="B21474" t="s">
        <v>33454</v>
      </c>
      <c r="C21474">
        <v>1</v>
      </c>
      <c r="D21474">
        <v>0</v>
      </c>
    </row>
    <row r="21475" spans="1:4" x14ac:dyDescent="0.25">
      <c r="A21475" t="s">
        <v>33452</v>
      </c>
      <c r="B21475" t="s">
        <v>33455</v>
      </c>
      <c r="C21475">
        <v>1</v>
      </c>
      <c r="D21475">
        <v>0</v>
      </c>
    </row>
    <row r="21476" spans="1:4" x14ac:dyDescent="0.25">
      <c r="A21476" t="s">
        <v>33456</v>
      </c>
      <c r="B21476" t="s">
        <v>33457</v>
      </c>
      <c r="C21476">
        <v>0</v>
      </c>
      <c r="D21476">
        <v>0</v>
      </c>
    </row>
    <row r="21477" spans="1:4" x14ac:dyDescent="0.25">
      <c r="A21477" t="s">
        <v>33458</v>
      </c>
      <c r="B21477" t="s">
        <v>33459</v>
      </c>
      <c r="C21477">
        <v>2</v>
      </c>
      <c r="D21477">
        <v>0</v>
      </c>
    </row>
    <row r="21478" spans="1:4" x14ac:dyDescent="0.25">
      <c r="A21478" t="s">
        <v>33460</v>
      </c>
      <c r="B21478" t="s">
        <v>33461</v>
      </c>
      <c r="C21478">
        <v>1</v>
      </c>
      <c r="D21478">
        <v>0</v>
      </c>
    </row>
    <row r="21479" spans="1:4" x14ac:dyDescent="0.25">
      <c r="A21479" t="s">
        <v>33460</v>
      </c>
      <c r="B21479" t="s">
        <v>33462</v>
      </c>
      <c r="C21479">
        <v>1</v>
      </c>
      <c r="D21479">
        <v>0</v>
      </c>
    </row>
    <row r="21480" spans="1:4" x14ac:dyDescent="0.25">
      <c r="A21480" t="s">
        <v>33460</v>
      </c>
      <c r="B21480" t="s">
        <v>33463</v>
      </c>
      <c r="C21480">
        <v>1</v>
      </c>
      <c r="D21480">
        <v>0</v>
      </c>
    </row>
    <row r="21481" spans="1:4" x14ac:dyDescent="0.25">
      <c r="A21481" t="s">
        <v>33464</v>
      </c>
      <c r="B21481" t="s">
        <v>1604</v>
      </c>
      <c r="C21481">
        <v>1</v>
      </c>
      <c r="D21481">
        <v>0</v>
      </c>
    </row>
    <row r="21482" spans="1:4" x14ac:dyDescent="0.25">
      <c r="A21482" t="s">
        <v>33464</v>
      </c>
      <c r="B21482" t="s">
        <v>8240</v>
      </c>
      <c r="C21482">
        <v>2</v>
      </c>
      <c r="D21482">
        <v>0</v>
      </c>
    </row>
    <row r="21483" spans="1:4" x14ac:dyDescent="0.25">
      <c r="A21483" t="s">
        <v>33465</v>
      </c>
      <c r="B21483" t="s">
        <v>33466</v>
      </c>
      <c r="C21483">
        <v>2</v>
      </c>
      <c r="D21483">
        <v>0</v>
      </c>
    </row>
    <row r="21484" spans="1:4" x14ac:dyDescent="0.25">
      <c r="A21484" t="s">
        <v>33467</v>
      </c>
      <c r="B21484" t="s">
        <v>33468</v>
      </c>
      <c r="C21484">
        <v>0</v>
      </c>
      <c r="D21484">
        <v>0</v>
      </c>
    </row>
    <row r="21485" spans="1:4" x14ac:dyDescent="0.25">
      <c r="A21485" t="s">
        <v>33467</v>
      </c>
      <c r="B21485" t="s">
        <v>33469</v>
      </c>
      <c r="C21485">
        <v>2</v>
      </c>
      <c r="D21485">
        <v>0</v>
      </c>
    </row>
    <row r="21486" spans="1:4" x14ac:dyDescent="0.25">
      <c r="A21486" t="s">
        <v>33470</v>
      </c>
      <c r="B21486" t="s">
        <v>33471</v>
      </c>
      <c r="C21486">
        <v>1</v>
      </c>
      <c r="D21486">
        <v>0</v>
      </c>
    </row>
    <row r="21487" spans="1:4" x14ac:dyDescent="0.25">
      <c r="A21487" t="s">
        <v>33472</v>
      </c>
      <c r="B21487" t="s">
        <v>33473</v>
      </c>
      <c r="C21487">
        <v>2</v>
      </c>
      <c r="D21487">
        <v>0</v>
      </c>
    </row>
    <row r="21488" spans="1:4" x14ac:dyDescent="0.25">
      <c r="A21488" t="s">
        <v>33474</v>
      </c>
      <c r="B21488" t="s">
        <v>1001</v>
      </c>
      <c r="C21488">
        <v>1</v>
      </c>
      <c r="D21488">
        <v>0</v>
      </c>
    </row>
    <row r="21489" spans="1:4" x14ac:dyDescent="0.25">
      <c r="A21489" t="s">
        <v>33474</v>
      </c>
      <c r="B21489" t="s">
        <v>33475</v>
      </c>
      <c r="C21489">
        <v>0</v>
      </c>
      <c r="D21489">
        <v>0</v>
      </c>
    </row>
    <row r="21490" spans="1:4" x14ac:dyDescent="0.25">
      <c r="A21490" t="s">
        <v>33476</v>
      </c>
      <c r="B21490" t="s">
        <v>33477</v>
      </c>
      <c r="C21490">
        <v>0</v>
      </c>
      <c r="D21490">
        <v>0</v>
      </c>
    </row>
    <row r="21491" spans="1:4" x14ac:dyDescent="0.25">
      <c r="A21491" t="s">
        <v>33478</v>
      </c>
      <c r="B21491" t="s">
        <v>33479</v>
      </c>
      <c r="C21491">
        <v>0</v>
      </c>
      <c r="D21491">
        <v>0</v>
      </c>
    </row>
    <row r="21492" spans="1:4" x14ac:dyDescent="0.25">
      <c r="A21492" t="s">
        <v>33478</v>
      </c>
      <c r="B21492" t="s">
        <v>33480</v>
      </c>
      <c r="C21492">
        <v>0</v>
      </c>
      <c r="D21492">
        <v>0</v>
      </c>
    </row>
    <row r="21493" spans="1:4" x14ac:dyDescent="0.25">
      <c r="A21493" t="s">
        <v>33478</v>
      </c>
      <c r="B21493" t="s">
        <v>33481</v>
      </c>
      <c r="C21493">
        <v>1</v>
      </c>
      <c r="D21493">
        <v>0</v>
      </c>
    </row>
    <row r="21494" spans="1:4" x14ac:dyDescent="0.25">
      <c r="A21494" t="s">
        <v>33482</v>
      </c>
      <c r="B21494" t="s">
        <v>33483</v>
      </c>
      <c r="C21494">
        <v>1</v>
      </c>
      <c r="D21494">
        <v>0</v>
      </c>
    </row>
    <row r="21495" spans="1:4" x14ac:dyDescent="0.25">
      <c r="A21495" t="s">
        <v>33482</v>
      </c>
      <c r="B21495" t="s">
        <v>33484</v>
      </c>
      <c r="C21495">
        <v>1</v>
      </c>
      <c r="D21495">
        <v>0</v>
      </c>
    </row>
    <row r="21496" spans="1:4" x14ac:dyDescent="0.25">
      <c r="A21496" t="s">
        <v>33485</v>
      </c>
      <c r="B21496" t="s">
        <v>33486</v>
      </c>
      <c r="C21496">
        <v>0</v>
      </c>
      <c r="D21496">
        <v>0</v>
      </c>
    </row>
    <row r="21497" spans="1:4" x14ac:dyDescent="0.25">
      <c r="A21497" t="s">
        <v>33487</v>
      </c>
      <c r="B21497" t="s">
        <v>33488</v>
      </c>
      <c r="C21497">
        <v>2</v>
      </c>
      <c r="D21497">
        <v>0</v>
      </c>
    </row>
    <row r="21498" spans="1:4" x14ac:dyDescent="0.25">
      <c r="A21498" t="s">
        <v>33489</v>
      </c>
      <c r="B21498" t="s">
        <v>33490</v>
      </c>
      <c r="C21498">
        <v>1</v>
      </c>
      <c r="D21498">
        <v>0</v>
      </c>
    </row>
    <row r="21499" spans="1:4" x14ac:dyDescent="0.25">
      <c r="A21499" t="s">
        <v>33489</v>
      </c>
      <c r="B21499" t="s">
        <v>33491</v>
      </c>
      <c r="C21499">
        <v>0</v>
      </c>
      <c r="D21499">
        <v>0</v>
      </c>
    </row>
    <row r="21500" spans="1:4" x14ac:dyDescent="0.25">
      <c r="A21500" t="s">
        <v>33492</v>
      </c>
      <c r="B21500" t="s">
        <v>33493</v>
      </c>
      <c r="C21500">
        <v>2</v>
      </c>
      <c r="D21500">
        <v>0</v>
      </c>
    </row>
    <row r="21501" spans="1:4" x14ac:dyDescent="0.25">
      <c r="A21501" t="s">
        <v>33492</v>
      </c>
      <c r="B21501" t="s">
        <v>33494</v>
      </c>
      <c r="C21501">
        <v>0</v>
      </c>
      <c r="D21501">
        <v>0</v>
      </c>
    </row>
    <row r="21502" spans="1:4" x14ac:dyDescent="0.25">
      <c r="A21502" t="s">
        <v>33495</v>
      </c>
      <c r="B21502" t="s">
        <v>33496</v>
      </c>
      <c r="C21502">
        <v>2</v>
      </c>
      <c r="D21502">
        <v>0</v>
      </c>
    </row>
    <row r="21503" spans="1:4" x14ac:dyDescent="0.25">
      <c r="A21503" t="s">
        <v>33497</v>
      </c>
      <c r="B21503" t="s">
        <v>33498</v>
      </c>
      <c r="C21503">
        <v>2</v>
      </c>
      <c r="D21503">
        <v>0</v>
      </c>
    </row>
    <row r="21504" spans="1:4" x14ac:dyDescent="0.25">
      <c r="A21504" t="s">
        <v>33497</v>
      </c>
      <c r="B21504" t="s">
        <v>33499</v>
      </c>
      <c r="C21504">
        <v>1</v>
      </c>
      <c r="D21504">
        <v>0</v>
      </c>
    </row>
    <row r="21505" spans="1:4" x14ac:dyDescent="0.25">
      <c r="A21505" t="s">
        <v>33497</v>
      </c>
      <c r="B21505" t="s">
        <v>33500</v>
      </c>
      <c r="C21505">
        <v>2</v>
      </c>
      <c r="D21505">
        <v>0</v>
      </c>
    </row>
    <row r="21506" spans="1:4" x14ac:dyDescent="0.25">
      <c r="A21506" t="s">
        <v>33501</v>
      </c>
      <c r="B21506" t="s">
        <v>33502</v>
      </c>
      <c r="C21506">
        <v>1</v>
      </c>
      <c r="D21506">
        <v>0</v>
      </c>
    </row>
    <row r="21507" spans="1:4" x14ac:dyDescent="0.25">
      <c r="A21507" t="s">
        <v>33503</v>
      </c>
      <c r="B21507" t="s">
        <v>33504</v>
      </c>
      <c r="C21507">
        <v>1</v>
      </c>
      <c r="D21507">
        <v>0</v>
      </c>
    </row>
    <row r="21508" spans="1:4" x14ac:dyDescent="0.25">
      <c r="A21508" t="s">
        <v>33503</v>
      </c>
      <c r="B21508" t="s">
        <v>33505</v>
      </c>
      <c r="C21508">
        <v>1</v>
      </c>
      <c r="D21508">
        <v>0</v>
      </c>
    </row>
    <row r="21509" spans="1:4" x14ac:dyDescent="0.25">
      <c r="A21509" t="s">
        <v>33506</v>
      </c>
      <c r="B21509" t="s">
        <v>33507</v>
      </c>
      <c r="C21509">
        <v>0</v>
      </c>
      <c r="D21509">
        <v>0</v>
      </c>
    </row>
    <row r="21510" spans="1:4" x14ac:dyDescent="0.25">
      <c r="A21510" t="s">
        <v>33506</v>
      </c>
      <c r="B21510" t="s">
        <v>33508</v>
      </c>
      <c r="C21510">
        <v>1</v>
      </c>
      <c r="D21510">
        <v>0</v>
      </c>
    </row>
    <row r="21511" spans="1:4" x14ac:dyDescent="0.25">
      <c r="A21511" t="s">
        <v>33509</v>
      </c>
      <c r="B21511" t="s">
        <v>33510</v>
      </c>
      <c r="C21511">
        <v>0</v>
      </c>
      <c r="D21511">
        <v>0</v>
      </c>
    </row>
    <row r="21512" spans="1:4" x14ac:dyDescent="0.25">
      <c r="A21512" t="s">
        <v>33511</v>
      </c>
      <c r="B21512" t="s">
        <v>33512</v>
      </c>
      <c r="C21512">
        <v>0</v>
      </c>
      <c r="D21512">
        <v>0</v>
      </c>
    </row>
    <row r="21513" spans="1:4" x14ac:dyDescent="0.25">
      <c r="A21513" t="s">
        <v>33511</v>
      </c>
      <c r="B21513" t="s">
        <v>33513</v>
      </c>
      <c r="C21513">
        <v>0</v>
      </c>
      <c r="D21513">
        <v>0</v>
      </c>
    </row>
    <row r="21514" spans="1:4" x14ac:dyDescent="0.25">
      <c r="A21514" t="s">
        <v>33514</v>
      </c>
      <c r="B21514" t="s">
        <v>33515</v>
      </c>
      <c r="C21514">
        <v>1</v>
      </c>
      <c r="D21514">
        <v>0</v>
      </c>
    </row>
    <row r="21515" spans="1:4" x14ac:dyDescent="0.25">
      <c r="A21515" t="s">
        <v>33514</v>
      </c>
      <c r="B21515" t="s">
        <v>33516</v>
      </c>
      <c r="C21515">
        <v>2</v>
      </c>
      <c r="D21515">
        <v>0</v>
      </c>
    </row>
    <row r="21516" spans="1:4" x14ac:dyDescent="0.25">
      <c r="A21516" t="s">
        <v>33514</v>
      </c>
      <c r="B21516" t="s">
        <v>33517</v>
      </c>
      <c r="C21516">
        <v>0</v>
      </c>
      <c r="D21516">
        <v>0</v>
      </c>
    </row>
    <row r="21517" spans="1:4" x14ac:dyDescent="0.25">
      <c r="A21517" t="s">
        <v>33518</v>
      </c>
      <c r="B21517" t="s">
        <v>33519</v>
      </c>
      <c r="C21517">
        <v>1</v>
      </c>
      <c r="D21517">
        <v>0</v>
      </c>
    </row>
    <row r="21518" spans="1:4" x14ac:dyDescent="0.25">
      <c r="A21518" t="s">
        <v>33520</v>
      </c>
      <c r="B21518" t="s">
        <v>33521</v>
      </c>
      <c r="C21518">
        <v>1</v>
      </c>
      <c r="D21518">
        <v>0</v>
      </c>
    </row>
    <row r="21519" spans="1:4" x14ac:dyDescent="0.25">
      <c r="A21519" t="s">
        <v>33520</v>
      </c>
      <c r="B21519" t="s">
        <v>33522</v>
      </c>
      <c r="C21519">
        <v>1</v>
      </c>
      <c r="D21519">
        <v>0</v>
      </c>
    </row>
    <row r="21520" spans="1:4" x14ac:dyDescent="0.25">
      <c r="A21520" t="s">
        <v>33523</v>
      </c>
      <c r="B21520" t="s">
        <v>33524</v>
      </c>
      <c r="C21520">
        <v>1</v>
      </c>
      <c r="D21520">
        <v>0</v>
      </c>
    </row>
    <row r="21521" spans="1:4" x14ac:dyDescent="0.25">
      <c r="A21521" t="s">
        <v>33523</v>
      </c>
      <c r="B21521" t="s">
        <v>33525</v>
      </c>
      <c r="C21521">
        <v>0</v>
      </c>
      <c r="D21521">
        <v>0</v>
      </c>
    </row>
    <row r="21522" spans="1:4" x14ac:dyDescent="0.25">
      <c r="A21522" t="s">
        <v>33526</v>
      </c>
      <c r="B21522" t="s">
        <v>33527</v>
      </c>
      <c r="C21522">
        <v>2</v>
      </c>
      <c r="D21522">
        <v>0</v>
      </c>
    </row>
    <row r="21523" spans="1:4" x14ac:dyDescent="0.25">
      <c r="A21523" t="s">
        <v>33526</v>
      </c>
      <c r="B21523" t="s">
        <v>33528</v>
      </c>
      <c r="C21523">
        <v>2</v>
      </c>
      <c r="D21523">
        <v>0</v>
      </c>
    </row>
    <row r="21524" spans="1:4" x14ac:dyDescent="0.25">
      <c r="A21524" t="s">
        <v>33526</v>
      </c>
      <c r="B21524" t="s">
        <v>33529</v>
      </c>
      <c r="C21524">
        <v>2</v>
      </c>
      <c r="D21524">
        <v>0</v>
      </c>
    </row>
    <row r="21525" spans="1:4" x14ac:dyDescent="0.25">
      <c r="A21525" t="s">
        <v>33530</v>
      </c>
      <c r="B21525" t="s">
        <v>33531</v>
      </c>
      <c r="C21525">
        <v>1</v>
      </c>
      <c r="D21525">
        <v>0</v>
      </c>
    </row>
    <row r="21526" spans="1:4" x14ac:dyDescent="0.25">
      <c r="A21526" t="s">
        <v>33530</v>
      </c>
      <c r="B21526" t="s">
        <v>33532</v>
      </c>
      <c r="C21526">
        <v>0</v>
      </c>
      <c r="D21526">
        <v>0</v>
      </c>
    </row>
    <row r="21527" spans="1:4" x14ac:dyDescent="0.25">
      <c r="A21527" t="s">
        <v>33530</v>
      </c>
      <c r="B21527" t="s">
        <v>33533</v>
      </c>
      <c r="C21527">
        <v>1</v>
      </c>
      <c r="D21527">
        <v>0</v>
      </c>
    </row>
    <row r="21528" spans="1:4" x14ac:dyDescent="0.25">
      <c r="A21528" t="s">
        <v>33534</v>
      </c>
      <c r="B21528" t="s">
        <v>1938</v>
      </c>
      <c r="C21528">
        <v>0</v>
      </c>
      <c r="D21528">
        <v>0</v>
      </c>
    </row>
    <row r="21529" spans="1:4" x14ac:dyDescent="0.25">
      <c r="A21529" t="s">
        <v>33534</v>
      </c>
      <c r="B21529" t="s">
        <v>33535</v>
      </c>
      <c r="C21529">
        <v>1</v>
      </c>
      <c r="D21529">
        <v>0</v>
      </c>
    </row>
    <row r="21530" spans="1:4" x14ac:dyDescent="0.25">
      <c r="A21530" t="s">
        <v>33536</v>
      </c>
      <c r="B21530" t="s">
        <v>33537</v>
      </c>
      <c r="C21530">
        <v>2</v>
      </c>
      <c r="D21530">
        <v>0</v>
      </c>
    </row>
    <row r="21531" spans="1:4" x14ac:dyDescent="0.25">
      <c r="A21531" t="s">
        <v>33536</v>
      </c>
      <c r="B21531" t="s">
        <v>33538</v>
      </c>
      <c r="C21531">
        <v>2</v>
      </c>
      <c r="D21531">
        <v>0</v>
      </c>
    </row>
    <row r="21532" spans="1:4" x14ac:dyDescent="0.25">
      <c r="A21532" t="s">
        <v>33536</v>
      </c>
      <c r="B21532" t="s">
        <v>33539</v>
      </c>
      <c r="C21532">
        <v>0</v>
      </c>
      <c r="D21532">
        <v>0</v>
      </c>
    </row>
    <row r="21533" spans="1:4" x14ac:dyDescent="0.25">
      <c r="A21533" t="s">
        <v>33540</v>
      </c>
      <c r="B21533" t="s">
        <v>33541</v>
      </c>
      <c r="C21533">
        <v>0</v>
      </c>
      <c r="D21533">
        <v>0</v>
      </c>
    </row>
    <row r="21534" spans="1:4" x14ac:dyDescent="0.25">
      <c r="A21534" t="s">
        <v>33540</v>
      </c>
      <c r="B21534" t="s">
        <v>33542</v>
      </c>
      <c r="C21534">
        <v>2</v>
      </c>
      <c r="D21534">
        <v>0</v>
      </c>
    </row>
    <row r="21535" spans="1:4" x14ac:dyDescent="0.25">
      <c r="A21535" t="s">
        <v>33540</v>
      </c>
      <c r="B21535" t="s">
        <v>33543</v>
      </c>
      <c r="C21535">
        <v>2</v>
      </c>
      <c r="D21535">
        <v>0</v>
      </c>
    </row>
    <row r="21536" spans="1:4" x14ac:dyDescent="0.25">
      <c r="A21536" t="s">
        <v>33544</v>
      </c>
      <c r="B21536" t="s">
        <v>33545</v>
      </c>
      <c r="C21536">
        <v>1</v>
      </c>
      <c r="D21536">
        <v>0</v>
      </c>
    </row>
    <row r="21537" spans="1:4" x14ac:dyDescent="0.25">
      <c r="A21537" t="s">
        <v>33546</v>
      </c>
      <c r="B21537" t="s">
        <v>33547</v>
      </c>
      <c r="C21537">
        <v>0</v>
      </c>
      <c r="D21537">
        <v>0</v>
      </c>
    </row>
    <row r="21538" spans="1:4" x14ac:dyDescent="0.25">
      <c r="A21538" t="s">
        <v>33546</v>
      </c>
      <c r="B21538" t="s">
        <v>33548</v>
      </c>
      <c r="C21538">
        <v>0</v>
      </c>
      <c r="D21538">
        <v>0</v>
      </c>
    </row>
    <row r="21539" spans="1:4" x14ac:dyDescent="0.25">
      <c r="A21539" t="s">
        <v>33549</v>
      </c>
      <c r="B21539" t="s">
        <v>33550</v>
      </c>
      <c r="C21539">
        <v>0</v>
      </c>
      <c r="D21539">
        <v>0</v>
      </c>
    </row>
    <row r="21540" spans="1:4" x14ac:dyDescent="0.25">
      <c r="A21540" t="s">
        <v>33549</v>
      </c>
      <c r="B21540" t="s">
        <v>33551</v>
      </c>
      <c r="C21540">
        <v>0</v>
      </c>
      <c r="D21540">
        <v>0</v>
      </c>
    </row>
    <row r="21541" spans="1:4" x14ac:dyDescent="0.25">
      <c r="A21541" t="s">
        <v>33552</v>
      </c>
      <c r="B21541" t="s">
        <v>33553</v>
      </c>
      <c r="C21541">
        <v>0</v>
      </c>
      <c r="D21541">
        <v>0</v>
      </c>
    </row>
    <row r="21542" spans="1:4" x14ac:dyDescent="0.25">
      <c r="A21542" t="s">
        <v>33554</v>
      </c>
      <c r="B21542" t="s">
        <v>33555</v>
      </c>
      <c r="C21542">
        <v>0</v>
      </c>
      <c r="D21542">
        <v>0</v>
      </c>
    </row>
    <row r="21543" spans="1:4" x14ac:dyDescent="0.25">
      <c r="A21543" t="s">
        <v>33556</v>
      </c>
      <c r="B21543" t="s">
        <v>33557</v>
      </c>
      <c r="C21543">
        <v>2</v>
      </c>
      <c r="D21543">
        <v>0</v>
      </c>
    </row>
    <row r="21544" spans="1:4" x14ac:dyDescent="0.25">
      <c r="A21544" t="s">
        <v>33556</v>
      </c>
      <c r="B21544" t="s">
        <v>1001</v>
      </c>
      <c r="C21544">
        <v>1</v>
      </c>
      <c r="D21544">
        <v>0</v>
      </c>
    </row>
    <row r="21545" spans="1:4" x14ac:dyDescent="0.25">
      <c r="A21545" t="s">
        <v>33556</v>
      </c>
      <c r="B21545" t="s">
        <v>33558</v>
      </c>
      <c r="C21545">
        <v>1</v>
      </c>
      <c r="D21545">
        <v>0</v>
      </c>
    </row>
    <row r="21546" spans="1:4" x14ac:dyDescent="0.25">
      <c r="A21546" t="s">
        <v>33559</v>
      </c>
      <c r="B21546" t="s">
        <v>33560</v>
      </c>
      <c r="C21546">
        <v>1</v>
      </c>
      <c r="D21546">
        <v>0</v>
      </c>
    </row>
    <row r="21547" spans="1:4" x14ac:dyDescent="0.25">
      <c r="A21547" t="s">
        <v>33559</v>
      </c>
      <c r="B21547" t="s">
        <v>33561</v>
      </c>
      <c r="C21547">
        <v>1</v>
      </c>
      <c r="D21547">
        <v>0</v>
      </c>
    </row>
    <row r="21548" spans="1:4" x14ac:dyDescent="0.25">
      <c r="A21548" t="s">
        <v>33559</v>
      </c>
      <c r="B21548" t="s">
        <v>33562</v>
      </c>
      <c r="C21548">
        <v>1</v>
      </c>
      <c r="D21548">
        <v>0</v>
      </c>
    </row>
    <row r="21549" spans="1:4" x14ac:dyDescent="0.25">
      <c r="A21549" t="s">
        <v>33563</v>
      </c>
      <c r="B21549" t="s">
        <v>33564</v>
      </c>
      <c r="C21549">
        <v>1</v>
      </c>
      <c r="D21549">
        <v>0</v>
      </c>
    </row>
    <row r="21550" spans="1:4" x14ac:dyDescent="0.25">
      <c r="A21550" t="s">
        <v>33565</v>
      </c>
      <c r="B21550" t="s">
        <v>33566</v>
      </c>
      <c r="C21550">
        <v>0</v>
      </c>
      <c r="D21550">
        <v>0</v>
      </c>
    </row>
    <row r="21551" spans="1:4" x14ac:dyDescent="0.25">
      <c r="A21551" t="s">
        <v>33565</v>
      </c>
      <c r="B21551" t="s">
        <v>33567</v>
      </c>
      <c r="C21551">
        <v>0</v>
      </c>
      <c r="D21551">
        <v>0</v>
      </c>
    </row>
    <row r="21552" spans="1:4" x14ac:dyDescent="0.25">
      <c r="A21552" t="s">
        <v>33568</v>
      </c>
      <c r="B21552" t="s">
        <v>33569</v>
      </c>
      <c r="C21552">
        <v>2</v>
      </c>
      <c r="D21552">
        <v>0</v>
      </c>
    </row>
    <row r="21553" spans="1:4" x14ac:dyDescent="0.25">
      <c r="A21553" t="s">
        <v>33570</v>
      </c>
      <c r="B21553" t="s">
        <v>33571</v>
      </c>
      <c r="C21553">
        <v>0</v>
      </c>
      <c r="D21553">
        <v>0</v>
      </c>
    </row>
    <row r="21554" spans="1:4" x14ac:dyDescent="0.25">
      <c r="A21554" t="s">
        <v>33572</v>
      </c>
      <c r="B21554" t="s">
        <v>33573</v>
      </c>
      <c r="C21554">
        <v>0</v>
      </c>
      <c r="D21554">
        <v>0</v>
      </c>
    </row>
    <row r="21555" spans="1:4" x14ac:dyDescent="0.25">
      <c r="A21555" t="s">
        <v>33574</v>
      </c>
      <c r="B21555" t="s">
        <v>33575</v>
      </c>
      <c r="C21555">
        <v>0</v>
      </c>
      <c r="D21555">
        <v>0</v>
      </c>
    </row>
    <row r="21556" spans="1:4" x14ac:dyDescent="0.25">
      <c r="A21556" t="s">
        <v>33576</v>
      </c>
      <c r="B21556" t="s">
        <v>33577</v>
      </c>
      <c r="C21556">
        <v>0</v>
      </c>
      <c r="D21556">
        <v>0</v>
      </c>
    </row>
    <row r="21557" spans="1:4" x14ac:dyDescent="0.25">
      <c r="A21557" t="s">
        <v>33578</v>
      </c>
      <c r="B21557" t="s">
        <v>852</v>
      </c>
      <c r="C21557">
        <v>0</v>
      </c>
      <c r="D21557">
        <v>0</v>
      </c>
    </row>
    <row r="21558" spans="1:4" x14ac:dyDescent="0.25">
      <c r="A21558" t="s">
        <v>33578</v>
      </c>
      <c r="B21558" t="s">
        <v>33579</v>
      </c>
      <c r="C21558">
        <v>1</v>
      </c>
      <c r="D21558">
        <v>0</v>
      </c>
    </row>
    <row r="21559" spans="1:4" x14ac:dyDescent="0.25">
      <c r="A21559" t="s">
        <v>33578</v>
      </c>
      <c r="B21559" t="s">
        <v>33580</v>
      </c>
      <c r="C21559">
        <v>0</v>
      </c>
      <c r="D21559">
        <v>0</v>
      </c>
    </row>
    <row r="21560" spans="1:4" x14ac:dyDescent="0.25">
      <c r="A21560" t="s">
        <v>33581</v>
      </c>
      <c r="B21560" t="s">
        <v>2061</v>
      </c>
      <c r="C21560">
        <v>0</v>
      </c>
      <c r="D21560">
        <v>0</v>
      </c>
    </row>
    <row r="21561" spans="1:4" x14ac:dyDescent="0.25">
      <c r="A21561" t="s">
        <v>33582</v>
      </c>
      <c r="B21561" t="s">
        <v>33583</v>
      </c>
      <c r="C21561">
        <v>0</v>
      </c>
      <c r="D21561">
        <v>0</v>
      </c>
    </row>
    <row r="21562" spans="1:4" x14ac:dyDescent="0.25">
      <c r="A21562" t="s">
        <v>33582</v>
      </c>
      <c r="B21562" t="s">
        <v>33584</v>
      </c>
      <c r="C21562">
        <v>1</v>
      </c>
      <c r="D21562">
        <v>0</v>
      </c>
    </row>
    <row r="21563" spans="1:4" x14ac:dyDescent="0.25">
      <c r="A21563" t="s">
        <v>33582</v>
      </c>
      <c r="B21563" t="s">
        <v>33585</v>
      </c>
      <c r="C21563">
        <v>0</v>
      </c>
      <c r="D21563">
        <v>0</v>
      </c>
    </row>
    <row r="21564" spans="1:4" x14ac:dyDescent="0.25">
      <c r="A21564" t="s">
        <v>33586</v>
      </c>
      <c r="B21564" t="s">
        <v>33587</v>
      </c>
      <c r="C21564">
        <v>1</v>
      </c>
      <c r="D21564">
        <v>0</v>
      </c>
    </row>
    <row r="21565" spans="1:4" x14ac:dyDescent="0.25">
      <c r="A21565" t="s">
        <v>33588</v>
      </c>
      <c r="B21565" t="s">
        <v>33589</v>
      </c>
      <c r="C21565">
        <v>1</v>
      </c>
      <c r="D21565">
        <v>0</v>
      </c>
    </row>
    <row r="21566" spans="1:4" x14ac:dyDescent="0.25">
      <c r="A21566" t="s">
        <v>33588</v>
      </c>
      <c r="B21566" t="s">
        <v>33590</v>
      </c>
      <c r="C21566">
        <v>1</v>
      </c>
      <c r="D21566">
        <v>0</v>
      </c>
    </row>
    <row r="21567" spans="1:4" x14ac:dyDescent="0.25">
      <c r="A21567" t="s">
        <v>33591</v>
      </c>
      <c r="B21567" t="s">
        <v>33592</v>
      </c>
      <c r="C21567">
        <v>1</v>
      </c>
      <c r="D21567">
        <v>0</v>
      </c>
    </row>
    <row r="21568" spans="1:4" x14ac:dyDescent="0.25">
      <c r="A21568" t="s">
        <v>33591</v>
      </c>
      <c r="B21568" t="s">
        <v>33593</v>
      </c>
      <c r="C21568">
        <v>1</v>
      </c>
      <c r="D21568">
        <v>0</v>
      </c>
    </row>
    <row r="21569" spans="1:4" x14ac:dyDescent="0.25">
      <c r="A21569" t="s">
        <v>33594</v>
      </c>
      <c r="B21569" t="s">
        <v>33595</v>
      </c>
      <c r="C21569">
        <v>1</v>
      </c>
      <c r="D21569">
        <v>0</v>
      </c>
    </row>
    <row r="21570" spans="1:4" x14ac:dyDescent="0.25">
      <c r="A21570" t="s">
        <v>33594</v>
      </c>
      <c r="B21570" t="s">
        <v>33596</v>
      </c>
      <c r="C21570">
        <v>0</v>
      </c>
      <c r="D21570">
        <v>0</v>
      </c>
    </row>
    <row r="21571" spans="1:4" x14ac:dyDescent="0.25">
      <c r="A21571" t="s">
        <v>33594</v>
      </c>
      <c r="B21571" t="s">
        <v>33597</v>
      </c>
      <c r="C21571">
        <v>2</v>
      </c>
      <c r="D21571">
        <v>0</v>
      </c>
    </row>
    <row r="21572" spans="1:4" x14ac:dyDescent="0.25">
      <c r="A21572" t="s">
        <v>33598</v>
      </c>
      <c r="B21572" t="s">
        <v>33599</v>
      </c>
      <c r="C21572">
        <v>1</v>
      </c>
      <c r="D21572">
        <v>0</v>
      </c>
    </row>
    <row r="21573" spans="1:4" x14ac:dyDescent="0.25">
      <c r="A21573" t="s">
        <v>33598</v>
      </c>
      <c r="B21573" t="s">
        <v>33600</v>
      </c>
      <c r="C21573">
        <v>1</v>
      </c>
      <c r="D21573">
        <v>0</v>
      </c>
    </row>
    <row r="21574" spans="1:4" x14ac:dyDescent="0.25">
      <c r="A21574" t="s">
        <v>33601</v>
      </c>
      <c r="B21574" t="s">
        <v>33602</v>
      </c>
      <c r="C21574">
        <v>1</v>
      </c>
      <c r="D21574">
        <v>0</v>
      </c>
    </row>
    <row r="21575" spans="1:4" x14ac:dyDescent="0.25">
      <c r="A21575" t="s">
        <v>33603</v>
      </c>
      <c r="B21575" t="s">
        <v>33604</v>
      </c>
      <c r="C21575">
        <v>0</v>
      </c>
      <c r="D21575">
        <v>0</v>
      </c>
    </row>
    <row r="21576" spans="1:4" x14ac:dyDescent="0.25">
      <c r="A21576" t="s">
        <v>33605</v>
      </c>
      <c r="B21576" t="s">
        <v>33606</v>
      </c>
      <c r="C21576">
        <v>1</v>
      </c>
      <c r="D21576">
        <v>0</v>
      </c>
    </row>
    <row r="21577" spans="1:4" x14ac:dyDescent="0.25">
      <c r="A21577" t="s">
        <v>33605</v>
      </c>
      <c r="B21577" t="s">
        <v>33607</v>
      </c>
      <c r="C21577">
        <v>2</v>
      </c>
      <c r="D21577">
        <v>0</v>
      </c>
    </row>
    <row r="21578" spans="1:4" x14ac:dyDescent="0.25">
      <c r="A21578" t="s">
        <v>33605</v>
      </c>
      <c r="B21578" t="s">
        <v>33608</v>
      </c>
      <c r="C21578">
        <v>2</v>
      </c>
      <c r="D21578">
        <v>0</v>
      </c>
    </row>
    <row r="21579" spans="1:4" x14ac:dyDescent="0.25">
      <c r="A21579" t="s">
        <v>33609</v>
      </c>
      <c r="B21579" t="s">
        <v>33610</v>
      </c>
      <c r="C21579">
        <v>1</v>
      </c>
      <c r="D21579">
        <v>0</v>
      </c>
    </row>
    <row r="21580" spans="1:4" x14ac:dyDescent="0.25">
      <c r="A21580" t="s">
        <v>33611</v>
      </c>
      <c r="B21580" t="s">
        <v>33612</v>
      </c>
      <c r="C21580">
        <v>1</v>
      </c>
      <c r="D21580">
        <v>0</v>
      </c>
    </row>
    <row r="21581" spans="1:4" x14ac:dyDescent="0.25">
      <c r="A21581" t="s">
        <v>33613</v>
      </c>
      <c r="B21581" t="s">
        <v>33614</v>
      </c>
      <c r="C21581">
        <v>1</v>
      </c>
      <c r="D21581">
        <v>0</v>
      </c>
    </row>
    <row r="21582" spans="1:4" x14ac:dyDescent="0.25">
      <c r="A21582" t="s">
        <v>33615</v>
      </c>
      <c r="B21582" t="s">
        <v>33616</v>
      </c>
      <c r="C21582">
        <v>1</v>
      </c>
      <c r="D21582">
        <v>0</v>
      </c>
    </row>
    <row r="21583" spans="1:4" x14ac:dyDescent="0.25">
      <c r="A21583" t="s">
        <v>33615</v>
      </c>
      <c r="B21583" t="s">
        <v>33617</v>
      </c>
      <c r="C21583">
        <v>0</v>
      </c>
      <c r="D21583">
        <v>0</v>
      </c>
    </row>
    <row r="21584" spans="1:4" x14ac:dyDescent="0.25">
      <c r="A21584" t="s">
        <v>33615</v>
      </c>
      <c r="B21584" t="s">
        <v>33618</v>
      </c>
      <c r="C21584">
        <v>1</v>
      </c>
      <c r="D21584">
        <v>0</v>
      </c>
    </row>
    <row r="21585" spans="1:4" x14ac:dyDescent="0.25">
      <c r="A21585" t="s">
        <v>33619</v>
      </c>
      <c r="B21585" t="s">
        <v>33620</v>
      </c>
      <c r="C21585">
        <v>0</v>
      </c>
      <c r="D21585">
        <v>0</v>
      </c>
    </row>
    <row r="21586" spans="1:4" x14ac:dyDescent="0.25">
      <c r="A21586" t="s">
        <v>33619</v>
      </c>
      <c r="B21586" t="s">
        <v>33621</v>
      </c>
      <c r="C21586">
        <v>1</v>
      </c>
      <c r="D21586">
        <v>0</v>
      </c>
    </row>
    <row r="21587" spans="1:4" x14ac:dyDescent="0.25">
      <c r="A21587" t="s">
        <v>33622</v>
      </c>
      <c r="B21587" t="s">
        <v>33623</v>
      </c>
      <c r="C21587">
        <v>2</v>
      </c>
      <c r="D21587">
        <v>0</v>
      </c>
    </row>
    <row r="21588" spans="1:4" x14ac:dyDescent="0.25">
      <c r="A21588" t="s">
        <v>33622</v>
      </c>
      <c r="B21588" t="s">
        <v>33624</v>
      </c>
      <c r="C21588">
        <v>0</v>
      </c>
      <c r="D21588">
        <v>0</v>
      </c>
    </row>
    <row r="21589" spans="1:4" x14ac:dyDescent="0.25">
      <c r="A21589" t="s">
        <v>33622</v>
      </c>
      <c r="B21589" t="s">
        <v>33625</v>
      </c>
      <c r="C21589">
        <v>2</v>
      </c>
      <c r="D21589">
        <v>0</v>
      </c>
    </row>
    <row r="21590" spans="1:4" x14ac:dyDescent="0.25">
      <c r="A21590" t="s">
        <v>33626</v>
      </c>
      <c r="B21590" t="s">
        <v>33627</v>
      </c>
      <c r="C21590">
        <v>1</v>
      </c>
      <c r="D21590">
        <v>0</v>
      </c>
    </row>
    <row r="21591" spans="1:4" x14ac:dyDescent="0.25">
      <c r="A21591" t="s">
        <v>33628</v>
      </c>
      <c r="B21591" t="s">
        <v>33629</v>
      </c>
      <c r="C21591">
        <v>2</v>
      </c>
      <c r="D21591">
        <v>0</v>
      </c>
    </row>
    <row r="21592" spans="1:4" x14ac:dyDescent="0.25">
      <c r="A21592" t="s">
        <v>33628</v>
      </c>
      <c r="B21592" t="s">
        <v>33630</v>
      </c>
      <c r="C21592">
        <v>1</v>
      </c>
      <c r="D21592">
        <v>0</v>
      </c>
    </row>
    <row r="21593" spans="1:4" x14ac:dyDescent="0.25">
      <c r="A21593" t="s">
        <v>33631</v>
      </c>
      <c r="B21593" t="s">
        <v>33632</v>
      </c>
      <c r="C21593">
        <v>1</v>
      </c>
      <c r="D21593">
        <v>0</v>
      </c>
    </row>
    <row r="21594" spans="1:4" x14ac:dyDescent="0.25">
      <c r="A21594" t="s">
        <v>33631</v>
      </c>
      <c r="B21594" t="s">
        <v>1246</v>
      </c>
      <c r="C21594">
        <v>0</v>
      </c>
      <c r="D21594">
        <v>0</v>
      </c>
    </row>
    <row r="21595" spans="1:4" x14ac:dyDescent="0.25">
      <c r="A21595" t="s">
        <v>33633</v>
      </c>
      <c r="B21595" t="s">
        <v>33634</v>
      </c>
      <c r="C21595">
        <v>1</v>
      </c>
      <c r="D21595">
        <v>0</v>
      </c>
    </row>
    <row r="21596" spans="1:4" x14ac:dyDescent="0.25">
      <c r="A21596" t="s">
        <v>33633</v>
      </c>
      <c r="B21596" t="s">
        <v>33635</v>
      </c>
      <c r="C21596">
        <v>1</v>
      </c>
      <c r="D21596">
        <v>0</v>
      </c>
    </row>
    <row r="21597" spans="1:4" x14ac:dyDescent="0.25">
      <c r="A21597" t="s">
        <v>33636</v>
      </c>
      <c r="B21597" t="s">
        <v>33637</v>
      </c>
      <c r="C21597">
        <v>0</v>
      </c>
      <c r="D21597">
        <v>0</v>
      </c>
    </row>
    <row r="21598" spans="1:4" x14ac:dyDescent="0.25">
      <c r="A21598" t="s">
        <v>33636</v>
      </c>
      <c r="B21598" t="s">
        <v>33638</v>
      </c>
      <c r="C21598">
        <v>0</v>
      </c>
      <c r="D21598">
        <v>0</v>
      </c>
    </row>
    <row r="21599" spans="1:4" x14ac:dyDescent="0.25">
      <c r="A21599" t="s">
        <v>33636</v>
      </c>
      <c r="B21599" t="s">
        <v>33639</v>
      </c>
      <c r="C21599">
        <v>0</v>
      </c>
      <c r="D21599">
        <v>0</v>
      </c>
    </row>
    <row r="21600" spans="1:4" x14ac:dyDescent="0.25">
      <c r="A21600" t="s">
        <v>33640</v>
      </c>
      <c r="B21600" t="s">
        <v>33641</v>
      </c>
      <c r="C21600">
        <v>1</v>
      </c>
      <c r="D21600">
        <v>0</v>
      </c>
    </row>
    <row r="21601" spans="1:4" x14ac:dyDescent="0.25">
      <c r="A21601" t="s">
        <v>33642</v>
      </c>
      <c r="B21601" t="s">
        <v>33643</v>
      </c>
      <c r="C21601">
        <v>1</v>
      </c>
      <c r="D21601">
        <v>0</v>
      </c>
    </row>
    <row r="21602" spans="1:4" x14ac:dyDescent="0.25">
      <c r="A21602" t="s">
        <v>33642</v>
      </c>
      <c r="B21602" t="s">
        <v>33644</v>
      </c>
      <c r="C21602">
        <v>1</v>
      </c>
      <c r="D21602">
        <v>0</v>
      </c>
    </row>
    <row r="21603" spans="1:4" x14ac:dyDescent="0.25">
      <c r="A21603" t="s">
        <v>33642</v>
      </c>
      <c r="B21603" t="s">
        <v>33645</v>
      </c>
      <c r="C21603">
        <v>1</v>
      </c>
      <c r="D21603">
        <v>0</v>
      </c>
    </row>
    <row r="21604" spans="1:4" x14ac:dyDescent="0.25">
      <c r="A21604" t="s">
        <v>33646</v>
      </c>
      <c r="B21604" t="s">
        <v>33647</v>
      </c>
      <c r="C21604">
        <v>0</v>
      </c>
      <c r="D21604">
        <v>0</v>
      </c>
    </row>
    <row r="21605" spans="1:4" x14ac:dyDescent="0.25">
      <c r="A21605" t="s">
        <v>33646</v>
      </c>
      <c r="B21605" t="s">
        <v>33648</v>
      </c>
      <c r="C21605">
        <v>1</v>
      </c>
      <c r="D21605">
        <v>0</v>
      </c>
    </row>
    <row r="21606" spans="1:4" x14ac:dyDescent="0.25">
      <c r="A21606" t="s">
        <v>33649</v>
      </c>
      <c r="B21606" t="s">
        <v>33650</v>
      </c>
      <c r="C21606">
        <v>0</v>
      </c>
      <c r="D21606">
        <v>0</v>
      </c>
    </row>
    <row r="21607" spans="1:4" x14ac:dyDescent="0.25">
      <c r="A21607" t="s">
        <v>33651</v>
      </c>
      <c r="B21607" t="s">
        <v>33652</v>
      </c>
      <c r="C21607">
        <v>1</v>
      </c>
      <c r="D21607">
        <v>0</v>
      </c>
    </row>
    <row r="21608" spans="1:4" x14ac:dyDescent="0.25">
      <c r="A21608" t="s">
        <v>33651</v>
      </c>
      <c r="B21608" t="s">
        <v>33653</v>
      </c>
      <c r="C21608">
        <v>1</v>
      </c>
      <c r="D21608">
        <v>0</v>
      </c>
    </row>
    <row r="21609" spans="1:4" x14ac:dyDescent="0.25">
      <c r="A21609" t="s">
        <v>33651</v>
      </c>
      <c r="B21609" t="s">
        <v>33654</v>
      </c>
      <c r="C21609">
        <v>1</v>
      </c>
      <c r="D21609">
        <v>0</v>
      </c>
    </row>
    <row r="21610" spans="1:4" x14ac:dyDescent="0.25">
      <c r="A21610" t="s">
        <v>33655</v>
      </c>
      <c r="B21610" t="s">
        <v>31885</v>
      </c>
      <c r="C21610">
        <v>1</v>
      </c>
      <c r="D21610">
        <v>0</v>
      </c>
    </row>
    <row r="21611" spans="1:4" x14ac:dyDescent="0.25">
      <c r="A21611" t="s">
        <v>33656</v>
      </c>
      <c r="B21611" t="s">
        <v>33657</v>
      </c>
      <c r="C21611">
        <v>0</v>
      </c>
      <c r="D21611">
        <v>0</v>
      </c>
    </row>
    <row r="21612" spans="1:4" x14ac:dyDescent="0.25">
      <c r="A21612" t="s">
        <v>33658</v>
      </c>
      <c r="B21612" t="s">
        <v>4349</v>
      </c>
      <c r="C21612">
        <v>1</v>
      </c>
      <c r="D21612">
        <v>0</v>
      </c>
    </row>
    <row r="21613" spans="1:4" x14ac:dyDescent="0.25">
      <c r="A21613" t="s">
        <v>33659</v>
      </c>
      <c r="B21613" t="s">
        <v>33660</v>
      </c>
      <c r="C21613">
        <v>0</v>
      </c>
      <c r="D21613">
        <v>0</v>
      </c>
    </row>
    <row r="21614" spans="1:4" x14ac:dyDescent="0.25">
      <c r="A21614" t="s">
        <v>33661</v>
      </c>
      <c r="B21614" t="s">
        <v>5128</v>
      </c>
      <c r="C21614">
        <v>0</v>
      </c>
      <c r="D21614">
        <v>0</v>
      </c>
    </row>
    <row r="21615" spans="1:4" x14ac:dyDescent="0.25">
      <c r="A21615" t="s">
        <v>33661</v>
      </c>
      <c r="B21615" t="s">
        <v>33662</v>
      </c>
      <c r="C21615">
        <v>1</v>
      </c>
      <c r="D21615">
        <v>0</v>
      </c>
    </row>
    <row r="21616" spans="1:4" x14ac:dyDescent="0.25">
      <c r="A21616" t="s">
        <v>33663</v>
      </c>
      <c r="B21616" t="s">
        <v>33664</v>
      </c>
      <c r="C21616">
        <v>0</v>
      </c>
      <c r="D21616">
        <v>0</v>
      </c>
    </row>
    <row r="21617" spans="1:4" x14ac:dyDescent="0.25">
      <c r="A21617" t="s">
        <v>33665</v>
      </c>
      <c r="B21617" t="s">
        <v>33666</v>
      </c>
      <c r="C21617">
        <v>0</v>
      </c>
      <c r="D21617">
        <v>0</v>
      </c>
    </row>
    <row r="21618" spans="1:4" x14ac:dyDescent="0.25">
      <c r="A21618" t="s">
        <v>33667</v>
      </c>
      <c r="B21618" t="s">
        <v>33668</v>
      </c>
      <c r="C21618">
        <v>2</v>
      </c>
      <c r="D21618">
        <v>0</v>
      </c>
    </row>
    <row r="21619" spans="1:4" x14ac:dyDescent="0.25">
      <c r="A21619" t="s">
        <v>33667</v>
      </c>
      <c r="B21619" t="s">
        <v>33669</v>
      </c>
      <c r="C21619">
        <v>1</v>
      </c>
      <c r="D21619">
        <v>0</v>
      </c>
    </row>
    <row r="21620" spans="1:4" x14ac:dyDescent="0.25">
      <c r="A21620" t="s">
        <v>33667</v>
      </c>
      <c r="B21620" t="s">
        <v>33670</v>
      </c>
      <c r="C21620">
        <v>0</v>
      </c>
      <c r="D21620">
        <v>0</v>
      </c>
    </row>
    <row r="21621" spans="1:4" x14ac:dyDescent="0.25">
      <c r="A21621" t="s">
        <v>33671</v>
      </c>
      <c r="B21621" t="s">
        <v>33672</v>
      </c>
      <c r="C21621">
        <v>2</v>
      </c>
      <c r="D21621">
        <v>0</v>
      </c>
    </row>
    <row r="21622" spans="1:4" x14ac:dyDescent="0.25">
      <c r="A21622" t="s">
        <v>33673</v>
      </c>
      <c r="B21622" t="s">
        <v>33674</v>
      </c>
      <c r="C21622">
        <v>0</v>
      </c>
      <c r="D21622">
        <v>0</v>
      </c>
    </row>
    <row r="21623" spans="1:4" x14ac:dyDescent="0.25">
      <c r="A21623" t="s">
        <v>33673</v>
      </c>
      <c r="B21623" t="s">
        <v>816</v>
      </c>
      <c r="C21623">
        <v>1</v>
      </c>
      <c r="D21623">
        <v>0</v>
      </c>
    </row>
    <row r="21624" spans="1:4" x14ac:dyDescent="0.25">
      <c r="A21624" t="s">
        <v>33673</v>
      </c>
      <c r="B21624" t="s">
        <v>33675</v>
      </c>
      <c r="C21624">
        <v>2</v>
      </c>
      <c r="D21624">
        <v>0</v>
      </c>
    </row>
    <row r="21625" spans="1:4" x14ac:dyDescent="0.25">
      <c r="A21625" t="s">
        <v>33676</v>
      </c>
      <c r="B21625" t="s">
        <v>1294</v>
      </c>
      <c r="C21625">
        <v>1</v>
      </c>
      <c r="D21625">
        <v>0</v>
      </c>
    </row>
    <row r="21626" spans="1:4" x14ac:dyDescent="0.25">
      <c r="A21626" t="s">
        <v>33677</v>
      </c>
      <c r="B21626" t="s">
        <v>33678</v>
      </c>
      <c r="C21626">
        <v>1</v>
      </c>
      <c r="D21626">
        <v>0</v>
      </c>
    </row>
    <row r="21627" spans="1:4" x14ac:dyDescent="0.25">
      <c r="A21627" t="s">
        <v>33677</v>
      </c>
      <c r="B21627" t="s">
        <v>33679</v>
      </c>
      <c r="C21627">
        <v>0</v>
      </c>
      <c r="D21627">
        <v>0</v>
      </c>
    </row>
    <row r="21628" spans="1:4" x14ac:dyDescent="0.25">
      <c r="A21628" t="s">
        <v>33680</v>
      </c>
      <c r="B21628" t="s">
        <v>33681</v>
      </c>
      <c r="C21628">
        <v>0</v>
      </c>
      <c r="D21628">
        <v>0</v>
      </c>
    </row>
    <row r="21629" spans="1:4" x14ac:dyDescent="0.25">
      <c r="A21629" t="s">
        <v>33680</v>
      </c>
      <c r="B21629" t="s">
        <v>33682</v>
      </c>
      <c r="C21629">
        <v>1</v>
      </c>
      <c r="D21629">
        <v>0</v>
      </c>
    </row>
    <row r="21630" spans="1:4" x14ac:dyDescent="0.25">
      <c r="A21630" t="s">
        <v>33683</v>
      </c>
      <c r="B21630" t="s">
        <v>1246</v>
      </c>
      <c r="C21630">
        <v>0</v>
      </c>
      <c r="D21630">
        <v>0</v>
      </c>
    </row>
    <row r="21631" spans="1:4" x14ac:dyDescent="0.25">
      <c r="A21631" t="s">
        <v>33684</v>
      </c>
      <c r="B21631" t="s">
        <v>33685</v>
      </c>
      <c r="C21631">
        <v>1</v>
      </c>
      <c r="D21631">
        <v>0</v>
      </c>
    </row>
    <row r="21632" spans="1:4" x14ac:dyDescent="0.25">
      <c r="A21632" t="s">
        <v>33686</v>
      </c>
      <c r="B21632" t="s">
        <v>33687</v>
      </c>
      <c r="C21632">
        <v>1</v>
      </c>
      <c r="D21632">
        <v>0</v>
      </c>
    </row>
    <row r="21633" spans="1:4" x14ac:dyDescent="0.25">
      <c r="A21633" t="s">
        <v>33686</v>
      </c>
      <c r="B21633" t="s">
        <v>33688</v>
      </c>
      <c r="C21633">
        <v>0</v>
      </c>
      <c r="D21633">
        <v>0</v>
      </c>
    </row>
    <row r="21634" spans="1:4" x14ac:dyDescent="0.25">
      <c r="A21634" t="s">
        <v>33686</v>
      </c>
      <c r="B21634" t="s">
        <v>33689</v>
      </c>
      <c r="C21634">
        <v>2</v>
      </c>
      <c r="D21634">
        <v>0</v>
      </c>
    </row>
    <row r="21635" spans="1:4" x14ac:dyDescent="0.25">
      <c r="A21635" t="s">
        <v>33690</v>
      </c>
      <c r="B21635" t="s">
        <v>1246</v>
      </c>
      <c r="C21635">
        <v>0</v>
      </c>
      <c r="D21635">
        <v>0</v>
      </c>
    </row>
    <row r="21636" spans="1:4" x14ac:dyDescent="0.25">
      <c r="A21636" t="s">
        <v>33690</v>
      </c>
      <c r="B21636" t="s">
        <v>33691</v>
      </c>
      <c r="C21636">
        <v>2</v>
      </c>
      <c r="D21636">
        <v>0</v>
      </c>
    </row>
    <row r="21637" spans="1:4" x14ac:dyDescent="0.25">
      <c r="A21637" t="s">
        <v>33690</v>
      </c>
      <c r="B21637" t="s">
        <v>33692</v>
      </c>
      <c r="C21637">
        <v>2</v>
      </c>
      <c r="D21637">
        <v>0</v>
      </c>
    </row>
    <row r="21638" spans="1:4" x14ac:dyDescent="0.25">
      <c r="A21638" t="s">
        <v>33693</v>
      </c>
      <c r="B21638" t="s">
        <v>33694</v>
      </c>
      <c r="C21638">
        <v>1</v>
      </c>
      <c r="D21638">
        <v>0</v>
      </c>
    </row>
    <row r="21639" spans="1:4" x14ac:dyDescent="0.25">
      <c r="A21639" t="s">
        <v>33693</v>
      </c>
      <c r="B21639" t="s">
        <v>33695</v>
      </c>
      <c r="C21639">
        <v>1</v>
      </c>
      <c r="D21639">
        <v>0</v>
      </c>
    </row>
    <row r="21640" spans="1:4" x14ac:dyDescent="0.25">
      <c r="A21640" t="s">
        <v>33696</v>
      </c>
      <c r="B21640" t="s">
        <v>33507</v>
      </c>
      <c r="C21640">
        <v>0</v>
      </c>
      <c r="D21640">
        <v>0</v>
      </c>
    </row>
    <row r="21641" spans="1:4" x14ac:dyDescent="0.25">
      <c r="A21641" t="s">
        <v>33696</v>
      </c>
      <c r="B21641" t="s">
        <v>33697</v>
      </c>
      <c r="C21641">
        <v>1</v>
      </c>
      <c r="D21641">
        <v>0</v>
      </c>
    </row>
    <row r="21642" spans="1:4" x14ac:dyDescent="0.25">
      <c r="A21642" t="s">
        <v>33698</v>
      </c>
      <c r="B21642" t="s">
        <v>33699</v>
      </c>
      <c r="C21642">
        <v>2</v>
      </c>
      <c r="D21642">
        <v>0</v>
      </c>
    </row>
    <row r="21643" spans="1:4" x14ac:dyDescent="0.25">
      <c r="A21643" t="s">
        <v>33698</v>
      </c>
      <c r="B21643" t="s">
        <v>33700</v>
      </c>
      <c r="C21643">
        <v>2</v>
      </c>
      <c r="D21643">
        <v>0</v>
      </c>
    </row>
    <row r="21644" spans="1:4" x14ac:dyDescent="0.25">
      <c r="A21644" t="s">
        <v>33698</v>
      </c>
      <c r="B21644" t="s">
        <v>33701</v>
      </c>
      <c r="C21644">
        <v>1</v>
      </c>
      <c r="D21644">
        <v>0</v>
      </c>
    </row>
    <row r="21645" spans="1:4" x14ac:dyDescent="0.25">
      <c r="A21645" t="s">
        <v>33702</v>
      </c>
      <c r="B21645" t="s">
        <v>1570</v>
      </c>
      <c r="C21645">
        <v>1</v>
      </c>
      <c r="D21645">
        <v>0</v>
      </c>
    </row>
    <row r="21646" spans="1:4" x14ac:dyDescent="0.25">
      <c r="A21646" t="s">
        <v>33703</v>
      </c>
      <c r="B21646" t="s">
        <v>33704</v>
      </c>
      <c r="C21646">
        <v>0</v>
      </c>
      <c r="D21646">
        <v>0</v>
      </c>
    </row>
    <row r="21647" spans="1:4" x14ac:dyDescent="0.25">
      <c r="A21647" t="s">
        <v>33705</v>
      </c>
      <c r="B21647" t="s">
        <v>33706</v>
      </c>
      <c r="C21647">
        <v>1</v>
      </c>
      <c r="D21647">
        <v>0</v>
      </c>
    </row>
    <row r="21648" spans="1:4" x14ac:dyDescent="0.25">
      <c r="A21648" t="s">
        <v>33705</v>
      </c>
      <c r="B21648" t="s">
        <v>33707</v>
      </c>
      <c r="C21648">
        <v>1</v>
      </c>
      <c r="D21648">
        <v>0</v>
      </c>
    </row>
    <row r="21649" spans="1:4" x14ac:dyDescent="0.25">
      <c r="A21649" t="s">
        <v>33708</v>
      </c>
      <c r="B21649" t="s">
        <v>33709</v>
      </c>
      <c r="C21649">
        <v>2</v>
      </c>
      <c r="D21649">
        <v>0</v>
      </c>
    </row>
    <row r="21650" spans="1:4" x14ac:dyDescent="0.25">
      <c r="A21650" t="s">
        <v>33710</v>
      </c>
      <c r="B21650" t="s">
        <v>33711</v>
      </c>
      <c r="C21650">
        <v>1</v>
      </c>
      <c r="D21650">
        <v>0</v>
      </c>
    </row>
    <row r="21651" spans="1:4" x14ac:dyDescent="0.25">
      <c r="A21651" t="s">
        <v>33710</v>
      </c>
      <c r="B21651" t="s">
        <v>33712</v>
      </c>
      <c r="C21651">
        <v>1</v>
      </c>
      <c r="D21651">
        <v>0</v>
      </c>
    </row>
    <row r="21652" spans="1:4" x14ac:dyDescent="0.25">
      <c r="A21652" t="s">
        <v>33713</v>
      </c>
      <c r="B21652" t="s">
        <v>33714</v>
      </c>
      <c r="C21652">
        <v>0</v>
      </c>
      <c r="D21652">
        <v>0</v>
      </c>
    </row>
    <row r="21653" spans="1:4" x14ac:dyDescent="0.25">
      <c r="A21653" t="s">
        <v>33715</v>
      </c>
      <c r="B21653" t="s">
        <v>33716</v>
      </c>
      <c r="C21653">
        <v>2</v>
      </c>
      <c r="D21653">
        <v>0</v>
      </c>
    </row>
    <row r="21654" spans="1:4" x14ac:dyDescent="0.25">
      <c r="A21654" t="s">
        <v>33715</v>
      </c>
      <c r="B21654" t="s">
        <v>33717</v>
      </c>
      <c r="C21654">
        <v>0</v>
      </c>
      <c r="D21654">
        <v>0</v>
      </c>
    </row>
    <row r="21655" spans="1:4" x14ac:dyDescent="0.25">
      <c r="A21655" t="s">
        <v>33715</v>
      </c>
      <c r="B21655" t="s">
        <v>33718</v>
      </c>
      <c r="C21655">
        <v>1</v>
      </c>
      <c r="D21655">
        <v>0</v>
      </c>
    </row>
    <row r="21656" spans="1:4" x14ac:dyDescent="0.25">
      <c r="A21656" t="s">
        <v>33719</v>
      </c>
      <c r="B21656" t="s">
        <v>398</v>
      </c>
      <c r="C21656">
        <v>0</v>
      </c>
      <c r="D21656">
        <v>0</v>
      </c>
    </row>
    <row r="21657" spans="1:4" x14ac:dyDescent="0.25">
      <c r="A21657" t="s">
        <v>33720</v>
      </c>
      <c r="B21657" t="s">
        <v>3195</v>
      </c>
      <c r="C21657">
        <v>1</v>
      </c>
      <c r="D21657">
        <v>0</v>
      </c>
    </row>
    <row r="21658" spans="1:4" x14ac:dyDescent="0.25">
      <c r="A21658" t="s">
        <v>33720</v>
      </c>
      <c r="B21658" t="s">
        <v>33721</v>
      </c>
      <c r="C21658">
        <v>0</v>
      </c>
      <c r="D21658">
        <v>0</v>
      </c>
    </row>
    <row r="21659" spans="1:4" x14ac:dyDescent="0.25">
      <c r="A21659" t="s">
        <v>33722</v>
      </c>
      <c r="B21659" t="s">
        <v>33723</v>
      </c>
      <c r="C21659">
        <v>1</v>
      </c>
      <c r="D21659">
        <v>0</v>
      </c>
    </row>
    <row r="21660" spans="1:4" x14ac:dyDescent="0.25">
      <c r="A21660" t="s">
        <v>33724</v>
      </c>
      <c r="B21660" t="s">
        <v>33725</v>
      </c>
      <c r="C21660">
        <v>0</v>
      </c>
      <c r="D21660">
        <v>0</v>
      </c>
    </row>
    <row r="21661" spans="1:4" x14ac:dyDescent="0.25">
      <c r="A21661" t="s">
        <v>33726</v>
      </c>
      <c r="B21661" t="s">
        <v>1526</v>
      </c>
      <c r="C21661">
        <v>1</v>
      </c>
      <c r="D21661">
        <v>0</v>
      </c>
    </row>
    <row r="21662" spans="1:4" x14ac:dyDescent="0.25">
      <c r="A21662" t="s">
        <v>33726</v>
      </c>
      <c r="B21662" t="s">
        <v>29843</v>
      </c>
      <c r="C21662">
        <v>1</v>
      </c>
      <c r="D21662">
        <v>0</v>
      </c>
    </row>
    <row r="21663" spans="1:4" x14ac:dyDescent="0.25">
      <c r="A21663" t="s">
        <v>33727</v>
      </c>
      <c r="B21663" t="s">
        <v>33728</v>
      </c>
      <c r="C21663">
        <v>1</v>
      </c>
      <c r="D21663">
        <v>0</v>
      </c>
    </row>
    <row r="21664" spans="1:4" x14ac:dyDescent="0.25">
      <c r="A21664" t="s">
        <v>33729</v>
      </c>
      <c r="B21664" t="s">
        <v>33730</v>
      </c>
      <c r="C21664">
        <v>2</v>
      </c>
      <c r="D21664">
        <v>0</v>
      </c>
    </row>
    <row r="21665" spans="1:4" x14ac:dyDescent="0.25">
      <c r="A21665" t="s">
        <v>33729</v>
      </c>
      <c r="B21665" t="s">
        <v>33731</v>
      </c>
      <c r="C21665">
        <v>0</v>
      </c>
      <c r="D21665">
        <v>0</v>
      </c>
    </row>
    <row r="21666" spans="1:4" x14ac:dyDescent="0.25">
      <c r="A21666" t="s">
        <v>33729</v>
      </c>
      <c r="B21666" t="s">
        <v>33732</v>
      </c>
      <c r="C21666">
        <v>1</v>
      </c>
      <c r="D21666">
        <v>0</v>
      </c>
    </row>
    <row r="21667" spans="1:4" x14ac:dyDescent="0.25">
      <c r="A21667" t="s">
        <v>33733</v>
      </c>
      <c r="B21667" t="s">
        <v>33734</v>
      </c>
      <c r="C21667">
        <v>1</v>
      </c>
      <c r="D21667">
        <v>0</v>
      </c>
    </row>
    <row r="21668" spans="1:4" x14ac:dyDescent="0.25">
      <c r="A21668" t="s">
        <v>33735</v>
      </c>
      <c r="B21668" t="s">
        <v>33736</v>
      </c>
      <c r="C21668">
        <v>2</v>
      </c>
      <c r="D21668">
        <v>0</v>
      </c>
    </row>
    <row r="21669" spans="1:4" x14ac:dyDescent="0.25">
      <c r="A21669" t="s">
        <v>33735</v>
      </c>
      <c r="B21669" t="s">
        <v>33737</v>
      </c>
      <c r="C21669">
        <v>2</v>
      </c>
      <c r="D21669">
        <v>0</v>
      </c>
    </row>
    <row r="21670" spans="1:4" x14ac:dyDescent="0.25">
      <c r="A21670" t="s">
        <v>33735</v>
      </c>
      <c r="B21670" t="s">
        <v>33738</v>
      </c>
      <c r="C21670">
        <v>0</v>
      </c>
      <c r="D21670">
        <v>0</v>
      </c>
    </row>
    <row r="21671" spans="1:4" x14ac:dyDescent="0.25">
      <c r="A21671" t="s">
        <v>33739</v>
      </c>
      <c r="B21671" t="s">
        <v>33740</v>
      </c>
      <c r="C21671">
        <v>1</v>
      </c>
      <c r="D21671">
        <v>0</v>
      </c>
    </row>
    <row r="21672" spans="1:4" x14ac:dyDescent="0.25">
      <c r="A21672" t="s">
        <v>33741</v>
      </c>
      <c r="B21672" t="s">
        <v>33742</v>
      </c>
      <c r="C21672">
        <v>0</v>
      </c>
      <c r="D21672">
        <v>0</v>
      </c>
    </row>
    <row r="21673" spans="1:4" x14ac:dyDescent="0.25">
      <c r="A21673" t="s">
        <v>33743</v>
      </c>
      <c r="B21673" t="s">
        <v>33744</v>
      </c>
      <c r="C21673">
        <v>2</v>
      </c>
      <c r="D21673">
        <v>0</v>
      </c>
    </row>
    <row r="21674" spans="1:4" x14ac:dyDescent="0.25">
      <c r="A21674" t="s">
        <v>33743</v>
      </c>
      <c r="B21674" t="s">
        <v>574</v>
      </c>
      <c r="C21674">
        <v>1</v>
      </c>
      <c r="D21674">
        <v>0</v>
      </c>
    </row>
    <row r="21675" spans="1:4" x14ac:dyDescent="0.25">
      <c r="A21675" t="s">
        <v>33745</v>
      </c>
      <c r="B21675" t="s">
        <v>33746</v>
      </c>
      <c r="C21675">
        <v>0</v>
      </c>
      <c r="D21675">
        <v>0</v>
      </c>
    </row>
    <row r="21676" spans="1:4" x14ac:dyDescent="0.25">
      <c r="A21676" t="s">
        <v>33745</v>
      </c>
      <c r="B21676" t="s">
        <v>33747</v>
      </c>
      <c r="C21676">
        <v>0</v>
      </c>
      <c r="D21676">
        <v>0</v>
      </c>
    </row>
    <row r="21677" spans="1:4" x14ac:dyDescent="0.25">
      <c r="A21677" t="s">
        <v>33745</v>
      </c>
      <c r="B21677" t="s">
        <v>33748</v>
      </c>
      <c r="C21677">
        <v>0</v>
      </c>
      <c r="D21677">
        <v>0</v>
      </c>
    </row>
    <row r="21678" spans="1:4" x14ac:dyDescent="0.25">
      <c r="A21678" t="s">
        <v>33749</v>
      </c>
      <c r="B21678" t="s">
        <v>33750</v>
      </c>
      <c r="C21678">
        <v>2</v>
      </c>
      <c r="D21678">
        <v>0</v>
      </c>
    </row>
    <row r="21679" spans="1:4" x14ac:dyDescent="0.25">
      <c r="A21679" t="s">
        <v>33749</v>
      </c>
      <c r="B21679" t="s">
        <v>33751</v>
      </c>
      <c r="C21679">
        <v>2</v>
      </c>
      <c r="D21679">
        <v>0</v>
      </c>
    </row>
    <row r="21680" spans="1:4" x14ac:dyDescent="0.25">
      <c r="A21680" t="s">
        <v>33749</v>
      </c>
      <c r="B21680" t="s">
        <v>33752</v>
      </c>
      <c r="C21680">
        <v>0</v>
      </c>
      <c r="D21680">
        <v>0</v>
      </c>
    </row>
    <row r="21681" spans="1:4" x14ac:dyDescent="0.25">
      <c r="A21681" t="s">
        <v>33753</v>
      </c>
      <c r="B21681" t="s">
        <v>33754</v>
      </c>
      <c r="C21681">
        <v>1</v>
      </c>
      <c r="D21681">
        <v>0</v>
      </c>
    </row>
    <row r="21682" spans="1:4" x14ac:dyDescent="0.25">
      <c r="A21682" t="s">
        <v>33755</v>
      </c>
      <c r="B21682" t="s">
        <v>33756</v>
      </c>
      <c r="C21682">
        <v>1</v>
      </c>
      <c r="D21682">
        <v>0</v>
      </c>
    </row>
    <row r="21683" spans="1:4" x14ac:dyDescent="0.25">
      <c r="A21683" t="s">
        <v>33755</v>
      </c>
      <c r="B21683" t="s">
        <v>33757</v>
      </c>
      <c r="C21683">
        <v>1</v>
      </c>
      <c r="D21683">
        <v>0</v>
      </c>
    </row>
    <row r="21684" spans="1:4" x14ac:dyDescent="0.25">
      <c r="A21684" t="s">
        <v>33755</v>
      </c>
      <c r="B21684" t="s">
        <v>33758</v>
      </c>
      <c r="C21684">
        <v>0</v>
      </c>
      <c r="D21684">
        <v>0</v>
      </c>
    </row>
    <row r="21685" spans="1:4" x14ac:dyDescent="0.25">
      <c r="A21685" t="s">
        <v>33759</v>
      </c>
      <c r="B21685" t="s">
        <v>33760</v>
      </c>
      <c r="C21685">
        <v>0</v>
      </c>
      <c r="D21685">
        <v>0</v>
      </c>
    </row>
    <row r="21686" spans="1:4" x14ac:dyDescent="0.25">
      <c r="A21686" t="s">
        <v>33761</v>
      </c>
      <c r="B21686" t="s">
        <v>33762</v>
      </c>
      <c r="C21686">
        <v>2</v>
      </c>
      <c r="D21686">
        <v>0</v>
      </c>
    </row>
    <row r="21687" spans="1:4" x14ac:dyDescent="0.25">
      <c r="A21687" t="s">
        <v>33761</v>
      </c>
      <c r="B21687" t="s">
        <v>33763</v>
      </c>
      <c r="C21687">
        <v>2</v>
      </c>
      <c r="D21687">
        <v>0</v>
      </c>
    </row>
    <row r="21688" spans="1:4" x14ac:dyDescent="0.25">
      <c r="A21688" t="s">
        <v>33761</v>
      </c>
      <c r="B21688" t="s">
        <v>33764</v>
      </c>
      <c r="C21688">
        <v>0</v>
      </c>
      <c r="D21688">
        <v>0</v>
      </c>
    </row>
    <row r="21689" spans="1:4" x14ac:dyDescent="0.25">
      <c r="A21689" t="s">
        <v>33765</v>
      </c>
      <c r="B21689" t="s">
        <v>33766</v>
      </c>
      <c r="C21689">
        <v>0</v>
      </c>
      <c r="D21689">
        <v>0</v>
      </c>
    </row>
    <row r="21690" spans="1:4" x14ac:dyDescent="0.25">
      <c r="A21690" t="s">
        <v>33765</v>
      </c>
      <c r="B21690" t="s">
        <v>33767</v>
      </c>
      <c r="C21690">
        <v>0</v>
      </c>
      <c r="D21690">
        <v>0</v>
      </c>
    </row>
    <row r="21691" spans="1:4" x14ac:dyDescent="0.25">
      <c r="A21691" t="s">
        <v>33765</v>
      </c>
      <c r="B21691" t="s">
        <v>2421</v>
      </c>
      <c r="C21691">
        <v>0</v>
      </c>
      <c r="D21691">
        <v>0</v>
      </c>
    </row>
    <row r="21692" spans="1:4" x14ac:dyDescent="0.25">
      <c r="A21692" t="s">
        <v>33768</v>
      </c>
      <c r="B21692" t="s">
        <v>33769</v>
      </c>
      <c r="C21692">
        <v>0</v>
      </c>
      <c r="D21692">
        <v>0</v>
      </c>
    </row>
    <row r="21693" spans="1:4" x14ac:dyDescent="0.25">
      <c r="A21693" t="s">
        <v>33768</v>
      </c>
      <c r="B21693" t="s">
        <v>33770</v>
      </c>
      <c r="C21693">
        <v>2</v>
      </c>
      <c r="D21693">
        <v>0</v>
      </c>
    </row>
    <row r="21694" spans="1:4" x14ac:dyDescent="0.25">
      <c r="A21694" t="s">
        <v>33768</v>
      </c>
      <c r="B21694" t="s">
        <v>33771</v>
      </c>
      <c r="C21694">
        <v>2</v>
      </c>
      <c r="D21694">
        <v>0</v>
      </c>
    </row>
    <row r="21695" spans="1:4" x14ac:dyDescent="0.25">
      <c r="A21695" t="s">
        <v>33772</v>
      </c>
      <c r="B21695" t="s">
        <v>33773</v>
      </c>
      <c r="C21695">
        <v>0</v>
      </c>
      <c r="D21695">
        <v>0</v>
      </c>
    </row>
    <row r="21696" spans="1:4" x14ac:dyDescent="0.25">
      <c r="A21696" t="s">
        <v>33772</v>
      </c>
      <c r="B21696" t="s">
        <v>33774</v>
      </c>
      <c r="C21696">
        <v>2</v>
      </c>
      <c r="D21696">
        <v>0</v>
      </c>
    </row>
    <row r="21697" spans="1:4" x14ac:dyDescent="0.25">
      <c r="A21697" t="s">
        <v>33772</v>
      </c>
      <c r="B21697" t="s">
        <v>33775</v>
      </c>
      <c r="C21697">
        <v>2</v>
      </c>
      <c r="D21697">
        <v>0</v>
      </c>
    </row>
    <row r="21698" spans="1:4" x14ac:dyDescent="0.25">
      <c r="A21698" t="s">
        <v>33776</v>
      </c>
      <c r="B21698" t="s">
        <v>33777</v>
      </c>
      <c r="C21698">
        <v>0</v>
      </c>
      <c r="D21698">
        <v>0</v>
      </c>
    </row>
    <row r="21699" spans="1:4" x14ac:dyDescent="0.25">
      <c r="A21699" t="s">
        <v>33776</v>
      </c>
      <c r="B21699" t="s">
        <v>33778</v>
      </c>
      <c r="C21699">
        <v>0</v>
      </c>
      <c r="D21699">
        <v>0</v>
      </c>
    </row>
    <row r="21700" spans="1:4" x14ac:dyDescent="0.25">
      <c r="A21700" t="s">
        <v>33776</v>
      </c>
      <c r="B21700" t="s">
        <v>33779</v>
      </c>
      <c r="C21700">
        <v>1</v>
      </c>
      <c r="D21700">
        <v>0</v>
      </c>
    </row>
    <row r="21701" spans="1:4" x14ac:dyDescent="0.25">
      <c r="A21701" t="s">
        <v>33780</v>
      </c>
      <c r="B21701" t="s">
        <v>33781</v>
      </c>
      <c r="C21701">
        <v>0</v>
      </c>
      <c r="D21701">
        <v>0</v>
      </c>
    </row>
    <row r="21702" spans="1:4" x14ac:dyDescent="0.25">
      <c r="A21702" t="s">
        <v>33782</v>
      </c>
      <c r="B21702" t="s">
        <v>33783</v>
      </c>
      <c r="C21702">
        <v>0</v>
      </c>
      <c r="D21702">
        <v>0</v>
      </c>
    </row>
    <row r="21703" spans="1:4" x14ac:dyDescent="0.25">
      <c r="A21703" t="s">
        <v>33782</v>
      </c>
      <c r="B21703" t="s">
        <v>33784</v>
      </c>
      <c r="C21703">
        <v>2</v>
      </c>
      <c r="D21703">
        <v>0</v>
      </c>
    </row>
    <row r="21704" spans="1:4" x14ac:dyDescent="0.25">
      <c r="A21704" t="s">
        <v>33785</v>
      </c>
      <c r="B21704" t="s">
        <v>1387</v>
      </c>
      <c r="C21704">
        <v>1</v>
      </c>
      <c r="D21704">
        <v>0</v>
      </c>
    </row>
    <row r="21705" spans="1:4" x14ac:dyDescent="0.25">
      <c r="A21705" t="s">
        <v>33786</v>
      </c>
      <c r="B21705" t="s">
        <v>33787</v>
      </c>
      <c r="C21705">
        <v>2</v>
      </c>
      <c r="D21705">
        <v>0</v>
      </c>
    </row>
    <row r="21706" spans="1:4" x14ac:dyDescent="0.25">
      <c r="A21706" t="s">
        <v>33788</v>
      </c>
      <c r="B21706" t="s">
        <v>33789</v>
      </c>
      <c r="C21706">
        <v>2</v>
      </c>
      <c r="D21706">
        <v>0</v>
      </c>
    </row>
    <row r="21707" spans="1:4" x14ac:dyDescent="0.25">
      <c r="A21707" t="s">
        <v>33788</v>
      </c>
      <c r="B21707" t="s">
        <v>33790</v>
      </c>
      <c r="C21707">
        <v>2</v>
      </c>
      <c r="D21707">
        <v>0</v>
      </c>
    </row>
    <row r="21708" spans="1:4" x14ac:dyDescent="0.25">
      <c r="A21708" t="s">
        <v>33788</v>
      </c>
      <c r="B21708" t="s">
        <v>968</v>
      </c>
      <c r="C21708">
        <v>1</v>
      </c>
      <c r="D21708">
        <v>0</v>
      </c>
    </row>
    <row r="21709" spans="1:4" x14ac:dyDescent="0.25">
      <c r="A21709" t="s">
        <v>33791</v>
      </c>
      <c r="B21709" t="s">
        <v>33792</v>
      </c>
      <c r="C21709">
        <v>0</v>
      </c>
      <c r="D21709">
        <v>0</v>
      </c>
    </row>
    <row r="21710" spans="1:4" x14ac:dyDescent="0.25">
      <c r="A21710" t="s">
        <v>33791</v>
      </c>
      <c r="B21710" t="s">
        <v>33793</v>
      </c>
      <c r="C21710">
        <v>1</v>
      </c>
      <c r="D21710">
        <v>0</v>
      </c>
    </row>
    <row r="21711" spans="1:4" x14ac:dyDescent="0.25">
      <c r="A21711" t="s">
        <v>33791</v>
      </c>
      <c r="B21711" t="s">
        <v>33794</v>
      </c>
      <c r="C21711">
        <v>1</v>
      </c>
      <c r="D21711">
        <v>0</v>
      </c>
    </row>
    <row r="21712" spans="1:4" x14ac:dyDescent="0.25">
      <c r="A21712" t="s">
        <v>33795</v>
      </c>
      <c r="B21712" t="s">
        <v>33796</v>
      </c>
      <c r="C21712">
        <v>0</v>
      </c>
      <c r="D21712">
        <v>0</v>
      </c>
    </row>
    <row r="21713" spans="1:4" x14ac:dyDescent="0.25">
      <c r="A21713" t="s">
        <v>33795</v>
      </c>
      <c r="B21713" t="s">
        <v>33797</v>
      </c>
      <c r="C21713">
        <v>0</v>
      </c>
      <c r="D21713">
        <v>0</v>
      </c>
    </row>
    <row r="21714" spans="1:4" x14ac:dyDescent="0.25">
      <c r="A21714" t="s">
        <v>33795</v>
      </c>
      <c r="B21714" t="s">
        <v>33798</v>
      </c>
      <c r="C21714">
        <v>0</v>
      </c>
      <c r="D21714">
        <v>0</v>
      </c>
    </row>
    <row r="21715" spans="1:4" x14ac:dyDescent="0.25">
      <c r="A21715" t="s">
        <v>33799</v>
      </c>
      <c r="B21715" t="s">
        <v>33800</v>
      </c>
      <c r="C21715">
        <v>0</v>
      </c>
      <c r="D21715">
        <v>0</v>
      </c>
    </row>
    <row r="21716" spans="1:4" x14ac:dyDescent="0.25">
      <c r="A21716" t="s">
        <v>33799</v>
      </c>
      <c r="B21716" t="s">
        <v>33801</v>
      </c>
      <c r="C21716">
        <v>1</v>
      </c>
      <c r="D21716">
        <v>0</v>
      </c>
    </row>
    <row r="21717" spans="1:4" x14ac:dyDescent="0.25">
      <c r="A21717" t="s">
        <v>33802</v>
      </c>
      <c r="B21717" t="s">
        <v>33803</v>
      </c>
      <c r="C21717">
        <v>1</v>
      </c>
      <c r="D21717">
        <v>0</v>
      </c>
    </row>
    <row r="21718" spans="1:4" x14ac:dyDescent="0.25">
      <c r="A21718" t="s">
        <v>33804</v>
      </c>
      <c r="B21718" t="s">
        <v>398</v>
      </c>
      <c r="C21718">
        <v>0</v>
      </c>
      <c r="D21718">
        <v>0</v>
      </c>
    </row>
    <row r="21719" spans="1:4" x14ac:dyDescent="0.25">
      <c r="A21719" t="s">
        <v>33805</v>
      </c>
      <c r="B21719" t="s">
        <v>33806</v>
      </c>
      <c r="C21719">
        <v>0</v>
      </c>
      <c r="D21719">
        <v>0</v>
      </c>
    </row>
    <row r="21720" spans="1:4" x14ac:dyDescent="0.25">
      <c r="A21720" t="s">
        <v>33807</v>
      </c>
      <c r="B21720" t="s">
        <v>33808</v>
      </c>
      <c r="C21720">
        <v>0</v>
      </c>
      <c r="D21720">
        <v>0</v>
      </c>
    </row>
    <row r="21721" spans="1:4" x14ac:dyDescent="0.25">
      <c r="A21721" t="s">
        <v>33809</v>
      </c>
      <c r="B21721" t="s">
        <v>2267</v>
      </c>
      <c r="C21721">
        <v>0</v>
      </c>
      <c r="D21721">
        <v>0</v>
      </c>
    </row>
    <row r="21722" spans="1:4" x14ac:dyDescent="0.25">
      <c r="A21722" t="s">
        <v>33809</v>
      </c>
      <c r="B21722" t="s">
        <v>1101</v>
      </c>
      <c r="C21722">
        <v>1</v>
      </c>
      <c r="D21722">
        <v>0</v>
      </c>
    </row>
    <row r="21723" spans="1:4" x14ac:dyDescent="0.25">
      <c r="A21723" t="s">
        <v>33810</v>
      </c>
      <c r="B21723" t="s">
        <v>33811</v>
      </c>
      <c r="C21723">
        <v>0</v>
      </c>
      <c r="D21723">
        <v>0</v>
      </c>
    </row>
    <row r="21724" spans="1:4" x14ac:dyDescent="0.25">
      <c r="A21724" t="s">
        <v>33810</v>
      </c>
      <c r="B21724" t="s">
        <v>33812</v>
      </c>
      <c r="C21724">
        <v>2</v>
      </c>
      <c r="D21724">
        <v>0</v>
      </c>
    </row>
    <row r="21725" spans="1:4" x14ac:dyDescent="0.25">
      <c r="A21725" t="s">
        <v>33813</v>
      </c>
      <c r="B21725" t="s">
        <v>33814</v>
      </c>
      <c r="C21725">
        <v>2</v>
      </c>
      <c r="D21725">
        <v>0</v>
      </c>
    </row>
    <row r="21726" spans="1:4" x14ac:dyDescent="0.25">
      <c r="A21726" t="s">
        <v>33813</v>
      </c>
      <c r="B21726" t="s">
        <v>33815</v>
      </c>
      <c r="C21726">
        <v>2</v>
      </c>
      <c r="D21726">
        <v>0</v>
      </c>
    </row>
    <row r="21727" spans="1:4" x14ac:dyDescent="0.25">
      <c r="A21727" t="s">
        <v>33816</v>
      </c>
      <c r="B21727" t="s">
        <v>33817</v>
      </c>
      <c r="C21727">
        <v>1</v>
      </c>
      <c r="D21727">
        <v>0</v>
      </c>
    </row>
    <row r="21728" spans="1:4" x14ac:dyDescent="0.25">
      <c r="A21728" t="s">
        <v>33818</v>
      </c>
      <c r="B21728" t="s">
        <v>33819</v>
      </c>
      <c r="C21728">
        <v>1</v>
      </c>
      <c r="D21728">
        <v>0</v>
      </c>
    </row>
    <row r="21729" spans="1:4" x14ac:dyDescent="0.25">
      <c r="A21729" t="s">
        <v>33818</v>
      </c>
      <c r="B21729" t="s">
        <v>33820</v>
      </c>
      <c r="C21729">
        <v>1</v>
      </c>
      <c r="D21729">
        <v>0</v>
      </c>
    </row>
    <row r="21730" spans="1:4" x14ac:dyDescent="0.25">
      <c r="A21730" t="s">
        <v>33818</v>
      </c>
      <c r="B21730" t="s">
        <v>33821</v>
      </c>
      <c r="C21730">
        <v>0</v>
      </c>
      <c r="D21730">
        <v>0</v>
      </c>
    </row>
    <row r="21731" spans="1:4" x14ac:dyDescent="0.25">
      <c r="A21731" t="s">
        <v>33822</v>
      </c>
      <c r="B21731" t="s">
        <v>33823</v>
      </c>
      <c r="C21731">
        <v>0</v>
      </c>
      <c r="D21731">
        <v>0</v>
      </c>
    </row>
    <row r="21732" spans="1:4" x14ac:dyDescent="0.25">
      <c r="A21732" t="s">
        <v>33824</v>
      </c>
      <c r="B21732" t="s">
        <v>33825</v>
      </c>
      <c r="C21732">
        <v>0</v>
      </c>
      <c r="D21732">
        <v>0</v>
      </c>
    </row>
    <row r="21733" spans="1:4" x14ac:dyDescent="0.25">
      <c r="A21733" t="s">
        <v>33824</v>
      </c>
      <c r="B21733" t="s">
        <v>33826</v>
      </c>
      <c r="C21733">
        <v>1</v>
      </c>
      <c r="D21733">
        <v>0</v>
      </c>
    </row>
    <row r="21734" spans="1:4" x14ac:dyDescent="0.25">
      <c r="A21734" t="s">
        <v>33824</v>
      </c>
      <c r="B21734" t="s">
        <v>33827</v>
      </c>
      <c r="C21734">
        <v>0</v>
      </c>
      <c r="D21734">
        <v>0</v>
      </c>
    </row>
    <row r="21735" spans="1:4" x14ac:dyDescent="0.25">
      <c r="A21735" t="s">
        <v>33828</v>
      </c>
      <c r="B21735" t="s">
        <v>33829</v>
      </c>
      <c r="C21735">
        <v>0</v>
      </c>
      <c r="D21735">
        <v>0</v>
      </c>
    </row>
    <row r="21736" spans="1:4" x14ac:dyDescent="0.25">
      <c r="A21736" t="s">
        <v>33828</v>
      </c>
      <c r="B21736" t="s">
        <v>1001</v>
      </c>
      <c r="C21736">
        <v>1</v>
      </c>
      <c r="D21736">
        <v>0</v>
      </c>
    </row>
    <row r="21737" spans="1:4" x14ac:dyDescent="0.25">
      <c r="A21737" t="s">
        <v>33828</v>
      </c>
      <c r="B21737" t="s">
        <v>33830</v>
      </c>
      <c r="C21737">
        <v>0</v>
      </c>
      <c r="D21737">
        <v>0</v>
      </c>
    </row>
    <row r="21738" spans="1:4" x14ac:dyDescent="0.25">
      <c r="A21738" t="s">
        <v>33831</v>
      </c>
      <c r="B21738" t="s">
        <v>33832</v>
      </c>
      <c r="C21738">
        <v>1</v>
      </c>
      <c r="D21738">
        <v>0</v>
      </c>
    </row>
    <row r="21739" spans="1:4" x14ac:dyDescent="0.25">
      <c r="A21739" t="s">
        <v>33833</v>
      </c>
      <c r="B21739" t="s">
        <v>33834</v>
      </c>
      <c r="C21739">
        <v>0</v>
      </c>
      <c r="D21739">
        <v>0</v>
      </c>
    </row>
    <row r="21740" spans="1:4" x14ac:dyDescent="0.25">
      <c r="A21740" t="s">
        <v>33833</v>
      </c>
      <c r="B21740" t="s">
        <v>33835</v>
      </c>
      <c r="C21740">
        <v>1</v>
      </c>
      <c r="D21740">
        <v>0</v>
      </c>
    </row>
    <row r="21741" spans="1:4" x14ac:dyDescent="0.25">
      <c r="A21741" t="s">
        <v>33836</v>
      </c>
      <c r="B21741" t="s">
        <v>33837</v>
      </c>
      <c r="C21741">
        <v>2</v>
      </c>
      <c r="D21741">
        <v>0</v>
      </c>
    </row>
    <row r="21742" spans="1:4" x14ac:dyDescent="0.25">
      <c r="A21742" t="s">
        <v>33836</v>
      </c>
      <c r="B21742" t="s">
        <v>33838</v>
      </c>
      <c r="C21742">
        <v>1</v>
      </c>
      <c r="D21742">
        <v>0</v>
      </c>
    </row>
    <row r="21743" spans="1:4" x14ac:dyDescent="0.25">
      <c r="A21743" t="s">
        <v>33839</v>
      </c>
      <c r="B21743" t="s">
        <v>33840</v>
      </c>
      <c r="C21743">
        <v>1</v>
      </c>
      <c r="D21743">
        <v>0</v>
      </c>
    </row>
    <row r="21744" spans="1:4" x14ac:dyDescent="0.25">
      <c r="A21744" t="s">
        <v>33839</v>
      </c>
      <c r="B21744" t="s">
        <v>33841</v>
      </c>
      <c r="C21744">
        <v>1</v>
      </c>
      <c r="D21744">
        <v>0</v>
      </c>
    </row>
    <row r="21745" spans="1:4" x14ac:dyDescent="0.25">
      <c r="A21745" t="s">
        <v>33839</v>
      </c>
      <c r="B21745" t="s">
        <v>33842</v>
      </c>
      <c r="C21745">
        <v>1</v>
      </c>
      <c r="D21745">
        <v>0</v>
      </c>
    </row>
    <row r="21746" spans="1:4" x14ac:dyDescent="0.25">
      <c r="A21746" t="s">
        <v>33843</v>
      </c>
      <c r="B21746" t="s">
        <v>33844</v>
      </c>
      <c r="C21746">
        <v>0</v>
      </c>
      <c r="D21746">
        <v>0</v>
      </c>
    </row>
    <row r="21747" spans="1:4" x14ac:dyDescent="0.25">
      <c r="A21747" t="s">
        <v>33843</v>
      </c>
      <c r="B21747" t="s">
        <v>33845</v>
      </c>
      <c r="C21747">
        <v>1</v>
      </c>
      <c r="D21747">
        <v>0</v>
      </c>
    </row>
    <row r="21748" spans="1:4" x14ac:dyDescent="0.25">
      <c r="A21748" t="s">
        <v>33843</v>
      </c>
      <c r="B21748" t="s">
        <v>33846</v>
      </c>
      <c r="C21748">
        <v>1</v>
      </c>
      <c r="D21748">
        <v>0</v>
      </c>
    </row>
    <row r="21749" spans="1:4" x14ac:dyDescent="0.25">
      <c r="A21749" t="s">
        <v>33847</v>
      </c>
      <c r="B21749" t="s">
        <v>33848</v>
      </c>
      <c r="C21749">
        <v>1</v>
      </c>
      <c r="D21749">
        <v>0</v>
      </c>
    </row>
    <row r="21750" spans="1:4" x14ac:dyDescent="0.25">
      <c r="A21750" t="s">
        <v>33849</v>
      </c>
      <c r="B21750" t="s">
        <v>33850</v>
      </c>
      <c r="C21750">
        <v>0</v>
      </c>
      <c r="D21750">
        <v>0</v>
      </c>
    </row>
    <row r="21751" spans="1:4" x14ac:dyDescent="0.25">
      <c r="A21751" t="s">
        <v>33849</v>
      </c>
      <c r="B21751" t="s">
        <v>33851</v>
      </c>
      <c r="C21751">
        <v>2</v>
      </c>
      <c r="D21751">
        <v>0</v>
      </c>
    </row>
    <row r="21752" spans="1:4" x14ac:dyDescent="0.25">
      <c r="A21752" t="s">
        <v>33849</v>
      </c>
      <c r="B21752" t="s">
        <v>33852</v>
      </c>
      <c r="C21752">
        <v>0</v>
      </c>
      <c r="D21752">
        <v>0</v>
      </c>
    </row>
    <row r="21753" spans="1:4" x14ac:dyDescent="0.25">
      <c r="A21753" t="s">
        <v>33853</v>
      </c>
      <c r="B21753" t="s">
        <v>2273</v>
      </c>
      <c r="C21753">
        <v>1</v>
      </c>
      <c r="D21753">
        <v>0</v>
      </c>
    </row>
    <row r="21754" spans="1:4" x14ac:dyDescent="0.25">
      <c r="A21754" t="s">
        <v>33853</v>
      </c>
      <c r="B21754" t="s">
        <v>1912</v>
      </c>
      <c r="C21754">
        <v>0</v>
      </c>
      <c r="D21754">
        <v>0</v>
      </c>
    </row>
    <row r="21755" spans="1:4" x14ac:dyDescent="0.25">
      <c r="A21755" t="s">
        <v>33854</v>
      </c>
      <c r="B21755" t="s">
        <v>33855</v>
      </c>
      <c r="C21755">
        <v>1</v>
      </c>
      <c r="D21755">
        <v>0</v>
      </c>
    </row>
    <row r="21756" spans="1:4" x14ac:dyDescent="0.25">
      <c r="A21756" t="s">
        <v>33856</v>
      </c>
      <c r="B21756" t="s">
        <v>33857</v>
      </c>
      <c r="C21756">
        <v>0</v>
      </c>
      <c r="D21756">
        <v>0</v>
      </c>
    </row>
    <row r="21757" spans="1:4" x14ac:dyDescent="0.25">
      <c r="A21757" t="s">
        <v>33858</v>
      </c>
      <c r="B21757" t="s">
        <v>33859</v>
      </c>
      <c r="C21757">
        <v>0</v>
      </c>
      <c r="D21757">
        <v>0</v>
      </c>
    </row>
    <row r="21758" spans="1:4" x14ac:dyDescent="0.25">
      <c r="A21758" t="s">
        <v>33858</v>
      </c>
      <c r="B21758" t="s">
        <v>33860</v>
      </c>
      <c r="C21758">
        <v>0</v>
      </c>
      <c r="D21758">
        <v>0</v>
      </c>
    </row>
    <row r="21759" spans="1:4" x14ac:dyDescent="0.25">
      <c r="A21759" t="s">
        <v>33858</v>
      </c>
      <c r="B21759" t="s">
        <v>33861</v>
      </c>
      <c r="C21759">
        <v>0</v>
      </c>
      <c r="D21759">
        <v>0</v>
      </c>
    </row>
    <row r="21760" spans="1:4" x14ac:dyDescent="0.25">
      <c r="A21760" t="s">
        <v>33862</v>
      </c>
      <c r="B21760" t="s">
        <v>33863</v>
      </c>
      <c r="C21760">
        <v>1</v>
      </c>
      <c r="D21760">
        <v>0</v>
      </c>
    </row>
    <row r="21761" spans="1:4" x14ac:dyDescent="0.25">
      <c r="A21761" t="s">
        <v>33864</v>
      </c>
      <c r="B21761" t="s">
        <v>33865</v>
      </c>
      <c r="C21761">
        <v>1</v>
      </c>
      <c r="D21761">
        <v>0</v>
      </c>
    </row>
    <row r="21762" spans="1:4" x14ac:dyDescent="0.25">
      <c r="A21762" t="s">
        <v>33866</v>
      </c>
      <c r="B21762" t="s">
        <v>33867</v>
      </c>
      <c r="C21762">
        <v>2</v>
      </c>
      <c r="D21762">
        <v>0</v>
      </c>
    </row>
    <row r="21763" spans="1:4" x14ac:dyDescent="0.25">
      <c r="A21763" t="s">
        <v>33866</v>
      </c>
      <c r="B21763" t="s">
        <v>33868</v>
      </c>
      <c r="C21763">
        <v>2</v>
      </c>
      <c r="D21763">
        <v>0</v>
      </c>
    </row>
    <row r="21764" spans="1:4" x14ac:dyDescent="0.25">
      <c r="A21764" t="s">
        <v>33869</v>
      </c>
      <c r="B21764" t="s">
        <v>33870</v>
      </c>
      <c r="C21764">
        <v>0</v>
      </c>
      <c r="D21764">
        <v>0</v>
      </c>
    </row>
    <row r="21765" spans="1:4" x14ac:dyDescent="0.25">
      <c r="A21765" t="s">
        <v>33869</v>
      </c>
      <c r="B21765" t="s">
        <v>852</v>
      </c>
      <c r="C21765">
        <v>0</v>
      </c>
      <c r="D21765">
        <v>0</v>
      </c>
    </row>
    <row r="21766" spans="1:4" x14ac:dyDescent="0.25">
      <c r="A21766" t="s">
        <v>33871</v>
      </c>
      <c r="B21766" t="s">
        <v>33872</v>
      </c>
      <c r="C21766">
        <v>2</v>
      </c>
      <c r="D21766">
        <v>0</v>
      </c>
    </row>
    <row r="21767" spans="1:4" x14ac:dyDescent="0.25">
      <c r="A21767" t="s">
        <v>33871</v>
      </c>
      <c r="B21767" t="s">
        <v>33873</v>
      </c>
      <c r="C21767">
        <v>0</v>
      </c>
      <c r="D21767">
        <v>0</v>
      </c>
    </row>
    <row r="21768" spans="1:4" x14ac:dyDescent="0.25">
      <c r="A21768" t="s">
        <v>33871</v>
      </c>
      <c r="B21768" t="s">
        <v>33874</v>
      </c>
      <c r="C21768">
        <v>2</v>
      </c>
      <c r="D21768">
        <v>0</v>
      </c>
    </row>
    <row r="21769" spans="1:4" x14ac:dyDescent="0.25">
      <c r="A21769" t="s">
        <v>33875</v>
      </c>
      <c r="B21769" t="s">
        <v>33876</v>
      </c>
      <c r="C21769">
        <v>0</v>
      </c>
      <c r="D21769">
        <v>0</v>
      </c>
    </row>
    <row r="21770" spans="1:4" x14ac:dyDescent="0.25">
      <c r="A21770" t="s">
        <v>33875</v>
      </c>
      <c r="B21770" t="s">
        <v>33877</v>
      </c>
      <c r="C21770">
        <v>0</v>
      </c>
      <c r="D21770">
        <v>0</v>
      </c>
    </row>
    <row r="21771" spans="1:4" x14ac:dyDescent="0.25">
      <c r="A21771" t="s">
        <v>33875</v>
      </c>
      <c r="B21771" t="s">
        <v>33878</v>
      </c>
      <c r="C21771">
        <v>0</v>
      </c>
      <c r="D21771">
        <v>0</v>
      </c>
    </row>
    <row r="21772" spans="1:4" x14ac:dyDescent="0.25">
      <c r="A21772" t="s">
        <v>33879</v>
      </c>
      <c r="B21772" t="s">
        <v>33880</v>
      </c>
      <c r="C21772">
        <v>0</v>
      </c>
      <c r="D21772">
        <v>0</v>
      </c>
    </row>
    <row r="21773" spans="1:4" x14ac:dyDescent="0.25">
      <c r="A21773" t="s">
        <v>33881</v>
      </c>
      <c r="B21773" t="s">
        <v>33882</v>
      </c>
      <c r="C21773">
        <v>1</v>
      </c>
      <c r="D21773">
        <v>0</v>
      </c>
    </row>
    <row r="21774" spans="1:4" x14ac:dyDescent="0.25">
      <c r="A21774" t="s">
        <v>33881</v>
      </c>
      <c r="B21774" t="s">
        <v>33883</v>
      </c>
      <c r="C21774">
        <v>2</v>
      </c>
      <c r="D21774">
        <v>0</v>
      </c>
    </row>
    <row r="21775" spans="1:4" x14ac:dyDescent="0.25">
      <c r="A21775" t="s">
        <v>33881</v>
      </c>
      <c r="B21775" t="s">
        <v>33884</v>
      </c>
      <c r="C21775">
        <v>1</v>
      </c>
      <c r="D21775">
        <v>0</v>
      </c>
    </row>
    <row r="21776" spans="1:4" x14ac:dyDescent="0.25">
      <c r="A21776" t="s">
        <v>33885</v>
      </c>
      <c r="B21776" t="s">
        <v>33886</v>
      </c>
      <c r="C21776">
        <v>1</v>
      </c>
      <c r="D21776">
        <v>0</v>
      </c>
    </row>
    <row r="21777" spans="1:4" x14ac:dyDescent="0.25">
      <c r="A21777" t="s">
        <v>33885</v>
      </c>
      <c r="B21777" t="s">
        <v>33887</v>
      </c>
      <c r="C21777">
        <v>2</v>
      </c>
      <c r="D21777">
        <v>0</v>
      </c>
    </row>
    <row r="21778" spans="1:4" x14ac:dyDescent="0.25">
      <c r="A21778" t="s">
        <v>33885</v>
      </c>
      <c r="B21778" t="s">
        <v>33888</v>
      </c>
      <c r="C21778">
        <v>2</v>
      </c>
      <c r="D21778">
        <v>0</v>
      </c>
    </row>
    <row r="21779" spans="1:4" x14ac:dyDescent="0.25">
      <c r="A21779" t="s">
        <v>33889</v>
      </c>
      <c r="B21779" t="s">
        <v>33890</v>
      </c>
      <c r="C21779">
        <v>0</v>
      </c>
      <c r="D21779">
        <v>0</v>
      </c>
    </row>
    <row r="21780" spans="1:4" x14ac:dyDescent="0.25">
      <c r="A21780" t="s">
        <v>33889</v>
      </c>
      <c r="B21780" t="s">
        <v>33891</v>
      </c>
      <c r="C21780">
        <v>1</v>
      </c>
      <c r="D21780">
        <v>0</v>
      </c>
    </row>
    <row r="21781" spans="1:4" x14ac:dyDescent="0.25">
      <c r="A21781" t="s">
        <v>33892</v>
      </c>
      <c r="B21781" t="s">
        <v>33893</v>
      </c>
      <c r="C21781">
        <v>0</v>
      </c>
      <c r="D21781">
        <v>0</v>
      </c>
    </row>
    <row r="21782" spans="1:4" x14ac:dyDescent="0.25">
      <c r="A21782" t="s">
        <v>33894</v>
      </c>
      <c r="B21782" t="s">
        <v>33895</v>
      </c>
      <c r="C21782">
        <v>1</v>
      </c>
      <c r="D21782">
        <v>0</v>
      </c>
    </row>
    <row r="21783" spans="1:4" x14ac:dyDescent="0.25">
      <c r="A21783" t="s">
        <v>33894</v>
      </c>
      <c r="B21783" t="s">
        <v>33896</v>
      </c>
      <c r="C21783">
        <v>1</v>
      </c>
      <c r="D21783">
        <v>0</v>
      </c>
    </row>
    <row r="21784" spans="1:4" x14ac:dyDescent="0.25">
      <c r="A21784" t="s">
        <v>33894</v>
      </c>
      <c r="B21784" t="s">
        <v>33897</v>
      </c>
      <c r="C21784">
        <v>0</v>
      </c>
      <c r="D21784">
        <v>0</v>
      </c>
    </row>
    <row r="21785" spans="1:4" x14ac:dyDescent="0.25">
      <c r="A21785" t="s">
        <v>33898</v>
      </c>
      <c r="B21785" t="s">
        <v>1092</v>
      </c>
      <c r="C21785">
        <v>1</v>
      </c>
      <c r="D21785">
        <v>0</v>
      </c>
    </row>
    <row r="21786" spans="1:4" x14ac:dyDescent="0.25">
      <c r="A21786" t="s">
        <v>33898</v>
      </c>
      <c r="B21786" t="s">
        <v>33899</v>
      </c>
      <c r="C21786">
        <v>0</v>
      </c>
      <c r="D21786">
        <v>0</v>
      </c>
    </row>
    <row r="21787" spans="1:4" x14ac:dyDescent="0.25">
      <c r="A21787" t="s">
        <v>33898</v>
      </c>
      <c r="B21787" t="s">
        <v>33900</v>
      </c>
      <c r="C21787">
        <v>0</v>
      </c>
      <c r="D21787">
        <v>0</v>
      </c>
    </row>
    <row r="21788" spans="1:4" x14ac:dyDescent="0.25">
      <c r="A21788" t="s">
        <v>33901</v>
      </c>
      <c r="B21788" t="s">
        <v>33902</v>
      </c>
      <c r="C21788">
        <v>1</v>
      </c>
      <c r="D21788">
        <v>0</v>
      </c>
    </row>
    <row r="21789" spans="1:4" x14ac:dyDescent="0.25">
      <c r="A21789" t="s">
        <v>33901</v>
      </c>
      <c r="B21789" t="s">
        <v>33903</v>
      </c>
      <c r="C21789">
        <v>1</v>
      </c>
      <c r="D21789">
        <v>0</v>
      </c>
    </row>
    <row r="21790" spans="1:4" x14ac:dyDescent="0.25">
      <c r="A21790" t="s">
        <v>33904</v>
      </c>
      <c r="B21790" t="s">
        <v>33905</v>
      </c>
      <c r="C21790">
        <v>0</v>
      </c>
      <c r="D21790">
        <v>0</v>
      </c>
    </row>
    <row r="21791" spans="1:4" x14ac:dyDescent="0.25">
      <c r="A21791" t="s">
        <v>33904</v>
      </c>
      <c r="B21791" t="s">
        <v>33906</v>
      </c>
      <c r="C21791">
        <v>0</v>
      </c>
      <c r="D21791">
        <v>0</v>
      </c>
    </row>
    <row r="21792" spans="1:4" x14ac:dyDescent="0.25">
      <c r="A21792" t="s">
        <v>33904</v>
      </c>
      <c r="B21792" t="s">
        <v>33907</v>
      </c>
      <c r="C21792">
        <v>0</v>
      </c>
      <c r="D21792">
        <v>0</v>
      </c>
    </row>
    <row r="21793" spans="1:4" x14ac:dyDescent="0.25">
      <c r="A21793" t="s">
        <v>33908</v>
      </c>
      <c r="B21793" t="s">
        <v>33909</v>
      </c>
      <c r="C21793">
        <v>2</v>
      </c>
      <c r="D21793">
        <v>0</v>
      </c>
    </row>
    <row r="21794" spans="1:4" x14ac:dyDescent="0.25">
      <c r="A21794" t="s">
        <v>33908</v>
      </c>
      <c r="B21794" t="s">
        <v>33910</v>
      </c>
      <c r="C21794">
        <v>2</v>
      </c>
      <c r="D21794">
        <v>0</v>
      </c>
    </row>
    <row r="21795" spans="1:4" x14ac:dyDescent="0.25">
      <c r="A21795" t="s">
        <v>33908</v>
      </c>
      <c r="B21795" t="s">
        <v>33911</v>
      </c>
      <c r="C21795">
        <v>2</v>
      </c>
      <c r="D21795">
        <v>0</v>
      </c>
    </row>
    <row r="21796" spans="1:4" x14ac:dyDescent="0.25">
      <c r="A21796" t="s">
        <v>33912</v>
      </c>
      <c r="B21796" t="s">
        <v>2267</v>
      </c>
      <c r="C21796">
        <v>0</v>
      </c>
      <c r="D21796">
        <v>0</v>
      </c>
    </row>
    <row r="21797" spans="1:4" x14ac:dyDescent="0.25">
      <c r="A21797" t="s">
        <v>33912</v>
      </c>
      <c r="B21797" t="s">
        <v>33913</v>
      </c>
      <c r="C21797">
        <v>2</v>
      </c>
      <c r="D21797">
        <v>0</v>
      </c>
    </row>
    <row r="21798" spans="1:4" x14ac:dyDescent="0.25">
      <c r="A21798" t="s">
        <v>33914</v>
      </c>
      <c r="B21798" t="s">
        <v>33915</v>
      </c>
      <c r="C21798">
        <v>0</v>
      </c>
      <c r="D21798">
        <v>0</v>
      </c>
    </row>
    <row r="21799" spans="1:4" x14ac:dyDescent="0.25">
      <c r="A21799" t="s">
        <v>33914</v>
      </c>
      <c r="B21799" t="s">
        <v>33916</v>
      </c>
      <c r="C21799">
        <v>0</v>
      </c>
      <c r="D21799">
        <v>0</v>
      </c>
    </row>
    <row r="21800" spans="1:4" x14ac:dyDescent="0.25">
      <c r="A21800" t="s">
        <v>33917</v>
      </c>
      <c r="B21800" t="s">
        <v>33918</v>
      </c>
      <c r="C21800">
        <v>2</v>
      </c>
      <c r="D21800">
        <v>0</v>
      </c>
    </row>
    <row r="21801" spans="1:4" x14ac:dyDescent="0.25">
      <c r="A21801" t="s">
        <v>33917</v>
      </c>
      <c r="B21801" t="s">
        <v>33919</v>
      </c>
      <c r="C21801">
        <v>1</v>
      </c>
      <c r="D21801">
        <v>0</v>
      </c>
    </row>
    <row r="21802" spans="1:4" x14ac:dyDescent="0.25">
      <c r="A21802" t="s">
        <v>33920</v>
      </c>
      <c r="B21802" t="s">
        <v>33921</v>
      </c>
      <c r="C21802">
        <v>2</v>
      </c>
      <c r="D21802">
        <v>0</v>
      </c>
    </row>
    <row r="21803" spans="1:4" x14ac:dyDescent="0.25">
      <c r="A21803" t="s">
        <v>33920</v>
      </c>
      <c r="B21803" t="s">
        <v>33922</v>
      </c>
      <c r="C21803">
        <v>1</v>
      </c>
      <c r="D21803">
        <v>0</v>
      </c>
    </row>
    <row r="21804" spans="1:4" x14ac:dyDescent="0.25">
      <c r="A21804" t="s">
        <v>33920</v>
      </c>
      <c r="B21804" t="s">
        <v>2061</v>
      </c>
      <c r="C21804">
        <v>0</v>
      </c>
      <c r="D21804">
        <v>0</v>
      </c>
    </row>
    <row r="21805" spans="1:4" x14ac:dyDescent="0.25">
      <c r="A21805" t="s">
        <v>33923</v>
      </c>
      <c r="B21805" t="s">
        <v>33924</v>
      </c>
      <c r="C21805">
        <v>1</v>
      </c>
      <c r="D21805">
        <v>0</v>
      </c>
    </row>
    <row r="21806" spans="1:4" x14ac:dyDescent="0.25">
      <c r="A21806" t="s">
        <v>33923</v>
      </c>
      <c r="B21806" t="s">
        <v>33925</v>
      </c>
      <c r="C21806">
        <v>1</v>
      </c>
      <c r="D21806">
        <v>0</v>
      </c>
    </row>
    <row r="21807" spans="1:4" x14ac:dyDescent="0.25">
      <c r="A21807" t="s">
        <v>33926</v>
      </c>
      <c r="B21807" t="s">
        <v>33927</v>
      </c>
      <c r="C21807">
        <v>0</v>
      </c>
      <c r="D21807">
        <v>0</v>
      </c>
    </row>
    <row r="21808" spans="1:4" x14ac:dyDescent="0.25">
      <c r="A21808" t="s">
        <v>33926</v>
      </c>
      <c r="B21808" t="s">
        <v>33928</v>
      </c>
      <c r="C21808">
        <v>1</v>
      </c>
      <c r="D21808">
        <v>0</v>
      </c>
    </row>
    <row r="21809" spans="1:4" x14ac:dyDescent="0.25">
      <c r="A21809" t="s">
        <v>33926</v>
      </c>
      <c r="B21809" t="s">
        <v>33929</v>
      </c>
      <c r="C21809">
        <v>0</v>
      </c>
      <c r="D21809">
        <v>0</v>
      </c>
    </row>
    <row r="21810" spans="1:4" x14ac:dyDescent="0.25">
      <c r="A21810" t="s">
        <v>33930</v>
      </c>
      <c r="B21810" t="s">
        <v>33931</v>
      </c>
      <c r="C21810">
        <v>0</v>
      </c>
      <c r="D21810">
        <v>0</v>
      </c>
    </row>
    <row r="21811" spans="1:4" x14ac:dyDescent="0.25">
      <c r="A21811" t="s">
        <v>33930</v>
      </c>
      <c r="B21811" t="s">
        <v>2061</v>
      </c>
      <c r="C21811">
        <v>0</v>
      </c>
      <c r="D21811">
        <v>0</v>
      </c>
    </row>
    <row r="21812" spans="1:4" x14ac:dyDescent="0.25">
      <c r="A21812" t="s">
        <v>33930</v>
      </c>
      <c r="B21812" t="s">
        <v>7138</v>
      </c>
      <c r="C21812">
        <v>1</v>
      </c>
      <c r="D21812">
        <v>0</v>
      </c>
    </row>
    <row r="21813" spans="1:4" x14ac:dyDescent="0.25">
      <c r="A21813" t="s">
        <v>33932</v>
      </c>
      <c r="B21813" t="s">
        <v>33933</v>
      </c>
      <c r="C21813">
        <v>2</v>
      </c>
      <c r="D21813">
        <v>0</v>
      </c>
    </row>
    <row r="21814" spans="1:4" x14ac:dyDescent="0.25">
      <c r="A21814" t="s">
        <v>33932</v>
      </c>
      <c r="B21814" t="s">
        <v>33934</v>
      </c>
      <c r="C21814">
        <v>2</v>
      </c>
      <c r="D21814">
        <v>0</v>
      </c>
    </row>
    <row r="21815" spans="1:4" x14ac:dyDescent="0.25">
      <c r="A21815" t="s">
        <v>33935</v>
      </c>
      <c r="B21815" t="s">
        <v>33936</v>
      </c>
      <c r="C21815">
        <v>0</v>
      </c>
      <c r="D21815">
        <v>0</v>
      </c>
    </row>
    <row r="21816" spans="1:4" x14ac:dyDescent="0.25">
      <c r="A21816" t="s">
        <v>33937</v>
      </c>
      <c r="B21816" t="s">
        <v>33938</v>
      </c>
      <c r="C21816">
        <v>0</v>
      </c>
      <c r="D21816">
        <v>0</v>
      </c>
    </row>
    <row r="21817" spans="1:4" x14ac:dyDescent="0.25">
      <c r="A21817" t="s">
        <v>33939</v>
      </c>
      <c r="B21817" t="s">
        <v>33940</v>
      </c>
      <c r="C21817">
        <v>1</v>
      </c>
      <c r="D21817">
        <v>0</v>
      </c>
    </row>
    <row r="21818" spans="1:4" x14ac:dyDescent="0.25">
      <c r="A21818" t="s">
        <v>33941</v>
      </c>
      <c r="B21818" t="s">
        <v>33942</v>
      </c>
      <c r="C21818">
        <v>1</v>
      </c>
      <c r="D21818">
        <v>0</v>
      </c>
    </row>
    <row r="21819" spans="1:4" x14ac:dyDescent="0.25">
      <c r="A21819" t="s">
        <v>33943</v>
      </c>
      <c r="B21819" t="s">
        <v>33944</v>
      </c>
      <c r="C21819">
        <v>0</v>
      </c>
      <c r="D21819">
        <v>0</v>
      </c>
    </row>
    <row r="21820" spans="1:4" x14ac:dyDescent="0.25">
      <c r="A21820" t="s">
        <v>33943</v>
      </c>
      <c r="B21820" t="s">
        <v>33945</v>
      </c>
      <c r="C21820">
        <v>1</v>
      </c>
      <c r="D21820">
        <v>0</v>
      </c>
    </row>
    <row r="21821" spans="1:4" x14ac:dyDescent="0.25">
      <c r="A21821" t="s">
        <v>33943</v>
      </c>
      <c r="B21821" t="s">
        <v>33946</v>
      </c>
      <c r="C21821">
        <v>1</v>
      </c>
      <c r="D21821">
        <v>0</v>
      </c>
    </row>
    <row r="21822" spans="1:4" x14ac:dyDescent="0.25">
      <c r="A21822" t="s">
        <v>33947</v>
      </c>
      <c r="B21822" t="s">
        <v>33948</v>
      </c>
      <c r="C21822">
        <v>1</v>
      </c>
      <c r="D21822">
        <v>0</v>
      </c>
    </row>
    <row r="21823" spans="1:4" x14ac:dyDescent="0.25">
      <c r="A21823" t="s">
        <v>33947</v>
      </c>
      <c r="B21823" t="s">
        <v>33949</v>
      </c>
      <c r="C21823">
        <v>1</v>
      </c>
      <c r="D21823">
        <v>0</v>
      </c>
    </row>
    <row r="21824" spans="1:4" x14ac:dyDescent="0.25">
      <c r="A21824" t="s">
        <v>33947</v>
      </c>
      <c r="B21824" t="s">
        <v>33950</v>
      </c>
      <c r="C21824">
        <v>0</v>
      </c>
      <c r="D21824">
        <v>0</v>
      </c>
    </row>
    <row r="21825" spans="1:4" x14ac:dyDescent="0.25">
      <c r="A21825" t="s">
        <v>33951</v>
      </c>
      <c r="B21825" t="s">
        <v>33952</v>
      </c>
      <c r="C21825">
        <v>1</v>
      </c>
      <c r="D21825">
        <v>0</v>
      </c>
    </row>
    <row r="21826" spans="1:4" x14ac:dyDescent="0.25">
      <c r="A21826" t="s">
        <v>33953</v>
      </c>
      <c r="B21826" t="s">
        <v>33954</v>
      </c>
      <c r="C21826">
        <v>2</v>
      </c>
      <c r="D21826">
        <v>0</v>
      </c>
    </row>
    <row r="21827" spans="1:4" x14ac:dyDescent="0.25">
      <c r="A21827" t="s">
        <v>33953</v>
      </c>
      <c r="B21827" t="s">
        <v>33955</v>
      </c>
      <c r="C21827">
        <v>0</v>
      </c>
      <c r="D21827">
        <v>0</v>
      </c>
    </row>
    <row r="21828" spans="1:4" x14ac:dyDescent="0.25">
      <c r="A21828" t="s">
        <v>33956</v>
      </c>
      <c r="B21828" t="s">
        <v>33957</v>
      </c>
      <c r="C21828">
        <v>1</v>
      </c>
      <c r="D21828">
        <v>0</v>
      </c>
    </row>
    <row r="21829" spans="1:4" x14ac:dyDescent="0.25">
      <c r="A21829" t="s">
        <v>33956</v>
      </c>
      <c r="B21829" t="s">
        <v>33958</v>
      </c>
      <c r="C21829">
        <v>0</v>
      </c>
      <c r="D21829">
        <v>0</v>
      </c>
    </row>
    <row r="21830" spans="1:4" x14ac:dyDescent="0.25">
      <c r="A21830" t="s">
        <v>33956</v>
      </c>
      <c r="B21830" t="s">
        <v>33959</v>
      </c>
      <c r="C21830">
        <v>1</v>
      </c>
      <c r="D21830">
        <v>0</v>
      </c>
    </row>
    <row r="21831" spans="1:4" x14ac:dyDescent="0.25">
      <c r="A21831" t="s">
        <v>33960</v>
      </c>
      <c r="B21831" t="s">
        <v>951</v>
      </c>
      <c r="C21831">
        <v>1</v>
      </c>
      <c r="D21831">
        <v>0</v>
      </c>
    </row>
    <row r="21832" spans="1:4" x14ac:dyDescent="0.25">
      <c r="A21832" t="s">
        <v>33960</v>
      </c>
      <c r="B21832" t="s">
        <v>33961</v>
      </c>
      <c r="C21832">
        <v>2</v>
      </c>
      <c r="D21832">
        <v>0</v>
      </c>
    </row>
    <row r="21833" spans="1:4" x14ac:dyDescent="0.25">
      <c r="A21833" t="s">
        <v>33962</v>
      </c>
      <c r="B21833" t="s">
        <v>33963</v>
      </c>
      <c r="C21833">
        <v>0</v>
      </c>
      <c r="D21833">
        <v>0</v>
      </c>
    </row>
    <row r="21834" spans="1:4" x14ac:dyDescent="0.25">
      <c r="A21834" t="s">
        <v>33962</v>
      </c>
      <c r="B21834" t="s">
        <v>5903</v>
      </c>
      <c r="C21834">
        <v>0</v>
      </c>
      <c r="D21834">
        <v>0</v>
      </c>
    </row>
    <row r="21835" spans="1:4" x14ac:dyDescent="0.25">
      <c r="A21835" t="s">
        <v>33964</v>
      </c>
      <c r="B21835" t="s">
        <v>969</v>
      </c>
      <c r="C21835">
        <v>0</v>
      </c>
      <c r="D21835">
        <v>0</v>
      </c>
    </row>
    <row r="21836" spans="1:4" x14ac:dyDescent="0.25">
      <c r="A21836" t="s">
        <v>33965</v>
      </c>
      <c r="B21836" t="s">
        <v>33966</v>
      </c>
      <c r="C21836">
        <v>1</v>
      </c>
      <c r="D21836">
        <v>0</v>
      </c>
    </row>
    <row r="21837" spans="1:4" x14ac:dyDescent="0.25">
      <c r="A21837" t="s">
        <v>33965</v>
      </c>
      <c r="B21837" t="s">
        <v>33967</v>
      </c>
      <c r="C21837">
        <v>1</v>
      </c>
      <c r="D21837">
        <v>0</v>
      </c>
    </row>
    <row r="21838" spans="1:4" x14ac:dyDescent="0.25">
      <c r="A21838" t="s">
        <v>33965</v>
      </c>
      <c r="B21838" t="s">
        <v>33968</v>
      </c>
      <c r="C21838">
        <v>0</v>
      </c>
      <c r="D21838">
        <v>0</v>
      </c>
    </row>
    <row r="21839" spans="1:4" x14ac:dyDescent="0.25">
      <c r="A21839" t="s">
        <v>33969</v>
      </c>
      <c r="B21839" t="s">
        <v>33970</v>
      </c>
      <c r="C21839">
        <v>2</v>
      </c>
      <c r="D21839">
        <v>0</v>
      </c>
    </row>
    <row r="21840" spans="1:4" x14ac:dyDescent="0.25">
      <c r="A21840" t="s">
        <v>33969</v>
      </c>
      <c r="B21840" t="s">
        <v>11127</v>
      </c>
      <c r="C21840">
        <v>0</v>
      </c>
      <c r="D21840">
        <v>0</v>
      </c>
    </row>
    <row r="21841" spans="1:4" x14ac:dyDescent="0.25">
      <c r="A21841" t="s">
        <v>33969</v>
      </c>
      <c r="B21841" t="s">
        <v>33971</v>
      </c>
      <c r="C21841">
        <v>1</v>
      </c>
      <c r="D21841">
        <v>0</v>
      </c>
    </row>
    <row r="21842" spans="1:4" x14ac:dyDescent="0.25">
      <c r="A21842" t="s">
        <v>33972</v>
      </c>
      <c r="B21842" t="s">
        <v>33973</v>
      </c>
      <c r="C21842">
        <v>0</v>
      </c>
      <c r="D21842">
        <v>0</v>
      </c>
    </row>
    <row r="21843" spans="1:4" x14ac:dyDescent="0.25">
      <c r="A21843" t="s">
        <v>33974</v>
      </c>
      <c r="B21843" t="s">
        <v>5903</v>
      </c>
      <c r="C21843">
        <v>0</v>
      </c>
      <c r="D21843">
        <v>0</v>
      </c>
    </row>
    <row r="21844" spans="1:4" x14ac:dyDescent="0.25">
      <c r="A21844" t="s">
        <v>33974</v>
      </c>
      <c r="B21844" t="s">
        <v>33975</v>
      </c>
      <c r="C21844">
        <v>2</v>
      </c>
      <c r="D21844">
        <v>0</v>
      </c>
    </row>
    <row r="21845" spans="1:4" x14ac:dyDescent="0.25">
      <c r="A21845" t="s">
        <v>33976</v>
      </c>
      <c r="B21845" t="s">
        <v>33977</v>
      </c>
      <c r="C21845">
        <v>1</v>
      </c>
      <c r="D21845">
        <v>0</v>
      </c>
    </row>
    <row r="21846" spans="1:4" x14ac:dyDescent="0.25">
      <c r="A21846" t="s">
        <v>33978</v>
      </c>
      <c r="B21846" t="s">
        <v>33979</v>
      </c>
      <c r="C21846">
        <v>0</v>
      </c>
      <c r="D21846">
        <v>0</v>
      </c>
    </row>
    <row r="21847" spans="1:4" x14ac:dyDescent="0.25">
      <c r="A21847" t="s">
        <v>33980</v>
      </c>
      <c r="B21847" t="s">
        <v>33981</v>
      </c>
      <c r="C21847">
        <v>1</v>
      </c>
      <c r="D21847">
        <v>0</v>
      </c>
    </row>
    <row r="21848" spans="1:4" x14ac:dyDescent="0.25">
      <c r="A21848" t="s">
        <v>33980</v>
      </c>
      <c r="B21848" t="s">
        <v>33982</v>
      </c>
      <c r="C21848">
        <v>0</v>
      </c>
      <c r="D21848">
        <v>0</v>
      </c>
    </row>
    <row r="21849" spans="1:4" x14ac:dyDescent="0.25">
      <c r="A21849" t="s">
        <v>33980</v>
      </c>
      <c r="B21849" t="s">
        <v>33983</v>
      </c>
      <c r="C21849">
        <v>1</v>
      </c>
      <c r="D21849">
        <v>0</v>
      </c>
    </row>
    <row r="21850" spans="1:4" x14ac:dyDescent="0.25">
      <c r="A21850" t="s">
        <v>33984</v>
      </c>
      <c r="B21850" t="s">
        <v>33985</v>
      </c>
      <c r="C21850">
        <v>1</v>
      </c>
      <c r="D21850">
        <v>0</v>
      </c>
    </row>
    <row r="21851" spans="1:4" x14ac:dyDescent="0.25">
      <c r="A21851" t="s">
        <v>33984</v>
      </c>
      <c r="B21851" t="s">
        <v>33986</v>
      </c>
      <c r="C21851">
        <v>0</v>
      </c>
      <c r="D21851">
        <v>0</v>
      </c>
    </row>
    <row r="21852" spans="1:4" x14ac:dyDescent="0.25">
      <c r="A21852" t="s">
        <v>33987</v>
      </c>
      <c r="B21852" t="s">
        <v>33988</v>
      </c>
      <c r="C21852">
        <v>0</v>
      </c>
      <c r="D21852">
        <v>0</v>
      </c>
    </row>
    <row r="21853" spans="1:4" x14ac:dyDescent="0.25">
      <c r="A21853" t="s">
        <v>33987</v>
      </c>
      <c r="B21853" t="s">
        <v>33989</v>
      </c>
      <c r="C21853">
        <v>1</v>
      </c>
      <c r="D21853">
        <v>0</v>
      </c>
    </row>
    <row r="21854" spans="1:4" x14ac:dyDescent="0.25">
      <c r="A21854" t="s">
        <v>33987</v>
      </c>
      <c r="B21854" t="s">
        <v>33990</v>
      </c>
      <c r="C21854">
        <v>2</v>
      </c>
      <c r="D21854">
        <v>0</v>
      </c>
    </row>
    <row r="21855" spans="1:4" x14ac:dyDescent="0.25">
      <c r="A21855" t="s">
        <v>33991</v>
      </c>
      <c r="B21855" t="s">
        <v>2267</v>
      </c>
      <c r="C21855">
        <v>0</v>
      </c>
      <c r="D21855">
        <v>0</v>
      </c>
    </row>
    <row r="21856" spans="1:4" x14ac:dyDescent="0.25">
      <c r="A21856" t="s">
        <v>33992</v>
      </c>
      <c r="B21856" t="s">
        <v>1481</v>
      </c>
      <c r="C21856">
        <v>2</v>
      </c>
      <c r="D21856">
        <v>0</v>
      </c>
    </row>
    <row r="21857" spans="1:4" x14ac:dyDescent="0.25">
      <c r="A21857" t="s">
        <v>33992</v>
      </c>
      <c r="B21857" t="s">
        <v>33993</v>
      </c>
      <c r="C21857">
        <v>2</v>
      </c>
      <c r="D21857">
        <v>0</v>
      </c>
    </row>
    <row r="21858" spans="1:4" x14ac:dyDescent="0.25">
      <c r="A21858" t="s">
        <v>33994</v>
      </c>
      <c r="B21858" t="s">
        <v>33995</v>
      </c>
      <c r="C21858">
        <v>2</v>
      </c>
      <c r="D21858">
        <v>0</v>
      </c>
    </row>
    <row r="21859" spans="1:4" x14ac:dyDescent="0.25">
      <c r="A21859" t="s">
        <v>33994</v>
      </c>
      <c r="B21859" t="s">
        <v>33996</v>
      </c>
      <c r="C21859">
        <v>2</v>
      </c>
      <c r="D21859">
        <v>0</v>
      </c>
    </row>
    <row r="21860" spans="1:4" x14ac:dyDescent="0.25">
      <c r="A21860" t="s">
        <v>33994</v>
      </c>
      <c r="B21860" t="s">
        <v>33997</v>
      </c>
      <c r="C21860">
        <v>1</v>
      </c>
      <c r="D21860">
        <v>0</v>
      </c>
    </row>
    <row r="21861" spans="1:4" x14ac:dyDescent="0.25">
      <c r="A21861" t="s">
        <v>33998</v>
      </c>
      <c r="B21861" t="s">
        <v>1947</v>
      </c>
      <c r="C21861">
        <v>1</v>
      </c>
      <c r="D21861">
        <v>0</v>
      </c>
    </row>
    <row r="21862" spans="1:4" x14ac:dyDescent="0.25">
      <c r="A21862" t="s">
        <v>33999</v>
      </c>
      <c r="B21862" t="s">
        <v>34000</v>
      </c>
      <c r="C21862">
        <v>0</v>
      </c>
      <c r="D21862">
        <v>0</v>
      </c>
    </row>
    <row r="21863" spans="1:4" x14ac:dyDescent="0.25">
      <c r="A21863" t="s">
        <v>34001</v>
      </c>
      <c r="B21863" t="s">
        <v>34002</v>
      </c>
      <c r="C21863">
        <v>1</v>
      </c>
      <c r="D21863">
        <v>0</v>
      </c>
    </row>
    <row r="21864" spans="1:4" x14ac:dyDescent="0.25">
      <c r="A21864" t="s">
        <v>34003</v>
      </c>
      <c r="B21864" t="s">
        <v>34004</v>
      </c>
      <c r="C21864">
        <v>0</v>
      </c>
      <c r="D21864">
        <v>0</v>
      </c>
    </row>
    <row r="21865" spans="1:4" x14ac:dyDescent="0.25">
      <c r="A21865" t="s">
        <v>34003</v>
      </c>
      <c r="B21865" t="s">
        <v>34005</v>
      </c>
      <c r="C21865">
        <v>2</v>
      </c>
      <c r="D21865">
        <v>0</v>
      </c>
    </row>
    <row r="21866" spans="1:4" x14ac:dyDescent="0.25">
      <c r="A21866" t="s">
        <v>34006</v>
      </c>
      <c r="B21866" t="s">
        <v>34007</v>
      </c>
      <c r="C21866">
        <v>1</v>
      </c>
      <c r="D21866">
        <v>0</v>
      </c>
    </row>
    <row r="21867" spans="1:4" x14ac:dyDescent="0.25">
      <c r="A21867" t="s">
        <v>34008</v>
      </c>
      <c r="B21867" t="s">
        <v>34009</v>
      </c>
      <c r="C21867">
        <v>1</v>
      </c>
      <c r="D21867">
        <v>0</v>
      </c>
    </row>
    <row r="21868" spans="1:4" x14ac:dyDescent="0.25">
      <c r="A21868" t="s">
        <v>34008</v>
      </c>
      <c r="B21868" t="s">
        <v>34010</v>
      </c>
      <c r="C21868">
        <v>1</v>
      </c>
      <c r="D21868">
        <v>0</v>
      </c>
    </row>
    <row r="21869" spans="1:4" x14ac:dyDescent="0.25">
      <c r="A21869" t="s">
        <v>34008</v>
      </c>
      <c r="B21869" t="s">
        <v>3173</v>
      </c>
      <c r="C21869">
        <v>1</v>
      </c>
      <c r="D21869">
        <v>0</v>
      </c>
    </row>
    <row r="21870" spans="1:4" x14ac:dyDescent="0.25">
      <c r="A21870" t="s">
        <v>34011</v>
      </c>
      <c r="B21870" t="s">
        <v>34012</v>
      </c>
      <c r="C21870">
        <v>1</v>
      </c>
      <c r="D21870">
        <v>0</v>
      </c>
    </row>
    <row r="21871" spans="1:4" x14ac:dyDescent="0.25">
      <c r="A21871" t="s">
        <v>34011</v>
      </c>
      <c r="B21871" t="s">
        <v>34013</v>
      </c>
      <c r="C21871">
        <v>1</v>
      </c>
      <c r="D21871">
        <v>0</v>
      </c>
    </row>
    <row r="21872" spans="1:4" x14ac:dyDescent="0.25">
      <c r="A21872" t="s">
        <v>34011</v>
      </c>
      <c r="B21872" t="s">
        <v>34014</v>
      </c>
      <c r="C21872">
        <v>1</v>
      </c>
      <c r="D21872">
        <v>0</v>
      </c>
    </row>
    <row r="21873" spans="1:4" x14ac:dyDescent="0.25">
      <c r="A21873" t="s">
        <v>34015</v>
      </c>
      <c r="B21873" t="s">
        <v>34016</v>
      </c>
      <c r="C21873">
        <v>2</v>
      </c>
      <c r="D21873">
        <v>0</v>
      </c>
    </row>
    <row r="21874" spans="1:4" x14ac:dyDescent="0.25">
      <c r="A21874" t="s">
        <v>34015</v>
      </c>
      <c r="B21874" t="s">
        <v>34017</v>
      </c>
      <c r="C21874">
        <v>2</v>
      </c>
      <c r="D21874">
        <v>0</v>
      </c>
    </row>
    <row r="21875" spans="1:4" x14ac:dyDescent="0.25">
      <c r="A21875" t="s">
        <v>34018</v>
      </c>
      <c r="B21875" t="s">
        <v>34019</v>
      </c>
      <c r="C21875">
        <v>2</v>
      </c>
      <c r="D21875">
        <v>0</v>
      </c>
    </row>
    <row r="21876" spans="1:4" x14ac:dyDescent="0.25">
      <c r="A21876" t="s">
        <v>34020</v>
      </c>
      <c r="B21876" t="s">
        <v>34021</v>
      </c>
      <c r="C21876">
        <v>1</v>
      </c>
      <c r="D21876">
        <v>0</v>
      </c>
    </row>
    <row r="21877" spans="1:4" x14ac:dyDescent="0.25">
      <c r="A21877" t="s">
        <v>34022</v>
      </c>
      <c r="B21877" t="s">
        <v>34023</v>
      </c>
      <c r="C21877">
        <v>0</v>
      </c>
      <c r="D21877">
        <v>0</v>
      </c>
    </row>
    <row r="21878" spans="1:4" x14ac:dyDescent="0.25">
      <c r="A21878" t="s">
        <v>34022</v>
      </c>
      <c r="B21878" t="s">
        <v>34024</v>
      </c>
      <c r="C21878">
        <v>1</v>
      </c>
      <c r="D21878">
        <v>0</v>
      </c>
    </row>
    <row r="21879" spans="1:4" x14ac:dyDescent="0.25">
      <c r="A21879" t="s">
        <v>34022</v>
      </c>
      <c r="B21879" t="s">
        <v>34025</v>
      </c>
      <c r="C21879">
        <v>1</v>
      </c>
      <c r="D21879">
        <v>0</v>
      </c>
    </row>
    <row r="21880" spans="1:4" x14ac:dyDescent="0.25">
      <c r="A21880" t="s">
        <v>34026</v>
      </c>
      <c r="B21880" t="s">
        <v>34027</v>
      </c>
      <c r="C21880">
        <v>1</v>
      </c>
      <c r="D21880">
        <v>0</v>
      </c>
    </row>
    <row r="21881" spans="1:4" x14ac:dyDescent="0.25">
      <c r="A21881" t="s">
        <v>34028</v>
      </c>
      <c r="B21881" t="s">
        <v>398</v>
      </c>
      <c r="C21881">
        <v>0</v>
      </c>
      <c r="D21881">
        <v>0</v>
      </c>
    </row>
    <row r="21882" spans="1:4" x14ac:dyDescent="0.25">
      <c r="A21882" t="s">
        <v>34029</v>
      </c>
      <c r="B21882" t="s">
        <v>34030</v>
      </c>
      <c r="C21882">
        <v>0</v>
      </c>
      <c r="D21882">
        <v>0</v>
      </c>
    </row>
    <row r="21883" spans="1:4" x14ac:dyDescent="0.25">
      <c r="A21883" t="s">
        <v>34029</v>
      </c>
      <c r="B21883" t="s">
        <v>34031</v>
      </c>
      <c r="C21883">
        <v>1</v>
      </c>
      <c r="D21883">
        <v>0</v>
      </c>
    </row>
    <row r="21884" spans="1:4" x14ac:dyDescent="0.25">
      <c r="A21884" t="s">
        <v>34029</v>
      </c>
      <c r="B21884" t="s">
        <v>34032</v>
      </c>
      <c r="C21884">
        <v>0</v>
      </c>
      <c r="D21884">
        <v>0</v>
      </c>
    </row>
    <row r="21885" spans="1:4" x14ac:dyDescent="0.25">
      <c r="A21885" t="s">
        <v>34033</v>
      </c>
      <c r="B21885" t="s">
        <v>34034</v>
      </c>
      <c r="C21885">
        <v>1</v>
      </c>
      <c r="D21885">
        <v>0</v>
      </c>
    </row>
    <row r="21886" spans="1:4" x14ac:dyDescent="0.25">
      <c r="A21886" t="s">
        <v>34033</v>
      </c>
      <c r="B21886" t="s">
        <v>34035</v>
      </c>
      <c r="C21886">
        <v>1</v>
      </c>
      <c r="D21886">
        <v>0</v>
      </c>
    </row>
    <row r="21887" spans="1:4" x14ac:dyDescent="0.25">
      <c r="A21887" t="s">
        <v>34036</v>
      </c>
      <c r="B21887" t="s">
        <v>34037</v>
      </c>
      <c r="C21887">
        <v>1</v>
      </c>
      <c r="D21887">
        <v>0</v>
      </c>
    </row>
    <row r="21888" spans="1:4" x14ac:dyDescent="0.25">
      <c r="A21888" t="s">
        <v>34036</v>
      </c>
      <c r="B21888" t="s">
        <v>34038</v>
      </c>
      <c r="C21888">
        <v>2</v>
      </c>
      <c r="D21888">
        <v>0</v>
      </c>
    </row>
    <row r="21889" spans="1:4" x14ac:dyDescent="0.25">
      <c r="A21889" t="s">
        <v>34036</v>
      </c>
      <c r="B21889" t="s">
        <v>34039</v>
      </c>
      <c r="C21889">
        <v>2</v>
      </c>
      <c r="D21889">
        <v>0</v>
      </c>
    </row>
    <row r="21890" spans="1:4" x14ac:dyDescent="0.25">
      <c r="A21890" t="s">
        <v>34040</v>
      </c>
      <c r="B21890" t="s">
        <v>34041</v>
      </c>
      <c r="C21890">
        <v>1</v>
      </c>
      <c r="D21890">
        <v>0</v>
      </c>
    </row>
    <row r="21891" spans="1:4" x14ac:dyDescent="0.25">
      <c r="A21891" t="s">
        <v>34040</v>
      </c>
      <c r="B21891" t="s">
        <v>34042</v>
      </c>
      <c r="C21891">
        <v>1</v>
      </c>
      <c r="D21891">
        <v>0</v>
      </c>
    </row>
    <row r="21892" spans="1:4" x14ac:dyDescent="0.25">
      <c r="A21892" t="s">
        <v>34043</v>
      </c>
      <c r="B21892" t="s">
        <v>34044</v>
      </c>
      <c r="C21892">
        <v>2</v>
      </c>
      <c r="D21892">
        <v>0</v>
      </c>
    </row>
    <row r="21893" spans="1:4" x14ac:dyDescent="0.25">
      <c r="A21893" t="s">
        <v>34043</v>
      </c>
      <c r="B21893" t="s">
        <v>34045</v>
      </c>
      <c r="C21893">
        <v>1</v>
      </c>
      <c r="D21893">
        <v>0</v>
      </c>
    </row>
    <row r="21894" spans="1:4" x14ac:dyDescent="0.25">
      <c r="A21894" t="s">
        <v>34043</v>
      </c>
      <c r="B21894" t="s">
        <v>34046</v>
      </c>
      <c r="C21894">
        <v>2</v>
      </c>
      <c r="D21894">
        <v>0</v>
      </c>
    </row>
    <row r="21895" spans="1:4" x14ac:dyDescent="0.25">
      <c r="A21895" t="s">
        <v>34047</v>
      </c>
      <c r="B21895" t="s">
        <v>34048</v>
      </c>
      <c r="C21895">
        <v>0</v>
      </c>
      <c r="D21895">
        <v>0</v>
      </c>
    </row>
    <row r="21896" spans="1:4" x14ac:dyDescent="0.25">
      <c r="A21896" t="s">
        <v>34049</v>
      </c>
      <c r="B21896" t="s">
        <v>34050</v>
      </c>
      <c r="C21896">
        <v>1</v>
      </c>
      <c r="D21896">
        <v>0</v>
      </c>
    </row>
    <row r="21897" spans="1:4" x14ac:dyDescent="0.25">
      <c r="A21897" t="s">
        <v>34049</v>
      </c>
      <c r="B21897" t="s">
        <v>34051</v>
      </c>
      <c r="C21897">
        <v>0</v>
      </c>
      <c r="D21897">
        <v>0</v>
      </c>
    </row>
    <row r="21898" spans="1:4" x14ac:dyDescent="0.25">
      <c r="A21898" t="s">
        <v>34049</v>
      </c>
      <c r="B21898" t="s">
        <v>34052</v>
      </c>
      <c r="C21898">
        <v>0</v>
      </c>
      <c r="D21898">
        <v>0</v>
      </c>
    </row>
    <row r="21899" spans="1:4" x14ac:dyDescent="0.25">
      <c r="A21899" t="s">
        <v>34053</v>
      </c>
      <c r="B21899" t="s">
        <v>34054</v>
      </c>
      <c r="C21899">
        <v>0</v>
      </c>
      <c r="D21899">
        <v>0</v>
      </c>
    </row>
    <row r="21900" spans="1:4" x14ac:dyDescent="0.25">
      <c r="A21900" t="s">
        <v>34053</v>
      </c>
      <c r="B21900" t="s">
        <v>34055</v>
      </c>
      <c r="C21900">
        <v>0</v>
      </c>
      <c r="D21900">
        <v>0</v>
      </c>
    </row>
    <row r="21901" spans="1:4" x14ac:dyDescent="0.25">
      <c r="A21901" t="s">
        <v>34056</v>
      </c>
      <c r="B21901" t="s">
        <v>34057</v>
      </c>
      <c r="C21901">
        <v>0</v>
      </c>
      <c r="D21901">
        <v>0</v>
      </c>
    </row>
    <row r="21902" spans="1:4" x14ac:dyDescent="0.25">
      <c r="A21902" t="s">
        <v>34056</v>
      </c>
      <c r="B21902" t="s">
        <v>34058</v>
      </c>
      <c r="C21902">
        <v>1</v>
      </c>
      <c r="D21902">
        <v>0</v>
      </c>
    </row>
    <row r="21903" spans="1:4" x14ac:dyDescent="0.25">
      <c r="A21903" t="s">
        <v>34059</v>
      </c>
      <c r="B21903" t="s">
        <v>34060</v>
      </c>
      <c r="C21903">
        <v>1</v>
      </c>
      <c r="D21903">
        <v>0</v>
      </c>
    </row>
    <row r="21904" spans="1:4" x14ac:dyDescent="0.25">
      <c r="A21904" t="s">
        <v>34059</v>
      </c>
      <c r="B21904" t="s">
        <v>34061</v>
      </c>
      <c r="C21904">
        <v>2</v>
      </c>
      <c r="D21904">
        <v>0</v>
      </c>
    </row>
    <row r="21905" spans="1:4" x14ac:dyDescent="0.25">
      <c r="A21905" t="s">
        <v>34059</v>
      </c>
      <c r="B21905" t="s">
        <v>34062</v>
      </c>
      <c r="C21905">
        <v>1</v>
      </c>
      <c r="D21905">
        <v>0</v>
      </c>
    </row>
    <row r="21906" spans="1:4" x14ac:dyDescent="0.25">
      <c r="A21906" t="s">
        <v>34063</v>
      </c>
      <c r="B21906" t="s">
        <v>34064</v>
      </c>
      <c r="C21906">
        <v>0</v>
      </c>
      <c r="D21906">
        <v>0</v>
      </c>
    </row>
    <row r="21907" spans="1:4" x14ac:dyDescent="0.25">
      <c r="A21907" t="s">
        <v>34065</v>
      </c>
      <c r="B21907" t="s">
        <v>34066</v>
      </c>
      <c r="C21907">
        <v>1</v>
      </c>
      <c r="D21907">
        <v>0</v>
      </c>
    </row>
    <row r="21908" spans="1:4" x14ac:dyDescent="0.25">
      <c r="A21908" t="s">
        <v>34065</v>
      </c>
      <c r="B21908" t="s">
        <v>34067</v>
      </c>
      <c r="C21908">
        <v>1</v>
      </c>
      <c r="D21908">
        <v>0</v>
      </c>
    </row>
    <row r="21909" spans="1:4" x14ac:dyDescent="0.25">
      <c r="A21909" t="s">
        <v>34065</v>
      </c>
      <c r="B21909" t="s">
        <v>34068</v>
      </c>
      <c r="C21909">
        <v>1</v>
      </c>
      <c r="D21909">
        <v>0</v>
      </c>
    </row>
    <row r="21910" spans="1:4" x14ac:dyDescent="0.25">
      <c r="A21910" t="s">
        <v>34069</v>
      </c>
      <c r="B21910" t="s">
        <v>34070</v>
      </c>
      <c r="C21910">
        <v>1</v>
      </c>
      <c r="D21910">
        <v>0</v>
      </c>
    </row>
    <row r="21911" spans="1:4" x14ac:dyDescent="0.25">
      <c r="A21911" t="s">
        <v>34071</v>
      </c>
      <c r="B21911" t="s">
        <v>1001</v>
      </c>
      <c r="C21911">
        <v>1</v>
      </c>
      <c r="D21911">
        <v>0</v>
      </c>
    </row>
    <row r="21912" spans="1:4" x14ac:dyDescent="0.25">
      <c r="A21912" t="s">
        <v>34072</v>
      </c>
      <c r="B21912" t="s">
        <v>34073</v>
      </c>
      <c r="C21912">
        <v>1</v>
      </c>
      <c r="D21912">
        <v>0</v>
      </c>
    </row>
    <row r="21913" spans="1:4" x14ac:dyDescent="0.25">
      <c r="A21913" t="s">
        <v>34072</v>
      </c>
      <c r="B21913" t="s">
        <v>34074</v>
      </c>
      <c r="C21913">
        <v>1</v>
      </c>
      <c r="D21913">
        <v>0</v>
      </c>
    </row>
    <row r="21914" spans="1:4" x14ac:dyDescent="0.25">
      <c r="A21914" t="s">
        <v>34072</v>
      </c>
      <c r="B21914" t="s">
        <v>34075</v>
      </c>
      <c r="C21914">
        <v>1</v>
      </c>
      <c r="D21914">
        <v>0</v>
      </c>
    </row>
    <row r="21915" spans="1:4" x14ac:dyDescent="0.25">
      <c r="A21915" t="s">
        <v>34076</v>
      </c>
      <c r="B21915" t="s">
        <v>34077</v>
      </c>
      <c r="C21915">
        <v>1</v>
      </c>
      <c r="D21915">
        <v>0</v>
      </c>
    </row>
    <row r="21916" spans="1:4" x14ac:dyDescent="0.25">
      <c r="A21916" t="s">
        <v>34076</v>
      </c>
      <c r="B21916" t="s">
        <v>34078</v>
      </c>
      <c r="C21916">
        <v>1</v>
      </c>
      <c r="D21916">
        <v>0</v>
      </c>
    </row>
    <row r="21917" spans="1:4" x14ac:dyDescent="0.25">
      <c r="A21917" t="s">
        <v>34079</v>
      </c>
      <c r="B21917" t="s">
        <v>34080</v>
      </c>
      <c r="C21917">
        <v>0</v>
      </c>
      <c r="D21917">
        <v>0</v>
      </c>
    </row>
    <row r="21918" spans="1:4" x14ac:dyDescent="0.25">
      <c r="A21918" t="s">
        <v>34079</v>
      </c>
      <c r="B21918" t="s">
        <v>34081</v>
      </c>
      <c r="C21918">
        <v>1</v>
      </c>
      <c r="D21918">
        <v>0</v>
      </c>
    </row>
    <row r="21919" spans="1:4" x14ac:dyDescent="0.25">
      <c r="A21919" t="s">
        <v>34082</v>
      </c>
      <c r="B21919" t="s">
        <v>34083</v>
      </c>
      <c r="C21919">
        <v>2</v>
      </c>
      <c r="D21919">
        <v>0</v>
      </c>
    </row>
    <row r="21920" spans="1:4" x14ac:dyDescent="0.25">
      <c r="A21920" t="s">
        <v>34082</v>
      </c>
      <c r="B21920" t="s">
        <v>34084</v>
      </c>
      <c r="C21920">
        <v>2</v>
      </c>
      <c r="D21920">
        <v>0</v>
      </c>
    </row>
    <row r="21921" spans="1:4" x14ac:dyDescent="0.25">
      <c r="A21921" t="s">
        <v>34082</v>
      </c>
      <c r="B21921" t="s">
        <v>34085</v>
      </c>
      <c r="C21921">
        <v>1</v>
      </c>
      <c r="D21921">
        <v>0</v>
      </c>
    </row>
    <row r="21922" spans="1:4" x14ac:dyDescent="0.25">
      <c r="A21922" t="s">
        <v>34086</v>
      </c>
      <c r="B21922" t="s">
        <v>34087</v>
      </c>
      <c r="C21922">
        <v>0</v>
      </c>
      <c r="D21922">
        <v>0</v>
      </c>
    </row>
    <row r="21923" spans="1:4" x14ac:dyDescent="0.25">
      <c r="A21923" t="s">
        <v>34088</v>
      </c>
      <c r="B21923" t="s">
        <v>34089</v>
      </c>
      <c r="C21923">
        <v>0</v>
      </c>
      <c r="D21923">
        <v>0</v>
      </c>
    </row>
    <row r="21924" spans="1:4" x14ac:dyDescent="0.25">
      <c r="A21924" t="s">
        <v>34090</v>
      </c>
      <c r="B21924" t="s">
        <v>34091</v>
      </c>
      <c r="C21924">
        <v>1</v>
      </c>
      <c r="D21924">
        <v>0</v>
      </c>
    </row>
    <row r="21925" spans="1:4" x14ac:dyDescent="0.25">
      <c r="A21925" t="s">
        <v>34090</v>
      </c>
      <c r="B21925" t="s">
        <v>34092</v>
      </c>
      <c r="C21925">
        <v>1</v>
      </c>
      <c r="D21925">
        <v>0</v>
      </c>
    </row>
    <row r="21926" spans="1:4" x14ac:dyDescent="0.25">
      <c r="A21926" t="s">
        <v>34090</v>
      </c>
      <c r="B21926" t="s">
        <v>34093</v>
      </c>
      <c r="C21926">
        <v>0</v>
      </c>
      <c r="D21926">
        <v>0</v>
      </c>
    </row>
    <row r="21927" spans="1:4" x14ac:dyDescent="0.25">
      <c r="A21927" t="s">
        <v>34094</v>
      </c>
      <c r="B21927" t="s">
        <v>34095</v>
      </c>
      <c r="C21927">
        <v>1</v>
      </c>
      <c r="D21927">
        <v>0</v>
      </c>
    </row>
    <row r="21928" spans="1:4" x14ac:dyDescent="0.25">
      <c r="A21928" t="s">
        <v>34094</v>
      </c>
      <c r="B21928" t="s">
        <v>34096</v>
      </c>
      <c r="C21928">
        <v>1</v>
      </c>
      <c r="D21928">
        <v>0</v>
      </c>
    </row>
    <row r="21929" spans="1:4" x14ac:dyDescent="0.25">
      <c r="A21929" t="s">
        <v>34094</v>
      </c>
      <c r="B21929" t="s">
        <v>34097</v>
      </c>
      <c r="C21929">
        <v>0</v>
      </c>
      <c r="D21929">
        <v>0</v>
      </c>
    </row>
    <row r="21930" spans="1:4" x14ac:dyDescent="0.25">
      <c r="A21930" t="s">
        <v>34098</v>
      </c>
      <c r="B21930" t="s">
        <v>34099</v>
      </c>
      <c r="C21930">
        <v>0</v>
      </c>
      <c r="D21930">
        <v>0</v>
      </c>
    </row>
    <row r="21931" spans="1:4" x14ac:dyDescent="0.25">
      <c r="A21931" t="s">
        <v>34098</v>
      </c>
      <c r="B21931" t="s">
        <v>34100</v>
      </c>
      <c r="C21931">
        <v>0</v>
      </c>
      <c r="D21931">
        <v>0</v>
      </c>
    </row>
    <row r="21932" spans="1:4" x14ac:dyDescent="0.25">
      <c r="A21932" t="s">
        <v>34098</v>
      </c>
      <c r="B21932" t="s">
        <v>34101</v>
      </c>
      <c r="C21932">
        <v>0</v>
      </c>
      <c r="D21932">
        <v>0</v>
      </c>
    </row>
    <row r="21933" spans="1:4" x14ac:dyDescent="0.25">
      <c r="A21933" t="s">
        <v>34102</v>
      </c>
      <c r="B21933" t="s">
        <v>34103</v>
      </c>
      <c r="C21933">
        <v>0</v>
      </c>
      <c r="D21933">
        <v>0</v>
      </c>
    </row>
    <row r="21934" spans="1:4" x14ac:dyDescent="0.25">
      <c r="A21934" t="s">
        <v>34102</v>
      </c>
      <c r="B21934" t="s">
        <v>34104</v>
      </c>
      <c r="C21934">
        <v>1</v>
      </c>
      <c r="D21934">
        <v>0</v>
      </c>
    </row>
    <row r="21935" spans="1:4" x14ac:dyDescent="0.25">
      <c r="A21935" t="s">
        <v>34105</v>
      </c>
      <c r="B21935" t="s">
        <v>34106</v>
      </c>
      <c r="C21935">
        <v>2</v>
      </c>
      <c r="D21935">
        <v>0</v>
      </c>
    </row>
    <row r="21936" spans="1:4" x14ac:dyDescent="0.25">
      <c r="A21936" t="s">
        <v>34105</v>
      </c>
      <c r="B21936" t="s">
        <v>34107</v>
      </c>
      <c r="C21936">
        <v>2</v>
      </c>
      <c r="D21936">
        <v>0</v>
      </c>
    </row>
    <row r="21937" spans="1:4" x14ac:dyDescent="0.25">
      <c r="A21937" t="s">
        <v>34105</v>
      </c>
      <c r="B21937" t="s">
        <v>34108</v>
      </c>
      <c r="C21937">
        <v>2</v>
      </c>
      <c r="D21937">
        <v>0</v>
      </c>
    </row>
    <row r="21938" spans="1:4" x14ac:dyDescent="0.25">
      <c r="A21938" t="s">
        <v>34109</v>
      </c>
      <c r="B21938" t="s">
        <v>34110</v>
      </c>
      <c r="C21938">
        <v>1</v>
      </c>
      <c r="D21938">
        <v>0</v>
      </c>
    </row>
    <row r="21939" spans="1:4" x14ac:dyDescent="0.25">
      <c r="A21939" t="s">
        <v>34109</v>
      </c>
      <c r="B21939" t="s">
        <v>34111</v>
      </c>
      <c r="C21939">
        <v>0</v>
      </c>
      <c r="D21939">
        <v>0</v>
      </c>
    </row>
    <row r="21940" spans="1:4" x14ac:dyDescent="0.25">
      <c r="A21940" t="s">
        <v>34109</v>
      </c>
      <c r="B21940" t="s">
        <v>29843</v>
      </c>
      <c r="C21940">
        <v>1</v>
      </c>
      <c r="D21940">
        <v>0</v>
      </c>
    </row>
    <row r="21941" spans="1:4" x14ac:dyDescent="0.25">
      <c r="A21941" t="s">
        <v>34112</v>
      </c>
      <c r="B21941" t="s">
        <v>34113</v>
      </c>
      <c r="C21941">
        <v>1</v>
      </c>
      <c r="D21941">
        <v>0</v>
      </c>
    </row>
    <row r="21942" spans="1:4" x14ac:dyDescent="0.25">
      <c r="A21942" t="s">
        <v>34112</v>
      </c>
      <c r="B21942" t="s">
        <v>34114</v>
      </c>
      <c r="C21942">
        <v>1</v>
      </c>
      <c r="D21942">
        <v>0</v>
      </c>
    </row>
    <row r="21943" spans="1:4" x14ac:dyDescent="0.25">
      <c r="A21943" t="s">
        <v>34115</v>
      </c>
      <c r="B21943" t="s">
        <v>7529</v>
      </c>
      <c r="C21943">
        <v>0</v>
      </c>
      <c r="D21943">
        <v>0</v>
      </c>
    </row>
    <row r="21944" spans="1:4" x14ac:dyDescent="0.25">
      <c r="A21944" t="s">
        <v>34116</v>
      </c>
      <c r="B21944" t="s">
        <v>398</v>
      </c>
      <c r="C21944">
        <v>0</v>
      </c>
      <c r="D21944">
        <v>0</v>
      </c>
    </row>
    <row r="21945" spans="1:4" x14ac:dyDescent="0.25">
      <c r="A21945" t="s">
        <v>34117</v>
      </c>
      <c r="B21945" t="s">
        <v>34118</v>
      </c>
      <c r="C21945">
        <v>2</v>
      </c>
      <c r="D21945">
        <v>0</v>
      </c>
    </row>
    <row r="21946" spans="1:4" x14ac:dyDescent="0.25">
      <c r="A21946" t="s">
        <v>34117</v>
      </c>
      <c r="B21946" t="s">
        <v>34119</v>
      </c>
      <c r="C21946">
        <v>2</v>
      </c>
      <c r="D21946">
        <v>0</v>
      </c>
    </row>
    <row r="21947" spans="1:4" x14ac:dyDescent="0.25">
      <c r="A21947" t="s">
        <v>34120</v>
      </c>
      <c r="B21947" t="s">
        <v>34121</v>
      </c>
      <c r="C21947">
        <v>1</v>
      </c>
      <c r="D21947">
        <v>0</v>
      </c>
    </row>
    <row r="21948" spans="1:4" x14ac:dyDescent="0.25">
      <c r="A21948" t="s">
        <v>34120</v>
      </c>
      <c r="B21948" t="s">
        <v>34122</v>
      </c>
      <c r="C21948">
        <v>1</v>
      </c>
      <c r="D21948">
        <v>0</v>
      </c>
    </row>
    <row r="21949" spans="1:4" x14ac:dyDescent="0.25">
      <c r="A21949" t="s">
        <v>34120</v>
      </c>
      <c r="B21949" t="s">
        <v>15536</v>
      </c>
      <c r="C21949">
        <v>0</v>
      </c>
      <c r="D21949">
        <v>0</v>
      </c>
    </row>
    <row r="21950" spans="1:4" x14ac:dyDescent="0.25">
      <c r="A21950" t="s">
        <v>34123</v>
      </c>
      <c r="B21950" t="s">
        <v>1294</v>
      </c>
      <c r="C21950">
        <v>1</v>
      </c>
      <c r="D21950">
        <v>0</v>
      </c>
    </row>
    <row r="21951" spans="1:4" x14ac:dyDescent="0.25">
      <c r="A21951" t="s">
        <v>34123</v>
      </c>
      <c r="B21951" t="s">
        <v>34124</v>
      </c>
      <c r="C21951">
        <v>2</v>
      </c>
      <c r="D21951">
        <v>0</v>
      </c>
    </row>
    <row r="21952" spans="1:4" x14ac:dyDescent="0.25">
      <c r="A21952" t="s">
        <v>34123</v>
      </c>
      <c r="B21952" t="s">
        <v>2651</v>
      </c>
      <c r="C21952">
        <v>0</v>
      </c>
      <c r="D21952">
        <v>0</v>
      </c>
    </row>
    <row r="21953" spans="1:4" x14ac:dyDescent="0.25">
      <c r="A21953" t="s">
        <v>34125</v>
      </c>
      <c r="B21953" t="s">
        <v>34126</v>
      </c>
      <c r="C21953">
        <v>1</v>
      </c>
      <c r="D21953">
        <v>0</v>
      </c>
    </row>
    <row r="21954" spans="1:4" x14ac:dyDescent="0.25">
      <c r="A21954" t="s">
        <v>34125</v>
      </c>
      <c r="B21954" t="s">
        <v>34127</v>
      </c>
      <c r="C21954">
        <v>1</v>
      </c>
      <c r="D21954">
        <v>0</v>
      </c>
    </row>
    <row r="21955" spans="1:4" x14ac:dyDescent="0.25">
      <c r="A21955" t="s">
        <v>34128</v>
      </c>
      <c r="B21955" t="s">
        <v>2061</v>
      </c>
      <c r="C21955">
        <v>0</v>
      </c>
      <c r="D21955">
        <v>0</v>
      </c>
    </row>
    <row r="21956" spans="1:4" x14ac:dyDescent="0.25">
      <c r="A21956" t="s">
        <v>34128</v>
      </c>
      <c r="B21956" t="s">
        <v>34129</v>
      </c>
      <c r="C21956">
        <v>1</v>
      </c>
      <c r="D21956">
        <v>0</v>
      </c>
    </row>
    <row r="21957" spans="1:4" x14ac:dyDescent="0.25">
      <c r="A21957" t="s">
        <v>34128</v>
      </c>
      <c r="B21957" t="s">
        <v>34130</v>
      </c>
      <c r="C21957">
        <v>0</v>
      </c>
      <c r="D21957">
        <v>0</v>
      </c>
    </row>
    <row r="21958" spans="1:4" x14ac:dyDescent="0.25">
      <c r="A21958" t="s">
        <v>34131</v>
      </c>
      <c r="B21958" t="s">
        <v>34132</v>
      </c>
      <c r="C21958">
        <v>2</v>
      </c>
      <c r="D21958">
        <v>0</v>
      </c>
    </row>
    <row r="21959" spans="1:4" x14ac:dyDescent="0.25">
      <c r="A21959" t="s">
        <v>34133</v>
      </c>
      <c r="B21959" t="s">
        <v>34134</v>
      </c>
      <c r="C21959">
        <v>2</v>
      </c>
      <c r="D21959">
        <v>0</v>
      </c>
    </row>
    <row r="21960" spans="1:4" x14ac:dyDescent="0.25">
      <c r="A21960" t="s">
        <v>34135</v>
      </c>
      <c r="B21960" t="s">
        <v>34136</v>
      </c>
      <c r="C21960">
        <v>1</v>
      </c>
      <c r="D21960">
        <v>0</v>
      </c>
    </row>
    <row r="21961" spans="1:4" x14ac:dyDescent="0.25">
      <c r="A21961" t="s">
        <v>34135</v>
      </c>
      <c r="B21961" t="s">
        <v>34137</v>
      </c>
      <c r="C21961">
        <v>1</v>
      </c>
      <c r="D21961">
        <v>0</v>
      </c>
    </row>
    <row r="21962" spans="1:4" x14ac:dyDescent="0.25">
      <c r="A21962" t="s">
        <v>34135</v>
      </c>
      <c r="B21962" t="s">
        <v>34138</v>
      </c>
      <c r="C21962">
        <v>0</v>
      </c>
      <c r="D21962">
        <v>0</v>
      </c>
    </row>
    <row r="21963" spans="1:4" x14ac:dyDescent="0.25">
      <c r="A21963" t="s">
        <v>34139</v>
      </c>
      <c r="B21963" t="s">
        <v>15377</v>
      </c>
      <c r="C21963">
        <v>1</v>
      </c>
      <c r="D21963">
        <v>0</v>
      </c>
    </row>
    <row r="21964" spans="1:4" x14ac:dyDescent="0.25">
      <c r="A21964" t="s">
        <v>34140</v>
      </c>
      <c r="B21964" t="s">
        <v>34141</v>
      </c>
      <c r="C21964">
        <v>0</v>
      </c>
      <c r="D21964">
        <v>0</v>
      </c>
    </row>
    <row r="21965" spans="1:4" x14ac:dyDescent="0.25">
      <c r="A21965" t="s">
        <v>34142</v>
      </c>
      <c r="B21965" t="s">
        <v>34143</v>
      </c>
      <c r="C21965">
        <v>0</v>
      </c>
      <c r="D21965">
        <v>0</v>
      </c>
    </row>
    <row r="21966" spans="1:4" x14ac:dyDescent="0.25">
      <c r="A21966" t="s">
        <v>34142</v>
      </c>
      <c r="B21966" t="s">
        <v>34144</v>
      </c>
      <c r="C21966">
        <v>0</v>
      </c>
      <c r="D21966">
        <v>0</v>
      </c>
    </row>
    <row r="21967" spans="1:4" x14ac:dyDescent="0.25">
      <c r="A21967" t="s">
        <v>34145</v>
      </c>
      <c r="B21967" t="s">
        <v>34146</v>
      </c>
      <c r="C21967">
        <v>2</v>
      </c>
      <c r="D21967">
        <v>0</v>
      </c>
    </row>
    <row r="21968" spans="1:4" x14ac:dyDescent="0.25">
      <c r="A21968" t="s">
        <v>34145</v>
      </c>
      <c r="B21968" t="s">
        <v>34147</v>
      </c>
      <c r="C21968">
        <v>0</v>
      </c>
      <c r="D21968">
        <v>0</v>
      </c>
    </row>
    <row r="21969" spans="1:4" x14ac:dyDescent="0.25">
      <c r="A21969" t="s">
        <v>34145</v>
      </c>
      <c r="B21969" t="s">
        <v>34148</v>
      </c>
      <c r="C21969">
        <v>1</v>
      </c>
      <c r="D21969">
        <v>0</v>
      </c>
    </row>
    <row r="21970" spans="1:4" x14ac:dyDescent="0.25">
      <c r="A21970" t="s">
        <v>34149</v>
      </c>
      <c r="B21970" t="s">
        <v>34150</v>
      </c>
      <c r="C21970">
        <v>0</v>
      </c>
      <c r="D21970">
        <v>0</v>
      </c>
    </row>
    <row r="21971" spans="1:4" x14ac:dyDescent="0.25">
      <c r="A21971" t="s">
        <v>34149</v>
      </c>
      <c r="B21971" t="s">
        <v>34151</v>
      </c>
      <c r="C21971">
        <v>2</v>
      </c>
      <c r="D21971">
        <v>0</v>
      </c>
    </row>
    <row r="21972" spans="1:4" x14ac:dyDescent="0.25">
      <c r="A21972" t="s">
        <v>34149</v>
      </c>
      <c r="B21972" t="s">
        <v>34152</v>
      </c>
      <c r="C21972">
        <v>2</v>
      </c>
      <c r="D21972">
        <v>0</v>
      </c>
    </row>
    <row r="21973" spans="1:4" x14ac:dyDescent="0.25">
      <c r="A21973" t="s">
        <v>34153</v>
      </c>
      <c r="B21973" t="s">
        <v>34154</v>
      </c>
      <c r="C21973">
        <v>1</v>
      </c>
      <c r="D21973">
        <v>0</v>
      </c>
    </row>
    <row r="21974" spans="1:4" x14ac:dyDescent="0.25">
      <c r="A21974" t="s">
        <v>34153</v>
      </c>
      <c r="B21974" t="s">
        <v>34155</v>
      </c>
      <c r="C21974">
        <v>1</v>
      </c>
      <c r="D21974">
        <v>0</v>
      </c>
    </row>
    <row r="21975" spans="1:4" x14ac:dyDescent="0.25">
      <c r="A21975" t="s">
        <v>34153</v>
      </c>
      <c r="B21975" t="s">
        <v>34156</v>
      </c>
      <c r="C21975">
        <v>1</v>
      </c>
      <c r="D21975">
        <v>0</v>
      </c>
    </row>
    <row r="21976" spans="1:4" x14ac:dyDescent="0.25">
      <c r="A21976" t="s">
        <v>34157</v>
      </c>
      <c r="B21976" t="s">
        <v>34158</v>
      </c>
      <c r="C21976">
        <v>2</v>
      </c>
      <c r="D21976">
        <v>0</v>
      </c>
    </row>
    <row r="21977" spans="1:4" x14ac:dyDescent="0.25">
      <c r="A21977" t="s">
        <v>34157</v>
      </c>
      <c r="B21977" t="s">
        <v>34159</v>
      </c>
      <c r="C21977">
        <v>2</v>
      </c>
      <c r="D21977">
        <v>0</v>
      </c>
    </row>
    <row r="21978" spans="1:4" x14ac:dyDescent="0.25">
      <c r="A21978" t="s">
        <v>34157</v>
      </c>
      <c r="B21978" t="s">
        <v>34160</v>
      </c>
      <c r="C21978">
        <v>0</v>
      </c>
      <c r="D21978">
        <v>0</v>
      </c>
    </row>
    <row r="21979" spans="1:4" x14ac:dyDescent="0.25">
      <c r="A21979" t="s">
        <v>34161</v>
      </c>
      <c r="B21979" t="s">
        <v>34162</v>
      </c>
      <c r="C21979">
        <v>0</v>
      </c>
      <c r="D21979">
        <v>0</v>
      </c>
    </row>
    <row r="21980" spans="1:4" x14ac:dyDescent="0.25">
      <c r="A21980" t="s">
        <v>34163</v>
      </c>
      <c r="B21980" t="s">
        <v>34164</v>
      </c>
      <c r="C21980">
        <v>1</v>
      </c>
      <c r="D21980">
        <v>0</v>
      </c>
    </row>
    <row r="21981" spans="1:4" x14ac:dyDescent="0.25">
      <c r="A21981" t="s">
        <v>34163</v>
      </c>
      <c r="B21981" t="s">
        <v>34165</v>
      </c>
      <c r="C21981">
        <v>1</v>
      </c>
      <c r="D21981">
        <v>0</v>
      </c>
    </row>
    <row r="21982" spans="1:4" x14ac:dyDescent="0.25">
      <c r="A21982" t="s">
        <v>34163</v>
      </c>
      <c r="B21982" t="s">
        <v>34166</v>
      </c>
      <c r="C21982">
        <v>1</v>
      </c>
      <c r="D21982">
        <v>0</v>
      </c>
    </row>
    <row r="21983" spans="1:4" x14ac:dyDescent="0.25">
      <c r="A21983" t="s">
        <v>34167</v>
      </c>
      <c r="B21983" t="s">
        <v>34168</v>
      </c>
      <c r="C21983">
        <v>1</v>
      </c>
      <c r="D21983">
        <v>0</v>
      </c>
    </row>
    <row r="21984" spans="1:4" x14ac:dyDescent="0.25">
      <c r="A21984" t="s">
        <v>34167</v>
      </c>
      <c r="B21984" t="s">
        <v>34169</v>
      </c>
      <c r="C21984">
        <v>1</v>
      </c>
      <c r="D21984">
        <v>0</v>
      </c>
    </row>
    <row r="21985" spans="1:4" x14ac:dyDescent="0.25">
      <c r="A21985" t="s">
        <v>34167</v>
      </c>
      <c r="B21985" t="s">
        <v>34170</v>
      </c>
      <c r="C21985">
        <v>1</v>
      </c>
      <c r="D21985">
        <v>0</v>
      </c>
    </row>
    <row r="21986" spans="1:4" x14ac:dyDescent="0.25">
      <c r="A21986" t="s">
        <v>34171</v>
      </c>
      <c r="B21986" t="s">
        <v>34172</v>
      </c>
      <c r="C21986">
        <v>1</v>
      </c>
      <c r="D21986">
        <v>0</v>
      </c>
    </row>
    <row r="21987" spans="1:4" x14ac:dyDescent="0.25">
      <c r="A21987" t="s">
        <v>34171</v>
      </c>
      <c r="B21987" t="s">
        <v>34173</v>
      </c>
      <c r="C21987">
        <v>1</v>
      </c>
      <c r="D21987">
        <v>0</v>
      </c>
    </row>
    <row r="21988" spans="1:4" x14ac:dyDescent="0.25">
      <c r="A21988" t="s">
        <v>34174</v>
      </c>
      <c r="B21988" t="s">
        <v>34175</v>
      </c>
      <c r="C21988">
        <v>1</v>
      </c>
      <c r="D21988">
        <v>0</v>
      </c>
    </row>
    <row r="21989" spans="1:4" x14ac:dyDescent="0.25">
      <c r="A21989" t="s">
        <v>34174</v>
      </c>
      <c r="B21989" t="s">
        <v>34176</v>
      </c>
      <c r="C21989">
        <v>1</v>
      </c>
      <c r="D21989">
        <v>0</v>
      </c>
    </row>
    <row r="21990" spans="1:4" x14ac:dyDescent="0.25">
      <c r="A21990" t="s">
        <v>34174</v>
      </c>
      <c r="B21990" t="s">
        <v>34177</v>
      </c>
      <c r="C21990">
        <v>1</v>
      </c>
      <c r="D21990">
        <v>0</v>
      </c>
    </row>
    <row r="21991" spans="1:4" x14ac:dyDescent="0.25">
      <c r="A21991" t="s">
        <v>34178</v>
      </c>
      <c r="B21991" t="s">
        <v>34179</v>
      </c>
      <c r="C21991">
        <v>2</v>
      </c>
      <c r="D21991">
        <v>0</v>
      </c>
    </row>
    <row r="21992" spans="1:4" x14ac:dyDescent="0.25">
      <c r="A21992" t="s">
        <v>34178</v>
      </c>
      <c r="B21992" t="s">
        <v>34180</v>
      </c>
      <c r="C21992">
        <v>1</v>
      </c>
      <c r="D21992">
        <v>0</v>
      </c>
    </row>
    <row r="21993" spans="1:4" x14ac:dyDescent="0.25">
      <c r="A21993" t="s">
        <v>34181</v>
      </c>
      <c r="B21993" t="s">
        <v>34182</v>
      </c>
      <c r="C21993">
        <v>1</v>
      </c>
      <c r="D21993">
        <v>0</v>
      </c>
    </row>
    <row r="21994" spans="1:4" x14ac:dyDescent="0.25">
      <c r="A21994" t="s">
        <v>34183</v>
      </c>
      <c r="B21994" t="s">
        <v>398</v>
      </c>
      <c r="C21994">
        <v>0</v>
      </c>
      <c r="D21994">
        <v>0</v>
      </c>
    </row>
    <row r="21995" spans="1:4" x14ac:dyDescent="0.25">
      <c r="A21995" t="s">
        <v>34183</v>
      </c>
      <c r="B21995" t="s">
        <v>34184</v>
      </c>
      <c r="C21995">
        <v>0</v>
      </c>
      <c r="D21995">
        <v>0</v>
      </c>
    </row>
    <row r="21996" spans="1:4" x14ac:dyDescent="0.25">
      <c r="A21996" t="s">
        <v>34185</v>
      </c>
      <c r="B21996" t="s">
        <v>34186</v>
      </c>
      <c r="C21996">
        <v>0</v>
      </c>
      <c r="D21996">
        <v>0</v>
      </c>
    </row>
    <row r="21997" spans="1:4" x14ac:dyDescent="0.25">
      <c r="A21997" t="s">
        <v>34187</v>
      </c>
      <c r="B21997" t="s">
        <v>968</v>
      </c>
      <c r="C21997">
        <v>1</v>
      </c>
      <c r="D21997">
        <v>0</v>
      </c>
    </row>
    <row r="21998" spans="1:4" x14ac:dyDescent="0.25">
      <c r="A21998" t="s">
        <v>34188</v>
      </c>
      <c r="B21998" t="s">
        <v>34189</v>
      </c>
      <c r="C21998">
        <v>0</v>
      </c>
      <c r="D21998">
        <v>0</v>
      </c>
    </row>
    <row r="21999" spans="1:4" x14ac:dyDescent="0.25">
      <c r="A21999" t="s">
        <v>34190</v>
      </c>
      <c r="B21999" t="s">
        <v>34191</v>
      </c>
      <c r="C21999">
        <v>0</v>
      </c>
      <c r="D21999">
        <v>0</v>
      </c>
    </row>
    <row r="22000" spans="1:4" x14ac:dyDescent="0.25">
      <c r="A22000" t="s">
        <v>34192</v>
      </c>
      <c r="B22000" t="s">
        <v>34193</v>
      </c>
      <c r="C22000">
        <v>0</v>
      </c>
      <c r="D22000">
        <v>0</v>
      </c>
    </row>
    <row r="22001" spans="1:4" x14ac:dyDescent="0.25">
      <c r="A22001" t="s">
        <v>34194</v>
      </c>
      <c r="B22001" t="s">
        <v>1938</v>
      </c>
      <c r="C22001">
        <v>0</v>
      </c>
      <c r="D22001">
        <v>0</v>
      </c>
    </row>
    <row r="22002" spans="1:4" x14ac:dyDescent="0.25">
      <c r="A22002" t="s">
        <v>34195</v>
      </c>
      <c r="B22002" t="s">
        <v>1555</v>
      </c>
      <c r="C22002">
        <v>2</v>
      </c>
      <c r="D22002">
        <v>0</v>
      </c>
    </row>
    <row r="22003" spans="1:4" x14ac:dyDescent="0.25">
      <c r="A22003" t="s">
        <v>34196</v>
      </c>
      <c r="B22003" t="s">
        <v>34197</v>
      </c>
      <c r="C22003">
        <v>0</v>
      </c>
      <c r="D22003">
        <v>0</v>
      </c>
    </row>
    <row r="22004" spans="1:4" x14ac:dyDescent="0.25">
      <c r="A22004" t="s">
        <v>34196</v>
      </c>
      <c r="B22004" t="s">
        <v>34198</v>
      </c>
      <c r="C22004">
        <v>0</v>
      </c>
      <c r="D22004">
        <v>0</v>
      </c>
    </row>
    <row r="22005" spans="1:4" x14ac:dyDescent="0.25">
      <c r="A22005" t="s">
        <v>34196</v>
      </c>
      <c r="B22005" t="s">
        <v>34199</v>
      </c>
      <c r="C22005">
        <v>0</v>
      </c>
      <c r="D22005">
        <v>0</v>
      </c>
    </row>
    <row r="22006" spans="1:4" x14ac:dyDescent="0.25">
      <c r="A22006" t="s">
        <v>34200</v>
      </c>
      <c r="B22006" t="s">
        <v>5244</v>
      </c>
      <c r="C22006">
        <v>0</v>
      </c>
      <c r="D22006">
        <v>0</v>
      </c>
    </row>
    <row r="22007" spans="1:4" x14ac:dyDescent="0.25">
      <c r="A22007" t="s">
        <v>34201</v>
      </c>
      <c r="B22007" t="s">
        <v>34202</v>
      </c>
      <c r="C22007">
        <v>2</v>
      </c>
      <c r="D22007">
        <v>0</v>
      </c>
    </row>
    <row r="22008" spans="1:4" x14ac:dyDescent="0.25">
      <c r="A22008" t="s">
        <v>34201</v>
      </c>
      <c r="B22008" t="s">
        <v>34203</v>
      </c>
      <c r="C22008">
        <v>0</v>
      </c>
      <c r="D22008">
        <v>0</v>
      </c>
    </row>
    <row r="22009" spans="1:4" x14ac:dyDescent="0.25">
      <c r="A22009" t="s">
        <v>34201</v>
      </c>
      <c r="B22009" t="s">
        <v>34204</v>
      </c>
      <c r="C22009">
        <v>1</v>
      </c>
      <c r="D22009">
        <v>0</v>
      </c>
    </row>
    <row r="22010" spans="1:4" x14ac:dyDescent="0.25">
      <c r="A22010" t="s">
        <v>34205</v>
      </c>
      <c r="B22010" t="s">
        <v>34206</v>
      </c>
      <c r="C22010">
        <v>1</v>
      </c>
      <c r="D22010">
        <v>0</v>
      </c>
    </row>
    <row r="22011" spans="1:4" x14ac:dyDescent="0.25">
      <c r="A22011" t="s">
        <v>34207</v>
      </c>
      <c r="B22011" t="s">
        <v>34208</v>
      </c>
      <c r="C22011">
        <v>0</v>
      </c>
      <c r="D22011">
        <v>0</v>
      </c>
    </row>
    <row r="22012" spans="1:4" x14ac:dyDescent="0.25">
      <c r="A22012" t="s">
        <v>34207</v>
      </c>
      <c r="B22012" t="s">
        <v>34209</v>
      </c>
      <c r="C22012">
        <v>0</v>
      </c>
      <c r="D22012">
        <v>0</v>
      </c>
    </row>
    <row r="22013" spans="1:4" x14ac:dyDescent="0.25">
      <c r="A22013" t="s">
        <v>34210</v>
      </c>
      <c r="B22013" t="s">
        <v>34211</v>
      </c>
      <c r="C22013">
        <v>1</v>
      </c>
      <c r="D22013">
        <v>0</v>
      </c>
    </row>
    <row r="22014" spans="1:4" x14ac:dyDescent="0.25">
      <c r="A22014" t="s">
        <v>34210</v>
      </c>
      <c r="B22014" t="s">
        <v>34212</v>
      </c>
      <c r="C22014">
        <v>1</v>
      </c>
      <c r="D22014">
        <v>0</v>
      </c>
    </row>
    <row r="22015" spans="1:4" x14ac:dyDescent="0.25">
      <c r="A22015" t="s">
        <v>34213</v>
      </c>
      <c r="B22015" t="s">
        <v>34214</v>
      </c>
      <c r="C22015">
        <v>0</v>
      </c>
      <c r="D22015">
        <v>0</v>
      </c>
    </row>
    <row r="22016" spans="1:4" x14ac:dyDescent="0.25">
      <c r="A22016" t="s">
        <v>34215</v>
      </c>
      <c r="B22016" t="s">
        <v>34216</v>
      </c>
      <c r="C22016">
        <v>2</v>
      </c>
      <c r="D22016">
        <v>0</v>
      </c>
    </row>
    <row r="22017" spans="1:4" x14ac:dyDescent="0.25">
      <c r="A22017" t="s">
        <v>34215</v>
      </c>
      <c r="B22017" t="s">
        <v>30235</v>
      </c>
      <c r="C22017">
        <v>2</v>
      </c>
      <c r="D22017">
        <v>0</v>
      </c>
    </row>
    <row r="22018" spans="1:4" x14ac:dyDescent="0.25">
      <c r="A22018" t="s">
        <v>34215</v>
      </c>
      <c r="B22018" t="s">
        <v>34217</v>
      </c>
      <c r="C22018">
        <v>2</v>
      </c>
      <c r="D22018">
        <v>0</v>
      </c>
    </row>
    <row r="22019" spans="1:4" x14ac:dyDescent="0.25">
      <c r="A22019" t="s">
        <v>34218</v>
      </c>
      <c r="B22019" t="s">
        <v>34219</v>
      </c>
      <c r="C22019">
        <v>1</v>
      </c>
      <c r="D22019">
        <v>0</v>
      </c>
    </row>
    <row r="22020" spans="1:4" x14ac:dyDescent="0.25">
      <c r="A22020" t="s">
        <v>34220</v>
      </c>
      <c r="B22020" t="s">
        <v>34221</v>
      </c>
      <c r="C22020">
        <v>1</v>
      </c>
      <c r="D22020">
        <v>0</v>
      </c>
    </row>
    <row r="22021" spans="1:4" x14ac:dyDescent="0.25">
      <c r="A22021" t="s">
        <v>34220</v>
      </c>
      <c r="B22021" t="s">
        <v>34222</v>
      </c>
      <c r="C22021">
        <v>2</v>
      </c>
      <c r="D22021">
        <v>0</v>
      </c>
    </row>
    <row r="22022" spans="1:4" x14ac:dyDescent="0.25">
      <c r="A22022" t="s">
        <v>34220</v>
      </c>
      <c r="B22022" t="s">
        <v>34223</v>
      </c>
      <c r="C22022">
        <v>0</v>
      </c>
      <c r="D22022">
        <v>0</v>
      </c>
    </row>
    <row r="22023" spans="1:4" x14ac:dyDescent="0.25">
      <c r="A22023" t="s">
        <v>34224</v>
      </c>
      <c r="B22023" t="s">
        <v>34225</v>
      </c>
      <c r="C22023">
        <v>2</v>
      </c>
      <c r="D22023">
        <v>0</v>
      </c>
    </row>
    <row r="22024" spans="1:4" x14ac:dyDescent="0.25">
      <c r="A22024" t="s">
        <v>34224</v>
      </c>
      <c r="B22024" t="s">
        <v>34226</v>
      </c>
      <c r="C22024">
        <v>1</v>
      </c>
      <c r="D22024">
        <v>0</v>
      </c>
    </row>
    <row r="22025" spans="1:4" x14ac:dyDescent="0.25">
      <c r="A22025" t="s">
        <v>34227</v>
      </c>
      <c r="B22025" t="s">
        <v>34228</v>
      </c>
      <c r="C22025">
        <v>0</v>
      </c>
      <c r="D22025">
        <v>0</v>
      </c>
    </row>
    <row r="22026" spans="1:4" x14ac:dyDescent="0.25">
      <c r="A22026" t="s">
        <v>34227</v>
      </c>
      <c r="B22026" t="s">
        <v>34229</v>
      </c>
      <c r="C22026">
        <v>1</v>
      </c>
      <c r="D22026">
        <v>0</v>
      </c>
    </row>
    <row r="22027" spans="1:4" x14ac:dyDescent="0.25">
      <c r="A22027" t="s">
        <v>34227</v>
      </c>
      <c r="B22027" t="s">
        <v>34230</v>
      </c>
      <c r="C22027">
        <v>2</v>
      </c>
      <c r="D22027">
        <v>0</v>
      </c>
    </row>
    <row r="22028" spans="1:4" x14ac:dyDescent="0.25">
      <c r="A22028" t="s">
        <v>34231</v>
      </c>
      <c r="B22028" t="s">
        <v>34232</v>
      </c>
      <c r="C22028">
        <v>2</v>
      </c>
      <c r="D22028">
        <v>0</v>
      </c>
    </row>
    <row r="22029" spans="1:4" x14ac:dyDescent="0.25">
      <c r="A22029" t="s">
        <v>34231</v>
      </c>
      <c r="B22029" t="s">
        <v>34233</v>
      </c>
      <c r="C22029">
        <v>1</v>
      </c>
      <c r="D22029">
        <v>0</v>
      </c>
    </row>
    <row r="22030" spans="1:4" x14ac:dyDescent="0.25">
      <c r="A22030" t="s">
        <v>34234</v>
      </c>
      <c r="B22030" t="s">
        <v>34235</v>
      </c>
      <c r="C22030">
        <v>1</v>
      </c>
      <c r="D22030">
        <v>0</v>
      </c>
    </row>
    <row r="22031" spans="1:4" x14ac:dyDescent="0.25">
      <c r="A22031" t="s">
        <v>34236</v>
      </c>
      <c r="B22031" t="s">
        <v>34237</v>
      </c>
      <c r="C22031">
        <v>0</v>
      </c>
      <c r="D22031">
        <v>0</v>
      </c>
    </row>
    <row r="22032" spans="1:4" x14ac:dyDescent="0.25">
      <c r="A22032" t="s">
        <v>34236</v>
      </c>
      <c r="B22032" t="s">
        <v>8871</v>
      </c>
      <c r="C22032">
        <v>1</v>
      </c>
      <c r="D22032">
        <v>0</v>
      </c>
    </row>
    <row r="22033" spans="1:4" x14ac:dyDescent="0.25">
      <c r="A22033" t="s">
        <v>34236</v>
      </c>
      <c r="B22033" t="s">
        <v>2267</v>
      </c>
      <c r="C22033">
        <v>0</v>
      </c>
      <c r="D22033">
        <v>0</v>
      </c>
    </row>
    <row r="22034" spans="1:4" x14ac:dyDescent="0.25">
      <c r="A22034" t="s">
        <v>34238</v>
      </c>
      <c r="B22034" t="s">
        <v>34239</v>
      </c>
      <c r="C22034">
        <v>1</v>
      </c>
      <c r="D22034">
        <v>0</v>
      </c>
    </row>
    <row r="22035" spans="1:4" x14ac:dyDescent="0.25">
      <c r="A22035" t="s">
        <v>34238</v>
      </c>
      <c r="B22035" t="s">
        <v>34240</v>
      </c>
      <c r="C22035">
        <v>0</v>
      </c>
      <c r="D22035">
        <v>0</v>
      </c>
    </row>
    <row r="22036" spans="1:4" x14ac:dyDescent="0.25">
      <c r="A22036" t="s">
        <v>34241</v>
      </c>
      <c r="B22036" t="s">
        <v>34242</v>
      </c>
      <c r="C22036">
        <v>0</v>
      </c>
      <c r="D22036">
        <v>0</v>
      </c>
    </row>
    <row r="22037" spans="1:4" x14ac:dyDescent="0.25">
      <c r="A22037" t="s">
        <v>34243</v>
      </c>
      <c r="B22037" t="s">
        <v>34244</v>
      </c>
      <c r="C22037">
        <v>0</v>
      </c>
      <c r="D22037">
        <v>0</v>
      </c>
    </row>
    <row r="22038" spans="1:4" x14ac:dyDescent="0.25">
      <c r="A22038" t="s">
        <v>34245</v>
      </c>
      <c r="B22038" t="s">
        <v>34246</v>
      </c>
      <c r="C22038">
        <v>1</v>
      </c>
      <c r="D22038">
        <v>0</v>
      </c>
    </row>
    <row r="22039" spans="1:4" x14ac:dyDescent="0.25">
      <c r="A22039" t="s">
        <v>34245</v>
      </c>
      <c r="B22039" t="s">
        <v>34247</v>
      </c>
      <c r="C22039">
        <v>0</v>
      </c>
      <c r="D22039">
        <v>0</v>
      </c>
    </row>
    <row r="22040" spans="1:4" x14ac:dyDescent="0.25">
      <c r="A22040" t="s">
        <v>34245</v>
      </c>
      <c r="B22040" t="s">
        <v>34248</v>
      </c>
      <c r="C22040">
        <v>1</v>
      </c>
      <c r="D22040">
        <v>0</v>
      </c>
    </row>
    <row r="22041" spans="1:4" x14ac:dyDescent="0.25">
      <c r="A22041" t="s">
        <v>34249</v>
      </c>
      <c r="B22041" t="s">
        <v>34250</v>
      </c>
      <c r="C22041">
        <v>1</v>
      </c>
      <c r="D22041">
        <v>0</v>
      </c>
    </row>
    <row r="22042" spans="1:4" x14ac:dyDescent="0.25">
      <c r="A22042" t="s">
        <v>34249</v>
      </c>
      <c r="B22042" t="s">
        <v>34251</v>
      </c>
      <c r="C22042">
        <v>2</v>
      </c>
      <c r="D22042">
        <v>0</v>
      </c>
    </row>
    <row r="22043" spans="1:4" x14ac:dyDescent="0.25">
      <c r="A22043" t="s">
        <v>34249</v>
      </c>
      <c r="B22043" t="s">
        <v>34252</v>
      </c>
      <c r="C22043">
        <v>1</v>
      </c>
      <c r="D22043">
        <v>0</v>
      </c>
    </row>
    <row r="22044" spans="1:4" x14ac:dyDescent="0.25">
      <c r="A22044" t="s">
        <v>34253</v>
      </c>
      <c r="B22044" t="s">
        <v>34254</v>
      </c>
      <c r="C22044">
        <v>2</v>
      </c>
      <c r="D22044">
        <v>0</v>
      </c>
    </row>
    <row r="22045" spans="1:4" x14ac:dyDescent="0.25">
      <c r="A22045" t="s">
        <v>34255</v>
      </c>
      <c r="B22045" t="s">
        <v>34256</v>
      </c>
      <c r="C22045">
        <v>1</v>
      </c>
      <c r="D22045">
        <v>0</v>
      </c>
    </row>
    <row r="22046" spans="1:4" x14ac:dyDescent="0.25">
      <c r="A22046" t="s">
        <v>34255</v>
      </c>
      <c r="B22046" t="s">
        <v>34257</v>
      </c>
      <c r="C22046">
        <v>1</v>
      </c>
      <c r="D22046">
        <v>0</v>
      </c>
    </row>
    <row r="22047" spans="1:4" x14ac:dyDescent="0.25">
      <c r="A22047" t="s">
        <v>34258</v>
      </c>
      <c r="B22047" t="s">
        <v>34259</v>
      </c>
      <c r="C22047">
        <v>2</v>
      </c>
      <c r="D22047">
        <v>0</v>
      </c>
    </row>
    <row r="22048" spans="1:4" x14ac:dyDescent="0.25">
      <c r="A22048" t="s">
        <v>34260</v>
      </c>
      <c r="B22048" t="s">
        <v>34261</v>
      </c>
      <c r="C22048">
        <v>2</v>
      </c>
      <c r="D22048">
        <v>0</v>
      </c>
    </row>
    <row r="22049" spans="1:4" x14ac:dyDescent="0.25">
      <c r="A22049" t="s">
        <v>34260</v>
      </c>
      <c r="B22049" t="s">
        <v>34262</v>
      </c>
      <c r="C22049">
        <v>2</v>
      </c>
      <c r="D22049">
        <v>0</v>
      </c>
    </row>
    <row r="22050" spans="1:4" x14ac:dyDescent="0.25">
      <c r="A22050" t="s">
        <v>34263</v>
      </c>
      <c r="B22050" t="s">
        <v>34264</v>
      </c>
      <c r="C22050">
        <v>1</v>
      </c>
      <c r="D22050">
        <v>0</v>
      </c>
    </row>
    <row r="22051" spans="1:4" x14ac:dyDescent="0.25">
      <c r="A22051" t="s">
        <v>34265</v>
      </c>
      <c r="B22051" t="s">
        <v>34266</v>
      </c>
      <c r="C22051">
        <v>1</v>
      </c>
      <c r="D22051">
        <v>0</v>
      </c>
    </row>
    <row r="22052" spans="1:4" x14ac:dyDescent="0.25">
      <c r="A22052" t="s">
        <v>34267</v>
      </c>
      <c r="B22052" t="s">
        <v>34268</v>
      </c>
      <c r="C22052">
        <v>0</v>
      </c>
      <c r="D22052">
        <v>0</v>
      </c>
    </row>
    <row r="22053" spans="1:4" x14ac:dyDescent="0.25">
      <c r="A22053" t="s">
        <v>34267</v>
      </c>
      <c r="B22053" t="s">
        <v>34269</v>
      </c>
      <c r="C22053">
        <v>0</v>
      </c>
      <c r="D22053">
        <v>0</v>
      </c>
    </row>
    <row r="22054" spans="1:4" x14ac:dyDescent="0.25">
      <c r="A22054" t="s">
        <v>34267</v>
      </c>
      <c r="B22054" t="s">
        <v>34270</v>
      </c>
      <c r="C22054">
        <v>0</v>
      </c>
      <c r="D22054">
        <v>0</v>
      </c>
    </row>
    <row r="22055" spans="1:4" x14ac:dyDescent="0.25">
      <c r="A22055" t="s">
        <v>34271</v>
      </c>
      <c r="B22055" t="s">
        <v>34272</v>
      </c>
      <c r="C22055">
        <v>2</v>
      </c>
      <c r="D22055">
        <v>0</v>
      </c>
    </row>
    <row r="22056" spans="1:4" x14ac:dyDescent="0.25">
      <c r="A22056" t="s">
        <v>34271</v>
      </c>
      <c r="B22056" t="s">
        <v>34273</v>
      </c>
      <c r="C22056">
        <v>2</v>
      </c>
      <c r="D22056">
        <v>0</v>
      </c>
    </row>
    <row r="22057" spans="1:4" x14ac:dyDescent="0.25">
      <c r="A22057" t="s">
        <v>34274</v>
      </c>
      <c r="B22057" t="s">
        <v>968</v>
      </c>
      <c r="C22057">
        <v>1</v>
      </c>
      <c r="D22057">
        <v>0</v>
      </c>
    </row>
    <row r="22058" spans="1:4" x14ac:dyDescent="0.25">
      <c r="A22058" t="s">
        <v>34274</v>
      </c>
      <c r="B22058" t="s">
        <v>34275</v>
      </c>
      <c r="C22058">
        <v>0</v>
      </c>
      <c r="D22058">
        <v>0</v>
      </c>
    </row>
    <row r="22059" spans="1:4" x14ac:dyDescent="0.25">
      <c r="A22059" t="s">
        <v>34276</v>
      </c>
      <c r="B22059" t="s">
        <v>34277</v>
      </c>
      <c r="C22059">
        <v>1</v>
      </c>
      <c r="D22059">
        <v>0</v>
      </c>
    </row>
    <row r="22060" spans="1:4" x14ac:dyDescent="0.25">
      <c r="A22060" t="s">
        <v>34276</v>
      </c>
      <c r="B22060" t="s">
        <v>34278</v>
      </c>
      <c r="C22060">
        <v>0</v>
      </c>
      <c r="D22060">
        <v>0</v>
      </c>
    </row>
    <row r="22061" spans="1:4" x14ac:dyDescent="0.25">
      <c r="A22061" t="s">
        <v>34279</v>
      </c>
      <c r="B22061" t="s">
        <v>19309</v>
      </c>
      <c r="C22061">
        <v>0</v>
      </c>
      <c r="D22061">
        <v>0</v>
      </c>
    </row>
    <row r="22062" spans="1:4" x14ac:dyDescent="0.25">
      <c r="A22062" t="s">
        <v>34279</v>
      </c>
      <c r="B22062" t="s">
        <v>34280</v>
      </c>
      <c r="C22062">
        <v>2</v>
      </c>
      <c r="D22062">
        <v>0</v>
      </c>
    </row>
    <row r="22063" spans="1:4" x14ac:dyDescent="0.25">
      <c r="A22063" t="s">
        <v>34281</v>
      </c>
      <c r="B22063" t="s">
        <v>34282</v>
      </c>
      <c r="C22063">
        <v>1</v>
      </c>
      <c r="D22063">
        <v>0</v>
      </c>
    </row>
    <row r="22064" spans="1:4" x14ac:dyDescent="0.25">
      <c r="A22064" t="s">
        <v>34281</v>
      </c>
      <c r="B22064" t="s">
        <v>34283</v>
      </c>
      <c r="C22064">
        <v>1</v>
      </c>
      <c r="D22064">
        <v>0</v>
      </c>
    </row>
    <row r="22065" spans="1:4" x14ac:dyDescent="0.25">
      <c r="A22065" t="s">
        <v>34284</v>
      </c>
      <c r="B22065" t="s">
        <v>34285</v>
      </c>
      <c r="C22065">
        <v>0</v>
      </c>
      <c r="D22065">
        <v>0</v>
      </c>
    </row>
    <row r="22066" spans="1:4" x14ac:dyDescent="0.25">
      <c r="A22066" t="s">
        <v>34284</v>
      </c>
      <c r="B22066" t="s">
        <v>34286</v>
      </c>
      <c r="C22066">
        <v>0</v>
      </c>
      <c r="D22066">
        <v>0</v>
      </c>
    </row>
    <row r="22067" spans="1:4" x14ac:dyDescent="0.25">
      <c r="A22067" t="s">
        <v>34284</v>
      </c>
      <c r="B22067" t="s">
        <v>34287</v>
      </c>
      <c r="C22067">
        <v>0</v>
      </c>
      <c r="D22067">
        <v>0</v>
      </c>
    </row>
    <row r="22068" spans="1:4" x14ac:dyDescent="0.25">
      <c r="A22068" t="s">
        <v>34288</v>
      </c>
      <c r="B22068" t="s">
        <v>34289</v>
      </c>
      <c r="C22068">
        <v>1</v>
      </c>
      <c r="D22068">
        <v>0</v>
      </c>
    </row>
    <row r="22069" spans="1:4" x14ac:dyDescent="0.25">
      <c r="A22069" t="s">
        <v>34288</v>
      </c>
      <c r="B22069" t="s">
        <v>34290</v>
      </c>
      <c r="C22069">
        <v>0</v>
      </c>
      <c r="D22069">
        <v>0</v>
      </c>
    </row>
    <row r="22070" spans="1:4" x14ac:dyDescent="0.25">
      <c r="A22070" t="s">
        <v>34291</v>
      </c>
      <c r="B22070" t="s">
        <v>34292</v>
      </c>
      <c r="C22070">
        <v>1</v>
      </c>
      <c r="D22070">
        <v>0</v>
      </c>
    </row>
    <row r="22071" spans="1:4" x14ac:dyDescent="0.25">
      <c r="A22071" t="s">
        <v>34293</v>
      </c>
      <c r="B22071" t="s">
        <v>34294</v>
      </c>
      <c r="C22071">
        <v>0</v>
      </c>
      <c r="D22071">
        <v>0</v>
      </c>
    </row>
    <row r="22072" spans="1:4" x14ac:dyDescent="0.25">
      <c r="A22072" t="s">
        <v>34293</v>
      </c>
      <c r="B22072" t="s">
        <v>34295</v>
      </c>
      <c r="C22072">
        <v>0</v>
      </c>
      <c r="D22072">
        <v>0</v>
      </c>
    </row>
    <row r="22073" spans="1:4" x14ac:dyDescent="0.25">
      <c r="A22073" t="s">
        <v>34293</v>
      </c>
      <c r="B22073" t="s">
        <v>34296</v>
      </c>
      <c r="C22073">
        <v>0</v>
      </c>
      <c r="D22073">
        <v>0</v>
      </c>
    </row>
    <row r="22074" spans="1:4" x14ac:dyDescent="0.25">
      <c r="A22074" t="s">
        <v>34297</v>
      </c>
      <c r="B22074" t="s">
        <v>34298</v>
      </c>
      <c r="C22074">
        <v>2</v>
      </c>
      <c r="D22074">
        <v>0</v>
      </c>
    </row>
    <row r="22075" spans="1:4" x14ac:dyDescent="0.25">
      <c r="A22075" t="s">
        <v>34297</v>
      </c>
      <c r="B22075" t="s">
        <v>34299</v>
      </c>
      <c r="C22075">
        <v>0</v>
      </c>
      <c r="D22075">
        <v>0</v>
      </c>
    </row>
    <row r="22076" spans="1:4" x14ac:dyDescent="0.25">
      <c r="A22076" t="s">
        <v>34297</v>
      </c>
      <c r="B22076" t="s">
        <v>34300</v>
      </c>
      <c r="C22076">
        <v>2</v>
      </c>
      <c r="D22076">
        <v>0</v>
      </c>
    </row>
    <row r="22077" spans="1:4" x14ac:dyDescent="0.25">
      <c r="A22077" t="s">
        <v>34301</v>
      </c>
      <c r="B22077" t="s">
        <v>34302</v>
      </c>
      <c r="C22077">
        <v>1</v>
      </c>
      <c r="D22077">
        <v>0</v>
      </c>
    </row>
    <row r="22078" spans="1:4" x14ac:dyDescent="0.25">
      <c r="A22078" t="s">
        <v>34301</v>
      </c>
      <c r="B22078" t="s">
        <v>34303</v>
      </c>
      <c r="C22078">
        <v>1</v>
      </c>
      <c r="D22078">
        <v>0</v>
      </c>
    </row>
    <row r="22079" spans="1:4" x14ac:dyDescent="0.25">
      <c r="A22079" t="s">
        <v>34304</v>
      </c>
      <c r="B22079" t="s">
        <v>34305</v>
      </c>
      <c r="C22079">
        <v>0</v>
      </c>
      <c r="D22079">
        <v>0</v>
      </c>
    </row>
    <row r="22080" spans="1:4" x14ac:dyDescent="0.25">
      <c r="A22080" t="s">
        <v>34304</v>
      </c>
      <c r="B22080" t="s">
        <v>34306</v>
      </c>
      <c r="C22080">
        <v>0</v>
      </c>
      <c r="D22080">
        <v>0</v>
      </c>
    </row>
    <row r="22081" spans="1:4" x14ac:dyDescent="0.25">
      <c r="A22081" t="s">
        <v>34307</v>
      </c>
      <c r="B22081" t="s">
        <v>34308</v>
      </c>
      <c r="C22081">
        <v>2</v>
      </c>
      <c r="D22081">
        <v>0</v>
      </c>
    </row>
    <row r="22082" spans="1:4" x14ac:dyDescent="0.25">
      <c r="A22082" t="s">
        <v>34309</v>
      </c>
      <c r="B22082" t="s">
        <v>34310</v>
      </c>
      <c r="C22082">
        <v>0</v>
      </c>
      <c r="D22082">
        <v>0</v>
      </c>
    </row>
    <row r="22083" spans="1:4" x14ac:dyDescent="0.25">
      <c r="A22083" t="s">
        <v>34311</v>
      </c>
      <c r="B22083" t="s">
        <v>34312</v>
      </c>
      <c r="C22083">
        <v>2</v>
      </c>
      <c r="D22083">
        <v>0</v>
      </c>
    </row>
    <row r="22084" spans="1:4" x14ac:dyDescent="0.25">
      <c r="A22084" t="s">
        <v>34311</v>
      </c>
      <c r="B22084" t="s">
        <v>34313</v>
      </c>
      <c r="C22084">
        <v>1</v>
      </c>
      <c r="D22084">
        <v>0</v>
      </c>
    </row>
    <row r="22085" spans="1:4" x14ac:dyDescent="0.25">
      <c r="A22085" t="s">
        <v>34314</v>
      </c>
      <c r="B22085" t="s">
        <v>34315</v>
      </c>
      <c r="C22085">
        <v>1</v>
      </c>
      <c r="D22085">
        <v>0</v>
      </c>
    </row>
    <row r="22086" spans="1:4" x14ac:dyDescent="0.25">
      <c r="A22086" t="s">
        <v>34314</v>
      </c>
      <c r="B22086" t="s">
        <v>34316</v>
      </c>
      <c r="C22086">
        <v>1</v>
      </c>
      <c r="D22086">
        <v>0</v>
      </c>
    </row>
    <row r="22087" spans="1:4" x14ac:dyDescent="0.25">
      <c r="A22087" t="s">
        <v>34317</v>
      </c>
      <c r="B22087" t="s">
        <v>1567</v>
      </c>
      <c r="C22087">
        <v>0</v>
      </c>
      <c r="D22087">
        <v>0</v>
      </c>
    </row>
    <row r="22088" spans="1:4" x14ac:dyDescent="0.25">
      <c r="A22088" t="s">
        <v>34318</v>
      </c>
      <c r="B22088" t="s">
        <v>34319</v>
      </c>
      <c r="C22088">
        <v>1</v>
      </c>
      <c r="D22088">
        <v>0</v>
      </c>
    </row>
    <row r="22089" spans="1:4" x14ac:dyDescent="0.25">
      <c r="A22089" t="s">
        <v>34318</v>
      </c>
      <c r="B22089" t="s">
        <v>34320</v>
      </c>
      <c r="C22089">
        <v>1</v>
      </c>
      <c r="D22089">
        <v>0</v>
      </c>
    </row>
    <row r="22090" spans="1:4" x14ac:dyDescent="0.25">
      <c r="A22090" t="s">
        <v>34321</v>
      </c>
      <c r="B22090" t="s">
        <v>34322</v>
      </c>
      <c r="C22090">
        <v>0</v>
      </c>
      <c r="D22090">
        <v>0</v>
      </c>
    </row>
    <row r="22091" spans="1:4" x14ac:dyDescent="0.25">
      <c r="A22091" t="s">
        <v>34323</v>
      </c>
      <c r="B22091" t="s">
        <v>34324</v>
      </c>
      <c r="C22091">
        <v>0</v>
      </c>
      <c r="D22091">
        <v>0</v>
      </c>
    </row>
    <row r="22092" spans="1:4" x14ac:dyDescent="0.25">
      <c r="A22092" t="s">
        <v>34323</v>
      </c>
      <c r="B22092" t="s">
        <v>34325</v>
      </c>
      <c r="C22092">
        <v>0</v>
      </c>
      <c r="D22092">
        <v>0</v>
      </c>
    </row>
    <row r="22093" spans="1:4" x14ac:dyDescent="0.25">
      <c r="A22093" t="s">
        <v>34326</v>
      </c>
      <c r="B22093" t="s">
        <v>852</v>
      </c>
      <c r="C22093">
        <v>0</v>
      </c>
      <c r="D22093">
        <v>0</v>
      </c>
    </row>
    <row r="22094" spans="1:4" x14ac:dyDescent="0.25">
      <c r="A22094" t="s">
        <v>34327</v>
      </c>
      <c r="B22094" t="s">
        <v>34328</v>
      </c>
      <c r="C22094">
        <v>1</v>
      </c>
      <c r="D22094">
        <v>0</v>
      </c>
    </row>
    <row r="22095" spans="1:4" x14ac:dyDescent="0.25">
      <c r="A22095" t="s">
        <v>34327</v>
      </c>
      <c r="B22095" t="s">
        <v>34329</v>
      </c>
      <c r="C22095">
        <v>1</v>
      </c>
      <c r="D22095">
        <v>0</v>
      </c>
    </row>
    <row r="22096" spans="1:4" x14ac:dyDescent="0.25">
      <c r="A22096" t="s">
        <v>34327</v>
      </c>
      <c r="B22096" t="s">
        <v>34330</v>
      </c>
      <c r="C22096">
        <v>0</v>
      </c>
      <c r="D22096">
        <v>0</v>
      </c>
    </row>
    <row r="22097" spans="1:4" x14ac:dyDescent="0.25">
      <c r="A22097" t="s">
        <v>34331</v>
      </c>
      <c r="B22097" t="s">
        <v>34332</v>
      </c>
      <c r="C22097">
        <v>0</v>
      </c>
      <c r="D22097">
        <v>0</v>
      </c>
    </row>
    <row r="22098" spans="1:4" x14ac:dyDescent="0.25">
      <c r="A22098" t="s">
        <v>34331</v>
      </c>
      <c r="B22098" t="s">
        <v>34333</v>
      </c>
      <c r="C22098">
        <v>1</v>
      </c>
      <c r="D22098">
        <v>0</v>
      </c>
    </row>
    <row r="22099" spans="1:4" x14ac:dyDescent="0.25">
      <c r="A22099" t="s">
        <v>34334</v>
      </c>
      <c r="B22099" t="s">
        <v>34335</v>
      </c>
      <c r="C22099">
        <v>0</v>
      </c>
      <c r="D22099">
        <v>0</v>
      </c>
    </row>
    <row r="22100" spans="1:4" x14ac:dyDescent="0.25">
      <c r="A22100" t="s">
        <v>34334</v>
      </c>
      <c r="B22100" t="s">
        <v>34336</v>
      </c>
      <c r="C22100">
        <v>1</v>
      </c>
      <c r="D22100">
        <v>0</v>
      </c>
    </row>
    <row r="22101" spans="1:4" x14ac:dyDescent="0.25">
      <c r="A22101" t="s">
        <v>34334</v>
      </c>
      <c r="B22101" t="s">
        <v>34337</v>
      </c>
      <c r="C22101">
        <v>1</v>
      </c>
      <c r="D22101">
        <v>0</v>
      </c>
    </row>
    <row r="22102" spans="1:4" x14ac:dyDescent="0.25">
      <c r="A22102" t="s">
        <v>34338</v>
      </c>
      <c r="B22102" t="s">
        <v>34339</v>
      </c>
      <c r="C22102">
        <v>1</v>
      </c>
      <c r="D22102">
        <v>0</v>
      </c>
    </row>
    <row r="22103" spans="1:4" x14ac:dyDescent="0.25">
      <c r="A22103" t="s">
        <v>34338</v>
      </c>
      <c r="B22103" t="s">
        <v>34340</v>
      </c>
      <c r="C22103">
        <v>1</v>
      </c>
      <c r="D22103">
        <v>0</v>
      </c>
    </row>
    <row r="22104" spans="1:4" x14ac:dyDescent="0.25">
      <c r="A22104" t="s">
        <v>34338</v>
      </c>
      <c r="B22104" t="s">
        <v>34341</v>
      </c>
      <c r="C22104">
        <v>1</v>
      </c>
      <c r="D22104">
        <v>0</v>
      </c>
    </row>
    <row r="22105" spans="1:4" x14ac:dyDescent="0.25">
      <c r="A22105" t="s">
        <v>34342</v>
      </c>
      <c r="B22105" t="s">
        <v>34343</v>
      </c>
      <c r="C22105">
        <v>1</v>
      </c>
      <c r="D22105">
        <v>0</v>
      </c>
    </row>
    <row r="22106" spans="1:4" x14ac:dyDescent="0.25">
      <c r="A22106" t="s">
        <v>34344</v>
      </c>
      <c r="B22106" t="s">
        <v>34345</v>
      </c>
      <c r="C22106">
        <v>1</v>
      </c>
      <c r="D22106">
        <v>0</v>
      </c>
    </row>
    <row r="22107" spans="1:4" x14ac:dyDescent="0.25">
      <c r="A22107" t="s">
        <v>34344</v>
      </c>
      <c r="B22107" t="s">
        <v>34346</v>
      </c>
      <c r="C22107">
        <v>0</v>
      </c>
      <c r="D22107">
        <v>0</v>
      </c>
    </row>
    <row r="22108" spans="1:4" x14ac:dyDescent="0.25">
      <c r="A22108" t="s">
        <v>34347</v>
      </c>
      <c r="B22108" t="s">
        <v>34348</v>
      </c>
      <c r="C22108">
        <v>0</v>
      </c>
      <c r="D22108">
        <v>0</v>
      </c>
    </row>
    <row r="22109" spans="1:4" x14ac:dyDescent="0.25">
      <c r="A22109" t="s">
        <v>34347</v>
      </c>
      <c r="B22109" t="s">
        <v>34349</v>
      </c>
      <c r="C22109">
        <v>0</v>
      </c>
      <c r="D22109">
        <v>0</v>
      </c>
    </row>
    <row r="22110" spans="1:4" x14ac:dyDescent="0.25">
      <c r="A22110" t="s">
        <v>34347</v>
      </c>
      <c r="B22110" t="s">
        <v>34350</v>
      </c>
      <c r="C22110">
        <v>2</v>
      </c>
      <c r="D22110">
        <v>0</v>
      </c>
    </row>
    <row r="22111" spans="1:4" x14ac:dyDescent="0.25">
      <c r="A22111" t="s">
        <v>34351</v>
      </c>
      <c r="B22111" t="s">
        <v>34352</v>
      </c>
      <c r="C22111">
        <v>1</v>
      </c>
      <c r="D22111">
        <v>0</v>
      </c>
    </row>
    <row r="22112" spans="1:4" x14ac:dyDescent="0.25">
      <c r="A22112" t="s">
        <v>34351</v>
      </c>
      <c r="B22112" t="s">
        <v>34353</v>
      </c>
      <c r="C22112">
        <v>0</v>
      </c>
      <c r="D22112">
        <v>0</v>
      </c>
    </row>
    <row r="22113" spans="1:4" x14ac:dyDescent="0.25">
      <c r="A22113" t="s">
        <v>34354</v>
      </c>
      <c r="B22113" t="s">
        <v>34355</v>
      </c>
      <c r="C22113">
        <v>0</v>
      </c>
      <c r="D22113">
        <v>0</v>
      </c>
    </row>
    <row r="22114" spans="1:4" x14ac:dyDescent="0.25">
      <c r="A22114" t="s">
        <v>34354</v>
      </c>
      <c r="B22114" t="s">
        <v>34356</v>
      </c>
      <c r="C22114">
        <v>2</v>
      </c>
      <c r="D22114">
        <v>0</v>
      </c>
    </row>
    <row r="22115" spans="1:4" x14ac:dyDescent="0.25">
      <c r="A22115" t="s">
        <v>34354</v>
      </c>
      <c r="B22115" t="s">
        <v>34357</v>
      </c>
      <c r="C22115">
        <v>1</v>
      </c>
      <c r="D22115">
        <v>0</v>
      </c>
    </row>
    <row r="22116" spans="1:4" x14ac:dyDescent="0.25">
      <c r="A22116" t="s">
        <v>34358</v>
      </c>
      <c r="B22116" t="s">
        <v>29023</v>
      </c>
      <c r="C22116">
        <v>1</v>
      </c>
      <c r="D22116">
        <v>0</v>
      </c>
    </row>
    <row r="22117" spans="1:4" x14ac:dyDescent="0.25">
      <c r="A22117" t="s">
        <v>34359</v>
      </c>
      <c r="B22117" t="s">
        <v>34360</v>
      </c>
      <c r="C22117">
        <v>0</v>
      </c>
      <c r="D22117">
        <v>0</v>
      </c>
    </row>
    <row r="22118" spans="1:4" x14ac:dyDescent="0.25">
      <c r="A22118" t="s">
        <v>34359</v>
      </c>
      <c r="B22118" t="s">
        <v>34361</v>
      </c>
      <c r="C22118">
        <v>0</v>
      </c>
      <c r="D22118">
        <v>0</v>
      </c>
    </row>
    <row r="22119" spans="1:4" x14ac:dyDescent="0.25">
      <c r="A22119" t="s">
        <v>34359</v>
      </c>
      <c r="B22119" t="s">
        <v>34362</v>
      </c>
      <c r="C22119">
        <v>0</v>
      </c>
      <c r="D22119">
        <v>0</v>
      </c>
    </row>
    <row r="22120" spans="1:4" x14ac:dyDescent="0.25">
      <c r="A22120" t="s">
        <v>34363</v>
      </c>
      <c r="B22120" t="s">
        <v>34364</v>
      </c>
      <c r="C22120">
        <v>1</v>
      </c>
      <c r="D22120">
        <v>0</v>
      </c>
    </row>
    <row r="22121" spans="1:4" x14ac:dyDescent="0.25">
      <c r="A22121" t="s">
        <v>34365</v>
      </c>
      <c r="B22121" t="s">
        <v>34366</v>
      </c>
      <c r="C22121">
        <v>1</v>
      </c>
      <c r="D22121">
        <v>0</v>
      </c>
    </row>
    <row r="22122" spans="1:4" x14ac:dyDescent="0.25">
      <c r="A22122" t="s">
        <v>34365</v>
      </c>
      <c r="B22122" t="s">
        <v>34367</v>
      </c>
      <c r="C22122">
        <v>1</v>
      </c>
      <c r="D22122">
        <v>0</v>
      </c>
    </row>
    <row r="22123" spans="1:4" x14ac:dyDescent="0.25">
      <c r="A22123" t="s">
        <v>34365</v>
      </c>
      <c r="B22123" t="s">
        <v>34368</v>
      </c>
      <c r="C22123">
        <v>1</v>
      </c>
      <c r="D22123">
        <v>0</v>
      </c>
    </row>
    <row r="22124" spans="1:4" x14ac:dyDescent="0.25">
      <c r="A22124" t="s">
        <v>34369</v>
      </c>
      <c r="B22124" t="s">
        <v>34370</v>
      </c>
      <c r="C22124">
        <v>0</v>
      </c>
      <c r="D22124">
        <v>0</v>
      </c>
    </row>
    <row r="22125" spans="1:4" x14ac:dyDescent="0.25">
      <c r="A22125" t="s">
        <v>34369</v>
      </c>
      <c r="B22125" t="s">
        <v>34371</v>
      </c>
      <c r="C22125">
        <v>0</v>
      </c>
      <c r="D22125">
        <v>0</v>
      </c>
    </row>
    <row r="22126" spans="1:4" x14ac:dyDescent="0.25">
      <c r="A22126" t="s">
        <v>34369</v>
      </c>
      <c r="B22126" t="s">
        <v>34372</v>
      </c>
      <c r="C22126">
        <v>0</v>
      </c>
      <c r="D22126">
        <v>0</v>
      </c>
    </row>
    <row r="22127" spans="1:4" x14ac:dyDescent="0.25">
      <c r="A22127" t="s">
        <v>34373</v>
      </c>
      <c r="B22127" t="s">
        <v>34374</v>
      </c>
      <c r="C22127">
        <v>2</v>
      </c>
      <c r="D22127">
        <v>0</v>
      </c>
    </row>
    <row r="22128" spans="1:4" x14ac:dyDescent="0.25">
      <c r="A22128" t="s">
        <v>34373</v>
      </c>
      <c r="B22128" t="s">
        <v>34375</v>
      </c>
      <c r="C22128">
        <v>1</v>
      </c>
      <c r="D22128">
        <v>0</v>
      </c>
    </row>
    <row r="22129" spans="1:4" x14ac:dyDescent="0.25">
      <c r="A22129" t="s">
        <v>34373</v>
      </c>
      <c r="B22129" t="s">
        <v>34376</v>
      </c>
      <c r="C22129">
        <v>0</v>
      </c>
      <c r="D22129">
        <v>0</v>
      </c>
    </row>
    <row r="22130" spans="1:4" x14ac:dyDescent="0.25">
      <c r="A22130" t="s">
        <v>34377</v>
      </c>
      <c r="B22130" t="s">
        <v>398</v>
      </c>
      <c r="C22130">
        <v>0</v>
      </c>
      <c r="D22130">
        <v>0</v>
      </c>
    </row>
    <row r="22131" spans="1:4" x14ac:dyDescent="0.25">
      <c r="A22131" t="s">
        <v>34377</v>
      </c>
      <c r="B22131" t="s">
        <v>34378</v>
      </c>
      <c r="C22131">
        <v>0</v>
      </c>
      <c r="D22131">
        <v>0</v>
      </c>
    </row>
    <row r="22132" spans="1:4" x14ac:dyDescent="0.25">
      <c r="A22132" t="s">
        <v>34377</v>
      </c>
      <c r="B22132" t="s">
        <v>34379</v>
      </c>
      <c r="C22132">
        <v>0</v>
      </c>
      <c r="D22132">
        <v>0</v>
      </c>
    </row>
    <row r="22133" spans="1:4" x14ac:dyDescent="0.25">
      <c r="A22133" t="s">
        <v>34380</v>
      </c>
      <c r="B22133" t="s">
        <v>34381</v>
      </c>
      <c r="C22133">
        <v>1</v>
      </c>
      <c r="D22133">
        <v>0</v>
      </c>
    </row>
    <row r="22134" spans="1:4" x14ac:dyDescent="0.25">
      <c r="A22134" t="s">
        <v>34382</v>
      </c>
      <c r="B22134" t="s">
        <v>34383</v>
      </c>
      <c r="C22134">
        <v>1</v>
      </c>
      <c r="D22134">
        <v>0</v>
      </c>
    </row>
    <row r="22135" spans="1:4" x14ac:dyDescent="0.25">
      <c r="A22135" t="s">
        <v>34382</v>
      </c>
      <c r="B22135" t="s">
        <v>34384</v>
      </c>
      <c r="C22135">
        <v>0</v>
      </c>
      <c r="D22135">
        <v>0</v>
      </c>
    </row>
    <row r="22136" spans="1:4" x14ac:dyDescent="0.25">
      <c r="A22136" t="s">
        <v>34382</v>
      </c>
      <c r="B22136" t="s">
        <v>34385</v>
      </c>
      <c r="C22136">
        <v>1</v>
      </c>
      <c r="D22136">
        <v>0</v>
      </c>
    </row>
    <row r="22137" spans="1:4" x14ac:dyDescent="0.25">
      <c r="A22137" t="s">
        <v>34386</v>
      </c>
      <c r="B22137" t="s">
        <v>34387</v>
      </c>
      <c r="C22137">
        <v>0</v>
      </c>
      <c r="D22137">
        <v>0</v>
      </c>
    </row>
    <row r="22138" spans="1:4" x14ac:dyDescent="0.25">
      <c r="A22138" t="s">
        <v>34386</v>
      </c>
      <c r="B22138" t="s">
        <v>34388</v>
      </c>
      <c r="C22138">
        <v>0</v>
      </c>
      <c r="D22138">
        <v>0</v>
      </c>
    </row>
    <row r="22139" spans="1:4" x14ac:dyDescent="0.25">
      <c r="A22139" t="s">
        <v>34389</v>
      </c>
      <c r="B22139" t="s">
        <v>795</v>
      </c>
      <c r="C22139">
        <v>0</v>
      </c>
      <c r="D22139">
        <v>0</v>
      </c>
    </row>
    <row r="22140" spans="1:4" x14ac:dyDescent="0.25">
      <c r="A22140" t="s">
        <v>34389</v>
      </c>
      <c r="B22140" t="s">
        <v>34390</v>
      </c>
      <c r="C22140">
        <v>1</v>
      </c>
      <c r="D22140">
        <v>0</v>
      </c>
    </row>
    <row r="22141" spans="1:4" x14ac:dyDescent="0.25">
      <c r="A22141" t="s">
        <v>34391</v>
      </c>
      <c r="B22141" t="s">
        <v>11398</v>
      </c>
      <c r="C22141">
        <v>1</v>
      </c>
      <c r="D22141">
        <v>0</v>
      </c>
    </row>
    <row r="22142" spans="1:4" x14ac:dyDescent="0.25">
      <c r="A22142" t="s">
        <v>34392</v>
      </c>
      <c r="B22142" t="s">
        <v>34393</v>
      </c>
      <c r="C22142">
        <v>1</v>
      </c>
      <c r="D22142">
        <v>0</v>
      </c>
    </row>
    <row r="22143" spans="1:4" x14ac:dyDescent="0.25">
      <c r="A22143" t="s">
        <v>34392</v>
      </c>
      <c r="B22143" t="s">
        <v>34394</v>
      </c>
      <c r="C22143">
        <v>1</v>
      </c>
      <c r="D22143">
        <v>0</v>
      </c>
    </row>
    <row r="22144" spans="1:4" x14ac:dyDescent="0.25">
      <c r="A22144" t="s">
        <v>34395</v>
      </c>
      <c r="B22144" t="s">
        <v>34396</v>
      </c>
      <c r="C22144">
        <v>1</v>
      </c>
      <c r="D22144">
        <v>0</v>
      </c>
    </row>
    <row r="22145" spans="1:4" x14ac:dyDescent="0.25">
      <c r="A22145" t="s">
        <v>34395</v>
      </c>
      <c r="B22145" t="s">
        <v>34397</v>
      </c>
      <c r="C22145">
        <v>1</v>
      </c>
      <c r="D22145">
        <v>0</v>
      </c>
    </row>
    <row r="22146" spans="1:4" x14ac:dyDescent="0.25">
      <c r="A22146" t="s">
        <v>34398</v>
      </c>
      <c r="B22146" t="s">
        <v>34399</v>
      </c>
      <c r="C22146">
        <v>0</v>
      </c>
      <c r="D22146">
        <v>0</v>
      </c>
    </row>
    <row r="22147" spans="1:4" x14ac:dyDescent="0.25">
      <c r="A22147" t="s">
        <v>34398</v>
      </c>
      <c r="B22147" t="s">
        <v>34400</v>
      </c>
      <c r="C22147">
        <v>0</v>
      </c>
      <c r="D22147">
        <v>0</v>
      </c>
    </row>
    <row r="22148" spans="1:4" x14ac:dyDescent="0.25">
      <c r="A22148" t="s">
        <v>34398</v>
      </c>
      <c r="B22148" t="s">
        <v>34401</v>
      </c>
      <c r="C22148">
        <v>0</v>
      </c>
      <c r="D22148">
        <v>0</v>
      </c>
    </row>
    <row r="22149" spans="1:4" x14ac:dyDescent="0.25">
      <c r="A22149" t="s">
        <v>34402</v>
      </c>
      <c r="B22149" t="s">
        <v>34403</v>
      </c>
      <c r="C22149">
        <v>1</v>
      </c>
      <c r="D22149">
        <v>0</v>
      </c>
    </row>
    <row r="22150" spans="1:4" x14ac:dyDescent="0.25">
      <c r="A22150" t="s">
        <v>34402</v>
      </c>
      <c r="B22150" t="s">
        <v>34404</v>
      </c>
      <c r="C22150">
        <v>0</v>
      </c>
      <c r="D22150">
        <v>0</v>
      </c>
    </row>
    <row r="22151" spans="1:4" x14ac:dyDescent="0.25">
      <c r="A22151" t="s">
        <v>34405</v>
      </c>
      <c r="B22151" t="s">
        <v>34406</v>
      </c>
      <c r="C22151">
        <v>1</v>
      </c>
      <c r="D22151">
        <v>0</v>
      </c>
    </row>
    <row r="22152" spans="1:4" x14ac:dyDescent="0.25">
      <c r="A22152" t="s">
        <v>34405</v>
      </c>
      <c r="B22152" t="s">
        <v>34407</v>
      </c>
      <c r="C22152">
        <v>2</v>
      </c>
      <c r="D22152">
        <v>0</v>
      </c>
    </row>
    <row r="22153" spans="1:4" x14ac:dyDescent="0.25">
      <c r="A22153" t="s">
        <v>34405</v>
      </c>
      <c r="B22153" t="s">
        <v>34408</v>
      </c>
      <c r="C22153">
        <v>2</v>
      </c>
      <c r="D22153">
        <v>0</v>
      </c>
    </row>
    <row r="22154" spans="1:4" x14ac:dyDescent="0.25">
      <c r="A22154" t="s">
        <v>34409</v>
      </c>
      <c r="B22154" t="s">
        <v>34410</v>
      </c>
      <c r="C22154">
        <v>1</v>
      </c>
      <c r="D22154">
        <v>0</v>
      </c>
    </row>
    <row r="22155" spans="1:4" x14ac:dyDescent="0.25">
      <c r="A22155" t="s">
        <v>34411</v>
      </c>
      <c r="B22155" t="s">
        <v>34412</v>
      </c>
      <c r="C22155">
        <v>1</v>
      </c>
      <c r="D22155">
        <v>0</v>
      </c>
    </row>
    <row r="22156" spans="1:4" x14ac:dyDescent="0.25">
      <c r="A22156" t="s">
        <v>34411</v>
      </c>
      <c r="B22156" t="s">
        <v>34413</v>
      </c>
      <c r="C22156">
        <v>0</v>
      </c>
      <c r="D22156">
        <v>0</v>
      </c>
    </row>
    <row r="22157" spans="1:4" x14ac:dyDescent="0.25">
      <c r="A22157" t="s">
        <v>34414</v>
      </c>
      <c r="B22157" t="s">
        <v>34415</v>
      </c>
      <c r="C22157">
        <v>0</v>
      </c>
      <c r="D22157">
        <v>0</v>
      </c>
    </row>
    <row r="22158" spans="1:4" x14ac:dyDescent="0.25">
      <c r="A22158" t="s">
        <v>34416</v>
      </c>
      <c r="B22158" t="s">
        <v>34417</v>
      </c>
      <c r="C22158">
        <v>0</v>
      </c>
      <c r="D22158">
        <v>0</v>
      </c>
    </row>
    <row r="22159" spans="1:4" x14ac:dyDescent="0.25">
      <c r="A22159" t="s">
        <v>34416</v>
      </c>
      <c r="B22159" t="s">
        <v>7816</v>
      </c>
      <c r="C22159">
        <v>0</v>
      </c>
      <c r="D22159">
        <v>0</v>
      </c>
    </row>
    <row r="22160" spans="1:4" x14ac:dyDescent="0.25">
      <c r="A22160" t="s">
        <v>34416</v>
      </c>
      <c r="B22160" t="s">
        <v>398</v>
      </c>
      <c r="C22160">
        <v>0</v>
      </c>
      <c r="D22160">
        <v>0</v>
      </c>
    </row>
    <row r="22161" spans="1:4" x14ac:dyDescent="0.25">
      <c r="A22161" t="s">
        <v>34418</v>
      </c>
      <c r="B22161" t="s">
        <v>34419</v>
      </c>
      <c r="C22161">
        <v>1</v>
      </c>
      <c r="D22161">
        <v>0</v>
      </c>
    </row>
    <row r="22162" spans="1:4" x14ac:dyDescent="0.25">
      <c r="A22162" t="s">
        <v>34420</v>
      </c>
      <c r="B22162" t="s">
        <v>34421</v>
      </c>
      <c r="C22162">
        <v>1</v>
      </c>
      <c r="D22162">
        <v>0</v>
      </c>
    </row>
    <row r="22163" spans="1:4" x14ac:dyDescent="0.25">
      <c r="A22163" t="s">
        <v>34420</v>
      </c>
      <c r="B22163" t="s">
        <v>34422</v>
      </c>
      <c r="C22163">
        <v>0</v>
      </c>
      <c r="D22163">
        <v>0</v>
      </c>
    </row>
    <row r="22164" spans="1:4" x14ac:dyDescent="0.25">
      <c r="A22164" t="s">
        <v>34420</v>
      </c>
      <c r="B22164" t="s">
        <v>34423</v>
      </c>
      <c r="C22164">
        <v>0</v>
      </c>
      <c r="D22164">
        <v>0</v>
      </c>
    </row>
    <row r="22165" spans="1:4" x14ac:dyDescent="0.25">
      <c r="A22165" t="s">
        <v>34424</v>
      </c>
      <c r="B22165" t="s">
        <v>34425</v>
      </c>
      <c r="C22165">
        <v>0</v>
      </c>
      <c r="D22165">
        <v>0</v>
      </c>
    </row>
    <row r="22166" spans="1:4" x14ac:dyDescent="0.25">
      <c r="A22166" t="s">
        <v>34424</v>
      </c>
      <c r="B22166" t="s">
        <v>34426</v>
      </c>
      <c r="C22166">
        <v>2</v>
      </c>
      <c r="D22166">
        <v>0</v>
      </c>
    </row>
    <row r="22167" spans="1:4" x14ac:dyDescent="0.25">
      <c r="A22167" t="s">
        <v>34424</v>
      </c>
      <c r="B22167" t="s">
        <v>34427</v>
      </c>
      <c r="C22167">
        <v>1</v>
      </c>
      <c r="D22167">
        <v>0</v>
      </c>
    </row>
    <row r="22168" spans="1:4" x14ac:dyDescent="0.25">
      <c r="A22168" t="s">
        <v>34428</v>
      </c>
      <c r="B22168" t="s">
        <v>34429</v>
      </c>
      <c r="C22168">
        <v>1</v>
      </c>
      <c r="D22168">
        <v>0</v>
      </c>
    </row>
    <row r="22169" spans="1:4" x14ac:dyDescent="0.25">
      <c r="A22169" t="s">
        <v>34430</v>
      </c>
      <c r="B22169" t="s">
        <v>398</v>
      </c>
      <c r="C22169">
        <v>0</v>
      </c>
      <c r="D22169">
        <v>0</v>
      </c>
    </row>
    <row r="22170" spans="1:4" x14ac:dyDescent="0.25">
      <c r="A22170" t="s">
        <v>34431</v>
      </c>
      <c r="B22170" t="s">
        <v>1151</v>
      </c>
      <c r="C22170">
        <v>1</v>
      </c>
      <c r="D22170">
        <v>0</v>
      </c>
    </row>
    <row r="22171" spans="1:4" x14ac:dyDescent="0.25">
      <c r="A22171" t="s">
        <v>34431</v>
      </c>
      <c r="B22171" t="s">
        <v>34432</v>
      </c>
      <c r="C22171">
        <v>0</v>
      </c>
      <c r="D22171">
        <v>0</v>
      </c>
    </row>
    <row r="22172" spans="1:4" x14ac:dyDescent="0.25">
      <c r="A22172" t="s">
        <v>34433</v>
      </c>
      <c r="B22172" t="s">
        <v>34434</v>
      </c>
      <c r="C22172">
        <v>1</v>
      </c>
      <c r="D22172">
        <v>0</v>
      </c>
    </row>
    <row r="22173" spans="1:4" x14ac:dyDescent="0.25">
      <c r="A22173" t="s">
        <v>34433</v>
      </c>
      <c r="B22173" t="s">
        <v>33699</v>
      </c>
      <c r="C22173">
        <v>1</v>
      </c>
      <c r="D22173">
        <v>0</v>
      </c>
    </row>
    <row r="22174" spans="1:4" x14ac:dyDescent="0.25">
      <c r="A22174" t="s">
        <v>34433</v>
      </c>
      <c r="B22174" t="s">
        <v>34435</v>
      </c>
      <c r="C22174">
        <v>1</v>
      </c>
      <c r="D22174">
        <v>0</v>
      </c>
    </row>
    <row r="22175" spans="1:4" x14ac:dyDescent="0.25">
      <c r="A22175" t="s">
        <v>34436</v>
      </c>
      <c r="B22175" t="s">
        <v>34437</v>
      </c>
      <c r="C22175">
        <v>1</v>
      </c>
      <c r="D22175">
        <v>0</v>
      </c>
    </row>
    <row r="22176" spans="1:4" x14ac:dyDescent="0.25">
      <c r="A22176" t="s">
        <v>34438</v>
      </c>
      <c r="B22176" t="s">
        <v>34439</v>
      </c>
      <c r="C22176">
        <v>1</v>
      </c>
      <c r="D22176">
        <v>0</v>
      </c>
    </row>
    <row r="22177" spans="1:4" x14ac:dyDescent="0.25">
      <c r="A22177" t="s">
        <v>34438</v>
      </c>
      <c r="B22177" t="s">
        <v>34440</v>
      </c>
      <c r="C22177">
        <v>0</v>
      </c>
      <c r="D22177">
        <v>0</v>
      </c>
    </row>
    <row r="22178" spans="1:4" x14ac:dyDescent="0.25">
      <c r="A22178" t="s">
        <v>34441</v>
      </c>
      <c r="B22178" t="s">
        <v>34442</v>
      </c>
      <c r="C22178">
        <v>2</v>
      </c>
      <c r="D22178">
        <v>0</v>
      </c>
    </row>
    <row r="22179" spans="1:4" x14ac:dyDescent="0.25">
      <c r="A22179" t="s">
        <v>34441</v>
      </c>
      <c r="B22179" t="s">
        <v>34443</v>
      </c>
      <c r="C22179">
        <v>0</v>
      </c>
      <c r="D22179">
        <v>0</v>
      </c>
    </row>
    <row r="22180" spans="1:4" x14ac:dyDescent="0.25">
      <c r="A22180" t="s">
        <v>34441</v>
      </c>
      <c r="B22180" t="s">
        <v>34444</v>
      </c>
      <c r="C22180">
        <v>2</v>
      </c>
      <c r="D22180">
        <v>0</v>
      </c>
    </row>
    <row r="22181" spans="1:4" x14ac:dyDescent="0.25">
      <c r="A22181" t="s">
        <v>34445</v>
      </c>
      <c r="B22181" t="s">
        <v>34446</v>
      </c>
      <c r="C22181">
        <v>0</v>
      </c>
      <c r="D22181">
        <v>0</v>
      </c>
    </row>
    <row r="22182" spans="1:4" x14ac:dyDescent="0.25">
      <c r="A22182" t="s">
        <v>34447</v>
      </c>
      <c r="B22182" t="s">
        <v>34448</v>
      </c>
      <c r="C22182">
        <v>1</v>
      </c>
      <c r="D22182">
        <v>0</v>
      </c>
    </row>
    <row r="22183" spans="1:4" x14ac:dyDescent="0.25">
      <c r="A22183" t="s">
        <v>34447</v>
      </c>
      <c r="B22183" t="s">
        <v>34449</v>
      </c>
      <c r="C22183">
        <v>1</v>
      </c>
      <c r="D22183">
        <v>0</v>
      </c>
    </row>
    <row r="22184" spans="1:4" x14ac:dyDescent="0.25">
      <c r="A22184" t="s">
        <v>34450</v>
      </c>
      <c r="B22184" t="s">
        <v>34451</v>
      </c>
      <c r="C22184">
        <v>0</v>
      </c>
      <c r="D22184">
        <v>0</v>
      </c>
    </row>
    <row r="22185" spans="1:4" x14ac:dyDescent="0.25">
      <c r="A22185" t="s">
        <v>34450</v>
      </c>
      <c r="B22185" t="s">
        <v>2061</v>
      </c>
      <c r="C22185">
        <v>0</v>
      </c>
      <c r="D22185">
        <v>0</v>
      </c>
    </row>
    <row r="22186" spans="1:4" x14ac:dyDescent="0.25">
      <c r="A22186" t="s">
        <v>34450</v>
      </c>
      <c r="B22186" t="s">
        <v>34452</v>
      </c>
      <c r="C22186">
        <v>0</v>
      </c>
      <c r="D22186">
        <v>0</v>
      </c>
    </row>
    <row r="22187" spans="1:4" x14ac:dyDescent="0.25">
      <c r="A22187" t="s">
        <v>34453</v>
      </c>
      <c r="B22187" t="s">
        <v>6432</v>
      </c>
      <c r="C22187">
        <v>1</v>
      </c>
      <c r="D22187">
        <v>0</v>
      </c>
    </row>
    <row r="22188" spans="1:4" x14ac:dyDescent="0.25">
      <c r="A22188" t="s">
        <v>34453</v>
      </c>
      <c r="B22188" t="s">
        <v>34454</v>
      </c>
      <c r="C22188">
        <v>0</v>
      </c>
      <c r="D22188">
        <v>0</v>
      </c>
    </row>
    <row r="22189" spans="1:4" x14ac:dyDescent="0.25">
      <c r="A22189" t="s">
        <v>34455</v>
      </c>
      <c r="B22189" t="s">
        <v>34456</v>
      </c>
      <c r="C22189">
        <v>2</v>
      </c>
      <c r="D22189">
        <v>0</v>
      </c>
    </row>
    <row r="22190" spans="1:4" x14ac:dyDescent="0.25">
      <c r="A22190" t="s">
        <v>34457</v>
      </c>
      <c r="B22190" t="s">
        <v>34458</v>
      </c>
      <c r="C22190">
        <v>1</v>
      </c>
      <c r="D22190">
        <v>0</v>
      </c>
    </row>
    <row r="22191" spans="1:4" x14ac:dyDescent="0.25">
      <c r="A22191" t="s">
        <v>34457</v>
      </c>
      <c r="B22191" t="s">
        <v>34459</v>
      </c>
      <c r="C22191">
        <v>1</v>
      </c>
      <c r="D22191">
        <v>0</v>
      </c>
    </row>
    <row r="22192" spans="1:4" x14ac:dyDescent="0.25">
      <c r="A22192" t="s">
        <v>34457</v>
      </c>
      <c r="B22192" t="s">
        <v>34460</v>
      </c>
      <c r="C22192">
        <v>0</v>
      </c>
      <c r="D22192">
        <v>0</v>
      </c>
    </row>
    <row r="22193" spans="1:4" x14ac:dyDescent="0.25">
      <c r="A22193" t="s">
        <v>34461</v>
      </c>
      <c r="B22193" t="s">
        <v>34462</v>
      </c>
      <c r="C22193">
        <v>2</v>
      </c>
      <c r="D22193">
        <v>0</v>
      </c>
    </row>
    <row r="22194" spans="1:4" x14ac:dyDescent="0.25">
      <c r="A22194" t="s">
        <v>34461</v>
      </c>
      <c r="B22194" t="s">
        <v>34463</v>
      </c>
      <c r="C22194">
        <v>0</v>
      </c>
      <c r="D22194">
        <v>0</v>
      </c>
    </row>
    <row r="22195" spans="1:4" x14ac:dyDescent="0.25">
      <c r="A22195" t="s">
        <v>34461</v>
      </c>
      <c r="B22195" t="s">
        <v>34464</v>
      </c>
      <c r="C22195">
        <v>0</v>
      </c>
      <c r="D22195">
        <v>0</v>
      </c>
    </row>
    <row r="22196" spans="1:4" x14ac:dyDescent="0.25">
      <c r="A22196" t="s">
        <v>34465</v>
      </c>
      <c r="B22196" t="s">
        <v>34466</v>
      </c>
      <c r="C22196">
        <v>1</v>
      </c>
      <c r="D22196">
        <v>0</v>
      </c>
    </row>
    <row r="22197" spans="1:4" x14ac:dyDescent="0.25">
      <c r="A22197" t="s">
        <v>34465</v>
      </c>
      <c r="B22197" t="s">
        <v>2651</v>
      </c>
      <c r="C22197">
        <v>0</v>
      </c>
      <c r="D22197">
        <v>0</v>
      </c>
    </row>
    <row r="22198" spans="1:4" x14ac:dyDescent="0.25">
      <c r="A22198" t="s">
        <v>34465</v>
      </c>
      <c r="B22198" t="s">
        <v>34467</v>
      </c>
      <c r="C22198">
        <v>0</v>
      </c>
      <c r="D22198">
        <v>0</v>
      </c>
    </row>
    <row r="22199" spans="1:4" x14ac:dyDescent="0.25">
      <c r="A22199" t="s">
        <v>34468</v>
      </c>
      <c r="B22199" t="s">
        <v>34469</v>
      </c>
      <c r="C22199">
        <v>2</v>
      </c>
      <c r="D22199">
        <v>0</v>
      </c>
    </row>
    <row r="22200" spans="1:4" x14ac:dyDescent="0.25">
      <c r="A22200" t="s">
        <v>34470</v>
      </c>
      <c r="B22200" t="s">
        <v>34471</v>
      </c>
      <c r="C22200">
        <v>2</v>
      </c>
      <c r="D22200">
        <v>0</v>
      </c>
    </row>
    <row r="22201" spans="1:4" x14ac:dyDescent="0.25">
      <c r="A22201" t="s">
        <v>34472</v>
      </c>
      <c r="B22201" t="s">
        <v>34473</v>
      </c>
      <c r="C22201">
        <v>2</v>
      </c>
      <c r="D22201">
        <v>0</v>
      </c>
    </row>
    <row r="22202" spans="1:4" x14ac:dyDescent="0.25">
      <c r="A22202" t="s">
        <v>34472</v>
      </c>
      <c r="B22202" t="s">
        <v>34474</v>
      </c>
      <c r="C22202">
        <v>1</v>
      </c>
      <c r="D22202">
        <v>0</v>
      </c>
    </row>
    <row r="22203" spans="1:4" x14ac:dyDescent="0.25">
      <c r="A22203" t="s">
        <v>34472</v>
      </c>
      <c r="B22203" t="s">
        <v>34475</v>
      </c>
      <c r="C22203">
        <v>1</v>
      </c>
      <c r="D22203">
        <v>0</v>
      </c>
    </row>
    <row r="22204" spans="1:4" x14ac:dyDescent="0.25">
      <c r="A22204" t="s">
        <v>34476</v>
      </c>
      <c r="B22204" t="s">
        <v>34477</v>
      </c>
      <c r="C22204">
        <v>2</v>
      </c>
      <c r="D22204">
        <v>0</v>
      </c>
    </row>
    <row r="22205" spans="1:4" x14ac:dyDescent="0.25">
      <c r="A22205" t="s">
        <v>34476</v>
      </c>
      <c r="B22205" t="s">
        <v>34478</v>
      </c>
      <c r="C22205">
        <v>1</v>
      </c>
      <c r="D22205">
        <v>0</v>
      </c>
    </row>
    <row r="22206" spans="1:4" x14ac:dyDescent="0.25">
      <c r="A22206" t="s">
        <v>34479</v>
      </c>
      <c r="B22206" t="s">
        <v>34480</v>
      </c>
      <c r="C22206">
        <v>2</v>
      </c>
      <c r="D22206">
        <v>0</v>
      </c>
    </row>
    <row r="22207" spans="1:4" x14ac:dyDescent="0.25">
      <c r="A22207" t="s">
        <v>34479</v>
      </c>
      <c r="B22207" t="s">
        <v>34481</v>
      </c>
      <c r="C22207">
        <v>1</v>
      </c>
      <c r="D22207">
        <v>0</v>
      </c>
    </row>
    <row r="22208" spans="1:4" x14ac:dyDescent="0.25">
      <c r="A22208" t="s">
        <v>34482</v>
      </c>
      <c r="B22208" t="s">
        <v>34483</v>
      </c>
      <c r="C22208">
        <v>2</v>
      </c>
      <c r="D22208">
        <v>0</v>
      </c>
    </row>
    <row r="22209" spans="1:4" x14ac:dyDescent="0.25">
      <c r="A22209" t="s">
        <v>34482</v>
      </c>
      <c r="B22209" t="s">
        <v>34484</v>
      </c>
      <c r="C22209">
        <v>1</v>
      </c>
      <c r="D22209">
        <v>0</v>
      </c>
    </row>
    <row r="22210" spans="1:4" x14ac:dyDescent="0.25">
      <c r="A22210" t="s">
        <v>34485</v>
      </c>
      <c r="B22210" t="s">
        <v>34486</v>
      </c>
      <c r="C22210">
        <v>2</v>
      </c>
      <c r="D22210">
        <v>0</v>
      </c>
    </row>
    <row r="22211" spans="1:4" x14ac:dyDescent="0.25">
      <c r="A22211" t="s">
        <v>34485</v>
      </c>
      <c r="B22211" t="s">
        <v>34487</v>
      </c>
      <c r="C22211">
        <v>2</v>
      </c>
      <c r="D22211">
        <v>0</v>
      </c>
    </row>
    <row r="22212" spans="1:4" x14ac:dyDescent="0.25">
      <c r="A22212" t="s">
        <v>34485</v>
      </c>
      <c r="B22212" t="s">
        <v>34488</v>
      </c>
      <c r="C22212">
        <v>1</v>
      </c>
      <c r="D22212">
        <v>0</v>
      </c>
    </row>
    <row r="22213" spans="1:4" x14ac:dyDescent="0.25">
      <c r="A22213" t="s">
        <v>34489</v>
      </c>
      <c r="B22213" t="s">
        <v>34490</v>
      </c>
      <c r="C22213">
        <v>0</v>
      </c>
      <c r="D22213">
        <v>0</v>
      </c>
    </row>
    <row r="22214" spans="1:4" x14ac:dyDescent="0.25">
      <c r="A22214" t="s">
        <v>34489</v>
      </c>
      <c r="B22214" t="s">
        <v>34491</v>
      </c>
      <c r="C22214">
        <v>0</v>
      </c>
      <c r="D22214">
        <v>0</v>
      </c>
    </row>
    <row r="22215" spans="1:4" x14ac:dyDescent="0.25">
      <c r="A22215" t="s">
        <v>34492</v>
      </c>
      <c r="B22215" t="s">
        <v>34493</v>
      </c>
      <c r="C22215">
        <v>2</v>
      </c>
      <c r="D22215">
        <v>0</v>
      </c>
    </row>
    <row r="22216" spans="1:4" x14ac:dyDescent="0.25">
      <c r="A22216" t="s">
        <v>34492</v>
      </c>
      <c r="B22216" t="s">
        <v>852</v>
      </c>
      <c r="C22216">
        <v>0</v>
      </c>
      <c r="D22216">
        <v>0</v>
      </c>
    </row>
    <row r="22217" spans="1:4" x14ac:dyDescent="0.25">
      <c r="A22217" t="s">
        <v>34494</v>
      </c>
      <c r="B22217" t="s">
        <v>34495</v>
      </c>
      <c r="C22217">
        <v>0</v>
      </c>
      <c r="D22217">
        <v>0</v>
      </c>
    </row>
    <row r="22218" spans="1:4" x14ac:dyDescent="0.25">
      <c r="A22218" t="s">
        <v>34494</v>
      </c>
      <c r="B22218" t="s">
        <v>34496</v>
      </c>
      <c r="C22218">
        <v>0</v>
      </c>
      <c r="D22218">
        <v>0</v>
      </c>
    </row>
    <row r="22219" spans="1:4" x14ac:dyDescent="0.25">
      <c r="A22219" t="s">
        <v>34494</v>
      </c>
      <c r="B22219" t="s">
        <v>34497</v>
      </c>
      <c r="C22219">
        <v>2</v>
      </c>
      <c r="D22219">
        <v>0</v>
      </c>
    </row>
    <row r="22220" spans="1:4" x14ac:dyDescent="0.25">
      <c r="A22220" t="s">
        <v>34498</v>
      </c>
      <c r="B22220" t="s">
        <v>34499</v>
      </c>
      <c r="C22220">
        <v>0</v>
      </c>
      <c r="D22220">
        <v>0</v>
      </c>
    </row>
    <row r="22221" spans="1:4" x14ac:dyDescent="0.25">
      <c r="A22221" t="s">
        <v>34498</v>
      </c>
      <c r="B22221" t="s">
        <v>34500</v>
      </c>
      <c r="C22221">
        <v>2</v>
      </c>
      <c r="D22221">
        <v>0</v>
      </c>
    </row>
    <row r="22222" spans="1:4" x14ac:dyDescent="0.25">
      <c r="A22222" t="s">
        <v>34501</v>
      </c>
      <c r="B22222" t="s">
        <v>34502</v>
      </c>
      <c r="C22222">
        <v>2</v>
      </c>
      <c r="D22222">
        <v>0</v>
      </c>
    </row>
    <row r="22223" spans="1:4" x14ac:dyDescent="0.25">
      <c r="A22223" t="s">
        <v>34501</v>
      </c>
      <c r="B22223" t="s">
        <v>13096</v>
      </c>
      <c r="C22223">
        <v>0</v>
      </c>
      <c r="D22223">
        <v>0</v>
      </c>
    </row>
    <row r="22224" spans="1:4" x14ac:dyDescent="0.25">
      <c r="A22224" t="s">
        <v>34501</v>
      </c>
      <c r="B22224" t="s">
        <v>34503</v>
      </c>
      <c r="C22224">
        <v>0</v>
      </c>
      <c r="D22224">
        <v>0</v>
      </c>
    </row>
    <row r="22225" spans="1:4" x14ac:dyDescent="0.25">
      <c r="A22225" t="s">
        <v>34504</v>
      </c>
      <c r="B22225" t="s">
        <v>34505</v>
      </c>
      <c r="C22225">
        <v>1</v>
      </c>
      <c r="D22225">
        <v>0</v>
      </c>
    </row>
    <row r="22226" spans="1:4" x14ac:dyDescent="0.25">
      <c r="A22226" t="s">
        <v>34504</v>
      </c>
      <c r="B22226" t="s">
        <v>34506</v>
      </c>
      <c r="C22226">
        <v>2</v>
      </c>
      <c r="D22226">
        <v>0</v>
      </c>
    </row>
    <row r="22227" spans="1:4" x14ac:dyDescent="0.25">
      <c r="A22227" t="s">
        <v>34504</v>
      </c>
      <c r="B22227" t="s">
        <v>34507</v>
      </c>
      <c r="C22227">
        <v>0</v>
      </c>
      <c r="D22227">
        <v>0</v>
      </c>
    </row>
    <row r="22228" spans="1:4" x14ac:dyDescent="0.25">
      <c r="A22228" t="s">
        <v>34508</v>
      </c>
      <c r="B22228" t="s">
        <v>34509</v>
      </c>
      <c r="C22228">
        <v>0</v>
      </c>
      <c r="D22228">
        <v>0</v>
      </c>
    </row>
    <row r="22229" spans="1:4" x14ac:dyDescent="0.25">
      <c r="A22229" t="s">
        <v>34508</v>
      </c>
      <c r="B22229" t="s">
        <v>34510</v>
      </c>
      <c r="C22229">
        <v>1</v>
      </c>
      <c r="D22229">
        <v>0</v>
      </c>
    </row>
    <row r="22230" spans="1:4" x14ac:dyDescent="0.25">
      <c r="A22230" t="s">
        <v>34511</v>
      </c>
      <c r="B22230" t="s">
        <v>34512</v>
      </c>
      <c r="C22230">
        <v>1</v>
      </c>
      <c r="D22230">
        <v>0</v>
      </c>
    </row>
    <row r="22231" spans="1:4" x14ac:dyDescent="0.25">
      <c r="A22231" t="s">
        <v>34513</v>
      </c>
      <c r="B22231" t="s">
        <v>34514</v>
      </c>
      <c r="C22231">
        <v>1</v>
      </c>
      <c r="D22231">
        <v>0</v>
      </c>
    </row>
    <row r="22232" spans="1:4" x14ac:dyDescent="0.25">
      <c r="A22232" t="s">
        <v>34515</v>
      </c>
      <c r="B22232" t="s">
        <v>34516</v>
      </c>
      <c r="C22232">
        <v>1</v>
      </c>
      <c r="D22232">
        <v>0</v>
      </c>
    </row>
    <row r="22233" spans="1:4" x14ac:dyDescent="0.25">
      <c r="A22233" t="s">
        <v>34515</v>
      </c>
      <c r="B22233" t="s">
        <v>34517</v>
      </c>
      <c r="C22233">
        <v>0</v>
      </c>
      <c r="D22233">
        <v>0</v>
      </c>
    </row>
    <row r="22234" spans="1:4" x14ac:dyDescent="0.25">
      <c r="A22234" t="s">
        <v>34518</v>
      </c>
      <c r="B22234" t="s">
        <v>34519</v>
      </c>
      <c r="C22234">
        <v>2</v>
      </c>
      <c r="D22234">
        <v>0</v>
      </c>
    </row>
    <row r="22235" spans="1:4" x14ac:dyDescent="0.25">
      <c r="A22235" t="s">
        <v>34518</v>
      </c>
      <c r="B22235" t="s">
        <v>34520</v>
      </c>
      <c r="C22235">
        <v>0</v>
      </c>
      <c r="D22235">
        <v>0</v>
      </c>
    </row>
    <row r="22236" spans="1:4" x14ac:dyDescent="0.25">
      <c r="A22236" t="s">
        <v>34521</v>
      </c>
      <c r="B22236" t="s">
        <v>34522</v>
      </c>
      <c r="C22236">
        <v>1</v>
      </c>
      <c r="D22236">
        <v>0</v>
      </c>
    </row>
    <row r="22237" spans="1:4" x14ac:dyDescent="0.25">
      <c r="A22237" t="s">
        <v>34521</v>
      </c>
      <c r="B22237" t="s">
        <v>34523</v>
      </c>
      <c r="C22237">
        <v>2</v>
      </c>
      <c r="D22237">
        <v>0</v>
      </c>
    </row>
    <row r="22238" spans="1:4" x14ac:dyDescent="0.25">
      <c r="A22238" t="s">
        <v>34524</v>
      </c>
      <c r="B22238" t="s">
        <v>34525</v>
      </c>
      <c r="C22238">
        <v>0</v>
      </c>
      <c r="D22238">
        <v>0</v>
      </c>
    </row>
    <row r="22239" spans="1:4" x14ac:dyDescent="0.25">
      <c r="A22239" t="s">
        <v>34524</v>
      </c>
      <c r="B22239" t="s">
        <v>34526</v>
      </c>
      <c r="C22239">
        <v>2</v>
      </c>
      <c r="D22239">
        <v>0</v>
      </c>
    </row>
    <row r="22240" spans="1:4" x14ac:dyDescent="0.25">
      <c r="A22240" t="s">
        <v>34524</v>
      </c>
      <c r="B22240" t="s">
        <v>34527</v>
      </c>
      <c r="C22240">
        <v>1</v>
      </c>
      <c r="D22240">
        <v>0</v>
      </c>
    </row>
    <row r="22241" spans="1:4" x14ac:dyDescent="0.25">
      <c r="A22241" t="s">
        <v>34528</v>
      </c>
      <c r="B22241" t="s">
        <v>34529</v>
      </c>
      <c r="C22241">
        <v>1</v>
      </c>
      <c r="D22241">
        <v>0</v>
      </c>
    </row>
    <row r="22242" spans="1:4" x14ac:dyDescent="0.25">
      <c r="A22242" t="s">
        <v>34530</v>
      </c>
      <c r="B22242" t="s">
        <v>1001</v>
      </c>
      <c r="C22242">
        <v>1</v>
      </c>
      <c r="D22242">
        <v>0</v>
      </c>
    </row>
    <row r="22243" spans="1:4" x14ac:dyDescent="0.25">
      <c r="A22243" t="s">
        <v>34531</v>
      </c>
      <c r="B22243" t="s">
        <v>34532</v>
      </c>
      <c r="C22243">
        <v>1</v>
      </c>
      <c r="D22243">
        <v>0</v>
      </c>
    </row>
    <row r="22244" spans="1:4" x14ac:dyDescent="0.25">
      <c r="A22244" t="s">
        <v>34531</v>
      </c>
      <c r="B22244" t="s">
        <v>34533</v>
      </c>
      <c r="C22244">
        <v>0</v>
      </c>
      <c r="D22244">
        <v>0</v>
      </c>
    </row>
    <row r="22245" spans="1:4" x14ac:dyDescent="0.25">
      <c r="A22245" t="s">
        <v>34531</v>
      </c>
      <c r="B22245" t="s">
        <v>34534</v>
      </c>
      <c r="C22245">
        <v>2</v>
      </c>
      <c r="D22245">
        <v>0</v>
      </c>
    </row>
    <row r="22246" spans="1:4" x14ac:dyDescent="0.25">
      <c r="A22246" t="s">
        <v>34535</v>
      </c>
      <c r="B22246" t="s">
        <v>34536</v>
      </c>
      <c r="C22246">
        <v>2</v>
      </c>
      <c r="D22246">
        <v>0</v>
      </c>
    </row>
    <row r="22247" spans="1:4" x14ac:dyDescent="0.25">
      <c r="A22247" t="s">
        <v>34537</v>
      </c>
      <c r="B22247" t="s">
        <v>34538</v>
      </c>
      <c r="C22247">
        <v>0</v>
      </c>
      <c r="D22247">
        <v>0</v>
      </c>
    </row>
    <row r="22248" spans="1:4" x14ac:dyDescent="0.25">
      <c r="A22248" t="s">
        <v>34539</v>
      </c>
      <c r="B22248" t="s">
        <v>34540</v>
      </c>
      <c r="C22248">
        <v>1</v>
      </c>
      <c r="D22248">
        <v>0</v>
      </c>
    </row>
    <row r="22249" spans="1:4" x14ac:dyDescent="0.25">
      <c r="A22249" t="s">
        <v>34539</v>
      </c>
      <c r="B22249" t="s">
        <v>4684</v>
      </c>
      <c r="C22249">
        <v>0</v>
      </c>
      <c r="D22249">
        <v>0</v>
      </c>
    </row>
    <row r="22250" spans="1:4" x14ac:dyDescent="0.25">
      <c r="A22250" t="s">
        <v>34539</v>
      </c>
      <c r="B22250" t="s">
        <v>34541</v>
      </c>
      <c r="C22250">
        <v>2</v>
      </c>
      <c r="D22250">
        <v>0</v>
      </c>
    </row>
    <row r="22251" spans="1:4" x14ac:dyDescent="0.25">
      <c r="A22251" t="s">
        <v>34542</v>
      </c>
      <c r="B22251" t="s">
        <v>34543</v>
      </c>
      <c r="C22251">
        <v>0</v>
      </c>
      <c r="D22251">
        <v>0</v>
      </c>
    </row>
    <row r="22252" spans="1:4" x14ac:dyDescent="0.25">
      <c r="A22252" t="s">
        <v>34542</v>
      </c>
      <c r="B22252" t="s">
        <v>34544</v>
      </c>
      <c r="C22252">
        <v>1</v>
      </c>
      <c r="D22252">
        <v>0</v>
      </c>
    </row>
    <row r="22253" spans="1:4" x14ac:dyDescent="0.25">
      <c r="A22253" t="s">
        <v>34542</v>
      </c>
      <c r="B22253" t="s">
        <v>34545</v>
      </c>
      <c r="C22253">
        <v>1</v>
      </c>
      <c r="D22253">
        <v>0</v>
      </c>
    </row>
    <row r="22254" spans="1:4" x14ac:dyDescent="0.25">
      <c r="A22254" t="s">
        <v>34546</v>
      </c>
      <c r="B22254" t="s">
        <v>34547</v>
      </c>
      <c r="C22254">
        <v>0</v>
      </c>
      <c r="D22254">
        <v>0</v>
      </c>
    </row>
    <row r="22255" spans="1:4" x14ac:dyDescent="0.25">
      <c r="A22255" t="s">
        <v>34546</v>
      </c>
      <c r="B22255" t="s">
        <v>34548</v>
      </c>
      <c r="C22255">
        <v>0</v>
      </c>
      <c r="D22255">
        <v>0</v>
      </c>
    </row>
    <row r="22256" spans="1:4" x14ac:dyDescent="0.25">
      <c r="A22256" t="s">
        <v>34546</v>
      </c>
      <c r="B22256" t="s">
        <v>34549</v>
      </c>
      <c r="C22256">
        <v>0</v>
      </c>
      <c r="D22256">
        <v>0</v>
      </c>
    </row>
    <row r="22257" spans="1:4" x14ac:dyDescent="0.25">
      <c r="A22257" t="s">
        <v>34550</v>
      </c>
      <c r="B22257" t="s">
        <v>2651</v>
      </c>
      <c r="C22257">
        <v>0</v>
      </c>
      <c r="D22257">
        <v>0</v>
      </c>
    </row>
    <row r="22258" spans="1:4" x14ac:dyDescent="0.25">
      <c r="A22258" t="s">
        <v>34551</v>
      </c>
      <c r="B22258" t="s">
        <v>34552</v>
      </c>
      <c r="C22258">
        <v>0</v>
      </c>
      <c r="D22258">
        <v>0</v>
      </c>
    </row>
    <row r="22259" spans="1:4" x14ac:dyDescent="0.25">
      <c r="A22259" t="s">
        <v>34553</v>
      </c>
      <c r="B22259" t="s">
        <v>34554</v>
      </c>
      <c r="C22259">
        <v>1</v>
      </c>
      <c r="D22259">
        <v>0</v>
      </c>
    </row>
    <row r="22260" spans="1:4" x14ac:dyDescent="0.25">
      <c r="A22260" t="s">
        <v>34553</v>
      </c>
      <c r="B22260" t="s">
        <v>3410</v>
      </c>
      <c r="C22260">
        <v>1</v>
      </c>
      <c r="D22260">
        <v>0</v>
      </c>
    </row>
    <row r="22261" spans="1:4" x14ac:dyDescent="0.25">
      <c r="A22261" t="s">
        <v>34553</v>
      </c>
      <c r="B22261" t="s">
        <v>1283</v>
      </c>
      <c r="C22261">
        <v>0</v>
      </c>
      <c r="D22261">
        <v>0</v>
      </c>
    </row>
    <row r="22262" spans="1:4" x14ac:dyDescent="0.25">
      <c r="A22262" t="s">
        <v>34555</v>
      </c>
      <c r="B22262" t="s">
        <v>34556</v>
      </c>
      <c r="C22262">
        <v>2</v>
      </c>
      <c r="D22262">
        <v>0</v>
      </c>
    </row>
    <row r="22263" spans="1:4" x14ac:dyDescent="0.25">
      <c r="A22263" t="s">
        <v>34555</v>
      </c>
      <c r="B22263" t="s">
        <v>34557</v>
      </c>
      <c r="C22263">
        <v>2</v>
      </c>
      <c r="D22263">
        <v>0</v>
      </c>
    </row>
    <row r="22264" spans="1:4" x14ac:dyDescent="0.25">
      <c r="A22264" t="s">
        <v>34555</v>
      </c>
      <c r="B22264" t="s">
        <v>34558</v>
      </c>
      <c r="C22264">
        <v>2</v>
      </c>
      <c r="D22264">
        <v>0</v>
      </c>
    </row>
    <row r="22265" spans="1:4" x14ac:dyDescent="0.25">
      <c r="A22265" t="s">
        <v>34559</v>
      </c>
      <c r="B22265" t="s">
        <v>34560</v>
      </c>
      <c r="C22265">
        <v>1</v>
      </c>
      <c r="D22265">
        <v>0</v>
      </c>
    </row>
    <row r="22266" spans="1:4" x14ac:dyDescent="0.25">
      <c r="A22266" t="s">
        <v>34561</v>
      </c>
      <c r="B22266" t="s">
        <v>34562</v>
      </c>
      <c r="C22266">
        <v>0</v>
      </c>
      <c r="D22266">
        <v>0</v>
      </c>
    </row>
    <row r="22267" spans="1:4" x14ac:dyDescent="0.25">
      <c r="A22267" t="s">
        <v>34561</v>
      </c>
      <c r="B22267" t="s">
        <v>34563</v>
      </c>
      <c r="C22267">
        <v>0</v>
      </c>
      <c r="D22267">
        <v>0</v>
      </c>
    </row>
    <row r="22268" spans="1:4" x14ac:dyDescent="0.25">
      <c r="A22268" t="s">
        <v>34564</v>
      </c>
      <c r="B22268" t="s">
        <v>852</v>
      </c>
      <c r="C22268">
        <v>0</v>
      </c>
      <c r="D22268">
        <v>0</v>
      </c>
    </row>
    <row r="22269" spans="1:4" x14ac:dyDescent="0.25">
      <c r="A22269" t="s">
        <v>34565</v>
      </c>
      <c r="B22269" t="s">
        <v>34566</v>
      </c>
      <c r="C22269">
        <v>1</v>
      </c>
      <c r="D22269">
        <v>0</v>
      </c>
    </row>
    <row r="22270" spans="1:4" x14ac:dyDescent="0.25">
      <c r="A22270" t="s">
        <v>34565</v>
      </c>
      <c r="B22270" t="s">
        <v>30319</v>
      </c>
      <c r="C22270">
        <v>1</v>
      </c>
      <c r="D22270">
        <v>0</v>
      </c>
    </row>
    <row r="22271" spans="1:4" x14ac:dyDescent="0.25">
      <c r="A22271" t="s">
        <v>34567</v>
      </c>
      <c r="B22271" t="s">
        <v>34568</v>
      </c>
      <c r="C22271">
        <v>0</v>
      </c>
      <c r="D22271">
        <v>0</v>
      </c>
    </row>
    <row r="22272" spans="1:4" x14ac:dyDescent="0.25">
      <c r="A22272" t="s">
        <v>34567</v>
      </c>
      <c r="B22272" t="s">
        <v>34569</v>
      </c>
      <c r="C22272">
        <v>0</v>
      </c>
      <c r="D22272">
        <v>0</v>
      </c>
    </row>
    <row r="22273" spans="1:4" x14ac:dyDescent="0.25">
      <c r="A22273" t="s">
        <v>34570</v>
      </c>
      <c r="B22273" t="s">
        <v>34571</v>
      </c>
      <c r="C22273">
        <v>1</v>
      </c>
      <c r="D22273">
        <v>0</v>
      </c>
    </row>
    <row r="22274" spans="1:4" x14ac:dyDescent="0.25">
      <c r="A22274" t="s">
        <v>34570</v>
      </c>
      <c r="B22274" t="s">
        <v>34572</v>
      </c>
      <c r="C22274">
        <v>2</v>
      </c>
      <c r="D22274">
        <v>0</v>
      </c>
    </row>
    <row r="22275" spans="1:4" x14ac:dyDescent="0.25">
      <c r="A22275" t="s">
        <v>34570</v>
      </c>
      <c r="B22275" t="s">
        <v>34573</v>
      </c>
      <c r="C22275">
        <v>1</v>
      </c>
      <c r="D22275">
        <v>0</v>
      </c>
    </row>
    <row r="22276" spans="1:4" x14ac:dyDescent="0.25">
      <c r="A22276" t="s">
        <v>34574</v>
      </c>
      <c r="B22276" t="s">
        <v>1938</v>
      </c>
      <c r="C22276">
        <v>0</v>
      </c>
      <c r="D22276">
        <v>0</v>
      </c>
    </row>
    <row r="22277" spans="1:4" x14ac:dyDescent="0.25">
      <c r="A22277" t="s">
        <v>34575</v>
      </c>
      <c r="B22277" t="s">
        <v>34576</v>
      </c>
      <c r="C22277">
        <v>2</v>
      </c>
      <c r="D22277">
        <v>0</v>
      </c>
    </row>
    <row r="22278" spans="1:4" x14ac:dyDescent="0.25">
      <c r="A22278" t="s">
        <v>34575</v>
      </c>
      <c r="B22278" t="s">
        <v>34577</v>
      </c>
      <c r="C22278">
        <v>0</v>
      </c>
      <c r="D22278">
        <v>0</v>
      </c>
    </row>
    <row r="22279" spans="1:4" x14ac:dyDescent="0.25">
      <c r="A22279" t="s">
        <v>34575</v>
      </c>
      <c r="B22279" t="s">
        <v>34578</v>
      </c>
      <c r="C22279">
        <v>0</v>
      </c>
      <c r="D22279">
        <v>0</v>
      </c>
    </row>
    <row r="22280" spans="1:4" x14ac:dyDescent="0.25">
      <c r="A22280" t="s">
        <v>34579</v>
      </c>
      <c r="B22280" t="s">
        <v>28590</v>
      </c>
      <c r="C22280">
        <v>0</v>
      </c>
      <c r="D22280">
        <v>0</v>
      </c>
    </row>
    <row r="22281" spans="1:4" x14ac:dyDescent="0.25">
      <c r="A22281" t="s">
        <v>34580</v>
      </c>
      <c r="B22281" t="s">
        <v>34581</v>
      </c>
      <c r="C22281">
        <v>1</v>
      </c>
      <c r="D22281">
        <v>0</v>
      </c>
    </row>
    <row r="22282" spans="1:4" x14ac:dyDescent="0.25">
      <c r="A22282" t="s">
        <v>34580</v>
      </c>
      <c r="B22282" t="s">
        <v>34582</v>
      </c>
      <c r="C22282">
        <v>2</v>
      </c>
      <c r="D22282">
        <v>0</v>
      </c>
    </row>
    <row r="22283" spans="1:4" x14ac:dyDescent="0.25">
      <c r="A22283" t="s">
        <v>34580</v>
      </c>
      <c r="B22283" t="s">
        <v>34583</v>
      </c>
      <c r="C22283">
        <v>1</v>
      </c>
      <c r="D22283">
        <v>0</v>
      </c>
    </row>
    <row r="22284" spans="1:4" x14ac:dyDescent="0.25">
      <c r="A22284" t="s">
        <v>34584</v>
      </c>
      <c r="B22284" t="s">
        <v>34585</v>
      </c>
      <c r="C22284">
        <v>2</v>
      </c>
      <c r="D22284">
        <v>0</v>
      </c>
    </row>
    <row r="22285" spans="1:4" x14ac:dyDescent="0.25">
      <c r="A22285" t="s">
        <v>34584</v>
      </c>
      <c r="B22285" t="s">
        <v>34586</v>
      </c>
      <c r="C22285">
        <v>1</v>
      </c>
      <c r="D22285">
        <v>0</v>
      </c>
    </row>
    <row r="22286" spans="1:4" x14ac:dyDescent="0.25">
      <c r="A22286" t="s">
        <v>34587</v>
      </c>
      <c r="B22286" t="s">
        <v>34588</v>
      </c>
      <c r="C22286">
        <v>1</v>
      </c>
      <c r="D22286">
        <v>0</v>
      </c>
    </row>
    <row r="22287" spans="1:4" x14ac:dyDescent="0.25">
      <c r="A22287" t="s">
        <v>34589</v>
      </c>
      <c r="B22287" t="s">
        <v>34590</v>
      </c>
      <c r="C22287">
        <v>1</v>
      </c>
      <c r="D22287">
        <v>0</v>
      </c>
    </row>
    <row r="22288" spans="1:4" x14ac:dyDescent="0.25">
      <c r="A22288" t="s">
        <v>34591</v>
      </c>
      <c r="B22288" t="s">
        <v>34592</v>
      </c>
      <c r="C22288">
        <v>0</v>
      </c>
      <c r="D22288">
        <v>0</v>
      </c>
    </row>
    <row r="22289" spans="1:4" x14ac:dyDescent="0.25">
      <c r="A22289" t="s">
        <v>34591</v>
      </c>
      <c r="B22289" t="s">
        <v>34593</v>
      </c>
      <c r="C22289">
        <v>2</v>
      </c>
      <c r="D22289">
        <v>0</v>
      </c>
    </row>
    <row r="22290" spans="1:4" x14ac:dyDescent="0.25">
      <c r="A22290" t="s">
        <v>34591</v>
      </c>
      <c r="B22290" t="s">
        <v>34594</v>
      </c>
      <c r="C22290">
        <v>2</v>
      </c>
      <c r="D22290">
        <v>0</v>
      </c>
    </row>
    <row r="22291" spans="1:4" x14ac:dyDescent="0.25">
      <c r="A22291" t="s">
        <v>34595</v>
      </c>
      <c r="B22291" t="s">
        <v>34596</v>
      </c>
      <c r="C22291">
        <v>1</v>
      </c>
      <c r="D22291">
        <v>0</v>
      </c>
    </row>
    <row r="22292" spans="1:4" x14ac:dyDescent="0.25">
      <c r="A22292" t="s">
        <v>34595</v>
      </c>
      <c r="B22292" t="s">
        <v>34597</v>
      </c>
      <c r="C22292">
        <v>0</v>
      </c>
      <c r="D22292">
        <v>0</v>
      </c>
    </row>
    <row r="22293" spans="1:4" x14ac:dyDescent="0.25">
      <c r="A22293" t="s">
        <v>34598</v>
      </c>
      <c r="B22293" t="s">
        <v>1769</v>
      </c>
      <c r="C22293">
        <v>1</v>
      </c>
      <c r="D22293">
        <v>0</v>
      </c>
    </row>
    <row r="22294" spans="1:4" x14ac:dyDescent="0.25">
      <c r="A22294" t="s">
        <v>34599</v>
      </c>
      <c r="B22294" t="s">
        <v>34600</v>
      </c>
      <c r="C22294">
        <v>0</v>
      </c>
      <c r="D22294">
        <v>0</v>
      </c>
    </row>
    <row r="22295" spans="1:4" x14ac:dyDescent="0.25">
      <c r="A22295" t="s">
        <v>34599</v>
      </c>
      <c r="B22295" t="s">
        <v>34601</v>
      </c>
      <c r="C22295">
        <v>0</v>
      </c>
      <c r="D22295">
        <v>0</v>
      </c>
    </row>
    <row r="22296" spans="1:4" x14ac:dyDescent="0.25">
      <c r="A22296" t="s">
        <v>34599</v>
      </c>
      <c r="B22296" t="s">
        <v>34602</v>
      </c>
      <c r="C22296">
        <v>1</v>
      </c>
      <c r="D22296">
        <v>0</v>
      </c>
    </row>
    <row r="22297" spans="1:4" x14ac:dyDescent="0.25">
      <c r="A22297" t="s">
        <v>34603</v>
      </c>
      <c r="B22297" t="s">
        <v>34604</v>
      </c>
      <c r="C22297">
        <v>0</v>
      </c>
      <c r="D22297">
        <v>0</v>
      </c>
    </row>
    <row r="22298" spans="1:4" x14ac:dyDescent="0.25">
      <c r="A22298" t="s">
        <v>34603</v>
      </c>
      <c r="B22298" t="s">
        <v>34605</v>
      </c>
      <c r="C22298">
        <v>1</v>
      </c>
      <c r="D22298">
        <v>0</v>
      </c>
    </row>
    <row r="22299" spans="1:4" x14ac:dyDescent="0.25">
      <c r="A22299" t="s">
        <v>34606</v>
      </c>
      <c r="B22299" t="s">
        <v>34607</v>
      </c>
      <c r="C22299">
        <v>1</v>
      </c>
      <c r="D22299">
        <v>0</v>
      </c>
    </row>
    <row r="22300" spans="1:4" x14ac:dyDescent="0.25">
      <c r="A22300" t="s">
        <v>34606</v>
      </c>
      <c r="B22300" t="s">
        <v>852</v>
      </c>
      <c r="C22300">
        <v>0</v>
      </c>
      <c r="D22300">
        <v>0</v>
      </c>
    </row>
    <row r="22301" spans="1:4" x14ac:dyDescent="0.25">
      <c r="A22301" t="s">
        <v>34608</v>
      </c>
      <c r="B22301" t="s">
        <v>34609</v>
      </c>
      <c r="C22301">
        <v>2</v>
      </c>
      <c r="D22301">
        <v>0</v>
      </c>
    </row>
    <row r="22302" spans="1:4" x14ac:dyDescent="0.25">
      <c r="A22302" t="s">
        <v>34608</v>
      </c>
      <c r="B22302" t="s">
        <v>34610</v>
      </c>
      <c r="C22302">
        <v>2</v>
      </c>
      <c r="D22302">
        <v>0</v>
      </c>
    </row>
    <row r="22303" spans="1:4" x14ac:dyDescent="0.25">
      <c r="A22303" t="s">
        <v>34608</v>
      </c>
      <c r="B22303" t="s">
        <v>34611</v>
      </c>
      <c r="C22303">
        <v>2</v>
      </c>
      <c r="D22303">
        <v>0</v>
      </c>
    </row>
    <row r="22304" spans="1:4" x14ac:dyDescent="0.25">
      <c r="A22304" t="s">
        <v>34612</v>
      </c>
      <c r="B22304" t="s">
        <v>2537</v>
      </c>
      <c r="C22304">
        <v>1</v>
      </c>
      <c r="D22304">
        <v>0</v>
      </c>
    </row>
    <row r="22305" spans="1:4" x14ac:dyDescent="0.25">
      <c r="A22305" t="s">
        <v>34613</v>
      </c>
      <c r="B22305" t="s">
        <v>34614</v>
      </c>
      <c r="C22305">
        <v>0</v>
      </c>
      <c r="D22305">
        <v>0</v>
      </c>
    </row>
    <row r="22306" spans="1:4" x14ac:dyDescent="0.25">
      <c r="A22306" t="s">
        <v>34613</v>
      </c>
      <c r="B22306" t="s">
        <v>34615</v>
      </c>
      <c r="C22306">
        <v>0</v>
      </c>
      <c r="D22306">
        <v>0</v>
      </c>
    </row>
    <row r="22307" spans="1:4" x14ac:dyDescent="0.25">
      <c r="A22307" t="s">
        <v>34613</v>
      </c>
      <c r="B22307" t="s">
        <v>34616</v>
      </c>
      <c r="C22307">
        <v>0</v>
      </c>
      <c r="D22307">
        <v>0</v>
      </c>
    </row>
    <row r="22308" spans="1:4" x14ac:dyDescent="0.25">
      <c r="A22308" t="s">
        <v>34617</v>
      </c>
      <c r="B22308" t="s">
        <v>34618</v>
      </c>
      <c r="C22308">
        <v>0</v>
      </c>
      <c r="D22308">
        <v>0</v>
      </c>
    </row>
    <row r="22309" spans="1:4" x14ac:dyDescent="0.25">
      <c r="A22309" t="s">
        <v>34619</v>
      </c>
      <c r="B22309" t="s">
        <v>34620</v>
      </c>
      <c r="C22309">
        <v>1</v>
      </c>
      <c r="D22309">
        <v>0</v>
      </c>
    </row>
    <row r="22310" spans="1:4" x14ac:dyDescent="0.25">
      <c r="A22310" t="s">
        <v>34619</v>
      </c>
      <c r="B22310" t="s">
        <v>34621</v>
      </c>
      <c r="C22310">
        <v>2</v>
      </c>
      <c r="D22310">
        <v>0</v>
      </c>
    </row>
    <row r="22311" spans="1:4" x14ac:dyDescent="0.25">
      <c r="A22311" t="s">
        <v>34619</v>
      </c>
      <c r="B22311" t="s">
        <v>34622</v>
      </c>
      <c r="C22311">
        <v>2</v>
      </c>
      <c r="D22311">
        <v>0</v>
      </c>
    </row>
    <row r="22312" spans="1:4" x14ac:dyDescent="0.25">
      <c r="A22312" t="s">
        <v>34623</v>
      </c>
      <c r="B22312" t="s">
        <v>5575</v>
      </c>
      <c r="C22312">
        <v>0</v>
      </c>
      <c r="D22312">
        <v>0</v>
      </c>
    </row>
    <row r="22313" spans="1:4" x14ac:dyDescent="0.25">
      <c r="A22313" t="s">
        <v>34624</v>
      </c>
      <c r="B22313" t="s">
        <v>34625</v>
      </c>
      <c r="C22313">
        <v>2</v>
      </c>
      <c r="D22313">
        <v>0</v>
      </c>
    </row>
    <row r="22314" spans="1:4" x14ac:dyDescent="0.25">
      <c r="A22314" t="s">
        <v>34626</v>
      </c>
      <c r="B22314" t="s">
        <v>34627</v>
      </c>
      <c r="C22314">
        <v>0</v>
      </c>
      <c r="D22314">
        <v>0</v>
      </c>
    </row>
    <row r="22315" spans="1:4" x14ac:dyDescent="0.25">
      <c r="A22315" t="s">
        <v>34626</v>
      </c>
      <c r="B22315" t="s">
        <v>34628</v>
      </c>
      <c r="C22315">
        <v>0</v>
      </c>
      <c r="D22315">
        <v>0</v>
      </c>
    </row>
    <row r="22316" spans="1:4" x14ac:dyDescent="0.25">
      <c r="A22316" t="s">
        <v>34629</v>
      </c>
      <c r="B22316" t="s">
        <v>34630</v>
      </c>
      <c r="C22316">
        <v>0</v>
      </c>
      <c r="D22316">
        <v>0</v>
      </c>
    </row>
    <row r="22317" spans="1:4" x14ac:dyDescent="0.25">
      <c r="A22317" t="s">
        <v>34629</v>
      </c>
      <c r="B22317" t="s">
        <v>34631</v>
      </c>
      <c r="C22317">
        <v>0</v>
      </c>
      <c r="D22317">
        <v>0</v>
      </c>
    </row>
    <row r="22318" spans="1:4" x14ac:dyDescent="0.25">
      <c r="A22318" t="s">
        <v>34629</v>
      </c>
      <c r="B22318" t="s">
        <v>34632</v>
      </c>
      <c r="C22318">
        <v>0</v>
      </c>
      <c r="D22318">
        <v>0</v>
      </c>
    </row>
    <row r="22319" spans="1:4" x14ac:dyDescent="0.25">
      <c r="A22319" t="s">
        <v>34633</v>
      </c>
      <c r="B22319" t="s">
        <v>34634</v>
      </c>
      <c r="C22319">
        <v>0</v>
      </c>
      <c r="D22319">
        <v>0</v>
      </c>
    </row>
    <row r="22320" spans="1:4" x14ac:dyDescent="0.25">
      <c r="A22320" t="s">
        <v>34633</v>
      </c>
      <c r="B22320" t="s">
        <v>34635</v>
      </c>
      <c r="C22320">
        <v>2</v>
      </c>
      <c r="D22320">
        <v>0</v>
      </c>
    </row>
    <row r="22321" spans="1:4" x14ac:dyDescent="0.25">
      <c r="A22321" t="s">
        <v>34636</v>
      </c>
      <c r="B22321" t="s">
        <v>34637</v>
      </c>
      <c r="C22321">
        <v>0</v>
      </c>
      <c r="D22321">
        <v>0</v>
      </c>
    </row>
    <row r="22322" spans="1:4" x14ac:dyDescent="0.25">
      <c r="A22322" t="s">
        <v>34636</v>
      </c>
      <c r="B22322" t="s">
        <v>34638</v>
      </c>
      <c r="C22322">
        <v>2</v>
      </c>
      <c r="D22322">
        <v>0</v>
      </c>
    </row>
    <row r="22323" spans="1:4" x14ac:dyDescent="0.25">
      <c r="A22323" t="s">
        <v>34639</v>
      </c>
      <c r="B22323" t="s">
        <v>14661</v>
      </c>
      <c r="C22323">
        <v>0</v>
      </c>
      <c r="D22323">
        <v>0</v>
      </c>
    </row>
    <row r="22324" spans="1:4" x14ac:dyDescent="0.25">
      <c r="A22324" t="s">
        <v>34640</v>
      </c>
      <c r="B22324" t="s">
        <v>1499</v>
      </c>
      <c r="C22324">
        <v>1</v>
      </c>
      <c r="D22324">
        <v>0</v>
      </c>
    </row>
    <row r="22325" spans="1:4" x14ac:dyDescent="0.25">
      <c r="A22325" t="s">
        <v>34641</v>
      </c>
      <c r="B22325" t="s">
        <v>34642</v>
      </c>
      <c r="C22325">
        <v>0</v>
      </c>
      <c r="D22325">
        <v>0</v>
      </c>
    </row>
    <row r="22326" spans="1:4" x14ac:dyDescent="0.25">
      <c r="A22326" t="s">
        <v>34643</v>
      </c>
      <c r="B22326" t="s">
        <v>34644</v>
      </c>
      <c r="C22326">
        <v>0</v>
      </c>
      <c r="D22326">
        <v>0</v>
      </c>
    </row>
    <row r="22327" spans="1:4" x14ac:dyDescent="0.25">
      <c r="A22327" t="s">
        <v>34645</v>
      </c>
      <c r="B22327" t="s">
        <v>34646</v>
      </c>
      <c r="C22327">
        <v>1</v>
      </c>
      <c r="D22327">
        <v>0</v>
      </c>
    </row>
    <row r="22328" spans="1:4" x14ac:dyDescent="0.25">
      <c r="A22328" t="s">
        <v>34647</v>
      </c>
      <c r="B22328" t="s">
        <v>34648</v>
      </c>
      <c r="C22328">
        <v>1</v>
      </c>
      <c r="D22328">
        <v>0</v>
      </c>
    </row>
    <row r="22329" spans="1:4" x14ac:dyDescent="0.25">
      <c r="A22329" t="s">
        <v>34647</v>
      </c>
      <c r="B22329" t="s">
        <v>34649</v>
      </c>
      <c r="C22329">
        <v>1</v>
      </c>
      <c r="D22329">
        <v>0</v>
      </c>
    </row>
    <row r="22330" spans="1:4" x14ac:dyDescent="0.25">
      <c r="A22330" t="s">
        <v>34650</v>
      </c>
      <c r="B22330" t="s">
        <v>816</v>
      </c>
      <c r="C22330">
        <v>1</v>
      </c>
      <c r="D22330">
        <v>0</v>
      </c>
    </row>
    <row r="22331" spans="1:4" x14ac:dyDescent="0.25">
      <c r="A22331" t="s">
        <v>34651</v>
      </c>
      <c r="B22331" t="s">
        <v>34652</v>
      </c>
      <c r="C22331">
        <v>1</v>
      </c>
      <c r="D22331">
        <v>0</v>
      </c>
    </row>
    <row r="22332" spans="1:4" x14ac:dyDescent="0.25">
      <c r="A22332" t="s">
        <v>34651</v>
      </c>
      <c r="B22332" t="s">
        <v>34653</v>
      </c>
      <c r="C22332">
        <v>1</v>
      </c>
      <c r="D22332">
        <v>0</v>
      </c>
    </row>
    <row r="22333" spans="1:4" x14ac:dyDescent="0.25">
      <c r="A22333" t="s">
        <v>34654</v>
      </c>
      <c r="B22333" t="s">
        <v>34655</v>
      </c>
      <c r="C22333">
        <v>2</v>
      </c>
      <c r="D22333">
        <v>0</v>
      </c>
    </row>
    <row r="22334" spans="1:4" x14ac:dyDescent="0.25">
      <c r="A22334" t="s">
        <v>34656</v>
      </c>
      <c r="B22334" t="s">
        <v>34657</v>
      </c>
      <c r="C22334">
        <v>0</v>
      </c>
      <c r="D22334">
        <v>0</v>
      </c>
    </row>
    <row r="22335" spans="1:4" x14ac:dyDescent="0.25">
      <c r="A22335" t="s">
        <v>34656</v>
      </c>
      <c r="B22335" t="s">
        <v>34658</v>
      </c>
      <c r="C22335">
        <v>0</v>
      </c>
      <c r="D22335">
        <v>0</v>
      </c>
    </row>
    <row r="22336" spans="1:4" x14ac:dyDescent="0.25">
      <c r="A22336" t="s">
        <v>34656</v>
      </c>
      <c r="B22336" t="s">
        <v>34659</v>
      </c>
      <c r="C22336">
        <v>0</v>
      </c>
      <c r="D22336">
        <v>0</v>
      </c>
    </row>
    <row r="22337" spans="1:4" x14ac:dyDescent="0.25">
      <c r="A22337" t="s">
        <v>34660</v>
      </c>
      <c r="B22337" t="s">
        <v>34661</v>
      </c>
      <c r="C22337">
        <v>0</v>
      </c>
      <c r="D22337">
        <v>0</v>
      </c>
    </row>
    <row r="22338" spans="1:4" x14ac:dyDescent="0.25">
      <c r="A22338" t="s">
        <v>34660</v>
      </c>
      <c r="B22338" t="s">
        <v>34662</v>
      </c>
      <c r="C22338">
        <v>0</v>
      </c>
      <c r="D22338">
        <v>0</v>
      </c>
    </row>
    <row r="22339" spans="1:4" x14ac:dyDescent="0.25">
      <c r="A22339" t="s">
        <v>34660</v>
      </c>
      <c r="B22339" t="s">
        <v>34663</v>
      </c>
      <c r="C22339">
        <v>0</v>
      </c>
      <c r="D22339">
        <v>0</v>
      </c>
    </row>
    <row r="22340" spans="1:4" x14ac:dyDescent="0.25">
      <c r="A22340" t="s">
        <v>34664</v>
      </c>
      <c r="B22340" t="s">
        <v>34665</v>
      </c>
      <c r="C22340">
        <v>0</v>
      </c>
      <c r="D22340">
        <v>0</v>
      </c>
    </row>
    <row r="22341" spans="1:4" x14ac:dyDescent="0.25">
      <c r="A22341" t="s">
        <v>34666</v>
      </c>
      <c r="B22341" t="s">
        <v>34667</v>
      </c>
      <c r="C22341">
        <v>1</v>
      </c>
      <c r="D22341">
        <v>0</v>
      </c>
    </row>
    <row r="22342" spans="1:4" x14ac:dyDescent="0.25">
      <c r="A22342" t="s">
        <v>34666</v>
      </c>
      <c r="B22342" t="s">
        <v>34668</v>
      </c>
      <c r="C22342">
        <v>2</v>
      </c>
      <c r="D22342">
        <v>0</v>
      </c>
    </row>
    <row r="22343" spans="1:4" x14ac:dyDescent="0.25">
      <c r="A22343" t="s">
        <v>34666</v>
      </c>
      <c r="B22343" t="s">
        <v>34669</v>
      </c>
      <c r="C22343">
        <v>0</v>
      </c>
      <c r="D22343">
        <v>0</v>
      </c>
    </row>
    <row r="22344" spans="1:4" x14ac:dyDescent="0.25">
      <c r="A22344" t="s">
        <v>34670</v>
      </c>
      <c r="B22344" t="s">
        <v>5864</v>
      </c>
      <c r="C22344">
        <v>1</v>
      </c>
      <c r="D22344">
        <v>0</v>
      </c>
    </row>
    <row r="22345" spans="1:4" x14ac:dyDescent="0.25">
      <c r="A22345" t="s">
        <v>34671</v>
      </c>
      <c r="B22345" t="s">
        <v>1008</v>
      </c>
      <c r="C22345">
        <v>1</v>
      </c>
      <c r="D22345">
        <v>0</v>
      </c>
    </row>
    <row r="22346" spans="1:4" x14ac:dyDescent="0.25">
      <c r="A22346" t="s">
        <v>34671</v>
      </c>
      <c r="B22346" t="s">
        <v>34672</v>
      </c>
      <c r="C22346">
        <v>0</v>
      </c>
      <c r="D22346">
        <v>0</v>
      </c>
    </row>
    <row r="22347" spans="1:4" x14ac:dyDescent="0.25">
      <c r="A22347" t="s">
        <v>34673</v>
      </c>
      <c r="B22347" t="s">
        <v>34674</v>
      </c>
      <c r="C22347">
        <v>1</v>
      </c>
      <c r="D22347">
        <v>0</v>
      </c>
    </row>
    <row r="22348" spans="1:4" x14ac:dyDescent="0.25">
      <c r="A22348" t="s">
        <v>34673</v>
      </c>
      <c r="B22348" t="s">
        <v>34675</v>
      </c>
      <c r="C22348">
        <v>0</v>
      </c>
      <c r="D22348">
        <v>0</v>
      </c>
    </row>
    <row r="22349" spans="1:4" x14ac:dyDescent="0.25">
      <c r="A22349" t="s">
        <v>34676</v>
      </c>
      <c r="B22349" t="s">
        <v>34677</v>
      </c>
      <c r="C22349">
        <v>1</v>
      </c>
      <c r="D22349">
        <v>0</v>
      </c>
    </row>
    <row r="22350" spans="1:4" x14ac:dyDescent="0.25">
      <c r="A22350" t="s">
        <v>34678</v>
      </c>
      <c r="B22350" t="s">
        <v>34679</v>
      </c>
      <c r="C22350">
        <v>1</v>
      </c>
      <c r="D22350">
        <v>0</v>
      </c>
    </row>
    <row r="22351" spans="1:4" x14ac:dyDescent="0.25">
      <c r="A22351" t="s">
        <v>34680</v>
      </c>
      <c r="B22351" t="s">
        <v>34681</v>
      </c>
      <c r="C22351">
        <v>1</v>
      </c>
      <c r="D22351">
        <v>0</v>
      </c>
    </row>
    <row r="22352" spans="1:4" x14ac:dyDescent="0.25">
      <c r="A22352" t="s">
        <v>34680</v>
      </c>
      <c r="B22352" t="s">
        <v>34682</v>
      </c>
      <c r="C22352">
        <v>1</v>
      </c>
      <c r="D22352">
        <v>0</v>
      </c>
    </row>
    <row r="22353" spans="1:4" x14ac:dyDescent="0.25">
      <c r="A22353" t="s">
        <v>34680</v>
      </c>
      <c r="B22353" t="s">
        <v>34683</v>
      </c>
      <c r="C22353">
        <v>1</v>
      </c>
      <c r="D22353">
        <v>0</v>
      </c>
    </row>
    <row r="22354" spans="1:4" x14ac:dyDescent="0.25">
      <c r="A22354" t="s">
        <v>34684</v>
      </c>
      <c r="B22354" t="s">
        <v>34685</v>
      </c>
      <c r="C22354">
        <v>2</v>
      </c>
      <c r="D22354">
        <v>0</v>
      </c>
    </row>
    <row r="22355" spans="1:4" x14ac:dyDescent="0.25">
      <c r="A22355" t="s">
        <v>34684</v>
      </c>
      <c r="B22355" t="s">
        <v>34686</v>
      </c>
      <c r="C22355">
        <v>0</v>
      </c>
      <c r="D22355">
        <v>0</v>
      </c>
    </row>
    <row r="22356" spans="1:4" x14ac:dyDescent="0.25">
      <c r="A22356" t="s">
        <v>34687</v>
      </c>
      <c r="B22356" t="s">
        <v>34688</v>
      </c>
      <c r="C22356">
        <v>1</v>
      </c>
      <c r="D22356">
        <v>0</v>
      </c>
    </row>
    <row r="22357" spans="1:4" x14ac:dyDescent="0.25">
      <c r="A22357" t="s">
        <v>34687</v>
      </c>
      <c r="B22357" t="s">
        <v>34689</v>
      </c>
      <c r="C22357">
        <v>1</v>
      </c>
      <c r="D22357">
        <v>0</v>
      </c>
    </row>
    <row r="22358" spans="1:4" x14ac:dyDescent="0.25">
      <c r="A22358" t="s">
        <v>34687</v>
      </c>
      <c r="B22358" t="s">
        <v>34690</v>
      </c>
      <c r="C22358">
        <v>0</v>
      </c>
      <c r="D22358">
        <v>0</v>
      </c>
    </row>
    <row r="22359" spans="1:4" x14ac:dyDescent="0.25">
      <c r="A22359" t="s">
        <v>34691</v>
      </c>
      <c r="B22359" t="s">
        <v>34692</v>
      </c>
      <c r="C22359">
        <v>2</v>
      </c>
      <c r="D22359">
        <v>0</v>
      </c>
    </row>
    <row r="22360" spans="1:4" x14ac:dyDescent="0.25">
      <c r="A22360" t="s">
        <v>34691</v>
      </c>
      <c r="B22360" t="s">
        <v>34693</v>
      </c>
      <c r="C22360">
        <v>1</v>
      </c>
      <c r="D22360">
        <v>0</v>
      </c>
    </row>
    <row r="22361" spans="1:4" x14ac:dyDescent="0.25">
      <c r="A22361" t="s">
        <v>34694</v>
      </c>
      <c r="B22361" t="s">
        <v>34695</v>
      </c>
      <c r="C22361">
        <v>1</v>
      </c>
      <c r="D22361">
        <v>0</v>
      </c>
    </row>
    <row r="22362" spans="1:4" x14ac:dyDescent="0.25">
      <c r="A22362" t="s">
        <v>34694</v>
      </c>
      <c r="B22362" t="s">
        <v>34696</v>
      </c>
      <c r="C22362">
        <v>1</v>
      </c>
      <c r="D22362">
        <v>0</v>
      </c>
    </row>
    <row r="22363" spans="1:4" x14ac:dyDescent="0.25">
      <c r="A22363" t="s">
        <v>34697</v>
      </c>
      <c r="B22363" t="s">
        <v>34698</v>
      </c>
      <c r="C22363">
        <v>1</v>
      </c>
      <c r="D22363">
        <v>0</v>
      </c>
    </row>
    <row r="22364" spans="1:4" x14ac:dyDescent="0.25">
      <c r="A22364" t="s">
        <v>34699</v>
      </c>
      <c r="B22364" t="s">
        <v>34700</v>
      </c>
      <c r="C22364">
        <v>2</v>
      </c>
      <c r="D22364">
        <v>0</v>
      </c>
    </row>
    <row r="22365" spans="1:4" x14ac:dyDescent="0.25">
      <c r="A22365" t="s">
        <v>34699</v>
      </c>
      <c r="B22365" t="s">
        <v>34701</v>
      </c>
      <c r="C22365">
        <v>0</v>
      </c>
      <c r="D22365">
        <v>0</v>
      </c>
    </row>
    <row r="22366" spans="1:4" x14ac:dyDescent="0.25">
      <c r="A22366" t="s">
        <v>34699</v>
      </c>
      <c r="B22366" t="s">
        <v>34702</v>
      </c>
      <c r="C22366">
        <v>0</v>
      </c>
      <c r="D22366">
        <v>0</v>
      </c>
    </row>
    <row r="22367" spans="1:4" x14ac:dyDescent="0.25">
      <c r="A22367" t="s">
        <v>34703</v>
      </c>
      <c r="B22367" t="s">
        <v>34704</v>
      </c>
      <c r="C22367">
        <v>1</v>
      </c>
      <c r="D22367">
        <v>0</v>
      </c>
    </row>
    <row r="22368" spans="1:4" x14ac:dyDescent="0.25">
      <c r="A22368" t="s">
        <v>34705</v>
      </c>
      <c r="B22368" t="s">
        <v>34706</v>
      </c>
      <c r="C22368">
        <v>0</v>
      </c>
      <c r="D22368">
        <v>0</v>
      </c>
    </row>
    <row r="22369" spans="1:4" x14ac:dyDescent="0.25">
      <c r="A22369" t="s">
        <v>34705</v>
      </c>
      <c r="B22369" t="s">
        <v>34707</v>
      </c>
      <c r="C22369">
        <v>1</v>
      </c>
      <c r="D22369">
        <v>0</v>
      </c>
    </row>
    <row r="22370" spans="1:4" x14ac:dyDescent="0.25">
      <c r="A22370" t="s">
        <v>34705</v>
      </c>
      <c r="B22370" t="s">
        <v>34708</v>
      </c>
      <c r="C22370">
        <v>1</v>
      </c>
      <c r="D22370">
        <v>0</v>
      </c>
    </row>
    <row r="22371" spans="1:4" x14ac:dyDescent="0.25">
      <c r="A22371" t="s">
        <v>34709</v>
      </c>
      <c r="B22371" t="s">
        <v>34710</v>
      </c>
      <c r="C22371">
        <v>0</v>
      </c>
      <c r="D22371">
        <v>0</v>
      </c>
    </row>
    <row r="22372" spans="1:4" x14ac:dyDescent="0.25">
      <c r="A22372" t="s">
        <v>34711</v>
      </c>
      <c r="B22372" t="s">
        <v>34712</v>
      </c>
      <c r="C22372">
        <v>0</v>
      </c>
      <c r="D22372">
        <v>0</v>
      </c>
    </row>
    <row r="22373" spans="1:4" x14ac:dyDescent="0.25">
      <c r="A22373" t="s">
        <v>34713</v>
      </c>
      <c r="B22373" t="s">
        <v>34714</v>
      </c>
      <c r="C22373">
        <v>0</v>
      </c>
      <c r="D22373">
        <v>0</v>
      </c>
    </row>
    <row r="22374" spans="1:4" x14ac:dyDescent="0.25">
      <c r="A22374" t="s">
        <v>34713</v>
      </c>
      <c r="B22374" t="s">
        <v>34715</v>
      </c>
      <c r="C22374">
        <v>0</v>
      </c>
      <c r="D22374">
        <v>0</v>
      </c>
    </row>
    <row r="22375" spans="1:4" x14ac:dyDescent="0.25">
      <c r="A22375" t="s">
        <v>34716</v>
      </c>
      <c r="B22375" t="s">
        <v>2537</v>
      </c>
      <c r="C22375">
        <v>1</v>
      </c>
      <c r="D22375">
        <v>0</v>
      </c>
    </row>
    <row r="22376" spans="1:4" x14ac:dyDescent="0.25">
      <c r="A22376" t="s">
        <v>34717</v>
      </c>
      <c r="B22376" t="s">
        <v>1090</v>
      </c>
      <c r="C22376">
        <v>1</v>
      </c>
      <c r="D22376">
        <v>0</v>
      </c>
    </row>
    <row r="22377" spans="1:4" x14ac:dyDescent="0.25">
      <c r="A22377" t="s">
        <v>34718</v>
      </c>
      <c r="B22377" t="s">
        <v>34719</v>
      </c>
      <c r="C22377">
        <v>1</v>
      </c>
      <c r="D22377">
        <v>0</v>
      </c>
    </row>
    <row r="22378" spans="1:4" x14ac:dyDescent="0.25">
      <c r="A22378" t="s">
        <v>34718</v>
      </c>
      <c r="B22378" t="s">
        <v>34720</v>
      </c>
      <c r="C22378">
        <v>1</v>
      </c>
      <c r="D22378">
        <v>0</v>
      </c>
    </row>
    <row r="22379" spans="1:4" x14ac:dyDescent="0.25">
      <c r="A22379" t="s">
        <v>34718</v>
      </c>
      <c r="B22379" t="s">
        <v>34721</v>
      </c>
      <c r="C22379">
        <v>1</v>
      </c>
      <c r="D22379">
        <v>0</v>
      </c>
    </row>
    <row r="22380" spans="1:4" x14ac:dyDescent="0.25">
      <c r="A22380" t="s">
        <v>34722</v>
      </c>
      <c r="B22380" t="s">
        <v>34723</v>
      </c>
      <c r="C22380">
        <v>1</v>
      </c>
      <c r="D22380">
        <v>0</v>
      </c>
    </row>
    <row r="22381" spans="1:4" x14ac:dyDescent="0.25">
      <c r="A22381" t="s">
        <v>34724</v>
      </c>
      <c r="B22381" t="s">
        <v>34725</v>
      </c>
      <c r="C22381">
        <v>1</v>
      </c>
      <c r="D22381">
        <v>0</v>
      </c>
    </row>
    <row r="22382" spans="1:4" x14ac:dyDescent="0.25">
      <c r="A22382" t="s">
        <v>34724</v>
      </c>
      <c r="B22382" t="s">
        <v>34726</v>
      </c>
      <c r="C22382">
        <v>0</v>
      </c>
      <c r="D22382">
        <v>0</v>
      </c>
    </row>
    <row r="22383" spans="1:4" x14ac:dyDescent="0.25">
      <c r="A22383" t="s">
        <v>34727</v>
      </c>
      <c r="B22383" t="s">
        <v>34728</v>
      </c>
      <c r="C22383">
        <v>2</v>
      </c>
      <c r="D22383">
        <v>0</v>
      </c>
    </row>
    <row r="22384" spans="1:4" x14ac:dyDescent="0.25">
      <c r="A22384" t="s">
        <v>34727</v>
      </c>
      <c r="B22384" t="s">
        <v>34729</v>
      </c>
      <c r="C22384">
        <v>2</v>
      </c>
      <c r="D22384">
        <v>0</v>
      </c>
    </row>
    <row r="22385" spans="1:4" x14ac:dyDescent="0.25">
      <c r="A22385" t="s">
        <v>34727</v>
      </c>
      <c r="B22385" t="s">
        <v>34730</v>
      </c>
      <c r="C22385">
        <v>1</v>
      </c>
      <c r="D22385">
        <v>0</v>
      </c>
    </row>
    <row r="22386" spans="1:4" x14ac:dyDescent="0.25">
      <c r="A22386" t="s">
        <v>34731</v>
      </c>
      <c r="B22386" t="s">
        <v>34732</v>
      </c>
      <c r="C22386">
        <v>1</v>
      </c>
      <c r="D22386">
        <v>0</v>
      </c>
    </row>
    <row r="22387" spans="1:4" x14ac:dyDescent="0.25">
      <c r="A22387" t="s">
        <v>34731</v>
      </c>
      <c r="B22387" t="s">
        <v>34733</v>
      </c>
      <c r="C22387">
        <v>1</v>
      </c>
      <c r="D22387">
        <v>0</v>
      </c>
    </row>
    <row r="22388" spans="1:4" x14ac:dyDescent="0.25">
      <c r="A22388" t="s">
        <v>34731</v>
      </c>
      <c r="B22388" t="s">
        <v>34734</v>
      </c>
      <c r="C22388">
        <v>1</v>
      </c>
      <c r="D22388">
        <v>0</v>
      </c>
    </row>
    <row r="22389" spans="1:4" x14ac:dyDescent="0.25">
      <c r="A22389" t="s">
        <v>34735</v>
      </c>
      <c r="B22389" t="s">
        <v>34736</v>
      </c>
      <c r="C22389">
        <v>0</v>
      </c>
      <c r="D22389">
        <v>0</v>
      </c>
    </row>
    <row r="22390" spans="1:4" x14ac:dyDescent="0.25">
      <c r="A22390" t="s">
        <v>34735</v>
      </c>
      <c r="B22390" t="s">
        <v>34737</v>
      </c>
      <c r="C22390">
        <v>2</v>
      </c>
      <c r="D22390">
        <v>0</v>
      </c>
    </row>
    <row r="22391" spans="1:4" x14ac:dyDescent="0.25">
      <c r="A22391" t="s">
        <v>34735</v>
      </c>
      <c r="B22391" t="s">
        <v>34738</v>
      </c>
      <c r="C22391">
        <v>2</v>
      </c>
      <c r="D22391">
        <v>0</v>
      </c>
    </row>
    <row r="22392" spans="1:4" x14ac:dyDescent="0.25">
      <c r="A22392" t="s">
        <v>34739</v>
      </c>
      <c r="B22392" t="s">
        <v>34740</v>
      </c>
      <c r="C22392">
        <v>0</v>
      </c>
      <c r="D22392">
        <v>0</v>
      </c>
    </row>
    <row r="22393" spans="1:4" x14ac:dyDescent="0.25">
      <c r="A22393" t="s">
        <v>34739</v>
      </c>
      <c r="B22393" t="s">
        <v>34741</v>
      </c>
      <c r="C22393">
        <v>0</v>
      </c>
      <c r="D22393">
        <v>0</v>
      </c>
    </row>
    <row r="22394" spans="1:4" x14ac:dyDescent="0.25">
      <c r="A22394" t="s">
        <v>34739</v>
      </c>
      <c r="B22394" t="s">
        <v>34742</v>
      </c>
      <c r="C22394">
        <v>0</v>
      </c>
      <c r="D22394">
        <v>0</v>
      </c>
    </row>
    <row r="22395" spans="1:4" x14ac:dyDescent="0.25">
      <c r="A22395" t="s">
        <v>34743</v>
      </c>
      <c r="B22395" t="s">
        <v>816</v>
      </c>
      <c r="C22395">
        <v>1</v>
      </c>
      <c r="D22395">
        <v>0</v>
      </c>
    </row>
    <row r="22396" spans="1:4" x14ac:dyDescent="0.25">
      <c r="A22396" t="s">
        <v>34744</v>
      </c>
      <c r="B22396" t="s">
        <v>34745</v>
      </c>
      <c r="C22396">
        <v>0</v>
      </c>
      <c r="D22396">
        <v>0</v>
      </c>
    </row>
    <row r="22397" spans="1:4" x14ac:dyDescent="0.25">
      <c r="A22397" t="s">
        <v>34744</v>
      </c>
      <c r="B22397" t="s">
        <v>34746</v>
      </c>
      <c r="C22397">
        <v>1</v>
      </c>
      <c r="D22397">
        <v>0</v>
      </c>
    </row>
    <row r="22398" spans="1:4" x14ac:dyDescent="0.25">
      <c r="A22398" t="s">
        <v>34747</v>
      </c>
      <c r="B22398" t="s">
        <v>34748</v>
      </c>
      <c r="C22398">
        <v>0</v>
      </c>
      <c r="D22398">
        <v>0</v>
      </c>
    </row>
    <row r="22399" spans="1:4" x14ac:dyDescent="0.25">
      <c r="A22399" t="s">
        <v>34747</v>
      </c>
      <c r="B22399" t="s">
        <v>34749</v>
      </c>
      <c r="C22399">
        <v>0</v>
      </c>
      <c r="D22399">
        <v>0</v>
      </c>
    </row>
    <row r="22400" spans="1:4" x14ac:dyDescent="0.25">
      <c r="A22400" t="s">
        <v>34747</v>
      </c>
      <c r="B22400" t="s">
        <v>969</v>
      </c>
      <c r="C22400">
        <v>0</v>
      </c>
      <c r="D22400">
        <v>0</v>
      </c>
    </row>
    <row r="22401" spans="1:4" x14ac:dyDescent="0.25">
      <c r="A22401" t="s">
        <v>34750</v>
      </c>
      <c r="B22401" t="s">
        <v>34751</v>
      </c>
      <c r="C22401">
        <v>1</v>
      </c>
      <c r="D22401">
        <v>0</v>
      </c>
    </row>
    <row r="22402" spans="1:4" x14ac:dyDescent="0.25">
      <c r="A22402" t="s">
        <v>34752</v>
      </c>
      <c r="B22402" t="s">
        <v>34753</v>
      </c>
      <c r="C22402">
        <v>1</v>
      </c>
      <c r="D22402">
        <v>0</v>
      </c>
    </row>
    <row r="22403" spans="1:4" x14ac:dyDescent="0.25">
      <c r="A22403" t="s">
        <v>34752</v>
      </c>
      <c r="B22403" t="s">
        <v>34754</v>
      </c>
      <c r="C22403">
        <v>1</v>
      </c>
      <c r="D22403">
        <v>0</v>
      </c>
    </row>
    <row r="22404" spans="1:4" x14ac:dyDescent="0.25">
      <c r="A22404" t="s">
        <v>34752</v>
      </c>
      <c r="B22404" t="s">
        <v>34755</v>
      </c>
      <c r="C22404">
        <v>2</v>
      </c>
      <c r="D22404">
        <v>0</v>
      </c>
    </row>
    <row r="22405" spans="1:4" x14ac:dyDescent="0.25">
      <c r="A22405" t="s">
        <v>34756</v>
      </c>
      <c r="B22405" t="s">
        <v>7314</v>
      </c>
      <c r="C22405">
        <v>1</v>
      </c>
      <c r="D22405">
        <v>0</v>
      </c>
    </row>
    <row r="22406" spans="1:4" x14ac:dyDescent="0.25">
      <c r="A22406" t="s">
        <v>34757</v>
      </c>
      <c r="B22406" t="s">
        <v>34758</v>
      </c>
      <c r="C22406">
        <v>2</v>
      </c>
      <c r="D22406">
        <v>0</v>
      </c>
    </row>
    <row r="22407" spans="1:4" x14ac:dyDescent="0.25">
      <c r="A22407" t="s">
        <v>34759</v>
      </c>
      <c r="B22407" t="s">
        <v>34760</v>
      </c>
      <c r="C22407">
        <v>0</v>
      </c>
      <c r="D22407">
        <v>0</v>
      </c>
    </row>
    <row r="22408" spans="1:4" x14ac:dyDescent="0.25">
      <c r="A22408" t="s">
        <v>34761</v>
      </c>
      <c r="B22408" t="s">
        <v>32642</v>
      </c>
      <c r="C22408">
        <v>0</v>
      </c>
      <c r="D22408">
        <v>0</v>
      </c>
    </row>
    <row r="22409" spans="1:4" x14ac:dyDescent="0.25">
      <c r="A22409" t="s">
        <v>34761</v>
      </c>
      <c r="B22409" t="s">
        <v>34762</v>
      </c>
      <c r="C22409">
        <v>1</v>
      </c>
      <c r="D22409">
        <v>0</v>
      </c>
    </row>
    <row r="22410" spans="1:4" x14ac:dyDescent="0.25">
      <c r="A22410" t="s">
        <v>34761</v>
      </c>
      <c r="B22410" t="s">
        <v>34763</v>
      </c>
      <c r="C22410">
        <v>1</v>
      </c>
      <c r="D22410">
        <v>0</v>
      </c>
    </row>
    <row r="22411" spans="1:4" x14ac:dyDescent="0.25">
      <c r="A22411" t="s">
        <v>34764</v>
      </c>
      <c r="B22411" t="s">
        <v>34765</v>
      </c>
      <c r="C22411">
        <v>1</v>
      </c>
      <c r="D22411">
        <v>0</v>
      </c>
    </row>
    <row r="22412" spans="1:4" x14ac:dyDescent="0.25">
      <c r="A22412" t="s">
        <v>34764</v>
      </c>
      <c r="B22412" t="s">
        <v>34766</v>
      </c>
      <c r="C22412">
        <v>0</v>
      </c>
      <c r="D22412">
        <v>0</v>
      </c>
    </row>
    <row r="22413" spans="1:4" x14ac:dyDescent="0.25">
      <c r="A22413" t="s">
        <v>34764</v>
      </c>
      <c r="B22413" t="s">
        <v>34767</v>
      </c>
      <c r="C22413">
        <v>0</v>
      </c>
      <c r="D22413">
        <v>0</v>
      </c>
    </row>
    <row r="22414" spans="1:4" x14ac:dyDescent="0.25">
      <c r="A22414" t="s">
        <v>34768</v>
      </c>
      <c r="B22414" t="s">
        <v>1001</v>
      </c>
      <c r="C22414">
        <v>1</v>
      </c>
      <c r="D22414">
        <v>0</v>
      </c>
    </row>
    <row r="22415" spans="1:4" x14ac:dyDescent="0.25">
      <c r="A22415" t="s">
        <v>34768</v>
      </c>
      <c r="B22415" t="s">
        <v>34769</v>
      </c>
      <c r="C22415">
        <v>0</v>
      </c>
      <c r="D22415">
        <v>0</v>
      </c>
    </row>
    <row r="22416" spans="1:4" x14ac:dyDescent="0.25">
      <c r="A22416" t="s">
        <v>34770</v>
      </c>
      <c r="B22416" t="s">
        <v>34771</v>
      </c>
      <c r="C22416">
        <v>1</v>
      </c>
      <c r="D22416">
        <v>0</v>
      </c>
    </row>
    <row r="22417" spans="1:4" x14ac:dyDescent="0.25">
      <c r="A22417" t="s">
        <v>34772</v>
      </c>
      <c r="B22417" t="s">
        <v>34773</v>
      </c>
      <c r="C22417">
        <v>2</v>
      </c>
      <c r="D22417">
        <v>0</v>
      </c>
    </row>
    <row r="22418" spans="1:4" x14ac:dyDescent="0.25">
      <c r="A22418" t="s">
        <v>34774</v>
      </c>
      <c r="B22418" t="s">
        <v>34775</v>
      </c>
      <c r="C22418">
        <v>0</v>
      </c>
      <c r="D22418">
        <v>0</v>
      </c>
    </row>
    <row r="22419" spans="1:4" x14ac:dyDescent="0.25">
      <c r="A22419" t="s">
        <v>34774</v>
      </c>
      <c r="B22419" t="s">
        <v>34776</v>
      </c>
      <c r="C22419">
        <v>0</v>
      </c>
      <c r="D22419">
        <v>0</v>
      </c>
    </row>
    <row r="22420" spans="1:4" x14ac:dyDescent="0.25">
      <c r="A22420" t="s">
        <v>34774</v>
      </c>
      <c r="B22420" t="s">
        <v>34777</v>
      </c>
      <c r="C22420">
        <v>2</v>
      </c>
      <c r="D22420">
        <v>0</v>
      </c>
    </row>
    <row r="22421" spans="1:4" x14ac:dyDescent="0.25">
      <c r="A22421" t="s">
        <v>34778</v>
      </c>
      <c r="B22421" t="s">
        <v>34779</v>
      </c>
      <c r="C22421">
        <v>1</v>
      </c>
      <c r="D22421">
        <v>0</v>
      </c>
    </row>
    <row r="22422" spans="1:4" x14ac:dyDescent="0.25">
      <c r="A22422" t="s">
        <v>34778</v>
      </c>
      <c r="B22422" t="s">
        <v>34780</v>
      </c>
      <c r="C22422">
        <v>1</v>
      </c>
      <c r="D22422">
        <v>0</v>
      </c>
    </row>
    <row r="22423" spans="1:4" x14ac:dyDescent="0.25">
      <c r="A22423" t="s">
        <v>34778</v>
      </c>
      <c r="B22423" t="s">
        <v>34781</v>
      </c>
      <c r="C22423">
        <v>1</v>
      </c>
      <c r="D22423">
        <v>0</v>
      </c>
    </row>
    <row r="22424" spans="1:4" x14ac:dyDescent="0.25">
      <c r="A22424" t="s">
        <v>34782</v>
      </c>
      <c r="B22424" t="s">
        <v>816</v>
      </c>
      <c r="C22424">
        <v>1</v>
      </c>
      <c r="D22424">
        <v>0</v>
      </c>
    </row>
    <row r="22425" spans="1:4" x14ac:dyDescent="0.25">
      <c r="A22425" t="s">
        <v>34782</v>
      </c>
      <c r="B22425" t="s">
        <v>34783</v>
      </c>
      <c r="C22425">
        <v>0</v>
      </c>
      <c r="D22425">
        <v>0</v>
      </c>
    </row>
    <row r="22426" spans="1:4" x14ac:dyDescent="0.25">
      <c r="A22426" t="s">
        <v>34782</v>
      </c>
      <c r="B22426" t="s">
        <v>34784</v>
      </c>
      <c r="C22426">
        <v>2</v>
      </c>
      <c r="D22426">
        <v>0</v>
      </c>
    </row>
    <row r="22427" spans="1:4" x14ac:dyDescent="0.25">
      <c r="A22427" t="s">
        <v>34785</v>
      </c>
      <c r="B22427" t="s">
        <v>34786</v>
      </c>
      <c r="C22427">
        <v>0</v>
      </c>
      <c r="D22427">
        <v>0</v>
      </c>
    </row>
    <row r="22428" spans="1:4" x14ac:dyDescent="0.25">
      <c r="A22428" t="s">
        <v>34785</v>
      </c>
      <c r="B22428" t="s">
        <v>34787</v>
      </c>
      <c r="C22428">
        <v>1</v>
      </c>
      <c r="D22428">
        <v>0</v>
      </c>
    </row>
    <row r="22429" spans="1:4" x14ac:dyDescent="0.25">
      <c r="A22429" t="s">
        <v>34785</v>
      </c>
      <c r="B22429" t="s">
        <v>34788</v>
      </c>
      <c r="C22429">
        <v>2</v>
      </c>
      <c r="D22429">
        <v>0</v>
      </c>
    </row>
    <row r="22430" spans="1:4" x14ac:dyDescent="0.25">
      <c r="A22430" t="s">
        <v>34789</v>
      </c>
      <c r="B22430" t="s">
        <v>34790</v>
      </c>
      <c r="C22430">
        <v>2</v>
      </c>
      <c r="D22430">
        <v>0</v>
      </c>
    </row>
    <row r="22431" spans="1:4" x14ac:dyDescent="0.25">
      <c r="A22431" t="s">
        <v>34789</v>
      </c>
      <c r="B22431" t="s">
        <v>34791</v>
      </c>
      <c r="C22431">
        <v>1</v>
      </c>
      <c r="D22431">
        <v>0</v>
      </c>
    </row>
    <row r="22432" spans="1:4" x14ac:dyDescent="0.25">
      <c r="A22432" t="s">
        <v>34789</v>
      </c>
      <c r="B22432" t="s">
        <v>34792</v>
      </c>
      <c r="C22432">
        <v>2</v>
      </c>
      <c r="D22432">
        <v>0</v>
      </c>
    </row>
    <row r="22433" spans="1:4" x14ac:dyDescent="0.25">
      <c r="A22433" t="s">
        <v>34793</v>
      </c>
      <c r="B22433" t="s">
        <v>34794</v>
      </c>
      <c r="C22433">
        <v>0</v>
      </c>
      <c r="D22433">
        <v>0</v>
      </c>
    </row>
    <row r="22434" spans="1:4" x14ac:dyDescent="0.25">
      <c r="A22434" t="s">
        <v>34793</v>
      </c>
      <c r="B22434" t="s">
        <v>34795</v>
      </c>
      <c r="C22434">
        <v>1</v>
      </c>
      <c r="D22434">
        <v>0</v>
      </c>
    </row>
    <row r="22435" spans="1:4" x14ac:dyDescent="0.25">
      <c r="A22435" t="s">
        <v>34796</v>
      </c>
      <c r="B22435" t="s">
        <v>34797</v>
      </c>
      <c r="C22435">
        <v>1</v>
      </c>
      <c r="D22435">
        <v>0</v>
      </c>
    </row>
    <row r="22436" spans="1:4" x14ac:dyDescent="0.25">
      <c r="A22436" t="s">
        <v>34796</v>
      </c>
      <c r="B22436" t="s">
        <v>34798</v>
      </c>
      <c r="C22436">
        <v>0</v>
      </c>
      <c r="D22436">
        <v>0</v>
      </c>
    </row>
    <row r="22437" spans="1:4" x14ac:dyDescent="0.25">
      <c r="A22437" t="s">
        <v>34799</v>
      </c>
      <c r="B22437" t="s">
        <v>1151</v>
      </c>
      <c r="C22437">
        <v>1</v>
      </c>
      <c r="D22437">
        <v>0</v>
      </c>
    </row>
    <row r="22438" spans="1:4" x14ac:dyDescent="0.25">
      <c r="A22438" t="s">
        <v>34800</v>
      </c>
      <c r="B22438" t="s">
        <v>34801</v>
      </c>
      <c r="C22438">
        <v>0</v>
      </c>
      <c r="D22438">
        <v>0</v>
      </c>
    </row>
    <row r="22439" spans="1:4" x14ac:dyDescent="0.25">
      <c r="A22439" t="s">
        <v>34802</v>
      </c>
      <c r="B22439" t="s">
        <v>34803</v>
      </c>
      <c r="C22439">
        <v>0</v>
      </c>
      <c r="D22439">
        <v>0</v>
      </c>
    </row>
    <row r="22440" spans="1:4" x14ac:dyDescent="0.25">
      <c r="A22440" t="s">
        <v>34802</v>
      </c>
      <c r="B22440" t="s">
        <v>34804</v>
      </c>
      <c r="C22440">
        <v>2</v>
      </c>
      <c r="D22440">
        <v>0</v>
      </c>
    </row>
    <row r="22441" spans="1:4" x14ac:dyDescent="0.25">
      <c r="A22441" t="s">
        <v>34805</v>
      </c>
      <c r="B22441" t="s">
        <v>34806</v>
      </c>
      <c r="C22441">
        <v>2</v>
      </c>
      <c r="D22441">
        <v>0</v>
      </c>
    </row>
    <row r="22442" spans="1:4" x14ac:dyDescent="0.25">
      <c r="A22442" t="s">
        <v>34805</v>
      </c>
      <c r="B22442" t="s">
        <v>34807</v>
      </c>
      <c r="C22442">
        <v>2</v>
      </c>
      <c r="D22442">
        <v>0</v>
      </c>
    </row>
    <row r="22443" spans="1:4" x14ac:dyDescent="0.25">
      <c r="A22443" t="s">
        <v>34805</v>
      </c>
      <c r="B22443" t="s">
        <v>34808</v>
      </c>
      <c r="C22443">
        <v>2</v>
      </c>
      <c r="D22443">
        <v>0</v>
      </c>
    </row>
    <row r="22444" spans="1:4" x14ac:dyDescent="0.25">
      <c r="A22444" t="s">
        <v>34809</v>
      </c>
      <c r="B22444" t="s">
        <v>34810</v>
      </c>
      <c r="C22444">
        <v>1</v>
      </c>
      <c r="D22444">
        <v>0</v>
      </c>
    </row>
    <row r="22445" spans="1:4" x14ac:dyDescent="0.25">
      <c r="A22445" t="s">
        <v>34809</v>
      </c>
      <c r="B22445" t="s">
        <v>34811</v>
      </c>
      <c r="C22445">
        <v>2</v>
      </c>
      <c r="D22445">
        <v>0</v>
      </c>
    </row>
    <row r="22446" spans="1:4" x14ac:dyDescent="0.25">
      <c r="A22446" t="s">
        <v>34809</v>
      </c>
      <c r="B22446" t="s">
        <v>34812</v>
      </c>
      <c r="C22446">
        <v>0</v>
      </c>
      <c r="D22446">
        <v>0</v>
      </c>
    </row>
    <row r="22447" spans="1:4" x14ac:dyDescent="0.25">
      <c r="A22447" t="s">
        <v>34813</v>
      </c>
      <c r="B22447" t="s">
        <v>34814</v>
      </c>
      <c r="C22447">
        <v>2</v>
      </c>
      <c r="D22447">
        <v>0</v>
      </c>
    </row>
    <row r="22448" spans="1:4" x14ac:dyDescent="0.25">
      <c r="A22448" t="s">
        <v>34813</v>
      </c>
      <c r="B22448" t="s">
        <v>34815</v>
      </c>
      <c r="C22448">
        <v>2</v>
      </c>
      <c r="D22448">
        <v>0</v>
      </c>
    </row>
    <row r="22449" spans="1:4" x14ac:dyDescent="0.25">
      <c r="A22449" t="s">
        <v>34813</v>
      </c>
      <c r="B22449" t="s">
        <v>34816</v>
      </c>
      <c r="C22449">
        <v>1</v>
      </c>
      <c r="D22449">
        <v>0</v>
      </c>
    </row>
    <row r="22450" spans="1:4" x14ac:dyDescent="0.25">
      <c r="A22450" t="s">
        <v>34817</v>
      </c>
      <c r="B22450" t="s">
        <v>34818</v>
      </c>
      <c r="C22450">
        <v>1</v>
      </c>
      <c r="D22450">
        <v>0</v>
      </c>
    </row>
    <row r="22451" spans="1:4" x14ac:dyDescent="0.25">
      <c r="A22451" t="s">
        <v>34817</v>
      </c>
      <c r="B22451" t="s">
        <v>34819</v>
      </c>
      <c r="C22451">
        <v>1</v>
      </c>
      <c r="D22451">
        <v>0</v>
      </c>
    </row>
    <row r="22452" spans="1:4" x14ac:dyDescent="0.25">
      <c r="A22452" t="s">
        <v>34817</v>
      </c>
      <c r="B22452" t="s">
        <v>34820</v>
      </c>
      <c r="C22452">
        <v>1</v>
      </c>
      <c r="D22452">
        <v>0</v>
      </c>
    </row>
    <row r="22453" spans="1:4" x14ac:dyDescent="0.25">
      <c r="A22453" t="s">
        <v>34821</v>
      </c>
      <c r="B22453" t="s">
        <v>34822</v>
      </c>
      <c r="C22453">
        <v>1</v>
      </c>
      <c r="D22453">
        <v>0</v>
      </c>
    </row>
    <row r="22454" spans="1:4" x14ac:dyDescent="0.25">
      <c r="A22454" t="s">
        <v>34823</v>
      </c>
      <c r="B22454" t="s">
        <v>34824</v>
      </c>
      <c r="C22454">
        <v>2</v>
      </c>
      <c r="D22454">
        <v>0</v>
      </c>
    </row>
    <row r="22455" spans="1:4" x14ac:dyDescent="0.25">
      <c r="A22455" t="s">
        <v>34823</v>
      </c>
      <c r="B22455" t="s">
        <v>34825</v>
      </c>
      <c r="C22455">
        <v>1</v>
      </c>
      <c r="D22455">
        <v>0</v>
      </c>
    </row>
    <row r="22456" spans="1:4" x14ac:dyDescent="0.25">
      <c r="A22456" t="s">
        <v>34826</v>
      </c>
      <c r="B22456" t="s">
        <v>13685</v>
      </c>
      <c r="C22456">
        <v>0</v>
      </c>
      <c r="D22456">
        <v>0</v>
      </c>
    </row>
    <row r="22457" spans="1:4" x14ac:dyDescent="0.25">
      <c r="A22457" t="s">
        <v>34826</v>
      </c>
      <c r="B22457" t="s">
        <v>9924</v>
      </c>
      <c r="C22457">
        <v>1</v>
      </c>
      <c r="D22457">
        <v>0</v>
      </c>
    </row>
    <row r="22458" spans="1:4" x14ac:dyDescent="0.25">
      <c r="A22458" t="s">
        <v>34826</v>
      </c>
      <c r="B22458" t="s">
        <v>34827</v>
      </c>
      <c r="C22458">
        <v>1</v>
      </c>
      <c r="D22458">
        <v>0</v>
      </c>
    </row>
    <row r="22459" spans="1:4" x14ac:dyDescent="0.25">
      <c r="A22459" t="s">
        <v>34828</v>
      </c>
      <c r="B22459" t="s">
        <v>34829</v>
      </c>
      <c r="C22459">
        <v>0</v>
      </c>
      <c r="D22459">
        <v>0</v>
      </c>
    </row>
    <row r="22460" spans="1:4" x14ac:dyDescent="0.25">
      <c r="A22460" t="s">
        <v>34828</v>
      </c>
      <c r="B22460" t="s">
        <v>3410</v>
      </c>
      <c r="C22460">
        <v>1</v>
      </c>
      <c r="D22460">
        <v>0</v>
      </c>
    </row>
    <row r="22461" spans="1:4" x14ac:dyDescent="0.25">
      <c r="A22461" t="s">
        <v>34830</v>
      </c>
      <c r="B22461" t="s">
        <v>34831</v>
      </c>
      <c r="C22461">
        <v>1</v>
      </c>
      <c r="D22461">
        <v>0</v>
      </c>
    </row>
    <row r="22462" spans="1:4" x14ac:dyDescent="0.25">
      <c r="A22462" t="s">
        <v>34830</v>
      </c>
      <c r="B22462" t="s">
        <v>34832</v>
      </c>
      <c r="C22462">
        <v>0</v>
      </c>
      <c r="D22462">
        <v>0</v>
      </c>
    </row>
    <row r="22463" spans="1:4" x14ac:dyDescent="0.25">
      <c r="A22463" t="s">
        <v>34830</v>
      </c>
      <c r="B22463" t="s">
        <v>34833</v>
      </c>
      <c r="C22463">
        <v>1</v>
      </c>
      <c r="D22463">
        <v>0</v>
      </c>
    </row>
    <row r="22464" spans="1:4" x14ac:dyDescent="0.25">
      <c r="A22464" t="s">
        <v>34834</v>
      </c>
      <c r="B22464" t="s">
        <v>34835</v>
      </c>
      <c r="C22464">
        <v>2</v>
      </c>
      <c r="D22464">
        <v>0</v>
      </c>
    </row>
    <row r="22465" spans="1:4" x14ac:dyDescent="0.25">
      <c r="A22465" t="s">
        <v>34836</v>
      </c>
      <c r="B22465" t="s">
        <v>34837</v>
      </c>
      <c r="C22465">
        <v>1</v>
      </c>
      <c r="D22465">
        <v>0</v>
      </c>
    </row>
    <row r="22466" spans="1:4" x14ac:dyDescent="0.25">
      <c r="A22466" t="s">
        <v>34836</v>
      </c>
      <c r="B22466" t="s">
        <v>34838</v>
      </c>
      <c r="C22466">
        <v>0</v>
      </c>
      <c r="D22466">
        <v>0</v>
      </c>
    </row>
    <row r="22467" spans="1:4" x14ac:dyDescent="0.25">
      <c r="A22467" t="s">
        <v>34836</v>
      </c>
      <c r="B22467" t="s">
        <v>34839</v>
      </c>
      <c r="C22467">
        <v>2</v>
      </c>
      <c r="D22467">
        <v>0</v>
      </c>
    </row>
    <row r="22468" spans="1:4" x14ac:dyDescent="0.25">
      <c r="A22468" t="s">
        <v>34840</v>
      </c>
      <c r="B22468" t="s">
        <v>33356</v>
      </c>
      <c r="C22468">
        <v>0</v>
      </c>
      <c r="D22468">
        <v>0</v>
      </c>
    </row>
    <row r="22469" spans="1:4" x14ac:dyDescent="0.25">
      <c r="A22469" t="s">
        <v>34841</v>
      </c>
      <c r="B22469" t="s">
        <v>34842</v>
      </c>
      <c r="C22469">
        <v>0</v>
      </c>
      <c r="D22469">
        <v>0</v>
      </c>
    </row>
    <row r="22470" spans="1:4" x14ac:dyDescent="0.25">
      <c r="A22470" t="s">
        <v>34841</v>
      </c>
      <c r="B22470" t="s">
        <v>34843</v>
      </c>
      <c r="C22470">
        <v>1</v>
      </c>
      <c r="D22470">
        <v>0</v>
      </c>
    </row>
    <row r="22471" spans="1:4" x14ac:dyDescent="0.25">
      <c r="A22471" t="s">
        <v>34844</v>
      </c>
      <c r="B22471" t="s">
        <v>2825</v>
      </c>
      <c r="C22471">
        <v>1</v>
      </c>
      <c r="D22471">
        <v>0</v>
      </c>
    </row>
    <row r="22472" spans="1:4" x14ac:dyDescent="0.25">
      <c r="A22472" t="s">
        <v>34845</v>
      </c>
      <c r="B22472" t="s">
        <v>398</v>
      </c>
      <c r="C22472">
        <v>0</v>
      </c>
      <c r="D22472">
        <v>0</v>
      </c>
    </row>
    <row r="22473" spans="1:4" x14ac:dyDescent="0.25">
      <c r="A22473" t="s">
        <v>34845</v>
      </c>
      <c r="B22473" t="s">
        <v>34846</v>
      </c>
      <c r="C22473">
        <v>1</v>
      </c>
      <c r="D22473">
        <v>0</v>
      </c>
    </row>
    <row r="22474" spans="1:4" x14ac:dyDescent="0.25">
      <c r="A22474" t="s">
        <v>34847</v>
      </c>
      <c r="B22474" t="s">
        <v>34848</v>
      </c>
      <c r="C22474">
        <v>0</v>
      </c>
      <c r="D22474">
        <v>0</v>
      </c>
    </row>
    <row r="22475" spans="1:4" x14ac:dyDescent="0.25">
      <c r="A22475" t="s">
        <v>34849</v>
      </c>
      <c r="B22475" t="s">
        <v>34850</v>
      </c>
      <c r="C22475">
        <v>2</v>
      </c>
      <c r="D22475">
        <v>0</v>
      </c>
    </row>
    <row r="22476" spans="1:4" x14ac:dyDescent="0.25">
      <c r="A22476" t="s">
        <v>34849</v>
      </c>
      <c r="B22476" t="s">
        <v>34851</v>
      </c>
      <c r="C22476">
        <v>0</v>
      </c>
      <c r="D22476">
        <v>0</v>
      </c>
    </row>
    <row r="22477" spans="1:4" x14ac:dyDescent="0.25">
      <c r="A22477" t="s">
        <v>34849</v>
      </c>
      <c r="B22477" t="s">
        <v>34852</v>
      </c>
      <c r="C22477">
        <v>0</v>
      </c>
      <c r="D22477">
        <v>0</v>
      </c>
    </row>
    <row r="22478" spans="1:4" x14ac:dyDescent="0.25">
      <c r="A22478" t="s">
        <v>34853</v>
      </c>
      <c r="B22478" t="s">
        <v>34854</v>
      </c>
      <c r="C22478">
        <v>2</v>
      </c>
      <c r="D22478">
        <v>0</v>
      </c>
    </row>
    <row r="22479" spans="1:4" x14ac:dyDescent="0.25">
      <c r="A22479" t="s">
        <v>34853</v>
      </c>
      <c r="B22479" t="s">
        <v>34855</v>
      </c>
      <c r="C22479">
        <v>1</v>
      </c>
      <c r="D22479">
        <v>0</v>
      </c>
    </row>
    <row r="22480" spans="1:4" x14ac:dyDescent="0.25">
      <c r="A22480" t="s">
        <v>34853</v>
      </c>
      <c r="B22480" t="s">
        <v>34856</v>
      </c>
      <c r="C22480">
        <v>2</v>
      </c>
      <c r="D22480">
        <v>0</v>
      </c>
    </row>
    <row r="22481" spans="1:4" x14ac:dyDescent="0.25">
      <c r="A22481" t="s">
        <v>34857</v>
      </c>
      <c r="B22481" t="s">
        <v>34858</v>
      </c>
      <c r="C22481">
        <v>2</v>
      </c>
      <c r="D22481">
        <v>0</v>
      </c>
    </row>
    <row r="22482" spans="1:4" x14ac:dyDescent="0.25">
      <c r="A22482" t="s">
        <v>34857</v>
      </c>
      <c r="B22482" t="s">
        <v>34859</v>
      </c>
      <c r="C22482">
        <v>1</v>
      </c>
      <c r="D22482">
        <v>0</v>
      </c>
    </row>
    <row r="22483" spans="1:4" x14ac:dyDescent="0.25">
      <c r="A22483" t="s">
        <v>34857</v>
      </c>
      <c r="B22483" t="s">
        <v>34860</v>
      </c>
      <c r="C22483">
        <v>1</v>
      </c>
      <c r="D22483">
        <v>0</v>
      </c>
    </row>
    <row r="22484" spans="1:4" x14ac:dyDescent="0.25">
      <c r="A22484" t="s">
        <v>34861</v>
      </c>
      <c r="B22484" t="s">
        <v>34862</v>
      </c>
      <c r="C22484">
        <v>2</v>
      </c>
      <c r="D22484">
        <v>0</v>
      </c>
    </row>
    <row r="22485" spans="1:4" x14ac:dyDescent="0.25">
      <c r="A22485" t="s">
        <v>34861</v>
      </c>
      <c r="B22485" t="s">
        <v>34863</v>
      </c>
      <c r="C22485">
        <v>0</v>
      </c>
      <c r="D22485">
        <v>0</v>
      </c>
    </row>
    <row r="22486" spans="1:4" x14ac:dyDescent="0.25">
      <c r="A22486" t="s">
        <v>34861</v>
      </c>
      <c r="B22486" t="s">
        <v>34864</v>
      </c>
      <c r="C22486">
        <v>1</v>
      </c>
      <c r="D22486">
        <v>0</v>
      </c>
    </row>
    <row r="22487" spans="1:4" x14ac:dyDescent="0.25">
      <c r="A22487" t="s">
        <v>34865</v>
      </c>
      <c r="B22487" t="s">
        <v>34866</v>
      </c>
      <c r="C22487">
        <v>0</v>
      </c>
      <c r="D22487">
        <v>0</v>
      </c>
    </row>
    <row r="22488" spans="1:4" x14ac:dyDescent="0.25">
      <c r="A22488" t="s">
        <v>34867</v>
      </c>
      <c r="B22488" t="s">
        <v>34868</v>
      </c>
      <c r="C22488">
        <v>2</v>
      </c>
      <c r="D22488">
        <v>0</v>
      </c>
    </row>
    <row r="22489" spans="1:4" x14ac:dyDescent="0.25">
      <c r="A22489" t="s">
        <v>34869</v>
      </c>
      <c r="B22489" t="s">
        <v>1151</v>
      </c>
      <c r="C22489">
        <v>1</v>
      </c>
      <c r="D22489">
        <v>0</v>
      </c>
    </row>
    <row r="22490" spans="1:4" x14ac:dyDescent="0.25">
      <c r="A22490" t="s">
        <v>34870</v>
      </c>
      <c r="B22490" t="s">
        <v>34871</v>
      </c>
      <c r="C22490">
        <v>1</v>
      </c>
      <c r="D22490">
        <v>0</v>
      </c>
    </row>
    <row r="22491" spans="1:4" x14ac:dyDescent="0.25">
      <c r="A22491" t="s">
        <v>34872</v>
      </c>
      <c r="B22491" t="s">
        <v>34873</v>
      </c>
      <c r="C22491">
        <v>1</v>
      </c>
      <c r="D22491">
        <v>0</v>
      </c>
    </row>
    <row r="22492" spans="1:4" x14ac:dyDescent="0.25">
      <c r="A22492" t="s">
        <v>34874</v>
      </c>
      <c r="B22492" t="s">
        <v>34875</v>
      </c>
      <c r="C22492">
        <v>1</v>
      </c>
      <c r="D22492">
        <v>0</v>
      </c>
    </row>
    <row r="22493" spans="1:4" x14ac:dyDescent="0.25">
      <c r="A22493" t="s">
        <v>34874</v>
      </c>
      <c r="B22493" t="s">
        <v>34876</v>
      </c>
      <c r="C22493">
        <v>1</v>
      </c>
      <c r="D22493">
        <v>0</v>
      </c>
    </row>
    <row r="22494" spans="1:4" x14ac:dyDescent="0.25">
      <c r="A22494" t="s">
        <v>34877</v>
      </c>
      <c r="B22494" t="s">
        <v>34878</v>
      </c>
      <c r="C22494">
        <v>0</v>
      </c>
      <c r="D22494">
        <v>0</v>
      </c>
    </row>
    <row r="22495" spans="1:4" x14ac:dyDescent="0.25">
      <c r="A22495" t="s">
        <v>34879</v>
      </c>
      <c r="B22495" t="s">
        <v>34880</v>
      </c>
      <c r="C22495">
        <v>1</v>
      </c>
      <c r="D22495">
        <v>0</v>
      </c>
    </row>
    <row r="22496" spans="1:4" x14ac:dyDescent="0.25">
      <c r="A22496" t="s">
        <v>34879</v>
      </c>
      <c r="B22496" t="s">
        <v>34881</v>
      </c>
      <c r="C22496">
        <v>1</v>
      </c>
      <c r="D22496">
        <v>0</v>
      </c>
    </row>
    <row r="22497" spans="1:4" x14ac:dyDescent="0.25">
      <c r="A22497" t="s">
        <v>34879</v>
      </c>
      <c r="B22497" t="s">
        <v>6837</v>
      </c>
      <c r="C22497">
        <v>1</v>
      </c>
      <c r="D22497">
        <v>0</v>
      </c>
    </row>
    <row r="22498" spans="1:4" x14ac:dyDescent="0.25">
      <c r="A22498" t="s">
        <v>34882</v>
      </c>
      <c r="B22498" t="s">
        <v>1001</v>
      </c>
      <c r="C22498">
        <v>1</v>
      </c>
      <c r="D22498">
        <v>0</v>
      </c>
    </row>
    <row r="22499" spans="1:4" x14ac:dyDescent="0.25">
      <c r="A22499" t="s">
        <v>34883</v>
      </c>
      <c r="B22499" t="s">
        <v>34884</v>
      </c>
      <c r="C22499">
        <v>1</v>
      </c>
      <c r="D22499">
        <v>0</v>
      </c>
    </row>
    <row r="22500" spans="1:4" x14ac:dyDescent="0.25">
      <c r="A22500" t="s">
        <v>34885</v>
      </c>
      <c r="B22500" t="s">
        <v>34886</v>
      </c>
      <c r="C22500">
        <v>1</v>
      </c>
      <c r="D22500">
        <v>0</v>
      </c>
    </row>
    <row r="22501" spans="1:4" x14ac:dyDescent="0.25">
      <c r="A22501" t="s">
        <v>34885</v>
      </c>
      <c r="B22501" t="s">
        <v>34887</v>
      </c>
      <c r="C22501">
        <v>1</v>
      </c>
      <c r="D22501">
        <v>0</v>
      </c>
    </row>
    <row r="22502" spans="1:4" x14ac:dyDescent="0.25">
      <c r="A22502" t="s">
        <v>34888</v>
      </c>
      <c r="B22502" t="s">
        <v>34889</v>
      </c>
      <c r="C22502">
        <v>1</v>
      </c>
      <c r="D22502">
        <v>0</v>
      </c>
    </row>
    <row r="22503" spans="1:4" x14ac:dyDescent="0.25">
      <c r="A22503" t="s">
        <v>34888</v>
      </c>
      <c r="B22503" t="s">
        <v>34890</v>
      </c>
      <c r="C22503">
        <v>1</v>
      </c>
      <c r="D22503">
        <v>0</v>
      </c>
    </row>
    <row r="22504" spans="1:4" x14ac:dyDescent="0.25">
      <c r="A22504" t="s">
        <v>34888</v>
      </c>
      <c r="B22504" t="s">
        <v>34891</v>
      </c>
      <c r="C22504">
        <v>1</v>
      </c>
      <c r="D22504">
        <v>0</v>
      </c>
    </row>
    <row r="22505" spans="1:4" x14ac:dyDescent="0.25">
      <c r="A22505" t="s">
        <v>34892</v>
      </c>
      <c r="B22505" t="s">
        <v>34893</v>
      </c>
      <c r="C22505">
        <v>0</v>
      </c>
      <c r="D22505">
        <v>0</v>
      </c>
    </row>
    <row r="22506" spans="1:4" x14ac:dyDescent="0.25">
      <c r="A22506" t="s">
        <v>34894</v>
      </c>
      <c r="B22506" t="s">
        <v>34895</v>
      </c>
      <c r="C22506">
        <v>1</v>
      </c>
      <c r="D22506">
        <v>0</v>
      </c>
    </row>
    <row r="22507" spans="1:4" x14ac:dyDescent="0.25">
      <c r="A22507" t="s">
        <v>34894</v>
      </c>
      <c r="B22507" t="s">
        <v>34896</v>
      </c>
      <c r="C22507">
        <v>1</v>
      </c>
      <c r="D22507">
        <v>0</v>
      </c>
    </row>
    <row r="22508" spans="1:4" x14ac:dyDescent="0.25">
      <c r="A22508" t="s">
        <v>34897</v>
      </c>
      <c r="B22508" t="s">
        <v>34898</v>
      </c>
      <c r="C22508">
        <v>1</v>
      </c>
      <c r="D22508">
        <v>0</v>
      </c>
    </row>
    <row r="22509" spans="1:4" x14ac:dyDescent="0.25">
      <c r="A22509" t="s">
        <v>34897</v>
      </c>
      <c r="B22509" t="s">
        <v>34899</v>
      </c>
      <c r="C22509">
        <v>0</v>
      </c>
      <c r="D22509">
        <v>0</v>
      </c>
    </row>
    <row r="22510" spans="1:4" x14ac:dyDescent="0.25">
      <c r="A22510" t="s">
        <v>34897</v>
      </c>
      <c r="B22510" t="s">
        <v>1001</v>
      </c>
      <c r="C22510">
        <v>1</v>
      </c>
      <c r="D22510">
        <v>0</v>
      </c>
    </row>
    <row r="22511" spans="1:4" x14ac:dyDescent="0.25">
      <c r="A22511" t="s">
        <v>34900</v>
      </c>
      <c r="B22511" t="s">
        <v>34901</v>
      </c>
      <c r="C22511">
        <v>2</v>
      </c>
      <c r="D22511">
        <v>0</v>
      </c>
    </row>
    <row r="22512" spans="1:4" x14ac:dyDescent="0.25">
      <c r="A22512" t="s">
        <v>34900</v>
      </c>
      <c r="B22512" t="s">
        <v>34902</v>
      </c>
      <c r="C22512">
        <v>0</v>
      </c>
      <c r="D22512">
        <v>0</v>
      </c>
    </row>
    <row r="22513" spans="1:4" x14ac:dyDescent="0.25">
      <c r="A22513" t="s">
        <v>34903</v>
      </c>
      <c r="B22513" t="s">
        <v>34904</v>
      </c>
      <c r="C22513">
        <v>1</v>
      </c>
      <c r="D22513">
        <v>0</v>
      </c>
    </row>
    <row r="22514" spans="1:4" x14ac:dyDescent="0.25">
      <c r="A22514" t="s">
        <v>34903</v>
      </c>
      <c r="B22514" t="s">
        <v>34905</v>
      </c>
      <c r="C22514">
        <v>0</v>
      </c>
      <c r="D22514">
        <v>0</v>
      </c>
    </row>
    <row r="22515" spans="1:4" x14ac:dyDescent="0.25">
      <c r="A22515" t="s">
        <v>34906</v>
      </c>
      <c r="B22515" t="s">
        <v>34907</v>
      </c>
      <c r="C22515">
        <v>1</v>
      </c>
      <c r="D22515">
        <v>0</v>
      </c>
    </row>
    <row r="22516" spans="1:4" x14ac:dyDescent="0.25">
      <c r="A22516" t="s">
        <v>34906</v>
      </c>
      <c r="B22516" t="s">
        <v>34908</v>
      </c>
      <c r="C22516">
        <v>0</v>
      </c>
      <c r="D22516">
        <v>0</v>
      </c>
    </row>
    <row r="22517" spans="1:4" x14ac:dyDescent="0.25">
      <c r="A22517" t="s">
        <v>34909</v>
      </c>
      <c r="B22517" t="s">
        <v>1001</v>
      </c>
      <c r="C22517">
        <v>1</v>
      </c>
      <c r="D22517">
        <v>0</v>
      </c>
    </row>
    <row r="22518" spans="1:4" x14ac:dyDescent="0.25">
      <c r="A22518" t="s">
        <v>34910</v>
      </c>
      <c r="B22518" t="s">
        <v>34534</v>
      </c>
      <c r="C22518">
        <v>0</v>
      </c>
      <c r="D22518">
        <v>0</v>
      </c>
    </row>
    <row r="22519" spans="1:4" x14ac:dyDescent="0.25">
      <c r="A22519" t="s">
        <v>34911</v>
      </c>
      <c r="B22519" t="s">
        <v>34912</v>
      </c>
      <c r="C22519">
        <v>1</v>
      </c>
      <c r="D22519">
        <v>0</v>
      </c>
    </row>
    <row r="22520" spans="1:4" x14ac:dyDescent="0.25">
      <c r="A22520" t="s">
        <v>34911</v>
      </c>
      <c r="B22520" t="s">
        <v>34913</v>
      </c>
      <c r="C22520">
        <v>0</v>
      </c>
      <c r="D22520">
        <v>0</v>
      </c>
    </row>
    <row r="22521" spans="1:4" x14ac:dyDescent="0.25">
      <c r="A22521" t="s">
        <v>34911</v>
      </c>
      <c r="B22521" t="s">
        <v>34914</v>
      </c>
      <c r="C22521">
        <v>0</v>
      </c>
      <c r="D22521">
        <v>0</v>
      </c>
    </row>
    <row r="22522" spans="1:4" x14ac:dyDescent="0.25">
      <c r="A22522" t="s">
        <v>34915</v>
      </c>
      <c r="B22522" t="s">
        <v>34916</v>
      </c>
      <c r="C22522">
        <v>1</v>
      </c>
      <c r="D22522">
        <v>0</v>
      </c>
    </row>
    <row r="22523" spans="1:4" x14ac:dyDescent="0.25">
      <c r="A22523" t="s">
        <v>34915</v>
      </c>
      <c r="B22523" t="s">
        <v>34917</v>
      </c>
      <c r="C22523">
        <v>1</v>
      </c>
      <c r="D22523">
        <v>0</v>
      </c>
    </row>
    <row r="22524" spans="1:4" x14ac:dyDescent="0.25">
      <c r="A22524" t="s">
        <v>34915</v>
      </c>
      <c r="B22524" t="s">
        <v>34918</v>
      </c>
      <c r="C22524">
        <v>0</v>
      </c>
      <c r="D22524">
        <v>0</v>
      </c>
    </row>
    <row r="22525" spans="1:4" x14ac:dyDescent="0.25">
      <c r="A22525" t="s">
        <v>34919</v>
      </c>
      <c r="B22525" t="s">
        <v>34920</v>
      </c>
      <c r="C22525">
        <v>2</v>
      </c>
      <c r="D22525">
        <v>0</v>
      </c>
    </row>
    <row r="22526" spans="1:4" x14ac:dyDescent="0.25">
      <c r="A22526" t="s">
        <v>34919</v>
      </c>
      <c r="B22526" t="s">
        <v>34921</v>
      </c>
      <c r="C22526">
        <v>0</v>
      </c>
      <c r="D22526">
        <v>0</v>
      </c>
    </row>
    <row r="22527" spans="1:4" x14ac:dyDescent="0.25">
      <c r="A22527" t="s">
        <v>34919</v>
      </c>
      <c r="B22527" t="s">
        <v>34922</v>
      </c>
      <c r="C22527">
        <v>2</v>
      </c>
      <c r="D22527">
        <v>0</v>
      </c>
    </row>
    <row r="22528" spans="1:4" x14ac:dyDescent="0.25">
      <c r="A22528" t="s">
        <v>34923</v>
      </c>
      <c r="B22528" t="s">
        <v>34924</v>
      </c>
      <c r="C22528">
        <v>0</v>
      </c>
      <c r="D22528">
        <v>0</v>
      </c>
    </row>
    <row r="22529" spans="1:4" x14ac:dyDescent="0.25">
      <c r="A22529" t="s">
        <v>34923</v>
      </c>
      <c r="B22529" t="s">
        <v>34925</v>
      </c>
      <c r="C22529">
        <v>2</v>
      </c>
      <c r="D22529">
        <v>0</v>
      </c>
    </row>
    <row r="22530" spans="1:4" x14ac:dyDescent="0.25">
      <c r="A22530" t="s">
        <v>34926</v>
      </c>
      <c r="B22530" t="s">
        <v>34927</v>
      </c>
      <c r="C22530">
        <v>0</v>
      </c>
      <c r="D22530">
        <v>0</v>
      </c>
    </row>
    <row r="22531" spans="1:4" x14ac:dyDescent="0.25">
      <c r="A22531" t="s">
        <v>34926</v>
      </c>
      <c r="B22531" t="s">
        <v>34928</v>
      </c>
      <c r="C22531">
        <v>0</v>
      </c>
      <c r="D22531">
        <v>0</v>
      </c>
    </row>
    <row r="22532" spans="1:4" x14ac:dyDescent="0.25">
      <c r="A22532" t="s">
        <v>34926</v>
      </c>
      <c r="B22532" t="s">
        <v>34929</v>
      </c>
      <c r="C22532">
        <v>1</v>
      </c>
      <c r="D22532">
        <v>0</v>
      </c>
    </row>
    <row r="22533" spans="1:4" x14ac:dyDescent="0.25">
      <c r="A22533" t="s">
        <v>34930</v>
      </c>
      <c r="B22533" t="s">
        <v>34931</v>
      </c>
      <c r="C22533">
        <v>1</v>
      </c>
      <c r="D22533">
        <v>0</v>
      </c>
    </row>
    <row r="22534" spans="1:4" x14ac:dyDescent="0.25">
      <c r="A22534" t="s">
        <v>34932</v>
      </c>
      <c r="B22534" t="s">
        <v>34933</v>
      </c>
      <c r="C22534">
        <v>0</v>
      </c>
      <c r="D22534">
        <v>0</v>
      </c>
    </row>
    <row r="22535" spans="1:4" x14ac:dyDescent="0.25">
      <c r="A22535" t="s">
        <v>34932</v>
      </c>
      <c r="B22535" t="s">
        <v>34934</v>
      </c>
      <c r="C22535">
        <v>0</v>
      </c>
      <c r="D22535">
        <v>0</v>
      </c>
    </row>
    <row r="22536" spans="1:4" x14ac:dyDescent="0.25">
      <c r="A22536" t="s">
        <v>34932</v>
      </c>
      <c r="B22536" t="s">
        <v>34935</v>
      </c>
      <c r="C22536">
        <v>0</v>
      </c>
      <c r="D22536">
        <v>0</v>
      </c>
    </row>
    <row r="22537" spans="1:4" x14ac:dyDescent="0.25">
      <c r="A22537" t="s">
        <v>34936</v>
      </c>
      <c r="B22537" t="s">
        <v>34937</v>
      </c>
      <c r="C22537">
        <v>1</v>
      </c>
      <c r="D22537">
        <v>0</v>
      </c>
    </row>
    <row r="22538" spans="1:4" x14ac:dyDescent="0.25">
      <c r="A22538" t="s">
        <v>34936</v>
      </c>
      <c r="B22538" t="s">
        <v>34938</v>
      </c>
      <c r="C22538">
        <v>0</v>
      </c>
      <c r="D22538">
        <v>0</v>
      </c>
    </row>
    <row r="22539" spans="1:4" x14ac:dyDescent="0.25">
      <c r="A22539" t="s">
        <v>34936</v>
      </c>
      <c r="B22539" t="s">
        <v>34939</v>
      </c>
      <c r="C22539">
        <v>1</v>
      </c>
      <c r="D22539">
        <v>0</v>
      </c>
    </row>
    <row r="22540" spans="1:4" x14ac:dyDescent="0.25">
      <c r="A22540" t="s">
        <v>34940</v>
      </c>
      <c r="B22540" t="s">
        <v>1938</v>
      </c>
      <c r="C22540">
        <v>0</v>
      </c>
      <c r="D22540">
        <v>0</v>
      </c>
    </row>
    <row r="22541" spans="1:4" x14ac:dyDescent="0.25">
      <c r="A22541" t="s">
        <v>34941</v>
      </c>
      <c r="B22541" t="s">
        <v>34942</v>
      </c>
      <c r="C22541">
        <v>1</v>
      </c>
      <c r="D22541">
        <v>0</v>
      </c>
    </row>
    <row r="22542" spans="1:4" x14ac:dyDescent="0.25">
      <c r="A22542" t="s">
        <v>34941</v>
      </c>
      <c r="B22542" t="s">
        <v>1387</v>
      </c>
      <c r="C22542">
        <v>1</v>
      </c>
      <c r="D22542">
        <v>0</v>
      </c>
    </row>
    <row r="22543" spans="1:4" x14ac:dyDescent="0.25">
      <c r="A22543" t="s">
        <v>34943</v>
      </c>
      <c r="B22543" t="s">
        <v>34944</v>
      </c>
      <c r="C22543">
        <v>1</v>
      </c>
      <c r="D22543">
        <v>0</v>
      </c>
    </row>
    <row r="22544" spans="1:4" x14ac:dyDescent="0.25">
      <c r="A22544" t="s">
        <v>34943</v>
      </c>
      <c r="B22544" t="s">
        <v>34945</v>
      </c>
      <c r="C22544">
        <v>1</v>
      </c>
      <c r="D22544">
        <v>0</v>
      </c>
    </row>
    <row r="22545" spans="1:4" x14ac:dyDescent="0.25">
      <c r="A22545" t="s">
        <v>34946</v>
      </c>
      <c r="B22545" t="s">
        <v>34947</v>
      </c>
      <c r="C22545">
        <v>0</v>
      </c>
      <c r="D22545">
        <v>0</v>
      </c>
    </row>
    <row r="22546" spans="1:4" x14ac:dyDescent="0.25">
      <c r="A22546" t="s">
        <v>34946</v>
      </c>
      <c r="B22546" t="s">
        <v>34948</v>
      </c>
      <c r="C22546">
        <v>2</v>
      </c>
      <c r="D22546">
        <v>0</v>
      </c>
    </row>
    <row r="22547" spans="1:4" x14ac:dyDescent="0.25">
      <c r="A22547" t="s">
        <v>34949</v>
      </c>
      <c r="B22547" t="s">
        <v>34950</v>
      </c>
      <c r="C22547">
        <v>1</v>
      </c>
      <c r="D22547">
        <v>0</v>
      </c>
    </row>
    <row r="22548" spans="1:4" x14ac:dyDescent="0.25">
      <c r="A22548" t="s">
        <v>34951</v>
      </c>
      <c r="B22548" t="s">
        <v>34952</v>
      </c>
      <c r="C22548">
        <v>1</v>
      </c>
      <c r="D22548">
        <v>0</v>
      </c>
    </row>
    <row r="22549" spans="1:4" x14ac:dyDescent="0.25">
      <c r="A22549" t="s">
        <v>34953</v>
      </c>
      <c r="B22549" t="s">
        <v>5434</v>
      </c>
      <c r="C22549">
        <v>1</v>
      </c>
      <c r="D22549">
        <v>0</v>
      </c>
    </row>
    <row r="22550" spans="1:4" x14ac:dyDescent="0.25">
      <c r="A22550" t="s">
        <v>34954</v>
      </c>
      <c r="B22550" t="s">
        <v>34955</v>
      </c>
      <c r="C22550">
        <v>1</v>
      </c>
      <c r="D22550">
        <v>0</v>
      </c>
    </row>
    <row r="22551" spans="1:4" x14ac:dyDescent="0.25">
      <c r="A22551" t="s">
        <v>34954</v>
      </c>
      <c r="B22551" t="s">
        <v>34956</v>
      </c>
      <c r="C22551">
        <v>2</v>
      </c>
      <c r="D22551">
        <v>0</v>
      </c>
    </row>
    <row r="22552" spans="1:4" x14ac:dyDescent="0.25">
      <c r="A22552" t="s">
        <v>34954</v>
      </c>
      <c r="B22552" t="s">
        <v>6548</v>
      </c>
      <c r="C22552">
        <v>0</v>
      </c>
      <c r="D22552">
        <v>0</v>
      </c>
    </row>
    <row r="22553" spans="1:4" x14ac:dyDescent="0.25">
      <c r="A22553" t="s">
        <v>34957</v>
      </c>
      <c r="B22553" t="s">
        <v>34958</v>
      </c>
      <c r="C22553">
        <v>0</v>
      </c>
      <c r="D22553">
        <v>0</v>
      </c>
    </row>
    <row r="22554" spans="1:4" x14ac:dyDescent="0.25">
      <c r="A22554" t="s">
        <v>34957</v>
      </c>
      <c r="B22554" t="s">
        <v>34959</v>
      </c>
      <c r="C22554">
        <v>0</v>
      </c>
      <c r="D22554">
        <v>0</v>
      </c>
    </row>
    <row r="22555" spans="1:4" x14ac:dyDescent="0.25">
      <c r="A22555" t="s">
        <v>34957</v>
      </c>
      <c r="B22555" t="s">
        <v>34960</v>
      </c>
      <c r="C22555">
        <v>1</v>
      </c>
      <c r="D22555">
        <v>0</v>
      </c>
    </row>
    <row r="22556" spans="1:4" x14ac:dyDescent="0.25">
      <c r="A22556" t="s">
        <v>34961</v>
      </c>
      <c r="B22556" t="s">
        <v>34962</v>
      </c>
      <c r="C22556">
        <v>1</v>
      </c>
      <c r="D22556">
        <v>0</v>
      </c>
    </row>
    <row r="22557" spans="1:4" x14ac:dyDescent="0.25">
      <c r="A22557" t="s">
        <v>34961</v>
      </c>
      <c r="B22557" t="s">
        <v>34963</v>
      </c>
      <c r="C22557">
        <v>1</v>
      </c>
      <c r="D22557">
        <v>0</v>
      </c>
    </row>
    <row r="22558" spans="1:4" x14ac:dyDescent="0.25">
      <c r="A22558" t="s">
        <v>34961</v>
      </c>
      <c r="B22558" t="s">
        <v>34964</v>
      </c>
      <c r="C22558">
        <v>1</v>
      </c>
      <c r="D22558">
        <v>0</v>
      </c>
    </row>
    <row r="22559" spans="1:4" x14ac:dyDescent="0.25">
      <c r="A22559" t="s">
        <v>34965</v>
      </c>
      <c r="B22559" t="s">
        <v>34966</v>
      </c>
      <c r="C22559">
        <v>1</v>
      </c>
      <c r="D22559">
        <v>0</v>
      </c>
    </row>
    <row r="22560" spans="1:4" x14ac:dyDescent="0.25">
      <c r="A22560" t="s">
        <v>34967</v>
      </c>
      <c r="B22560" t="s">
        <v>34968</v>
      </c>
      <c r="C22560">
        <v>1</v>
      </c>
      <c r="D22560">
        <v>0</v>
      </c>
    </row>
    <row r="22561" spans="1:4" x14ac:dyDescent="0.25">
      <c r="A22561" t="s">
        <v>34967</v>
      </c>
      <c r="B22561" t="s">
        <v>34969</v>
      </c>
      <c r="C22561">
        <v>1</v>
      </c>
      <c r="D22561">
        <v>0</v>
      </c>
    </row>
    <row r="22562" spans="1:4" x14ac:dyDescent="0.25">
      <c r="A22562" t="s">
        <v>34967</v>
      </c>
      <c r="B22562" t="s">
        <v>34970</v>
      </c>
      <c r="C22562">
        <v>1</v>
      </c>
      <c r="D22562">
        <v>0</v>
      </c>
    </row>
    <row r="22563" spans="1:4" x14ac:dyDescent="0.25">
      <c r="A22563" t="s">
        <v>34971</v>
      </c>
      <c r="B22563" t="s">
        <v>34972</v>
      </c>
      <c r="C22563">
        <v>1</v>
      </c>
      <c r="D22563">
        <v>0</v>
      </c>
    </row>
    <row r="22564" spans="1:4" x14ac:dyDescent="0.25">
      <c r="A22564" t="s">
        <v>34971</v>
      </c>
      <c r="B22564" t="s">
        <v>34973</v>
      </c>
      <c r="C22564">
        <v>0</v>
      </c>
      <c r="D22564">
        <v>0</v>
      </c>
    </row>
    <row r="22565" spans="1:4" x14ac:dyDescent="0.25">
      <c r="A22565" t="s">
        <v>34974</v>
      </c>
      <c r="B22565" t="s">
        <v>34975</v>
      </c>
      <c r="C22565">
        <v>2</v>
      </c>
      <c r="D22565">
        <v>0</v>
      </c>
    </row>
    <row r="22566" spans="1:4" x14ac:dyDescent="0.25">
      <c r="A22566" t="s">
        <v>34974</v>
      </c>
      <c r="B22566" t="s">
        <v>34976</v>
      </c>
      <c r="C22566">
        <v>2</v>
      </c>
      <c r="D22566">
        <v>0</v>
      </c>
    </row>
    <row r="22567" spans="1:4" x14ac:dyDescent="0.25">
      <c r="A22567" t="s">
        <v>34977</v>
      </c>
      <c r="B22567" t="s">
        <v>34978</v>
      </c>
      <c r="C22567">
        <v>2</v>
      </c>
      <c r="D22567">
        <v>0</v>
      </c>
    </row>
    <row r="22568" spans="1:4" x14ac:dyDescent="0.25">
      <c r="A22568" t="s">
        <v>34977</v>
      </c>
      <c r="B22568" t="s">
        <v>34979</v>
      </c>
      <c r="C22568">
        <v>1</v>
      </c>
      <c r="D22568">
        <v>0</v>
      </c>
    </row>
    <row r="22569" spans="1:4" x14ac:dyDescent="0.25">
      <c r="A22569" t="s">
        <v>34977</v>
      </c>
      <c r="B22569" t="s">
        <v>34980</v>
      </c>
      <c r="C22569">
        <v>2</v>
      </c>
      <c r="D22569">
        <v>0</v>
      </c>
    </row>
    <row r="22570" spans="1:4" x14ac:dyDescent="0.25">
      <c r="A22570" t="s">
        <v>34981</v>
      </c>
      <c r="B22570" t="s">
        <v>34982</v>
      </c>
      <c r="C22570">
        <v>1</v>
      </c>
      <c r="D22570">
        <v>0</v>
      </c>
    </row>
    <row r="22571" spans="1:4" x14ac:dyDescent="0.25">
      <c r="A22571" t="s">
        <v>34981</v>
      </c>
      <c r="B22571" t="s">
        <v>34983</v>
      </c>
      <c r="C22571">
        <v>2</v>
      </c>
      <c r="D22571">
        <v>0</v>
      </c>
    </row>
    <row r="22572" spans="1:4" x14ac:dyDescent="0.25">
      <c r="A22572" t="s">
        <v>34981</v>
      </c>
      <c r="B22572" t="s">
        <v>34984</v>
      </c>
      <c r="C22572">
        <v>0</v>
      </c>
      <c r="D22572">
        <v>0</v>
      </c>
    </row>
    <row r="22573" spans="1:4" x14ac:dyDescent="0.25">
      <c r="A22573" t="s">
        <v>34985</v>
      </c>
      <c r="B22573" t="s">
        <v>34986</v>
      </c>
      <c r="C22573">
        <v>0</v>
      </c>
      <c r="D22573">
        <v>0</v>
      </c>
    </row>
    <row r="22574" spans="1:4" x14ac:dyDescent="0.25">
      <c r="A22574" t="s">
        <v>34985</v>
      </c>
      <c r="B22574" t="s">
        <v>34987</v>
      </c>
      <c r="C22574">
        <v>2</v>
      </c>
      <c r="D22574">
        <v>0</v>
      </c>
    </row>
    <row r="22575" spans="1:4" x14ac:dyDescent="0.25">
      <c r="A22575" t="s">
        <v>34985</v>
      </c>
      <c r="B22575" t="s">
        <v>34988</v>
      </c>
      <c r="C22575">
        <v>2</v>
      </c>
      <c r="D22575">
        <v>0</v>
      </c>
    </row>
    <row r="22576" spans="1:4" x14ac:dyDescent="0.25">
      <c r="A22576" t="s">
        <v>34989</v>
      </c>
      <c r="B22576" t="s">
        <v>34990</v>
      </c>
      <c r="C22576">
        <v>1</v>
      </c>
      <c r="D22576">
        <v>0</v>
      </c>
    </row>
    <row r="22577" spans="1:4" x14ac:dyDescent="0.25">
      <c r="A22577" t="s">
        <v>34989</v>
      </c>
      <c r="B22577" t="s">
        <v>34991</v>
      </c>
      <c r="C22577">
        <v>2</v>
      </c>
      <c r="D22577">
        <v>0</v>
      </c>
    </row>
    <row r="22578" spans="1:4" x14ac:dyDescent="0.25">
      <c r="A22578" t="s">
        <v>34989</v>
      </c>
      <c r="B22578" t="s">
        <v>34992</v>
      </c>
      <c r="C22578">
        <v>1</v>
      </c>
      <c r="D22578">
        <v>0</v>
      </c>
    </row>
    <row r="22579" spans="1:4" x14ac:dyDescent="0.25">
      <c r="A22579" t="s">
        <v>34993</v>
      </c>
      <c r="B22579" t="s">
        <v>34994</v>
      </c>
      <c r="C22579">
        <v>0</v>
      </c>
      <c r="D22579">
        <v>0</v>
      </c>
    </row>
    <row r="22580" spans="1:4" x14ac:dyDescent="0.25">
      <c r="A22580" t="s">
        <v>34993</v>
      </c>
      <c r="B22580" t="s">
        <v>34995</v>
      </c>
      <c r="C22580">
        <v>0</v>
      </c>
      <c r="D22580">
        <v>0</v>
      </c>
    </row>
    <row r="22581" spans="1:4" x14ac:dyDescent="0.25">
      <c r="A22581" t="s">
        <v>34996</v>
      </c>
      <c r="B22581" t="s">
        <v>34997</v>
      </c>
      <c r="C22581">
        <v>1</v>
      </c>
      <c r="D22581">
        <v>0</v>
      </c>
    </row>
    <row r="22582" spans="1:4" x14ac:dyDescent="0.25">
      <c r="A22582" t="s">
        <v>34998</v>
      </c>
      <c r="B22582" t="s">
        <v>34999</v>
      </c>
      <c r="C22582">
        <v>1</v>
      </c>
      <c r="D22582">
        <v>0</v>
      </c>
    </row>
    <row r="22583" spans="1:4" x14ac:dyDescent="0.25">
      <c r="A22583" t="s">
        <v>34998</v>
      </c>
      <c r="B22583" t="s">
        <v>35000</v>
      </c>
      <c r="C22583">
        <v>1</v>
      </c>
      <c r="D22583">
        <v>0</v>
      </c>
    </row>
    <row r="22584" spans="1:4" x14ac:dyDescent="0.25">
      <c r="A22584" t="s">
        <v>34998</v>
      </c>
      <c r="B22584" t="s">
        <v>1097</v>
      </c>
      <c r="C22584">
        <v>1</v>
      </c>
      <c r="D22584">
        <v>0</v>
      </c>
    </row>
    <row r="22585" spans="1:4" x14ac:dyDescent="0.25">
      <c r="A22585" t="s">
        <v>35001</v>
      </c>
      <c r="B22585" t="s">
        <v>1151</v>
      </c>
      <c r="C22585">
        <v>1</v>
      </c>
      <c r="D22585">
        <v>0</v>
      </c>
    </row>
    <row r="22586" spans="1:4" x14ac:dyDescent="0.25">
      <c r="A22586" t="s">
        <v>35001</v>
      </c>
      <c r="B22586" t="s">
        <v>35002</v>
      </c>
      <c r="C22586">
        <v>0</v>
      </c>
      <c r="D22586">
        <v>0</v>
      </c>
    </row>
    <row r="22587" spans="1:4" x14ac:dyDescent="0.25">
      <c r="A22587" t="s">
        <v>35003</v>
      </c>
      <c r="B22587" t="s">
        <v>35004</v>
      </c>
      <c r="C22587">
        <v>1</v>
      </c>
      <c r="D22587">
        <v>0</v>
      </c>
    </row>
    <row r="22588" spans="1:4" x14ac:dyDescent="0.25">
      <c r="A22588" t="s">
        <v>35005</v>
      </c>
      <c r="B22588" t="s">
        <v>35006</v>
      </c>
      <c r="C22588">
        <v>1</v>
      </c>
      <c r="D22588">
        <v>0</v>
      </c>
    </row>
    <row r="22589" spans="1:4" x14ac:dyDescent="0.25">
      <c r="A22589" t="s">
        <v>35007</v>
      </c>
      <c r="B22589" t="s">
        <v>35008</v>
      </c>
      <c r="C22589">
        <v>1</v>
      </c>
      <c r="D22589">
        <v>0</v>
      </c>
    </row>
    <row r="22590" spans="1:4" x14ac:dyDescent="0.25">
      <c r="A22590" t="s">
        <v>35007</v>
      </c>
      <c r="B22590" t="s">
        <v>35009</v>
      </c>
      <c r="C22590">
        <v>2</v>
      </c>
      <c r="D22590">
        <v>0</v>
      </c>
    </row>
    <row r="22591" spans="1:4" x14ac:dyDescent="0.25">
      <c r="A22591" t="s">
        <v>35010</v>
      </c>
      <c r="B22591" t="s">
        <v>35011</v>
      </c>
      <c r="C22591">
        <v>1</v>
      </c>
      <c r="D22591">
        <v>0</v>
      </c>
    </row>
    <row r="22592" spans="1:4" x14ac:dyDescent="0.25">
      <c r="A22592" t="s">
        <v>35010</v>
      </c>
      <c r="B22592" t="s">
        <v>35012</v>
      </c>
      <c r="C22592">
        <v>1</v>
      </c>
      <c r="D22592">
        <v>0</v>
      </c>
    </row>
    <row r="22593" spans="1:4" x14ac:dyDescent="0.25">
      <c r="A22593" t="s">
        <v>35010</v>
      </c>
      <c r="B22593" t="s">
        <v>968</v>
      </c>
      <c r="C22593">
        <v>1</v>
      </c>
      <c r="D22593">
        <v>0</v>
      </c>
    </row>
    <row r="22594" spans="1:4" x14ac:dyDescent="0.25">
      <c r="A22594" t="s">
        <v>35013</v>
      </c>
      <c r="B22594" t="s">
        <v>35014</v>
      </c>
      <c r="C22594">
        <v>1</v>
      </c>
      <c r="D22594">
        <v>0</v>
      </c>
    </row>
    <row r="22595" spans="1:4" x14ac:dyDescent="0.25">
      <c r="A22595" t="s">
        <v>35013</v>
      </c>
      <c r="B22595" t="s">
        <v>1555</v>
      </c>
      <c r="C22595">
        <v>2</v>
      </c>
      <c r="D22595">
        <v>0</v>
      </c>
    </row>
    <row r="22596" spans="1:4" x14ac:dyDescent="0.25">
      <c r="A22596" t="s">
        <v>35013</v>
      </c>
      <c r="B22596" t="s">
        <v>35015</v>
      </c>
      <c r="C22596">
        <v>0</v>
      </c>
      <c r="D22596">
        <v>0</v>
      </c>
    </row>
    <row r="22597" spans="1:4" x14ac:dyDescent="0.25">
      <c r="A22597" t="s">
        <v>35016</v>
      </c>
      <c r="B22597" t="s">
        <v>35017</v>
      </c>
      <c r="C22597">
        <v>1</v>
      </c>
      <c r="D22597">
        <v>0</v>
      </c>
    </row>
    <row r="22598" spans="1:4" x14ac:dyDescent="0.25">
      <c r="A22598" t="s">
        <v>35016</v>
      </c>
      <c r="B22598" t="s">
        <v>35018</v>
      </c>
      <c r="C22598">
        <v>1</v>
      </c>
      <c r="D22598">
        <v>0</v>
      </c>
    </row>
    <row r="22599" spans="1:4" x14ac:dyDescent="0.25">
      <c r="A22599" t="s">
        <v>35019</v>
      </c>
      <c r="B22599" t="s">
        <v>35020</v>
      </c>
      <c r="C22599">
        <v>0</v>
      </c>
      <c r="D22599">
        <v>0</v>
      </c>
    </row>
    <row r="22600" spans="1:4" x14ac:dyDescent="0.25">
      <c r="A22600" t="s">
        <v>35019</v>
      </c>
      <c r="B22600" t="s">
        <v>35021</v>
      </c>
      <c r="C22600">
        <v>2</v>
      </c>
      <c r="D22600">
        <v>0</v>
      </c>
    </row>
    <row r="22601" spans="1:4" x14ac:dyDescent="0.25">
      <c r="A22601" t="s">
        <v>35022</v>
      </c>
      <c r="B22601" t="s">
        <v>35023</v>
      </c>
      <c r="C22601">
        <v>1</v>
      </c>
      <c r="D22601">
        <v>0</v>
      </c>
    </row>
    <row r="22602" spans="1:4" x14ac:dyDescent="0.25">
      <c r="A22602" t="s">
        <v>35022</v>
      </c>
      <c r="B22602" t="s">
        <v>35024</v>
      </c>
      <c r="C22602">
        <v>0</v>
      </c>
      <c r="D22602">
        <v>0</v>
      </c>
    </row>
    <row r="22603" spans="1:4" x14ac:dyDescent="0.25">
      <c r="A22603" t="s">
        <v>35025</v>
      </c>
      <c r="B22603" t="s">
        <v>35026</v>
      </c>
      <c r="C22603">
        <v>1</v>
      </c>
      <c r="D22603">
        <v>0</v>
      </c>
    </row>
    <row r="22604" spans="1:4" x14ac:dyDescent="0.25">
      <c r="A22604" t="s">
        <v>35025</v>
      </c>
      <c r="B22604" t="s">
        <v>35027</v>
      </c>
      <c r="C22604">
        <v>0</v>
      </c>
      <c r="D22604">
        <v>0</v>
      </c>
    </row>
    <row r="22605" spans="1:4" x14ac:dyDescent="0.25">
      <c r="A22605" t="s">
        <v>35025</v>
      </c>
      <c r="B22605" t="s">
        <v>35028</v>
      </c>
      <c r="C22605">
        <v>1</v>
      </c>
      <c r="D22605">
        <v>0</v>
      </c>
    </row>
    <row r="22606" spans="1:4" x14ac:dyDescent="0.25">
      <c r="A22606" t="s">
        <v>35029</v>
      </c>
      <c r="B22606" t="s">
        <v>35030</v>
      </c>
      <c r="C22606">
        <v>2</v>
      </c>
      <c r="D22606">
        <v>0</v>
      </c>
    </row>
    <row r="22607" spans="1:4" x14ac:dyDescent="0.25">
      <c r="A22607" t="s">
        <v>35029</v>
      </c>
      <c r="B22607" t="s">
        <v>35031</v>
      </c>
      <c r="C22607">
        <v>2</v>
      </c>
      <c r="D22607">
        <v>0</v>
      </c>
    </row>
    <row r="22608" spans="1:4" x14ac:dyDescent="0.25">
      <c r="A22608" t="s">
        <v>35032</v>
      </c>
      <c r="B22608" t="s">
        <v>35033</v>
      </c>
      <c r="C22608">
        <v>1</v>
      </c>
      <c r="D22608">
        <v>0</v>
      </c>
    </row>
    <row r="22609" spans="1:4" x14ac:dyDescent="0.25">
      <c r="A22609" t="s">
        <v>35032</v>
      </c>
      <c r="B22609" t="s">
        <v>35034</v>
      </c>
      <c r="C22609">
        <v>1</v>
      </c>
      <c r="D22609">
        <v>0</v>
      </c>
    </row>
    <row r="22610" spans="1:4" x14ac:dyDescent="0.25">
      <c r="A22610" t="s">
        <v>35032</v>
      </c>
      <c r="B22610" t="s">
        <v>35035</v>
      </c>
      <c r="C22610">
        <v>1</v>
      </c>
      <c r="D22610">
        <v>0</v>
      </c>
    </row>
    <row r="22611" spans="1:4" x14ac:dyDescent="0.25">
      <c r="A22611" t="s">
        <v>35036</v>
      </c>
      <c r="B22611" t="s">
        <v>35037</v>
      </c>
      <c r="C22611">
        <v>0</v>
      </c>
      <c r="D22611">
        <v>0</v>
      </c>
    </row>
    <row r="22612" spans="1:4" x14ac:dyDescent="0.25">
      <c r="A22612" t="s">
        <v>35036</v>
      </c>
      <c r="B22612" t="s">
        <v>35038</v>
      </c>
      <c r="C22612">
        <v>0</v>
      </c>
      <c r="D22612">
        <v>0</v>
      </c>
    </row>
    <row r="22613" spans="1:4" x14ac:dyDescent="0.25">
      <c r="A22613" t="s">
        <v>35039</v>
      </c>
      <c r="B22613" t="s">
        <v>35040</v>
      </c>
      <c r="C22613">
        <v>2</v>
      </c>
      <c r="D22613">
        <v>0</v>
      </c>
    </row>
    <row r="22614" spans="1:4" x14ac:dyDescent="0.25">
      <c r="A22614" t="s">
        <v>35039</v>
      </c>
      <c r="B22614" t="s">
        <v>35041</v>
      </c>
      <c r="C22614">
        <v>2</v>
      </c>
      <c r="D22614">
        <v>0</v>
      </c>
    </row>
    <row r="22615" spans="1:4" x14ac:dyDescent="0.25">
      <c r="A22615" t="s">
        <v>35042</v>
      </c>
      <c r="B22615" t="s">
        <v>852</v>
      </c>
      <c r="C22615">
        <v>0</v>
      </c>
      <c r="D22615">
        <v>0</v>
      </c>
    </row>
    <row r="22616" spans="1:4" x14ac:dyDescent="0.25">
      <c r="A22616" t="s">
        <v>35043</v>
      </c>
      <c r="B22616" t="s">
        <v>35044</v>
      </c>
      <c r="C22616">
        <v>1</v>
      </c>
      <c r="D22616">
        <v>0</v>
      </c>
    </row>
    <row r="22617" spans="1:4" x14ac:dyDescent="0.25">
      <c r="A22617" t="s">
        <v>35043</v>
      </c>
      <c r="B22617" t="s">
        <v>35045</v>
      </c>
      <c r="C22617">
        <v>1</v>
      </c>
      <c r="D22617">
        <v>0</v>
      </c>
    </row>
    <row r="22618" spans="1:4" x14ac:dyDescent="0.25">
      <c r="A22618" t="s">
        <v>35043</v>
      </c>
      <c r="B22618" t="s">
        <v>35046</v>
      </c>
      <c r="C22618">
        <v>1</v>
      </c>
      <c r="D22618">
        <v>0</v>
      </c>
    </row>
    <row r="22619" spans="1:4" x14ac:dyDescent="0.25">
      <c r="A22619" t="s">
        <v>35047</v>
      </c>
      <c r="B22619" t="s">
        <v>35048</v>
      </c>
      <c r="C22619">
        <v>1</v>
      </c>
      <c r="D22619">
        <v>0</v>
      </c>
    </row>
    <row r="22620" spans="1:4" x14ac:dyDescent="0.25">
      <c r="A22620" t="s">
        <v>35047</v>
      </c>
      <c r="B22620" t="s">
        <v>2412</v>
      </c>
      <c r="C22620">
        <v>1</v>
      </c>
      <c r="D22620">
        <v>0</v>
      </c>
    </row>
    <row r="22621" spans="1:4" x14ac:dyDescent="0.25">
      <c r="A22621" t="s">
        <v>35049</v>
      </c>
      <c r="B22621" t="s">
        <v>35050</v>
      </c>
      <c r="C22621">
        <v>1</v>
      </c>
      <c r="D22621">
        <v>0</v>
      </c>
    </row>
    <row r="22622" spans="1:4" x14ac:dyDescent="0.25">
      <c r="A22622" t="s">
        <v>35049</v>
      </c>
      <c r="B22622" t="s">
        <v>35051</v>
      </c>
      <c r="C22622">
        <v>1</v>
      </c>
      <c r="D22622">
        <v>0</v>
      </c>
    </row>
    <row r="22623" spans="1:4" x14ac:dyDescent="0.25">
      <c r="A22623" t="s">
        <v>35049</v>
      </c>
      <c r="B22623" t="s">
        <v>35052</v>
      </c>
      <c r="C22623">
        <v>0</v>
      </c>
      <c r="D22623">
        <v>0</v>
      </c>
    </row>
    <row r="22624" spans="1:4" x14ac:dyDescent="0.25">
      <c r="A22624" t="s">
        <v>35053</v>
      </c>
      <c r="B22624" t="s">
        <v>35054</v>
      </c>
      <c r="C22624">
        <v>0</v>
      </c>
      <c r="D22624">
        <v>0</v>
      </c>
    </row>
    <row r="22625" spans="1:4" x14ac:dyDescent="0.25">
      <c r="A22625" t="s">
        <v>35055</v>
      </c>
      <c r="B22625" t="s">
        <v>35056</v>
      </c>
      <c r="C22625">
        <v>2</v>
      </c>
      <c r="D22625">
        <v>0</v>
      </c>
    </row>
    <row r="22626" spans="1:4" x14ac:dyDescent="0.25">
      <c r="A22626" t="s">
        <v>35055</v>
      </c>
      <c r="B22626" t="s">
        <v>35057</v>
      </c>
      <c r="C22626">
        <v>0</v>
      </c>
      <c r="D22626">
        <v>0</v>
      </c>
    </row>
    <row r="22627" spans="1:4" x14ac:dyDescent="0.25">
      <c r="A22627" t="s">
        <v>35055</v>
      </c>
      <c r="B22627" t="s">
        <v>35058</v>
      </c>
      <c r="C22627">
        <v>2</v>
      </c>
      <c r="D22627">
        <v>0</v>
      </c>
    </row>
    <row r="22628" spans="1:4" x14ac:dyDescent="0.25">
      <c r="A22628" t="s">
        <v>35059</v>
      </c>
      <c r="B22628" t="s">
        <v>35060</v>
      </c>
      <c r="C22628">
        <v>0</v>
      </c>
      <c r="D22628">
        <v>0</v>
      </c>
    </row>
    <row r="22629" spans="1:4" x14ac:dyDescent="0.25">
      <c r="A22629" t="s">
        <v>35061</v>
      </c>
      <c r="B22629" t="s">
        <v>35062</v>
      </c>
      <c r="C22629">
        <v>1</v>
      </c>
      <c r="D22629">
        <v>0</v>
      </c>
    </row>
    <row r="22630" spans="1:4" x14ac:dyDescent="0.25">
      <c r="A22630" t="s">
        <v>35061</v>
      </c>
      <c r="B22630" t="s">
        <v>35063</v>
      </c>
      <c r="C22630">
        <v>2</v>
      </c>
      <c r="D22630">
        <v>0</v>
      </c>
    </row>
    <row r="22631" spans="1:4" x14ac:dyDescent="0.25">
      <c r="A22631" t="s">
        <v>35064</v>
      </c>
      <c r="B22631" t="s">
        <v>35065</v>
      </c>
      <c r="C22631">
        <v>0</v>
      </c>
      <c r="D22631">
        <v>0</v>
      </c>
    </row>
    <row r="22632" spans="1:4" x14ac:dyDescent="0.25">
      <c r="A22632" t="s">
        <v>35064</v>
      </c>
      <c r="B22632" t="s">
        <v>35066</v>
      </c>
      <c r="C22632">
        <v>0</v>
      </c>
      <c r="D22632">
        <v>0</v>
      </c>
    </row>
    <row r="22633" spans="1:4" x14ac:dyDescent="0.25">
      <c r="A22633" t="s">
        <v>35067</v>
      </c>
      <c r="B22633" t="s">
        <v>35068</v>
      </c>
      <c r="C22633">
        <v>0</v>
      </c>
      <c r="D22633">
        <v>0</v>
      </c>
    </row>
    <row r="22634" spans="1:4" x14ac:dyDescent="0.25">
      <c r="A22634" t="s">
        <v>35067</v>
      </c>
      <c r="B22634" t="s">
        <v>35069</v>
      </c>
      <c r="C22634">
        <v>2</v>
      </c>
      <c r="D22634">
        <v>0</v>
      </c>
    </row>
    <row r="22635" spans="1:4" x14ac:dyDescent="0.25">
      <c r="A22635" t="s">
        <v>35070</v>
      </c>
      <c r="B22635" t="s">
        <v>35071</v>
      </c>
      <c r="C22635">
        <v>0</v>
      </c>
      <c r="D22635">
        <v>0</v>
      </c>
    </row>
    <row r="22636" spans="1:4" x14ac:dyDescent="0.25">
      <c r="A22636" t="s">
        <v>35070</v>
      </c>
      <c r="B22636" t="s">
        <v>35072</v>
      </c>
      <c r="C22636">
        <v>1</v>
      </c>
      <c r="D22636">
        <v>0</v>
      </c>
    </row>
    <row r="22637" spans="1:4" x14ac:dyDescent="0.25">
      <c r="A22637" t="s">
        <v>35070</v>
      </c>
      <c r="B22637" t="s">
        <v>35073</v>
      </c>
      <c r="C22637">
        <v>1</v>
      </c>
      <c r="D22637">
        <v>0</v>
      </c>
    </row>
    <row r="22638" spans="1:4" x14ac:dyDescent="0.25">
      <c r="A22638" t="s">
        <v>35074</v>
      </c>
      <c r="B22638" t="s">
        <v>35075</v>
      </c>
      <c r="C22638">
        <v>0</v>
      </c>
      <c r="D22638">
        <v>0</v>
      </c>
    </row>
    <row r="22639" spans="1:4" x14ac:dyDescent="0.25">
      <c r="A22639" t="s">
        <v>35074</v>
      </c>
      <c r="B22639" t="s">
        <v>35076</v>
      </c>
      <c r="C22639">
        <v>0</v>
      </c>
      <c r="D22639">
        <v>0</v>
      </c>
    </row>
    <row r="22640" spans="1:4" x14ac:dyDescent="0.25">
      <c r="A22640" t="s">
        <v>35077</v>
      </c>
      <c r="B22640" t="s">
        <v>35078</v>
      </c>
      <c r="C22640">
        <v>0</v>
      </c>
      <c r="D22640">
        <v>0</v>
      </c>
    </row>
    <row r="22641" spans="1:4" x14ac:dyDescent="0.25">
      <c r="A22641" t="s">
        <v>35077</v>
      </c>
      <c r="B22641" t="s">
        <v>35079</v>
      </c>
      <c r="C22641">
        <v>1</v>
      </c>
      <c r="D22641">
        <v>0</v>
      </c>
    </row>
    <row r="22642" spans="1:4" x14ac:dyDescent="0.25">
      <c r="A22642" t="s">
        <v>35077</v>
      </c>
      <c r="B22642" t="s">
        <v>35080</v>
      </c>
      <c r="C22642">
        <v>0</v>
      </c>
      <c r="D22642">
        <v>0</v>
      </c>
    </row>
    <row r="22643" spans="1:4" x14ac:dyDescent="0.25">
      <c r="A22643" t="s">
        <v>35081</v>
      </c>
      <c r="B22643" t="s">
        <v>35082</v>
      </c>
      <c r="C22643">
        <v>1</v>
      </c>
      <c r="D22643">
        <v>0</v>
      </c>
    </row>
    <row r="22644" spans="1:4" x14ac:dyDescent="0.25">
      <c r="A22644" t="s">
        <v>35081</v>
      </c>
      <c r="B22644" t="s">
        <v>35083</v>
      </c>
      <c r="C22644">
        <v>2</v>
      </c>
      <c r="D22644">
        <v>0</v>
      </c>
    </row>
    <row r="22645" spans="1:4" x14ac:dyDescent="0.25">
      <c r="A22645" t="s">
        <v>35081</v>
      </c>
      <c r="B22645" t="s">
        <v>35084</v>
      </c>
      <c r="C22645">
        <v>1</v>
      </c>
      <c r="D22645">
        <v>0</v>
      </c>
    </row>
    <row r="22646" spans="1:4" x14ac:dyDescent="0.25">
      <c r="A22646" t="s">
        <v>35085</v>
      </c>
      <c r="B22646" t="s">
        <v>35086</v>
      </c>
      <c r="C22646">
        <v>1</v>
      </c>
      <c r="D22646">
        <v>0</v>
      </c>
    </row>
    <row r="22647" spans="1:4" x14ac:dyDescent="0.25">
      <c r="A22647" t="s">
        <v>35085</v>
      </c>
      <c r="B22647" t="s">
        <v>35087</v>
      </c>
      <c r="C22647">
        <v>0</v>
      </c>
      <c r="D22647">
        <v>0</v>
      </c>
    </row>
    <row r="22648" spans="1:4" x14ac:dyDescent="0.25">
      <c r="A22648" t="s">
        <v>35088</v>
      </c>
      <c r="B22648" t="s">
        <v>35089</v>
      </c>
      <c r="C22648">
        <v>1</v>
      </c>
      <c r="D22648">
        <v>0</v>
      </c>
    </row>
    <row r="22649" spans="1:4" x14ac:dyDescent="0.25">
      <c r="A22649" t="s">
        <v>35090</v>
      </c>
      <c r="B22649" t="s">
        <v>35091</v>
      </c>
      <c r="C22649">
        <v>1</v>
      </c>
      <c r="D22649">
        <v>0</v>
      </c>
    </row>
    <row r="22650" spans="1:4" x14ac:dyDescent="0.25">
      <c r="A22650" t="s">
        <v>35090</v>
      </c>
      <c r="B22650" t="s">
        <v>1401</v>
      </c>
      <c r="C22650">
        <v>0</v>
      </c>
      <c r="D22650">
        <v>0</v>
      </c>
    </row>
    <row r="22651" spans="1:4" x14ac:dyDescent="0.25">
      <c r="A22651" t="s">
        <v>35092</v>
      </c>
      <c r="B22651" t="s">
        <v>35093</v>
      </c>
      <c r="C22651">
        <v>1</v>
      </c>
      <c r="D22651">
        <v>0</v>
      </c>
    </row>
    <row r="22652" spans="1:4" x14ac:dyDescent="0.25">
      <c r="A22652" t="s">
        <v>35092</v>
      </c>
      <c r="B22652" t="s">
        <v>35094</v>
      </c>
      <c r="C22652">
        <v>1</v>
      </c>
      <c r="D22652">
        <v>0</v>
      </c>
    </row>
    <row r="22653" spans="1:4" x14ac:dyDescent="0.25">
      <c r="A22653" t="s">
        <v>35092</v>
      </c>
      <c r="B22653" t="s">
        <v>35095</v>
      </c>
      <c r="C22653">
        <v>1</v>
      </c>
      <c r="D22653">
        <v>0</v>
      </c>
    </row>
    <row r="22654" spans="1:4" x14ac:dyDescent="0.25">
      <c r="A22654" t="s">
        <v>35096</v>
      </c>
      <c r="B22654" t="s">
        <v>35097</v>
      </c>
      <c r="C22654">
        <v>0</v>
      </c>
      <c r="D22654">
        <v>0</v>
      </c>
    </row>
    <row r="22655" spans="1:4" x14ac:dyDescent="0.25">
      <c r="A22655" t="s">
        <v>35096</v>
      </c>
      <c r="B22655" t="s">
        <v>35098</v>
      </c>
      <c r="C22655">
        <v>0</v>
      </c>
      <c r="D22655">
        <v>0</v>
      </c>
    </row>
    <row r="22656" spans="1:4" x14ac:dyDescent="0.25">
      <c r="A22656" t="s">
        <v>35096</v>
      </c>
      <c r="B22656" t="s">
        <v>35099</v>
      </c>
      <c r="C22656">
        <v>0</v>
      </c>
      <c r="D22656">
        <v>0</v>
      </c>
    </row>
    <row r="22657" spans="1:4" x14ac:dyDescent="0.25">
      <c r="A22657" t="s">
        <v>15389</v>
      </c>
      <c r="B22657" t="s">
        <v>35100</v>
      </c>
      <c r="C22657">
        <v>2</v>
      </c>
      <c r="D22657">
        <v>0</v>
      </c>
    </row>
    <row r="22658" spans="1:4" x14ac:dyDescent="0.25">
      <c r="A22658" t="s">
        <v>15389</v>
      </c>
      <c r="B22658" t="s">
        <v>35101</v>
      </c>
      <c r="C22658">
        <v>2</v>
      </c>
      <c r="D22658">
        <v>0</v>
      </c>
    </row>
    <row r="22659" spans="1:4" x14ac:dyDescent="0.25">
      <c r="A22659" t="s">
        <v>15389</v>
      </c>
      <c r="B22659" t="s">
        <v>35102</v>
      </c>
      <c r="C22659">
        <v>2</v>
      </c>
      <c r="D22659">
        <v>0</v>
      </c>
    </row>
    <row r="22660" spans="1:4" x14ac:dyDescent="0.25">
      <c r="A22660" t="s">
        <v>35103</v>
      </c>
      <c r="B22660" t="s">
        <v>2061</v>
      </c>
      <c r="C22660">
        <v>0</v>
      </c>
      <c r="D22660">
        <v>0</v>
      </c>
    </row>
    <row r="22661" spans="1:4" x14ac:dyDescent="0.25">
      <c r="A22661" t="s">
        <v>35103</v>
      </c>
      <c r="B22661" t="s">
        <v>35104</v>
      </c>
      <c r="C22661">
        <v>1</v>
      </c>
      <c r="D22661">
        <v>0</v>
      </c>
    </row>
    <row r="22662" spans="1:4" x14ac:dyDescent="0.25">
      <c r="A22662" t="s">
        <v>35105</v>
      </c>
      <c r="B22662" t="s">
        <v>35106</v>
      </c>
      <c r="C22662">
        <v>0</v>
      </c>
      <c r="D22662">
        <v>0</v>
      </c>
    </row>
    <row r="22663" spans="1:4" x14ac:dyDescent="0.25">
      <c r="A22663" t="s">
        <v>35105</v>
      </c>
      <c r="B22663" t="s">
        <v>35107</v>
      </c>
      <c r="C22663">
        <v>1</v>
      </c>
      <c r="D22663">
        <v>0</v>
      </c>
    </row>
    <row r="22664" spans="1:4" x14ac:dyDescent="0.25">
      <c r="A22664" t="s">
        <v>35108</v>
      </c>
      <c r="B22664" t="s">
        <v>35109</v>
      </c>
      <c r="C22664">
        <v>1</v>
      </c>
      <c r="D22664">
        <v>0</v>
      </c>
    </row>
    <row r="22665" spans="1:4" x14ac:dyDescent="0.25">
      <c r="A22665" t="s">
        <v>35108</v>
      </c>
      <c r="B22665" t="s">
        <v>35110</v>
      </c>
      <c r="C22665">
        <v>1</v>
      </c>
      <c r="D22665">
        <v>0</v>
      </c>
    </row>
    <row r="22666" spans="1:4" x14ac:dyDescent="0.25">
      <c r="A22666" t="s">
        <v>35111</v>
      </c>
      <c r="B22666" t="s">
        <v>35112</v>
      </c>
      <c r="C22666">
        <v>0</v>
      </c>
      <c r="D22666">
        <v>0</v>
      </c>
    </row>
    <row r="22667" spans="1:4" x14ac:dyDescent="0.25">
      <c r="A22667" t="s">
        <v>35111</v>
      </c>
      <c r="B22667" t="s">
        <v>35113</v>
      </c>
      <c r="C22667">
        <v>0</v>
      </c>
      <c r="D22667">
        <v>0</v>
      </c>
    </row>
    <row r="22668" spans="1:4" x14ac:dyDescent="0.25">
      <c r="A22668" t="s">
        <v>35114</v>
      </c>
      <c r="B22668" t="s">
        <v>35115</v>
      </c>
      <c r="C22668">
        <v>1</v>
      </c>
      <c r="D22668">
        <v>0</v>
      </c>
    </row>
    <row r="22669" spans="1:4" x14ac:dyDescent="0.25">
      <c r="A22669" t="s">
        <v>35116</v>
      </c>
      <c r="B22669" t="s">
        <v>8993</v>
      </c>
      <c r="C22669">
        <v>0</v>
      </c>
      <c r="D22669">
        <v>0</v>
      </c>
    </row>
    <row r="22670" spans="1:4" x14ac:dyDescent="0.25">
      <c r="A22670" t="s">
        <v>35116</v>
      </c>
      <c r="B22670" t="s">
        <v>33021</v>
      </c>
      <c r="C22670">
        <v>0</v>
      </c>
      <c r="D22670">
        <v>0</v>
      </c>
    </row>
    <row r="22671" spans="1:4" x14ac:dyDescent="0.25">
      <c r="A22671" t="s">
        <v>35116</v>
      </c>
      <c r="B22671" t="s">
        <v>35117</v>
      </c>
      <c r="C22671">
        <v>0</v>
      </c>
      <c r="D22671">
        <v>0</v>
      </c>
    </row>
    <row r="22672" spans="1:4" x14ac:dyDescent="0.25">
      <c r="A22672" t="s">
        <v>35118</v>
      </c>
      <c r="B22672" t="s">
        <v>35119</v>
      </c>
      <c r="C22672">
        <v>1</v>
      </c>
      <c r="D22672">
        <v>0</v>
      </c>
    </row>
    <row r="22673" spans="1:4" x14ac:dyDescent="0.25">
      <c r="A22673" t="s">
        <v>35118</v>
      </c>
      <c r="B22673" t="s">
        <v>35120</v>
      </c>
      <c r="C22673">
        <v>1</v>
      </c>
      <c r="D22673">
        <v>0</v>
      </c>
    </row>
    <row r="22674" spans="1:4" x14ac:dyDescent="0.25">
      <c r="A22674" t="s">
        <v>35118</v>
      </c>
      <c r="B22674" t="s">
        <v>35121</v>
      </c>
      <c r="C22674">
        <v>1</v>
      </c>
      <c r="D22674">
        <v>0</v>
      </c>
    </row>
    <row r="22675" spans="1:4" x14ac:dyDescent="0.25">
      <c r="A22675" t="s">
        <v>35122</v>
      </c>
      <c r="B22675" t="s">
        <v>35123</v>
      </c>
      <c r="C22675">
        <v>1</v>
      </c>
      <c r="D22675">
        <v>0</v>
      </c>
    </row>
    <row r="22676" spans="1:4" x14ac:dyDescent="0.25">
      <c r="A22676" t="s">
        <v>35124</v>
      </c>
      <c r="B22676" t="s">
        <v>35125</v>
      </c>
      <c r="C22676">
        <v>0</v>
      </c>
      <c r="D22676">
        <v>0</v>
      </c>
    </row>
    <row r="22677" spans="1:4" x14ac:dyDescent="0.25">
      <c r="A22677" t="s">
        <v>35124</v>
      </c>
      <c r="B22677" t="s">
        <v>35126</v>
      </c>
      <c r="C22677">
        <v>0</v>
      </c>
      <c r="D22677">
        <v>0</v>
      </c>
    </row>
    <row r="22678" spans="1:4" x14ac:dyDescent="0.25">
      <c r="A22678" t="s">
        <v>35127</v>
      </c>
      <c r="B22678" t="s">
        <v>35128</v>
      </c>
      <c r="C22678">
        <v>1</v>
      </c>
      <c r="D22678">
        <v>0</v>
      </c>
    </row>
    <row r="22679" spans="1:4" x14ac:dyDescent="0.25">
      <c r="A22679" t="s">
        <v>35129</v>
      </c>
      <c r="B22679" t="s">
        <v>35130</v>
      </c>
      <c r="C22679">
        <v>2</v>
      </c>
      <c r="D22679">
        <v>0</v>
      </c>
    </row>
    <row r="22680" spans="1:4" x14ac:dyDescent="0.25">
      <c r="A22680" t="s">
        <v>35129</v>
      </c>
      <c r="B22680" t="s">
        <v>35131</v>
      </c>
      <c r="C22680">
        <v>2</v>
      </c>
      <c r="D22680">
        <v>0</v>
      </c>
    </row>
    <row r="22681" spans="1:4" x14ac:dyDescent="0.25">
      <c r="A22681" t="s">
        <v>35132</v>
      </c>
      <c r="B22681" t="s">
        <v>35133</v>
      </c>
      <c r="C22681">
        <v>0</v>
      </c>
      <c r="D22681">
        <v>0</v>
      </c>
    </row>
    <row r="22682" spans="1:4" x14ac:dyDescent="0.25">
      <c r="A22682" t="s">
        <v>35134</v>
      </c>
      <c r="B22682" t="s">
        <v>35135</v>
      </c>
      <c r="C22682">
        <v>0</v>
      </c>
      <c r="D22682">
        <v>0</v>
      </c>
    </row>
    <row r="22683" spans="1:4" x14ac:dyDescent="0.25">
      <c r="A22683" t="s">
        <v>35134</v>
      </c>
      <c r="B22683" t="s">
        <v>35136</v>
      </c>
      <c r="C22683">
        <v>0</v>
      </c>
      <c r="D22683">
        <v>0</v>
      </c>
    </row>
    <row r="22684" spans="1:4" x14ac:dyDescent="0.25">
      <c r="A22684" t="s">
        <v>35134</v>
      </c>
      <c r="B22684" t="s">
        <v>35137</v>
      </c>
      <c r="C22684">
        <v>0</v>
      </c>
      <c r="D22684">
        <v>0</v>
      </c>
    </row>
    <row r="22685" spans="1:4" x14ac:dyDescent="0.25">
      <c r="A22685" t="s">
        <v>35138</v>
      </c>
      <c r="B22685" t="s">
        <v>35139</v>
      </c>
      <c r="C22685">
        <v>1</v>
      </c>
      <c r="D22685">
        <v>0</v>
      </c>
    </row>
    <row r="22686" spans="1:4" x14ac:dyDescent="0.25">
      <c r="A22686" t="s">
        <v>35138</v>
      </c>
      <c r="B22686" t="s">
        <v>35140</v>
      </c>
      <c r="C22686">
        <v>1</v>
      </c>
      <c r="D22686">
        <v>0</v>
      </c>
    </row>
    <row r="22687" spans="1:4" x14ac:dyDescent="0.25">
      <c r="A22687" t="s">
        <v>35141</v>
      </c>
      <c r="B22687" t="s">
        <v>35142</v>
      </c>
      <c r="C22687">
        <v>1</v>
      </c>
      <c r="D22687">
        <v>0</v>
      </c>
    </row>
    <row r="22688" spans="1:4" x14ac:dyDescent="0.25">
      <c r="A22688" t="s">
        <v>35141</v>
      </c>
      <c r="B22688" t="s">
        <v>35143</v>
      </c>
      <c r="C22688">
        <v>1</v>
      </c>
      <c r="D22688">
        <v>0</v>
      </c>
    </row>
    <row r="22689" spans="1:4" x14ac:dyDescent="0.25">
      <c r="A22689" t="s">
        <v>35141</v>
      </c>
      <c r="B22689" t="s">
        <v>35144</v>
      </c>
      <c r="C22689">
        <v>1</v>
      </c>
      <c r="D22689">
        <v>0</v>
      </c>
    </row>
    <row r="22690" spans="1:4" x14ac:dyDescent="0.25">
      <c r="A22690" t="s">
        <v>35145</v>
      </c>
      <c r="B22690" t="s">
        <v>35146</v>
      </c>
      <c r="C22690">
        <v>1</v>
      </c>
      <c r="D22690">
        <v>0</v>
      </c>
    </row>
    <row r="22691" spans="1:4" x14ac:dyDescent="0.25">
      <c r="A22691" t="s">
        <v>35147</v>
      </c>
      <c r="B22691" t="s">
        <v>35148</v>
      </c>
      <c r="C22691">
        <v>2</v>
      </c>
      <c r="D22691">
        <v>0</v>
      </c>
    </row>
    <row r="22692" spans="1:4" x14ac:dyDescent="0.25">
      <c r="A22692" t="s">
        <v>35147</v>
      </c>
      <c r="B22692" t="s">
        <v>35149</v>
      </c>
      <c r="C22692">
        <v>2</v>
      </c>
      <c r="D22692">
        <v>0</v>
      </c>
    </row>
    <row r="22693" spans="1:4" x14ac:dyDescent="0.25">
      <c r="A22693" t="s">
        <v>35147</v>
      </c>
      <c r="B22693" t="s">
        <v>35150</v>
      </c>
      <c r="C22693">
        <v>0</v>
      </c>
      <c r="D22693">
        <v>0</v>
      </c>
    </row>
    <row r="22694" spans="1:4" x14ac:dyDescent="0.25">
      <c r="A22694" t="s">
        <v>35151</v>
      </c>
      <c r="B22694" t="s">
        <v>35152</v>
      </c>
      <c r="C22694">
        <v>1</v>
      </c>
      <c r="D22694">
        <v>0</v>
      </c>
    </row>
    <row r="22695" spans="1:4" x14ac:dyDescent="0.25">
      <c r="A22695" t="s">
        <v>35151</v>
      </c>
      <c r="B22695" t="s">
        <v>35153</v>
      </c>
      <c r="C22695">
        <v>0</v>
      </c>
      <c r="D22695">
        <v>0</v>
      </c>
    </row>
    <row r="22696" spans="1:4" x14ac:dyDescent="0.25">
      <c r="A22696" t="s">
        <v>35154</v>
      </c>
      <c r="B22696" t="s">
        <v>35155</v>
      </c>
      <c r="C22696">
        <v>2</v>
      </c>
      <c r="D22696">
        <v>0</v>
      </c>
    </row>
    <row r="22697" spans="1:4" x14ac:dyDescent="0.25">
      <c r="A22697" t="s">
        <v>35154</v>
      </c>
      <c r="B22697" t="s">
        <v>1763</v>
      </c>
      <c r="C22697">
        <v>1</v>
      </c>
      <c r="D22697">
        <v>0</v>
      </c>
    </row>
    <row r="22698" spans="1:4" x14ac:dyDescent="0.25">
      <c r="A22698" t="s">
        <v>35154</v>
      </c>
      <c r="B22698" t="s">
        <v>35156</v>
      </c>
      <c r="C22698">
        <v>2</v>
      </c>
      <c r="D22698">
        <v>0</v>
      </c>
    </row>
    <row r="22699" spans="1:4" x14ac:dyDescent="0.25">
      <c r="A22699" t="s">
        <v>35157</v>
      </c>
      <c r="B22699" t="s">
        <v>35158</v>
      </c>
      <c r="C22699">
        <v>0</v>
      </c>
      <c r="D22699">
        <v>0</v>
      </c>
    </row>
    <row r="22700" spans="1:4" x14ac:dyDescent="0.25">
      <c r="A22700" t="s">
        <v>35157</v>
      </c>
      <c r="B22700" t="s">
        <v>35159</v>
      </c>
      <c r="C22700">
        <v>0</v>
      </c>
      <c r="D22700">
        <v>0</v>
      </c>
    </row>
    <row r="22701" spans="1:4" x14ac:dyDescent="0.25">
      <c r="A22701" t="s">
        <v>35160</v>
      </c>
      <c r="B22701" t="s">
        <v>35161</v>
      </c>
      <c r="C22701">
        <v>1</v>
      </c>
      <c r="D22701">
        <v>0</v>
      </c>
    </row>
    <row r="22702" spans="1:4" x14ac:dyDescent="0.25">
      <c r="A22702" t="s">
        <v>35162</v>
      </c>
      <c r="B22702" t="s">
        <v>1526</v>
      </c>
      <c r="C22702">
        <v>1</v>
      </c>
      <c r="D22702">
        <v>0</v>
      </c>
    </row>
    <row r="22703" spans="1:4" x14ac:dyDescent="0.25">
      <c r="A22703" t="s">
        <v>35163</v>
      </c>
      <c r="B22703" t="s">
        <v>969</v>
      </c>
      <c r="C22703">
        <v>0</v>
      </c>
      <c r="D22703">
        <v>0</v>
      </c>
    </row>
    <row r="22704" spans="1:4" x14ac:dyDescent="0.25">
      <c r="A22704" t="s">
        <v>35163</v>
      </c>
      <c r="B22704" t="s">
        <v>35164</v>
      </c>
      <c r="C22704">
        <v>1</v>
      </c>
      <c r="D22704">
        <v>0</v>
      </c>
    </row>
    <row r="22705" spans="1:4" x14ac:dyDescent="0.25">
      <c r="A22705" t="s">
        <v>35165</v>
      </c>
      <c r="B22705" t="s">
        <v>35166</v>
      </c>
      <c r="C22705">
        <v>1</v>
      </c>
      <c r="D22705">
        <v>0</v>
      </c>
    </row>
    <row r="22706" spans="1:4" x14ac:dyDescent="0.25">
      <c r="A22706" t="s">
        <v>35165</v>
      </c>
      <c r="B22706" t="s">
        <v>35167</v>
      </c>
      <c r="C22706">
        <v>1</v>
      </c>
      <c r="D22706">
        <v>0</v>
      </c>
    </row>
    <row r="22707" spans="1:4" x14ac:dyDescent="0.25">
      <c r="A22707" t="s">
        <v>35165</v>
      </c>
      <c r="B22707" t="s">
        <v>35168</v>
      </c>
      <c r="C22707">
        <v>1</v>
      </c>
      <c r="D22707">
        <v>0</v>
      </c>
    </row>
    <row r="22708" spans="1:4" x14ac:dyDescent="0.25">
      <c r="A22708" t="s">
        <v>35169</v>
      </c>
      <c r="B22708" t="s">
        <v>35170</v>
      </c>
      <c r="C22708">
        <v>1</v>
      </c>
      <c r="D22708">
        <v>0</v>
      </c>
    </row>
    <row r="22709" spans="1:4" x14ac:dyDescent="0.25">
      <c r="A22709" t="s">
        <v>35169</v>
      </c>
      <c r="B22709" t="s">
        <v>35171</v>
      </c>
      <c r="C22709">
        <v>2</v>
      </c>
      <c r="D22709">
        <v>0</v>
      </c>
    </row>
    <row r="22710" spans="1:4" x14ac:dyDescent="0.25">
      <c r="A22710" t="s">
        <v>35172</v>
      </c>
      <c r="B22710" t="s">
        <v>35173</v>
      </c>
      <c r="C22710">
        <v>0</v>
      </c>
      <c r="D22710">
        <v>0</v>
      </c>
    </row>
    <row r="22711" spans="1:4" x14ac:dyDescent="0.25">
      <c r="A22711" t="s">
        <v>35174</v>
      </c>
      <c r="B22711" t="s">
        <v>35175</v>
      </c>
      <c r="C22711">
        <v>2</v>
      </c>
      <c r="D22711">
        <v>0</v>
      </c>
    </row>
    <row r="22712" spans="1:4" x14ac:dyDescent="0.25">
      <c r="A22712" t="s">
        <v>35174</v>
      </c>
      <c r="B22712" t="s">
        <v>29179</v>
      </c>
      <c r="C22712">
        <v>2</v>
      </c>
      <c r="D22712">
        <v>0</v>
      </c>
    </row>
    <row r="22713" spans="1:4" x14ac:dyDescent="0.25">
      <c r="A22713" t="s">
        <v>35174</v>
      </c>
      <c r="B22713" t="s">
        <v>35176</v>
      </c>
      <c r="C22713">
        <v>2</v>
      </c>
      <c r="D22713">
        <v>0</v>
      </c>
    </row>
    <row r="22714" spans="1:4" x14ac:dyDescent="0.25">
      <c r="A22714" t="s">
        <v>35177</v>
      </c>
      <c r="B22714" t="s">
        <v>35178</v>
      </c>
      <c r="C22714">
        <v>0</v>
      </c>
      <c r="D22714">
        <v>0</v>
      </c>
    </row>
    <row r="22715" spans="1:4" x14ac:dyDescent="0.25">
      <c r="A22715" t="s">
        <v>35179</v>
      </c>
      <c r="B22715" t="s">
        <v>35180</v>
      </c>
      <c r="C22715">
        <v>2</v>
      </c>
      <c r="D22715">
        <v>0</v>
      </c>
    </row>
    <row r="22716" spans="1:4" x14ac:dyDescent="0.25">
      <c r="A22716" t="s">
        <v>35181</v>
      </c>
      <c r="B22716" t="s">
        <v>35182</v>
      </c>
      <c r="C22716">
        <v>0</v>
      </c>
      <c r="D22716">
        <v>0</v>
      </c>
    </row>
    <row r="22717" spans="1:4" x14ac:dyDescent="0.25">
      <c r="A22717" t="s">
        <v>35183</v>
      </c>
      <c r="B22717" t="s">
        <v>35184</v>
      </c>
      <c r="C22717">
        <v>1</v>
      </c>
      <c r="D22717">
        <v>0</v>
      </c>
    </row>
    <row r="22718" spans="1:4" x14ac:dyDescent="0.25">
      <c r="A22718" t="s">
        <v>35185</v>
      </c>
      <c r="B22718" t="s">
        <v>35186</v>
      </c>
      <c r="C22718">
        <v>2</v>
      </c>
      <c r="D22718">
        <v>0</v>
      </c>
    </row>
    <row r="22719" spans="1:4" x14ac:dyDescent="0.25">
      <c r="A22719" t="s">
        <v>35185</v>
      </c>
      <c r="B22719" t="s">
        <v>35187</v>
      </c>
      <c r="C22719">
        <v>2</v>
      </c>
      <c r="D22719">
        <v>0</v>
      </c>
    </row>
    <row r="22720" spans="1:4" x14ac:dyDescent="0.25">
      <c r="A22720" t="s">
        <v>35185</v>
      </c>
      <c r="B22720" t="s">
        <v>35188</v>
      </c>
      <c r="C22720">
        <v>1</v>
      </c>
      <c r="D22720">
        <v>0</v>
      </c>
    </row>
    <row r="22721" spans="1:4" x14ac:dyDescent="0.25">
      <c r="A22721" t="s">
        <v>35189</v>
      </c>
      <c r="B22721" t="s">
        <v>35190</v>
      </c>
      <c r="C22721">
        <v>1</v>
      </c>
      <c r="D22721">
        <v>0</v>
      </c>
    </row>
    <row r="22722" spans="1:4" x14ac:dyDescent="0.25">
      <c r="A22722" t="s">
        <v>35189</v>
      </c>
      <c r="B22722" t="s">
        <v>35191</v>
      </c>
      <c r="C22722">
        <v>0</v>
      </c>
      <c r="D22722">
        <v>0</v>
      </c>
    </row>
    <row r="22723" spans="1:4" x14ac:dyDescent="0.25">
      <c r="A22723" t="s">
        <v>35189</v>
      </c>
      <c r="B22723" t="s">
        <v>13621</v>
      </c>
      <c r="C22723">
        <v>0</v>
      </c>
      <c r="D22723">
        <v>0</v>
      </c>
    </row>
    <row r="22724" spans="1:4" x14ac:dyDescent="0.25">
      <c r="A22724" t="s">
        <v>35192</v>
      </c>
      <c r="B22724" t="s">
        <v>35193</v>
      </c>
      <c r="C22724">
        <v>0</v>
      </c>
      <c r="D22724">
        <v>0</v>
      </c>
    </row>
    <row r="22725" spans="1:4" x14ac:dyDescent="0.25">
      <c r="A22725" t="s">
        <v>35192</v>
      </c>
      <c r="B22725" t="s">
        <v>35194</v>
      </c>
      <c r="C22725">
        <v>2</v>
      </c>
      <c r="D22725">
        <v>0</v>
      </c>
    </row>
    <row r="22726" spans="1:4" x14ac:dyDescent="0.25">
      <c r="A22726" t="s">
        <v>35195</v>
      </c>
      <c r="B22726" t="s">
        <v>35196</v>
      </c>
      <c r="C22726">
        <v>1</v>
      </c>
      <c r="D22726">
        <v>0</v>
      </c>
    </row>
    <row r="22727" spans="1:4" x14ac:dyDescent="0.25">
      <c r="A22727" t="s">
        <v>35195</v>
      </c>
      <c r="B22727" t="s">
        <v>35197</v>
      </c>
      <c r="C22727">
        <v>1</v>
      </c>
      <c r="D22727">
        <v>0</v>
      </c>
    </row>
    <row r="22728" spans="1:4" x14ac:dyDescent="0.25">
      <c r="A22728" t="s">
        <v>35198</v>
      </c>
      <c r="B22728" t="s">
        <v>35199</v>
      </c>
      <c r="C22728">
        <v>0</v>
      </c>
      <c r="D22728">
        <v>0</v>
      </c>
    </row>
    <row r="22729" spans="1:4" x14ac:dyDescent="0.25">
      <c r="A22729" t="s">
        <v>35198</v>
      </c>
      <c r="B22729" t="s">
        <v>35200</v>
      </c>
      <c r="C22729">
        <v>1</v>
      </c>
      <c r="D22729">
        <v>0</v>
      </c>
    </row>
    <row r="22730" spans="1:4" x14ac:dyDescent="0.25">
      <c r="A22730" t="s">
        <v>35201</v>
      </c>
      <c r="B22730" t="s">
        <v>2267</v>
      </c>
      <c r="C22730">
        <v>0</v>
      </c>
      <c r="D22730">
        <v>0</v>
      </c>
    </row>
    <row r="22731" spans="1:4" x14ac:dyDescent="0.25">
      <c r="A22731" t="s">
        <v>35201</v>
      </c>
      <c r="B22731" t="s">
        <v>1090</v>
      </c>
      <c r="C22731">
        <v>1</v>
      </c>
      <c r="D22731">
        <v>0</v>
      </c>
    </row>
    <row r="22732" spans="1:4" x14ac:dyDescent="0.25">
      <c r="A22732" t="s">
        <v>35202</v>
      </c>
      <c r="B22732" t="s">
        <v>35203</v>
      </c>
      <c r="C22732">
        <v>0</v>
      </c>
      <c r="D22732">
        <v>0</v>
      </c>
    </row>
    <row r="22733" spans="1:4" x14ac:dyDescent="0.25">
      <c r="A22733" t="s">
        <v>35204</v>
      </c>
      <c r="B22733" t="s">
        <v>30028</v>
      </c>
      <c r="C22733">
        <v>0</v>
      </c>
      <c r="D22733">
        <v>0</v>
      </c>
    </row>
    <row r="22734" spans="1:4" x14ac:dyDescent="0.25">
      <c r="A22734" t="s">
        <v>35205</v>
      </c>
      <c r="B22734" t="s">
        <v>35206</v>
      </c>
      <c r="C22734">
        <v>0</v>
      </c>
      <c r="D22734">
        <v>0</v>
      </c>
    </row>
    <row r="22735" spans="1:4" x14ac:dyDescent="0.25">
      <c r="A22735" t="s">
        <v>35207</v>
      </c>
      <c r="B22735" t="s">
        <v>35208</v>
      </c>
      <c r="C22735">
        <v>0</v>
      </c>
      <c r="D22735">
        <v>0</v>
      </c>
    </row>
    <row r="22736" spans="1:4" x14ac:dyDescent="0.25">
      <c r="A22736" t="s">
        <v>35209</v>
      </c>
      <c r="B22736" t="s">
        <v>35210</v>
      </c>
      <c r="C22736">
        <v>2</v>
      </c>
      <c r="D22736">
        <v>0</v>
      </c>
    </row>
    <row r="22737" spans="1:4" x14ac:dyDescent="0.25">
      <c r="A22737" t="s">
        <v>35209</v>
      </c>
      <c r="B22737" t="s">
        <v>35211</v>
      </c>
      <c r="C22737">
        <v>2</v>
      </c>
      <c r="D22737">
        <v>0</v>
      </c>
    </row>
    <row r="22738" spans="1:4" x14ac:dyDescent="0.25">
      <c r="A22738" t="s">
        <v>35209</v>
      </c>
      <c r="B22738" t="s">
        <v>35212</v>
      </c>
      <c r="C22738">
        <v>2</v>
      </c>
      <c r="D22738">
        <v>0</v>
      </c>
    </row>
    <row r="22739" spans="1:4" x14ac:dyDescent="0.25">
      <c r="A22739" t="s">
        <v>35213</v>
      </c>
      <c r="B22739" t="s">
        <v>35214</v>
      </c>
      <c r="C22739">
        <v>1</v>
      </c>
      <c r="D22739">
        <v>0</v>
      </c>
    </row>
    <row r="22740" spans="1:4" x14ac:dyDescent="0.25">
      <c r="A22740" t="s">
        <v>35213</v>
      </c>
      <c r="B22740" t="s">
        <v>35215</v>
      </c>
      <c r="C22740">
        <v>2</v>
      </c>
      <c r="D22740">
        <v>0</v>
      </c>
    </row>
    <row r="22741" spans="1:4" x14ac:dyDescent="0.25">
      <c r="A22741" t="s">
        <v>35216</v>
      </c>
      <c r="B22741" t="s">
        <v>35217</v>
      </c>
      <c r="C22741">
        <v>2</v>
      </c>
      <c r="D22741">
        <v>0</v>
      </c>
    </row>
    <row r="22742" spans="1:4" x14ac:dyDescent="0.25">
      <c r="A22742" t="s">
        <v>35216</v>
      </c>
      <c r="B22742" t="s">
        <v>35218</v>
      </c>
      <c r="C22742">
        <v>0</v>
      </c>
      <c r="D22742">
        <v>0</v>
      </c>
    </row>
    <row r="22743" spans="1:4" x14ac:dyDescent="0.25">
      <c r="A22743" t="s">
        <v>35216</v>
      </c>
      <c r="B22743" t="s">
        <v>35219</v>
      </c>
      <c r="C22743">
        <v>0</v>
      </c>
      <c r="D22743">
        <v>0</v>
      </c>
    </row>
    <row r="22744" spans="1:4" x14ac:dyDescent="0.25">
      <c r="A22744" t="s">
        <v>35220</v>
      </c>
      <c r="B22744" t="s">
        <v>35221</v>
      </c>
      <c r="C22744">
        <v>1</v>
      </c>
      <c r="D22744">
        <v>0</v>
      </c>
    </row>
    <row r="22745" spans="1:4" x14ac:dyDescent="0.25">
      <c r="A22745" t="s">
        <v>35222</v>
      </c>
      <c r="B22745" t="s">
        <v>35223</v>
      </c>
      <c r="C22745">
        <v>1</v>
      </c>
      <c r="D22745">
        <v>0</v>
      </c>
    </row>
    <row r="22746" spans="1:4" x14ac:dyDescent="0.25">
      <c r="A22746" t="s">
        <v>35222</v>
      </c>
      <c r="B22746" t="s">
        <v>35224</v>
      </c>
      <c r="C22746">
        <v>2</v>
      </c>
      <c r="D22746">
        <v>0</v>
      </c>
    </row>
    <row r="22747" spans="1:4" x14ac:dyDescent="0.25">
      <c r="A22747" t="s">
        <v>35225</v>
      </c>
      <c r="B22747" t="s">
        <v>35226</v>
      </c>
      <c r="C22747">
        <v>1</v>
      </c>
      <c r="D22747">
        <v>0</v>
      </c>
    </row>
    <row r="22748" spans="1:4" x14ac:dyDescent="0.25">
      <c r="A22748" t="s">
        <v>35225</v>
      </c>
      <c r="B22748" t="s">
        <v>35227</v>
      </c>
      <c r="C22748">
        <v>0</v>
      </c>
      <c r="D22748">
        <v>0</v>
      </c>
    </row>
    <row r="22749" spans="1:4" x14ac:dyDescent="0.25">
      <c r="A22749" t="s">
        <v>35228</v>
      </c>
      <c r="B22749" t="s">
        <v>35229</v>
      </c>
      <c r="C22749">
        <v>1</v>
      </c>
      <c r="D22749">
        <v>0</v>
      </c>
    </row>
    <row r="22750" spans="1:4" x14ac:dyDescent="0.25">
      <c r="A22750" t="s">
        <v>35228</v>
      </c>
      <c r="B22750" t="s">
        <v>797</v>
      </c>
      <c r="C22750">
        <v>0</v>
      </c>
      <c r="D22750">
        <v>0</v>
      </c>
    </row>
    <row r="22751" spans="1:4" x14ac:dyDescent="0.25">
      <c r="A22751" t="s">
        <v>35228</v>
      </c>
      <c r="B22751" t="s">
        <v>35230</v>
      </c>
      <c r="C22751">
        <v>1</v>
      </c>
      <c r="D22751">
        <v>0</v>
      </c>
    </row>
    <row r="22752" spans="1:4" x14ac:dyDescent="0.25">
      <c r="A22752" t="s">
        <v>35231</v>
      </c>
      <c r="B22752" t="s">
        <v>5414</v>
      </c>
      <c r="C22752">
        <v>1</v>
      </c>
      <c r="D22752">
        <v>0</v>
      </c>
    </row>
    <row r="22753" spans="1:4" x14ac:dyDescent="0.25">
      <c r="A22753" t="s">
        <v>35232</v>
      </c>
      <c r="B22753" t="s">
        <v>35233</v>
      </c>
      <c r="C22753">
        <v>1</v>
      </c>
      <c r="D22753">
        <v>0</v>
      </c>
    </row>
    <row r="22754" spans="1:4" x14ac:dyDescent="0.25">
      <c r="A22754" t="s">
        <v>35232</v>
      </c>
      <c r="B22754" t="s">
        <v>35234</v>
      </c>
      <c r="C22754">
        <v>1</v>
      </c>
      <c r="D22754">
        <v>0</v>
      </c>
    </row>
    <row r="22755" spans="1:4" x14ac:dyDescent="0.25">
      <c r="A22755" t="s">
        <v>35232</v>
      </c>
      <c r="B22755" t="s">
        <v>35235</v>
      </c>
      <c r="C22755">
        <v>1</v>
      </c>
      <c r="D22755">
        <v>0</v>
      </c>
    </row>
    <row r="22756" spans="1:4" x14ac:dyDescent="0.25">
      <c r="A22756" t="s">
        <v>35236</v>
      </c>
      <c r="B22756" t="s">
        <v>35237</v>
      </c>
      <c r="C22756">
        <v>2</v>
      </c>
      <c r="D22756">
        <v>0</v>
      </c>
    </row>
    <row r="22757" spans="1:4" x14ac:dyDescent="0.25">
      <c r="A22757" t="s">
        <v>35236</v>
      </c>
      <c r="B22757" t="s">
        <v>35238</v>
      </c>
      <c r="C22757">
        <v>2</v>
      </c>
      <c r="D22757">
        <v>0</v>
      </c>
    </row>
    <row r="22758" spans="1:4" x14ac:dyDescent="0.25">
      <c r="A22758" t="s">
        <v>35236</v>
      </c>
      <c r="B22758" t="s">
        <v>35239</v>
      </c>
      <c r="C22758">
        <v>2</v>
      </c>
      <c r="D22758">
        <v>0</v>
      </c>
    </row>
    <row r="22759" spans="1:4" x14ac:dyDescent="0.25">
      <c r="A22759" t="s">
        <v>35240</v>
      </c>
      <c r="B22759" t="s">
        <v>35241</v>
      </c>
      <c r="C22759">
        <v>1</v>
      </c>
      <c r="D22759">
        <v>0</v>
      </c>
    </row>
    <row r="22760" spans="1:4" x14ac:dyDescent="0.25">
      <c r="A22760" t="s">
        <v>35242</v>
      </c>
      <c r="B22760" t="s">
        <v>35243</v>
      </c>
      <c r="C22760">
        <v>0</v>
      </c>
      <c r="D22760">
        <v>0</v>
      </c>
    </row>
    <row r="22761" spans="1:4" x14ac:dyDescent="0.25">
      <c r="A22761" t="s">
        <v>35242</v>
      </c>
      <c r="B22761" t="s">
        <v>35244</v>
      </c>
      <c r="C22761">
        <v>2</v>
      </c>
      <c r="D22761">
        <v>0</v>
      </c>
    </row>
    <row r="22762" spans="1:4" x14ac:dyDescent="0.25">
      <c r="A22762" t="s">
        <v>35242</v>
      </c>
      <c r="B22762" t="s">
        <v>35245</v>
      </c>
      <c r="C22762">
        <v>2</v>
      </c>
      <c r="D22762">
        <v>0</v>
      </c>
    </row>
    <row r="22763" spans="1:4" x14ac:dyDescent="0.25">
      <c r="A22763" t="s">
        <v>35246</v>
      </c>
      <c r="B22763" t="s">
        <v>35247</v>
      </c>
      <c r="C22763">
        <v>0</v>
      </c>
      <c r="D22763">
        <v>0</v>
      </c>
    </row>
    <row r="22764" spans="1:4" x14ac:dyDescent="0.25">
      <c r="A22764" t="s">
        <v>35248</v>
      </c>
      <c r="B22764" t="s">
        <v>35249</v>
      </c>
      <c r="C22764">
        <v>1</v>
      </c>
      <c r="D22764">
        <v>0</v>
      </c>
    </row>
    <row r="22765" spans="1:4" x14ac:dyDescent="0.25">
      <c r="A22765" t="s">
        <v>35248</v>
      </c>
      <c r="B22765" t="s">
        <v>5434</v>
      </c>
      <c r="C22765">
        <v>1</v>
      </c>
      <c r="D22765">
        <v>0</v>
      </c>
    </row>
    <row r="22766" spans="1:4" x14ac:dyDescent="0.25">
      <c r="A22766" t="s">
        <v>35250</v>
      </c>
      <c r="B22766" t="s">
        <v>35251</v>
      </c>
      <c r="C22766">
        <v>2</v>
      </c>
      <c r="D22766">
        <v>0</v>
      </c>
    </row>
    <row r="22767" spans="1:4" x14ac:dyDescent="0.25">
      <c r="A22767" t="s">
        <v>35252</v>
      </c>
      <c r="B22767" t="s">
        <v>35253</v>
      </c>
      <c r="C22767">
        <v>1</v>
      </c>
      <c r="D22767">
        <v>0</v>
      </c>
    </row>
    <row r="22768" spans="1:4" x14ac:dyDescent="0.25">
      <c r="A22768" t="s">
        <v>35252</v>
      </c>
      <c r="B22768" t="s">
        <v>5703</v>
      </c>
      <c r="C22768">
        <v>0</v>
      </c>
      <c r="D22768">
        <v>0</v>
      </c>
    </row>
    <row r="22769" spans="1:4" x14ac:dyDescent="0.25">
      <c r="A22769" t="s">
        <v>35254</v>
      </c>
      <c r="B22769" t="s">
        <v>1101</v>
      </c>
      <c r="C22769">
        <v>1</v>
      </c>
      <c r="D22769">
        <v>0</v>
      </c>
    </row>
    <row r="22770" spans="1:4" x14ac:dyDescent="0.25">
      <c r="A22770" t="s">
        <v>35255</v>
      </c>
      <c r="B22770" t="s">
        <v>35256</v>
      </c>
      <c r="C22770">
        <v>0</v>
      </c>
      <c r="D22770">
        <v>0</v>
      </c>
    </row>
    <row r="22771" spans="1:4" x14ac:dyDescent="0.25">
      <c r="A22771" t="s">
        <v>35255</v>
      </c>
      <c r="B22771" t="s">
        <v>35257</v>
      </c>
      <c r="C22771">
        <v>1</v>
      </c>
      <c r="D22771">
        <v>0</v>
      </c>
    </row>
    <row r="22772" spans="1:4" x14ac:dyDescent="0.25">
      <c r="A22772" t="s">
        <v>35258</v>
      </c>
      <c r="B22772" t="s">
        <v>35259</v>
      </c>
      <c r="C22772">
        <v>0</v>
      </c>
      <c r="D22772">
        <v>0</v>
      </c>
    </row>
    <row r="22773" spans="1:4" x14ac:dyDescent="0.25">
      <c r="A22773" t="s">
        <v>35258</v>
      </c>
      <c r="B22773" t="s">
        <v>35260</v>
      </c>
      <c r="C22773">
        <v>0</v>
      </c>
      <c r="D22773">
        <v>0</v>
      </c>
    </row>
    <row r="22774" spans="1:4" x14ac:dyDescent="0.25">
      <c r="A22774" t="s">
        <v>35258</v>
      </c>
      <c r="B22774" t="s">
        <v>35261</v>
      </c>
      <c r="C22774">
        <v>0</v>
      </c>
      <c r="D22774">
        <v>0</v>
      </c>
    </row>
    <row r="22775" spans="1:4" x14ac:dyDescent="0.25">
      <c r="A22775" t="s">
        <v>35262</v>
      </c>
      <c r="B22775" t="s">
        <v>1655</v>
      </c>
      <c r="C22775">
        <v>1</v>
      </c>
      <c r="D22775">
        <v>0</v>
      </c>
    </row>
    <row r="22776" spans="1:4" x14ac:dyDescent="0.25">
      <c r="A22776" t="s">
        <v>35262</v>
      </c>
      <c r="B22776" t="s">
        <v>35263</v>
      </c>
      <c r="C22776">
        <v>2</v>
      </c>
      <c r="D22776">
        <v>0</v>
      </c>
    </row>
    <row r="22777" spans="1:4" x14ac:dyDescent="0.25">
      <c r="A22777" t="s">
        <v>35264</v>
      </c>
      <c r="B22777" t="s">
        <v>35265</v>
      </c>
      <c r="C22777">
        <v>2</v>
      </c>
      <c r="D22777">
        <v>0</v>
      </c>
    </row>
    <row r="22778" spans="1:4" x14ac:dyDescent="0.25">
      <c r="A22778" t="s">
        <v>35264</v>
      </c>
      <c r="B22778" t="s">
        <v>35266</v>
      </c>
      <c r="C22778">
        <v>0</v>
      </c>
      <c r="D22778">
        <v>0</v>
      </c>
    </row>
    <row r="22779" spans="1:4" x14ac:dyDescent="0.25">
      <c r="A22779" t="s">
        <v>35264</v>
      </c>
      <c r="B22779" t="s">
        <v>35267</v>
      </c>
      <c r="C22779">
        <v>2</v>
      </c>
      <c r="D22779">
        <v>0</v>
      </c>
    </row>
    <row r="22780" spans="1:4" x14ac:dyDescent="0.25">
      <c r="A22780" t="s">
        <v>35268</v>
      </c>
      <c r="B22780" t="s">
        <v>35269</v>
      </c>
      <c r="C22780">
        <v>1</v>
      </c>
      <c r="D22780">
        <v>0</v>
      </c>
    </row>
    <row r="22781" spans="1:4" x14ac:dyDescent="0.25">
      <c r="A22781" t="s">
        <v>35268</v>
      </c>
      <c r="B22781" t="s">
        <v>35270</v>
      </c>
      <c r="C22781">
        <v>0</v>
      </c>
      <c r="D22781">
        <v>0</v>
      </c>
    </row>
    <row r="22782" spans="1:4" x14ac:dyDescent="0.25">
      <c r="A22782" t="s">
        <v>35271</v>
      </c>
      <c r="B22782" t="s">
        <v>35272</v>
      </c>
      <c r="C22782">
        <v>2</v>
      </c>
      <c r="D22782">
        <v>0</v>
      </c>
    </row>
    <row r="22783" spans="1:4" x14ac:dyDescent="0.25">
      <c r="A22783" t="s">
        <v>35271</v>
      </c>
      <c r="B22783" t="s">
        <v>35273</v>
      </c>
      <c r="C22783">
        <v>2</v>
      </c>
      <c r="D22783">
        <v>0</v>
      </c>
    </row>
    <row r="22784" spans="1:4" x14ac:dyDescent="0.25">
      <c r="A22784" t="s">
        <v>35274</v>
      </c>
      <c r="B22784" t="s">
        <v>1294</v>
      </c>
      <c r="C22784">
        <v>1</v>
      </c>
      <c r="D22784">
        <v>0</v>
      </c>
    </row>
    <row r="22785" spans="1:4" x14ac:dyDescent="0.25">
      <c r="A22785" t="s">
        <v>35275</v>
      </c>
      <c r="B22785" t="s">
        <v>35276</v>
      </c>
      <c r="C22785">
        <v>2</v>
      </c>
      <c r="D22785">
        <v>0</v>
      </c>
    </row>
    <row r="22786" spans="1:4" x14ac:dyDescent="0.25">
      <c r="A22786" t="s">
        <v>35275</v>
      </c>
      <c r="B22786" t="s">
        <v>35277</v>
      </c>
      <c r="C22786">
        <v>2</v>
      </c>
      <c r="D22786">
        <v>0</v>
      </c>
    </row>
    <row r="22787" spans="1:4" x14ac:dyDescent="0.25">
      <c r="A22787" t="s">
        <v>35278</v>
      </c>
      <c r="B22787" t="s">
        <v>35279</v>
      </c>
      <c r="C22787">
        <v>2</v>
      </c>
      <c r="D22787">
        <v>0</v>
      </c>
    </row>
    <row r="22788" spans="1:4" x14ac:dyDescent="0.25">
      <c r="A22788" t="s">
        <v>35278</v>
      </c>
      <c r="B22788" t="s">
        <v>35280</v>
      </c>
      <c r="C22788">
        <v>2</v>
      </c>
      <c r="D22788">
        <v>0</v>
      </c>
    </row>
    <row r="22789" spans="1:4" x14ac:dyDescent="0.25">
      <c r="A22789" t="s">
        <v>35278</v>
      </c>
      <c r="B22789" t="s">
        <v>35281</v>
      </c>
      <c r="C22789">
        <v>2</v>
      </c>
      <c r="D22789">
        <v>0</v>
      </c>
    </row>
    <row r="22790" spans="1:4" x14ac:dyDescent="0.25">
      <c r="A22790" t="s">
        <v>35282</v>
      </c>
      <c r="B22790" t="s">
        <v>35283</v>
      </c>
      <c r="C22790">
        <v>1</v>
      </c>
      <c r="D22790">
        <v>0</v>
      </c>
    </row>
    <row r="22791" spans="1:4" x14ac:dyDescent="0.25">
      <c r="A22791" t="s">
        <v>35282</v>
      </c>
      <c r="B22791" t="s">
        <v>35284</v>
      </c>
      <c r="C22791">
        <v>1</v>
      </c>
      <c r="D22791">
        <v>0</v>
      </c>
    </row>
    <row r="22792" spans="1:4" x14ac:dyDescent="0.25">
      <c r="A22792" t="s">
        <v>35282</v>
      </c>
      <c r="B22792" t="s">
        <v>35285</v>
      </c>
      <c r="C22792">
        <v>1</v>
      </c>
      <c r="D22792">
        <v>0</v>
      </c>
    </row>
    <row r="22793" spans="1:4" x14ac:dyDescent="0.25">
      <c r="A22793" t="s">
        <v>35286</v>
      </c>
      <c r="B22793" t="s">
        <v>35287</v>
      </c>
      <c r="C22793">
        <v>2</v>
      </c>
      <c r="D22793">
        <v>0</v>
      </c>
    </row>
    <row r="22794" spans="1:4" x14ac:dyDescent="0.25">
      <c r="A22794" t="s">
        <v>35288</v>
      </c>
      <c r="B22794" t="s">
        <v>35289</v>
      </c>
      <c r="C22794">
        <v>0</v>
      </c>
      <c r="D22794">
        <v>0</v>
      </c>
    </row>
    <row r="22795" spans="1:4" x14ac:dyDescent="0.25">
      <c r="A22795" t="s">
        <v>35290</v>
      </c>
      <c r="B22795" t="s">
        <v>35291</v>
      </c>
      <c r="C22795">
        <v>1</v>
      </c>
      <c r="D22795">
        <v>0</v>
      </c>
    </row>
    <row r="22796" spans="1:4" x14ac:dyDescent="0.25">
      <c r="A22796" t="s">
        <v>35290</v>
      </c>
      <c r="B22796" t="s">
        <v>35292</v>
      </c>
      <c r="C22796">
        <v>2</v>
      </c>
      <c r="D22796">
        <v>0</v>
      </c>
    </row>
    <row r="22797" spans="1:4" x14ac:dyDescent="0.25">
      <c r="A22797" t="s">
        <v>35293</v>
      </c>
      <c r="B22797" t="s">
        <v>35294</v>
      </c>
      <c r="C22797">
        <v>0</v>
      </c>
      <c r="D22797">
        <v>0</v>
      </c>
    </row>
    <row r="22798" spans="1:4" x14ac:dyDescent="0.25">
      <c r="A22798" t="s">
        <v>35293</v>
      </c>
      <c r="B22798" t="s">
        <v>35295</v>
      </c>
      <c r="C22798">
        <v>2</v>
      </c>
      <c r="D22798">
        <v>0</v>
      </c>
    </row>
    <row r="22799" spans="1:4" x14ac:dyDescent="0.25">
      <c r="A22799" t="s">
        <v>35296</v>
      </c>
      <c r="B22799" t="s">
        <v>1387</v>
      </c>
      <c r="C22799">
        <v>1</v>
      </c>
      <c r="D22799">
        <v>0</v>
      </c>
    </row>
    <row r="22800" spans="1:4" x14ac:dyDescent="0.25">
      <c r="A22800" t="s">
        <v>35297</v>
      </c>
      <c r="B22800" t="s">
        <v>6548</v>
      </c>
      <c r="C22800">
        <v>0</v>
      </c>
      <c r="D22800">
        <v>0</v>
      </c>
    </row>
    <row r="22801" spans="1:4" x14ac:dyDescent="0.25">
      <c r="A22801" t="s">
        <v>35298</v>
      </c>
      <c r="B22801" t="s">
        <v>35299</v>
      </c>
      <c r="C22801">
        <v>2</v>
      </c>
      <c r="D22801">
        <v>0</v>
      </c>
    </row>
    <row r="22802" spans="1:4" x14ac:dyDescent="0.25">
      <c r="A22802" t="s">
        <v>35300</v>
      </c>
      <c r="B22802" t="s">
        <v>968</v>
      </c>
      <c r="C22802">
        <v>1</v>
      </c>
      <c r="D22802">
        <v>0</v>
      </c>
    </row>
    <row r="22803" spans="1:4" x14ac:dyDescent="0.25">
      <c r="A22803" t="s">
        <v>35301</v>
      </c>
      <c r="B22803" t="s">
        <v>35302</v>
      </c>
      <c r="C22803">
        <v>0</v>
      </c>
      <c r="D22803">
        <v>0</v>
      </c>
    </row>
    <row r="22804" spans="1:4" x14ac:dyDescent="0.25">
      <c r="A22804" t="s">
        <v>35301</v>
      </c>
      <c r="B22804" t="s">
        <v>35303</v>
      </c>
      <c r="C22804">
        <v>1</v>
      </c>
      <c r="D22804">
        <v>0</v>
      </c>
    </row>
    <row r="22805" spans="1:4" x14ac:dyDescent="0.25">
      <c r="A22805" t="s">
        <v>35304</v>
      </c>
      <c r="B22805" t="s">
        <v>35305</v>
      </c>
      <c r="C22805">
        <v>0</v>
      </c>
      <c r="D22805">
        <v>0</v>
      </c>
    </row>
    <row r="22806" spans="1:4" x14ac:dyDescent="0.25">
      <c r="A22806" t="s">
        <v>35304</v>
      </c>
      <c r="B22806" t="s">
        <v>35306</v>
      </c>
      <c r="C22806">
        <v>1</v>
      </c>
      <c r="D22806">
        <v>0</v>
      </c>
    </row>
    <row r="22807" spans="1:4" x14ac:dyDescent="0.25">
      <c r="A22807" t="s">
        <v>35307</v>
      </c>
      <c r="B22807" t="s">
        <v>35308</v>
      </c>
      <c r="C22807">
        <v>0</v>
      </c>
      <c r="D22807">
        <v>0</v>
      </c>
    </row>
    <row r="22808" spans="1:4" x14ac:dyDescent="0.25">
      <c r="A22808" t="s">
        <v>35307</v>
      </c>
      <c r="B22808" t="s">
        <v>35309</v>
      </c>
      <c r="C22808">
        <v>0</v>
      </c>
      <c r="D22808">
        <v>0</v>
      </c>
    </row>
    <row r="22809" spans="1:4" x14ac:dyDescent="0.25">
      <c r="A22809" t="s">
        <v>35307</v>
      </c>
      <c r="B22809" t="s">
        <v>35310</v>
      </c>
      <c r="C22809">
        <v>0</v>
      </c>
      <c r="D22809">
        <v>0</v>
      </c>
    </row>
    <row r="22810" spans="1:4" x14ac:dyDescent="0.25">
      <c r="A22810" t="s">
        <v>35311</v>
      </c>
      <c r="B22810" t="s">
        <v>4179</v>
      </c>
      <c r="C22810">
        <v>1</v>
      </c>
      <c r="D22810">
        <v>0</v>
      </c>
    </row>
    <row r="22811" spans="1:4" x14ac:dyDescent="0.25">
      <c r="A22811" t="s">
        <v>35312</v>
      </c>
      <c r="B22811" t="s">
        <v>35313</v>
      </c>
      <c r="C22811">
        <v>1</v>
      </c>
      <c r="D22811">
        <v>0</v>
      </c>
    </row>
    <row r="22812" spans="1:4" x14ac:dyDescent="0.25">
      <c r="A22812" t="s">
        <v>35312</v>
      </c>
      <c r="B22812" t="s">
        <v>35314</v>
      </c>
      <c r="C22812">
        <v>0</v>
      </c>
      <c r="D22812">
        <v>0</v>
      </c>
    </row>
    <row r="22813" spans="1:4" x14ac:dyDescent="0.25">
      <c r="A22813" t="s">
        <v>35312</v>
      </c>
      <c r="B22813" t="s">
        <v>35315</v>
      </c>
      <c r="C22813">
        <v>1</v>
      </c>
      <c r="D22813">
        <v>0</v>
      </c>
    </row>
    <row r="22814" spans="1:4" x14ac:dyDescent="0.25">
      <c r="A22814" t="s">
        <v>35316</v>
      </c>
      <c r="B22814" t="s">
        <v>35317</v>
      </c>
      <c r="C22814">
        <v>0</v>
      </c>
      <c r="D22814">
        <v>0</v>
      </c>
    </row>
    <row r="22815" spans="1:4" x14ac:dyDescent="0.25">
      <c r="A22815" t="s">
        <v>35316</v>
      </c>
      <c r="B22815" t="s">
        <v>35318</v>
      </c>
      <c r="C22815">
        <v>1</v>
      </c>
      <c r="D22815">
        <v>0</v>
      </c>
    </row>
    <row r="22816" spans="1:4" x14ac:dyDescent="0.25">
      <c r="A22816" t="s">
        <v>35319</v>
      </c>
      <c r="B22816" t="s">
        <v>35320</v>
      </c>
      <c r="C22816">
        <v>0</v>
      </c>
      <c r="D22816">
        <v>0</v>
      </c>
    </row>
    <row r="22817" spans="1:4" x14ac:dyDescent="0.25">
      <c r="A22817" t="s">
        <v>35321</v>
      </c>
      <c r="B22817" t="s">
        <v>35322</v>
      </c>
      <c r="C22817">
        <v>0</v>
      </c>
      <c r="D22817">
        <v>0</v>
      </c>
    </row>
    <row r="22818" spans="1:4" x14ac:dyDescent="0.25">
      <c r="A22818" t="s">
        <v>35323</v>
      </c>
      <c r="B22818" t="s">
        <v>398</v>
      </c>
      <c r="C22818">
        <v>0</v>
      </c>
      <c r="D22818">
        <v>0</v>
      </c>
    </row>
    <row r="22819" spans="1:4" x14ac:dyDescent="0.25">
      <c r="A22819" t="s">
        <v>35324</v>
      </c>
      <c r="B22819" t="s">
        <v>3410</v>
      </c>
      <c r="C22819">
        <v>1</v>
      </c>
      <c r="D22819">
        <v>0</v>
      </c>
    </row>
    <row r="22820" spans="1:4" x14ac:dyDescent="0.25">
      <c r="A22820" t="s">
        <v>35325</v>
      </c>
      <c r="B22820" t="s">
        <v>35326</v>
      </c>
      <c r="C22820">
        <v>0</v>
      </c>
      <c r="D22820">
        <v>0</v>
      </c>
    </row>
    <row r="22821" spans="1:4" x14ac:dyDescent="0.25">
      <c r="A22821" t="s">
        <v>35327</v>
      </c>
      <c r="B22821" t="s">
        <v>5322</v>
      </c>
      <c r="C22821">
        <v>1</v>
      </c>
      <c r="D22821">
        <v>0</v>
      </c>
    </row>
    <row r="22822" spans="1:4" x14ac:dyDescent="0.25">
      <c r="A22822" t="s">
        <v>35327</v>
      </c>
      <c r="B22822" t="s">
        <v>35328</v>
      </c>
      <c r="C22822">
        <v>0</v>
      </c>
      <c r="D22822">
        <v>0</v>
      </c>
    </row>
    <row r="22823" spans="1:4" x14ac:dyDescent="0.25">
      <c r="A22823" t="s">
        <v>35329</v>
      </c>
      <c r="B22823" t="s">
        <v>35330</v>
      </c>
      <c r="C22823">
        <v>1</v>
      </c>
      <c r="D22823">
        <v>0</v>
      </c>
    </row>
    <row r="22824" spans="1:4" x14ac:dyDescent="0.25">
      <c r="A22824" t="s">
        <v>35331</v>
      </c>
      <c r="B22824" t="s">
        <v>9793</v>
      </c>
      <c r="C22824">
        <v>0</v>
      </c>
      <c r="D22824">
        <v>0</v>
      </c>
    </row>
    <row r="22825" spans="1:4" x14ac:dyDescent="0.25">
      <c r="A22825" t="s">
        <v>35331</v>
      </c>
      <c r="B22825" t="s">
        <v>35332</v>
      </c>
      <c r="C22825">
        <v>2</v>
      </c>
      <c r="D22825">
        <v>0</v>
      </c>
    </row>
    <row r="22826" spans="1:4" x14ac:dyDescent="0.25">
      <c r="A22826" t="s">
        <v>35331</v>
      </c>
      <c r="B22826" t="s">
        <v>35123</v>
      </c>
      <c r="C22826">
        <v>1</v>
      </c>
      <c r="D22826">
        <v>0</v>
      </c>
    </row>
    <row r="22827" spans="1:4" x14ac:dyDescent="0.25">
      <c r="A22827" t="s">
        <v>35333</v>
      </c>
      <c r="B22827" t="s">
        <v>35334</v>
      </c>
      <c r="C22827">
        <v>1</v>
      </c>
      <c r="D22827">
        <v>0</v>
      </c>
    </row>
    <row r="22828" spans="1:4" x14ac:dyDescent="0.25">
      <c r="A22828" t="s">
        <v>35333</v>
      </c>
      <c r="B22828" t="s">
        <v>35335</v>
      </c>
      <c r="C22828">
        <v>2</v>
      </c>
      <c r="D22828">
        <v>0</v>
      </c>
    </row>
    <row r="22829" spans="1:4" x14ac:dyDescent="0.25">
      <c r="A22829" t="s">
        <v>35336</v>
      </c>
      <c r="B22829" t="s">
        <v>1001</v>
      </c>
      <c r="C22829">
        <v>1</v>
      </c>
      <c r="D22829">
        <v>0</v>
      </c>
    </row>
    <row r="22830" spans="1:4" x14ac:dyDescent="0.25">
      <c r="A22830" t="s">
        <v>35337</v>
      </c>
      <c r="B22830" t="s">
        <v>35338</v>
      </c>
      <c r="C22830">
        <v>1</v>
      </c>
      <c r="D22830">
        <v>0</v>
      </c>
    </row>
    <row r="22831" spans="1:4" x14ac:dyDescent="0.25">
      <c r="A22831" t="s">
        <v>35339</v>
      </c>
      <c r="B22831" t="s">
        <v>35340</v>
      </c>
      <c r="C22831">
        <v>2</v>
      </c>
      <c r="D22831">
        <v>0</v>
      </c>
    </row>
    <row r="22832" spans="1:4" x14ac:dyDescent="0.25">
      <c r="A22832" t="s">
        <v>35339</v>
      </c>
      <c r="B22832" t="s">
        <v>35341</v>
      </c>
      <c r="C22832">
        <v>2</v>
      </c>
      <c r="D22832">
        <v>0</v>
      </c>
    </row>
    <row r="22833" spans="1:4" x14ac:dyDescent="0.25">
      <c r="A22833" t="s">
        <v>35342</v>
      </c>
      <c r="B22833" t="s">
        <v>35343</v>
      </c>
      <c r="C22833">
        <v>0</v>
      </c>
      <c r="D22833">
        <v>0</v>
      </c>
    </row>
    <row r="22834" spans="1:4" x14ac:dyDescent="0.25">
      <c r="A22834" t="s">
        <v>35342</v>
      </c>
      <c r="B22834" t="s">
        <v>35344</v>
      </c>
      <c r="C22834">
        <v>0</v>
      </c>
      <c r="D22834">
        <v>0</v>
      </c>
    </row>
    <row r="22835" spans="1:4" x14ac:dyDescent="0.25">
      <c r="A22835" t="s">
        <v>35345</v>
      </c>
      <c r="B22835" t="s">
        <v>4637</v>
      </c>
      <c r="C22835">
        <v>1</v>
      </c>
      <c r="D22835">
        <v>0</v>
      </c>
    </row>
    <row r="22836" spans="1:4" x14ac:dyDescent="0.25">
      <c r="A22836" t="s">
        <v>35346</v>
      </c>
      <c r="B22836" t="s">
        <v>35347</v>
      </c>
      <c r="C22836">
        <v>2</v>
      </c>
      <c r="D22836">
        <v>0</v>
      </c>
    </row>
    <row r="22837" spans="1:4" x14ac:dyDescent="0.25">
      <c r="A22837" t="s">
        <v>35346</v>
      </c>
      <c r="B22837" t="s">
        <v>35348</v>
      </c>
      <c r="C22837">
        <v>1</v>
      </c>
      <c r="D22837">
        <v>0</v>
      </c>
    </row>
    <row r="22838" spans="1:4" x14ac:dyDescent="0.25">
      <c r="A22838" t="s">
        <v>35349</v>
      </c>
      <c r="B22838" t="s">
        <v>35350</v>
      </c>
      <c r="C22838">
        <v>1</v>
      </c>
      <c r="D22838">
        <v>0</v>
      </c>
    </row>
    <row r="22839" spans="1:4" x14ac:dyDescent="0.25">
      <c r="A22839" t="s">
        <v>35351</v>
      </c>
      <c r="B22839" t="s">
        <v>35352</v>
      </c>
      <c r="C22839">
        <v>1</v>
      </c>
      <c r="D22839">
        <v>0</v>
      </c>
    </row>
    <row r="22840" spans="1:4" x14ac:dyDescent="0.25">
      <c r="A22840" t="s">
        <v>35353</v>
      </c>
      <c r="B22840" t="s">
        <v>35354</v>
      </c>
      <c r="C22840">
        <v>1</v>
      </c>
      <c r="D22840">
        <v>0</v>
      </c>
    </row>
    <row r="22841" spans="1:4" x14ac:dyDescent="0.25">
      <c r="A22841" t="s">
        <v>35353</v>
      </c>
      <c r="B22841" t="s">
        <v>35355</v>
      </c>
      <c r="C22841">
        <v>1</v>
      </c>
      <c r="D22841">
        <v>0</v>
      </c>
    </row>
    <row r="22842" spans="1:4" x14ac:dyDescent="0.25">
      <c r="A22842" t="s">
        <v>35353</v>
      </c>
      <c r="B22842" t="s">
        <v>35356</v>
      </c>
      <c r="C22842">
        <v>1</v>
      </c>
      <c r="D22842">
        <v>0</v>
      </c>
    </row>
    <row r="22843" spans="1:4" x14ac:dyDescent="0.25">
      <c r="A22843" t="s">
        <v>35357</v>
      </c>
      <c r="B22843" t="s">
        <v>35358</v>
      </c>
      <c r="C22843">
        <v>2</v>
      </c>
      <c r="D22843">
        <v>0</v>
      </c>
    </row>
    <row r="22844" spans="1:4" x14ac:dyDescent="0.25">
      <c r="A22844" t="s">
        <v>35357</v>
      </c>
      <c r="B22844" t="s">
        <v>35359</v>
      </c>
      <c r="C22844">
        <v>1</v>
      </c>
      <c r="D22844">
        <v>0</v>
      </c>
    </row>
    <row r="22845" spans="1:4" x14ac:dyDescent="0.25">
      <c r="A22845" t="s">
        <v>35357</v>
      </c>
      <c r="B22845" t="s">
        <v>35360</v>
      </c>
      <c r="C22845">
        <v>0</v>
      </c>
      <c r="D22845">
        <v>0</v>
      </c>
    </row>
    <row r="22846" spans="1:4" x14ac:dyDescent="0.25">
      <c r="A22846" t="s">
        <v>35361</v>
      </c>
      <c r="B22846" t="s">
        <v>35362</v>
      </c>
      <c r="C22846">
        <v>0</v>
      </c>
      <c r="D22846">
        <v>0</v>
      </c>
    </row>
    <row r="22847" spans="1:4" x14ac:dyDescent="0.25">
      <c r="A22847" t="s">
        <v>35363</v>
      </c>
      <c r="B22847" t="s">
        <v>35364</v>
      </c>
      <c r="C22847">
        <v>0</v>
      </c>
      <c r="D22847">
        <v>0</v>
      </c>
    </row>
    <row r="22848" spans="1:4" x14ac:dyDescent="0.25">
      <c r="A22848" t="s">
        <v>35363</v>
      </c>
      <c r="B22848" t="s">
        <v>35365</v>
      </c>
      <c r="C22848">
        <v>1</v>
      </c>
      <c r="D22848">
        <v>0</v>
      </c>
    </row>
    <row r="22849" spans="1:4" x14ac:dyDescent="0.25">
      <c r="A22849" t="s">
        <v>35363</v>
      </c>
      <c r="B22849" t="s">
        <v>35366</v>
      </c>
      <c r="C22849">
        <v>0</v>
      </c>
      <c r="D22849">
        <v>0</v>
      </c>
    </row>
    <row r="22850" spans="1:4" x14ac:dyDescent="0.25">
      <c r="A22850" t="s">
        <v>35367</v>
      </c>
      <c r="B22850" t="s">
        <v>35368</v>
      </c>
      <c r="C22850">
        <v>0</v>
      </c>
      <c r="D22850">
        <v>0</v>
      </c>
    </row>
    <row r="22851" spans="1:4" x14ac:dyDescent="0.25">
      <c r="A22851" t="s">
        <v>35367</v>
      </c>
      <c r="B22851" t="s">
        <v>35369</v>
      </c>
      <c r="C22851">
        <v>1</v>
      </c>
      <c r="D22851">
        <v>0</v>
      </c>
    </row>
    <row r="22852" spans="1:4" x14ac:dyDescent="0.25">
      <c r="A22852" t="s">
        <v>35370</v>
      </c>
      <c r="B22852" t="s">
        <v>35371</v>
      </c>
      <c r="C22852">
        <v>2</v>
      </c>
      <c r="D22852">
        <v>0</v>
      </c>
    </row>
    <row r="22853" spans="1:4" x14ac:dyDescent="0.25">
      <c r="A22853" t="s">
        <v>35370</v>
      </c>
      <c r="B22853" t="s">
        <v>35372</v>
      </c>
      <c r="C22853">
        <v>1</v>
      </c>
      <c r="D22853">
        <v>0</v>
      </c>
    </row>
    <row r="22854" spans="1:4" x14ac:dyDescent="0.25">
      <c r="A22854" t="s">
        <v>35370</v>
      </c>
      <c r="B22854" t="s">
        <v>35373</v>
      </c>
      <c r="C22854">
        <v>2</v>
      </c>
      <c r="D22854">
        <v>0</v>
      </c>
    </row>
    <row r="22855" spans="1:4" x14ac:dyDescent="0.25">
      <c r="A22855" t="s">
        <v>35374</v>
      </c>
      <c r="B22855" t="s">
        <v>1001</v>
      </c>
      <c r="C22855">
        <v>1</v>
      </c>
      <c r="D22855">
        <v>0</v>
      </c>
    </row>
    <row r="22856" spans="1:4" x14ac:dyDescent="0.25">
      <c r="A22856" t="s">
        <v>35374</v>
      </c>
      <c r="B22856" t="s">
        <v>35375</v>
      </c>
      <c r="C22856">
        <v>0</v>
      </c>
      <c r="D22856">
        <v>0</v>
      </c>
    </row>
    <row r="22857" spans="1:4" x14ac:dyDescent="0.25">
      <c r="A22857" t="s">
        <v>35376</v>
      </c>
      <c r="B22857" t="s">
        <v>35377</v>
      </c>
      <c r="C22857">
        <v>1</v>
      </c>
      <c r="D22857">
        <v>0</v>
      </c>
    </row>
    <row r="22858" spans="1:4" x14ac:dyDescent="0.25">
      <c r="A22858" t="s">
        <v>35376</v>
      </c>
      <c r="B22858" t="s">
        <v>35378</v>
      </c>
      <c r="C22858">
        <v>0</v>
      </c>
      <c r="D22858">
        <v>0</v>
      </c>
    </row>
    <row r="22859" spans="1:4" x14ac:dyDescent="0.25">
      <c r="A22859" t="s">
        <v>35376</v>
      </c>
      <c r="B22859" t="s">
        <v>35379</v>
      </c>
      <c r="C22859">
        <v>0</v>
      </c>
      <c r="D22859">
        <v>0</v>
      </c>
    </row>
    <row r="22860" spans="1:4" x14ac:dyDescent="0.25">
      <c r="A22860" t="s">
        <v>35380</v>
      </c>
      <c r="B22860" t="s">
        <v>35381</v>
      </c>
      <c r="C22860">
        <v>0</v>
      </c>
      <c r="D22860">
        <v>0</v>
      </c>
    </row>
    <row r="22861" spans="1:4" x14ac:dyDescent="0.25">
      <c r="A22861" t="s">
        <v>35380</v>
      </c>
      <c r="B22861" t="s">
        <v>35382</v>
      </c>
      <c r="C22861">
        <v>1</v>
      </c>
      <c r="D22861">
        <v>0</v>
      </c>
    </row>
    <row r="22862" spans="1:4" x14ac:dyDescent="0.25">
      <c r="A22862" t="s">
        <v>35383</v>
      </c>
      <c r="B22862" t="s">
        <v>35384</v>
      </c>
      <c r="C22862">
        <v>1</v>
      </c>
      <c r="D22862">
        <v>0</v>
      </c>
    </row>
    <row r="22863" spans="1:4" x14ac:dyDescent="0.25">
      <c r="A22863" t="s">
        <v>35383</v>
      </c>
      <c r="B22863" t="s">
        <v>13077</v>
      </c>
      <c r="C22863">
        <v>0</v>
      </c>
      <c r="D22863">
        <v>0</v>
      </c>
    </row>
    <row r="22864" spans="1:4" x14ac:dyDescent="0.25">
      <c r="A22864" t="s">
        <v>35383</v>
      </c>
      <c r="B22864" t="s">
        <v>35385</v>
      </c>
      <c r="C22864">
        <v>1</v>
      </c>
      <c r="D22864">
        <v>0</v>
      </c>
    </row>
    <row r="22865" spans="1:4" x14ac:dyDescent="0.25">
      <c r="A22865" t="s">
        <v>35386</v>
      </c>
      <c r="B22865" t="s">
        <v>35387</v>
      </c>
      <c r="C22865">
        <v>0</v>
      </c>
      <c r="D22865">
        <v>0</v>
      </c>
    </row>
    <row r="22866" spans="1:4" x14ac:dyDescent="0.25">
      <c r="A22866" t="s">
        <v>35386</v>
      </c>
      <c r="B22866" t="s">
        <v>35388</v>
      </c>
      <c r="C22866">
        <v>1</v>
      </c>
      <c r="D22866">
        <v>0</v>
      </c>
    </row>
    <row r="22867" spans="1:4" x14ac:dyDescent="0.25">
      <c r="A22867" t="s">
        <v>35386</v>
      </c>
      <c r="B22867" t="s">
        <v>35389</v>
      </c>
      <c r="C22867">
        <v>2</v>
      </c>
      <c r="D22867">
        <v>0</v>
      </c>
    </row>
    <row r="22868" spans="1:4" x14ac:dyDescent="0.25">
      <c r="A22868" t="s">
        <v>35390</v>
      </c>
      <c r="B22868" t="s">
        <v>35391</v>
      </c>
      <c r="C22868">
        <v>2</v>
      </c>
      <c r="D22868">
        <v>0</v>
      </c>
    </row>
    <row r="22869" spans="1:4" x14ac:dyDescent="0.25">
      <c r="A22869" t="s">
        <v>35390</v>
      </c>
      <c r="B22869" t="s">
        <v>35392</v>
      </c>
      <c r="C22869">
        <v>2</v>
      </c>
      <c r="D22869">
        <v>0</v>
      </c>
    </row>
    <row r="22870" spans="1:4" x14ac:dyDescent="0.25">
      <c r="A22870" t="s">
        <v>35390</v>
      </c>
      <c r="B22870" t="s">
        <v>35393</v>
      </c>
      <c r="C22870">
        <v>2</v>
      </c>
      <c r="D22870">
        <v>0</v>
      </c>
    </row>
    <row r="22871" spans="1:4" x14ac:dyDescent="0.25">
      <c r="A22871" t="s">
        <v>35394</v>
      </c>
      <c r="B22871" t="s">
        <v>35395</v>
      </c>
      <c r="C22871">
        <v>1</v>
      </c>
      <c r="D22871">
        <v>0</v>
      </c>
    </row>
    <row r="22872" spans="1:4" x14ac:dyDescent="0.25">
      <c r="A22872" t="s">
        <v>35394</v>
      </c>
      <c r="B22872" t="s">
        <v>35396</v>
      </c>
      <c r="C22872">
        <v>0</v>
      </c>
      <c r="D22872">
        <v>0</v>
      </c>
    </row>
    <row r="22873" spans="1:4" x14ac:dyDescent="0.25">
      <c r="A22873" t="s">
        <v>35397</v>
      </c>
      <c r="B22873" t="s">
        <v>35398</v>
      </c>
      <c r="C22873">
        <v>1</v>
      </c>
      <c r="D22873">
        <v>0</v>
      </c>
    </row>
    <row r="22874" spans="1:4" x14ac:dyDescent="0.25">
      <c r="A22874" t="s">
        <v>35399</v>
      </c>
      <c r="B22874" t="s">
        <v>35400</v>
      </c>
      <c r="C22874">
        <v>2</v>
      </c>
      <c r="D22874">
        <v>0</v>
      </c>
    </row>
    <row r="22875" spans="1:4" x14ac:dyDescent="0.25">
      <c r="A22875" t="s">
        <v>35399</v>
      </c>
      <c r="B22875" t="s">
        <v>35401</v>
      </c>
      <c r="C22875">
        <v>2</v>
      </c>
      <c r="D22875">
        <v>0</v>
      </c>
    </row>
    <row r="22876" spans="1:4" x14ac:dyDescent="0.25">
      <c r="A22876" t="s">
        <v>35399</v>
      </c>
      <c r="B22876" t="s">
        <v>35402</v>
      </c>
      <c r="C22876">
        <v>2</v>
      </c>
      <c r="D22876">
        <v>0</v>
      </c>
    </row>
    <row r="22877" spans="1:4" x14ac:dyDescent="0.25">
      <c r="A22877" t="s">
        <v>35403</v>
      </c>
      <c r="B22877" t="s">
        <v>35404</v>
      </c>
      <c r="C22877">
        <v>1</v>
      </c>
      <c r="D22877">
        <v>0</v>
      </c>
    </row>
    <row r="22878" spans="1:4" x14ac:dyDescent="0.25">
      <c r="A22878" t="s">
        <v>35403</v>
      </c>
      <c r="B22878" t="s">
        <v>35405</v>
      </c>
      <c r="C22878">
        <v>1</v>
      </c>
      <c r="D22878">
        <v>0</v>
      </c>
    </row>
    <row r="22879" spans="1:4" x14ac:dyDescent="0.25">
      <c r="A22879" t="s">
        <v>35403</v>
      </c>
      <c r="B22879" t="s">
        <v>35406</v>
      </c>
      <c r="C22879">
        <v>1</v>
      </c>
      <c r="D22879">
        <v>0</v>
      </c>
    </row>
    <row r="22880" spans="1:4" x14ac:dyDescent="0.25">
      <c r="A22880" t="s">
        <v>35407</v>
      </c>
      <c r="B22880" t="s">
        <v>35408</v>
      </c>
      <c r="C22880">
        <v>1</v>
      </c>
      <c r="D22880">
        <v>0</v>
      </c>
    </row>
    <row r="22881" spans="1:4" x14ac:dyDescent="0.25">
      <c r="A22881" t="s">
        <v>35407</v>
      </c>
      <c r="B22881" t="s">
        <v>35409</v>
      </c>
      <c r="C22881">
        <v>2</v>
      </c>
      <c r="D22881">
        <v>0</v>
      </c>
    </row>
    <row r="22882" spans="1:4" x14ac:dyDescent="0.25">
      <c r="A22882" t="s">
        <v>35407</v>
      </c>
      <c r="B22882" t="s">
        <v>35410</v>
      </c>
      <c r="C22882">
        <v>2</v>
      </c>
      <c r="D22882">
        <v>0</v>
      </c>
    </row>
    <row r="22883" spans="1:4" x14ac:dyDescent="0.25">
      <c r="A22883" t="s">
        <v>35411</v>
      </c>
      <c r="B22883" t="s">
        <v>35412</v>
      </c>
      <c r="C22883">
        <v>1</v>
      </c>
      <c r="D22883">
        <v>0</v>
      </c>
    </row>
    <row r="22884" spans="1:4" x14ac:dyDescent="0.25">
      <c r="A22884" t="s">
        <v>35411</v>
      </c>
      <c r="B22884" t="s">
        <v>35413</v>
      </c>
      <c r="C22884">
        <v>1</v>
      </c>
      <c r="D22884">
        <v>0</v>
      </c>
    </row>
    <row r="22885" spans="1:4" x14ac:dyDescent="0.25">
      <c r="A22885" t="s">
        <v>35411</v>
      </c>
      <c r="B22885" t="s">
        <v>35414</v>
      </c>
      <c r="C22885">
        <v>0</v>
      </c>
      <c r="D22885">
        <v>0</v>
      </c>
    </row>
    <row r="22886" spans="1:4" x14ac:dyDescent="0.25">
      <c r="A22886" t="s">
        <v>35415</v>
      </c>
      <c r="B22886" t="s">
        <v>35416</v>
      </c>
      <c r="C22886">
        <v>1</v>
      </c>
      <c r="D22886">
        <v>0</v>
      </c>
    </row>
    <row r="22887" spans="1:4" x14ac:dyDescent="0.25">
      <c r="A22887" t="s">
        <v>35415</v>
      </c>
      <c r="B22887" t="s">
        <v>35417</v>
      </c>
      <c r="C22887">
        <v>0</v>
      </c>
      <c r="D22887">
        <v>0</v>
      </c>
    </row>
    <row r="22888" spans="1:4" x14ac:dyDescent="0.25">
      <c r="A22888" t="s">
        <v>35415</v>
      </c>
      <c r="B22888" t="s">
        <v>35418</v>
      </c>
      <c r="C22888">
        <v>1</v>
      </c>
      <c r="D22888">
        <v>0</v>
      </c>
    </row>
    <row r="22889" spans="1:4" x14ac:dyDescent="0.25">
      <c r="A22889" t="s">
        <v>35419</v>
      </c>
      <c r="B22889" t="s">
        <v>11711</v>
      </c>
      <c r="C22889">
        <v>1</v>
      </c>
      <c r="D22889">
        <v>0</v>
      </c>
    </row>
    <row r="22890" spans="1:4" x14ac:dyDescent="0.25">
      <c r="A22890" t="s">
        <v>35420</v>
      </c>
      <c r="B22890" t="s">
        <v>35421</v>
      </c>
      <c r="C22890">
        <v>0</v>
      </c>
      <c r="D22890">
        <v>0</v>
      </c>
    </row>
    <row r="22891" spans="1:4" x14ac:dyDescent="0.25">
      <c r="A22891" t="s">
        <v>35420</v>
      </c>
      <c r="B22891" t="s">
        <v>35422</v>
      </c>
      <c r="C22891">
        <v>1</v>
      </c>
      <c r="D22891">
        <v>0</v>
      </c>
    </row>
    <row r="22892" spans="1:4" x14ac:dyDescent="0.25">
      <c r="A22892" t="s">
        <v>35420</v>
      </c>
      <c r="B22892" t="s">
        <v>35423</v>
      </c>
      <c r="C22892">
        <v>0</v>
      </c>
      <c r="D22892">
        <v>0</v>
      </c>
    </row>
    <row r="22893" spans="1:4" x14ac:dyDescent="0.25">
      <c r="A22893" t="s">
        <v>35424</v>
      </c>
      <c r="B22893" t="s">
        <v>35425</v>
      </c>
      <c r="C22893">
        <v>1</v>
      </c>
      <c r="D22893">
        <v>0</v>
      </c>
    </row>
    <row r="22894" spans="1:4" x14ac:dyDescent="0.25">
      <c r="A22894" t="s">
        <v>35424</v>
      </c>
      <c r="B22894" t="s">
        <v>35426</v>
      </c>
      <c r="C22894">
        <v>2</v>
      </c>
      <c r="D22894">
        <v>0</v>
      </c>
    </row>
    <row r="22895" spans="1:4" x14ac:dyDescent="0.25">
      <c r="A22895" t="s">
        <v>35427</v>
      </c>
      <c r="B22895" t="s">
        <v>1246</v>
      </c>
      <c r="C22895">
        <v>0</v>
      </c>
      <c r="D22895">
        <v>0</v>
      </c>
    </row>
    <row r="22896" spans="1:4" x14ac:dyDescent="0.25">
      <c r="A22896" t="s">
        <v>35428</v>
      </c>
      <c r="B22896" t="s">
        <v>35429</v>
      </c>
      <c r="C22896">
        <v>1</v>
      </c>
      <c r="D22896">
        <v>0</v>
      </c>
    </row>
    <row r="22897" spans="1:4" x14ac:dyDescent="0.25">
      <c r="A22897" t="s">
        <v>35430</v>
      </c>
      <c r="B22897" t="s">
        <v>1001</v>
      </c>
      <c r="C22897">
        <v>1</v>
      </c>
      <c r="D22897">
        <v>0</v>
      </c>
    </row>
    <row r="22898" spans="1:4" x14ac:dyDescent="0.25">
      <c r="A22898" t="s">
        <v>35430</v>
      </c>
      <c r="B22898" t="s">
        <v>35431</v>
      </c>
      <c r="C22898">
        <v>1</v>
      </c>
      <c r="D22898">
        <v>0</v>
      </c>
    </row>
    <row r="22899" spans="1:4" x14ac:dyDescent="0.25">
      <c r="A22899" t="s">
        <v>35430</v>
      </c>
      <c r="B22899" t="s">
        <v>35432</v>
      </c>
      <c r="C22899">
        <v>1</v>
      </c>
      <c r="D22899">
        <v>0</v>
      </c>
    </row>
    <row r="22900" spans="1:4" x14ac:dyDescent="0.25">
      <c r="A22900" t="s">
        <v>35433</v>
      </c>
      <c r="B22900" t="s">
        <v>1401</v>
      </c>
      <c r="C22900">
        <v>0</v>
      </c>
      <c r="D22900">
        <v>0</v>
      </c>
    </row>
    <row r="22901" spans="1:4" x14ac:dyDescent="0.25">
      <c r="A22901" t="s">
        <v>35433</v>
      </c>
      <c r="B22901" t="s">
        <v>29843</v>
      </c>
      <c r="C22901">
        <v>1</v>
      </c>
      <c r="D22901">
        <v>0</v>
      </c>
    </row>
    <row r="22902" spans="1:4" x14ac:dyDescent="0.25">
      <c r="A22902" t="s">
        <v>35434</v>
      </c>
      <c r="B22902" t="s">
        <v>35435</v>
      </c>
      <c r="C22902">
        <v>1</v>
      </c>
      <c r="D22902">
        <v>0</v>
      </c>
    </row>
    <row r="22903" spans="1:4" x14ac:dyDescent="0.25">
      <c r="A22903" t="s">
        <v>35434</v>
      </c>
      <c r="B22903" t="s">
        <v>35436</v>
      </c>
      <c r="C22903">
        <v>2</v>
      </c>
      <c r="D22903">
        <v>0</v>
      </c>
    </row>
    <row r="22904" spans="1:4" x14ac:dyDescent="0.25">
      <c r="A22904" t="s">
        <v>35434</v>
      </c>
      <c r="B22904" t="s">
        <v>35437</v>
      </c>
      <c r="C22904">
        <v>2</v>
      </c>
      <c r="D22904">
        <v>0</v>
      </c>
    </row>
    <row r="22905" spans="1:4" x14ac:dyDescent="0.25">
      <c r="A22905" t="s">
        <v>35438</v>
      </c>
      <c r="B22905" t="s">
        <v>35439</v>
      </c>
      <c r="C22905">
        <v>1</v>
      </c>
      <c r="D22905">
        <v>0</v>
      </c>
    </row>
    <row r="22906" spans="1:4" x14ac:dyDescent="0.25">
      <c r="A22906" t="s">
        <v>35438</v>
      </c>
      <c r="B22906" t="s">
        <v>35440</v>
      </c>
      <c r="C22906">
        <v>0</v>
      </c>
      <c r="D22906">
        <v>0</v>
      </c>
    </row>
    <row r="22907" spans="1:4" x14ac:dyDescent="0.25">
      <c r="A22907" t="s">
        <v>35441</v>
      </c>
      <c r="B22907" t="s">
        <v>35442</v>
      </c>
      <c r="C22907">
        <v>1</v>
      </c>
      <c r="D22907">
        <v>0</v>
      </c>
    </row>
    <row r="22908" spans="1:4" x14ac:dyDescent="0.25">
      <c r="A22908" t="s">
        <v>35441</v>
      </c>
      <c r="B22908" t="s">
        <v>2943</v>
      </c>
      <c r="C22908">
        <v>0</v>
      </c>
      <c r="D22908">
        <v>0</v>
      </c>
    </row>
    <row r="22909" spans="1:4" x14ac:dyDescent="0.25">
      <c r="A22909" t="s">
        <v>35441</v>
      </c>
      <c r="B22909" t="s">
        <v>35443</v>
      </c>
      <c r="C22909">
        <v>1</v>
      </c>
      <c r="D22909">
        <v>0</v>
      </c>
    </row>
    <row r="22910" spans="1:4" x14ac:dyDescent="0.25">
      <c r="A22910" t="s">
        <v>35444</v>
      </c>
      <c r="B22910" t="s">
        <v>35445</v>
      </c>
      <c r="C22910">
        <v>0</v>
      </c>
      <c r="D22910">
        <v>0</v>
      </c>
    </row>
    <row r="22911" spans="1:4" x14ac:dyDescent="0.25">
      <c r="A22911" t="s">
        <v>35444</v>
      </c>
      <c r="B22911" t="s">
        <v>35446</v>
      </c>
      <c r="C22911">
        <v>1</v>
      </c>
      <c r="D22911">
        <v>0</v>
      </c>
    </row>
    <row r="22912" spans="1:4" x14ac:dyDescent="0.25">
      <c r="A22912" t="s">
        <v>35444</v>
      </c>
      <c r="B22912" t="s">
        <v>35447</v>
      </c>
      <c r="C22912">
        <v>0</v>
      </c>
      <c r="D22912">
        <v>0</v>
      </c>
    </row>
    <row r="22913" spans="1:4" x14ac:dyDescent="0.25">
      <c r="A22913" t="s">
        <v>35448</v>
      </c>
      <c r="B22913" t="s">
        <v>35449</v>
      </c>
      <c r="C22913">
        <v>2</v>
      </c>
      <c r="D22913">
        <v>0</v>
      </c>
    </row>
    <row r="22914" spans="1:4" x14ac:dyDescent="0.25">
      <c r="A22914" t="s">
        <v>35448</v>
      </c>
      <c r="B22914" t="s">
        <v>35450</v>
      </c>
      <c r="C22914">
        <v>2</v>
      </c>
      <c r="D22914">
        <v>0</v>
      </c>
    </row>
    <row r="22915" spans="1:4" x14ac:dyDescent="0.25">
      <c r="A22915" t="s">
        <v>35451</v>
      </c>
      <c r="B22915" t="s">
        <v>35452</v>
      </c>
      <c r="C22915">
        <v>1</v>
      </c>
      <c r="D22915">
        <v>0</v>
      </c>
    </row>
    <row r="22916" spans="1:4" x14ac:dyDescent="0.25">
      <c r="A22916" t="s">
        <v>35453</v>
      </c>
      <c r="B22916" t="s">
        <v>35454</v>
      </c>
      <c r="C22916">
        <v>2</v>
      </c>
      <c r="D22916">
        <v>0</v>
      </c>
    </row>
    <row r="22917" spans="1:4" x14ac:dyDescent="0.25">
      <c r="A22917" t="s">
        <v>35453</v>
      </c>
      <c r="B22917" t="s">
        <v>35455</v>
      </c>
      <c r="C22917">
        <v>2</v>
      </c>
      <c r="D22917">
        <v>0</v>
      </c>
    </row>
    <row r="22918" spans="1:4" x14ac:dyDescent="0.25">
      <c r="A22918" t="s">
        <v>35453</v>
      </c>
      <c r="B22918" t="s">
        <v>7595</v>
      </c>
      <c r="C22918">
        <v>2</v>
      </c>
      <c r="D22918">
        <v>0</v>
      </c>
    </row>
    <row r="22919" spans="1:4" x14ac:dyDescent="0.25">
      <c r="A22919" t="s">
        <v>35456</v>
      </c>
      <c r="B22919" t="s">
        <v>35457</v>
      </c>
      <c r="C22919">
        <v>1</v>
      </c>
      <c r="D22919">
        <v>0</v>
      </c>
    </row>
    <row r="22920" spans="1:4" x14ac:dyDescent="0.25">
      <c r="A22920" t="s">
        <v>35456</v>
      </c>
      <c r="B22920" t="s">
        <v>35458</v>
      </c>
      <c r="C22920">
        <v>0</v>
      </c>
      <c r="D22920">
        <v>0</v>
      </c>
    </row>
    <row r="22921" spans="1:4" x14ac:dyDescent="0.25">
      <c r="A22921" t="s">
        <v>35459</v>
      </c>
      <c r="B22921" t="s">
        <v>35460</v>
      </c>
      <c r="C22921">
        <v>0</v>
      </c>
      <c r="D22921">
        <v>0</v>
      </c>
    </row>
    <row r="22922" spans="1:4" x14ac:dyDescent="0.25">
      <c r="A22922" t="s">
        <v>35459</v>
      </c>
      <c r="B22922" t="s">
        <v>35461</v>
      </c>
      <c r="C22922">
        <v>1</v>
      </c>
      <c r="D22922">
        <v>0</v>
      </c>
    </row>
    <row r="22923" spans="1:4" x14ac:dyDescent="0.25">
      <c r="A22923" t="s">
        <v>35462</v>
      </c>
      <c r="B22923" t="s">
        <v>35463</v>
      </c>
      <c r="C22923">
        <v>2</v>
      </c>
      <c r="D22923">
        <v>0</v>
      </c>
    </row>
    <row r="22924" spans="1:4" x14ac:dyDescent="0.25">
      <c r="A22924" t="s">
        <v>35462</v>
      </c>
      <c r="B22924" t="s">
        <v>35464</v>
      </c>
      <c r="C22924">
        <v>0</v>
      </c>
      <c r="D22924">
        <v>0</v>
      </c>
    </row>
    <row r="22925" spans="1:4" x14ac:dyDescent="0.25">
      <c r="A22925" t="s">
        <v>35465</v>
      </c>
      <c r="B22925" t="s">
        <v>35466</v>
      </c>
      <c r="C22925">
        <v>1</v>
      </c>
      <c r="D22925">
        <v>0</v>
      </c>
    </row>
    <row r="22926" spans="1:4" x14ac:dyDescent="0.25">
      <c r="A22926" t="s">
        <v>35467</v>
      </c>
      <c r="B22926" t="s">
        <v>32837</v>
      </c>
      <c r="C22926">
        <v>0</v>
      </c>
      <c r="D22926">
        <v>0</v>
      </c>
    </row>
    <row r="22927" spans="1:4" x14ac:dyDescent="0.25">
      <c r="A22927" t="s">
        <v>35467</v>
      </c>
      <c r="B22927" t="s">
        <v>35468</v>
      </c>
      <c r="C22927">
        <v>0</v>
      </c>
      <c r="D22927">
        <v>0</v>
      </c>
    </row>
    <row r="22928" spans="1:4" x14ac:dyDescent="0.25">
      <c r="A22928" t="s">
        <v>35467</v>
      </c>
      <c r="B22928" t="s">
        <v>35469</v>
      </c>
      <c r="C22928">
        <v>2</v>
      </c>
      <c r="D22928">
        <v>0</v>
      </c>
    </row>
    <row r="22929" spans="1:4" x14ac:dyDescent="0.25">
      <c r="A22929" t="s">
        <v>35470</v>
      </c>
      <c r="B22929" t="s">
        <v>35471</v>
      </c>
      <c r="C22929">
        <v>2</v>
      </c>
      <c r="D22929">
        <v>0</v>
      </c>
    </row>
    <row r="22930" spans="1:4" x14ac:dyDescent="0.25">
      <c r="A22930" t="s">
        <v>35472</v>
      </c>
      <c r="B22930" t="s">
        <v>35473</v>
      </c>
      <c r="C22930">
        <v>0</v>
      </c>
      <c r="D22930">
        <v>0</v>
      </c>
    </row>
    <row r="22931" spans="1:4" x14ac:dyDescent="0.25">
      <c r="A22931" t="s">
        <v>35472</v>
      </c>
      <c r="B22931" t="s">
        <v>35474</v>
      </c>
      <c r="C22931">
        <v>1</v>
      </c>
      <c r="D22931">
        <v>0</v>
      </c>
    </row>
    <row r="22932" spans="1:4" x14ac:dyDescent="0.25">
      <c r="A22932" t="s">
        <v>35475</v>
      </c>
      <c r="B22932" t="s">
        <v>398</v>
      </c>
      <c r="C22932">
        <v>0</v>
      </c>
      <c r="D22932">
        <v>0</v>
      </c>
    </row>
    <row r="22933" spans="1:4" x14ac:dyDescent="0.25">
      <c r="A22933" t="s">
        <v>35476</v>
      </c>
      <c r="B22933" t="s">
        <v>35477</v>
      </c>
      <c r="C22933">
        <v>0</v>
      </c>
      <c r="D22933">
        <v>0</v>
      </c>
    </row>
    <row r="22934" spans="1:4" x14ac:dyDescent="0.25">
      <c r="A22934" t="s">
        <v>35476</v>
      </c>
      <c r="B22934" t="s">
        <v>35478</v>
      </c>
      <c r="C22934">
        <v>0</v>
      </c>
      <c r="D22934">
        <v>0</v>
      </c>
    </row>
    <row r="22935" spans="1:4" x14ac:dyDescent="0.25">
      <c r="A22935" t="s">
        <v>35476</v>
      </c>
      <c r="B22935" t="s">
        <v>35479</v>
      </c>
      <c r="C22935">
        <v>1</v>
      </c>
      <c r="D22935">
        <v>0</v>
      </c>
    </row>
    <row r="22936" spans="1:4" x14ac:dyDescent="0.25">
      <c r="A22936" t="s">
        <v>35480</v>
      </c>
      <c r="B22936" t="s">
        <v>35481</v>
      </c>
      <c r="C22936">
        <v>1</v>
      </c>
      <c r="D22936">
        <v>0</v>
      </c>
    </row>
    <row r="22937" spans="1:4" x14ac:dyDescent="0.25">
      <c r="A22937" t="s">
        <v>35482</v>
      </c>
      <c r="B22937" t="s">
        <v>35483</v>
      </c>
      <c r="C22937">
        <v>0</v>
      </c>
      <c r="D22937">
        <v>0</v>
      </c>
    </row>
    <row r="22938" spans="1:4" x14ac:dyDescent="0.25">
      <c r="A22938" t="s">
        <v>35482</v>
      </c>
      <c r="B22938" t="s">
        <v>35123</v>
      </c>
      <c r="C22938">
        <v>1</v>
      </c>
      <c r="D22938">
        <v>0</v>
      </c>
    </row>
    <row r="22939" spans="1:4" x14ac:dyDescent="0.25">
      <c r="A22939" t="s">
        <v>35484</v>
      </c>
      <c r="B22939" t="s">
        <v>35485</v>
      </c>
      <c r="C22939">
        <v>0</v>
      </c>
      <c r="D22939">
        <v>0</v>
      </c>
    </row>
    <row r="22940" spans="1:4" x14ac:dyDescent="0.25">
      <c r="A22940" t="s">
        <v>35486</v>
      </c>
      <c r="B22940" t="s">
        <v>35487</v>
      </c>
      <c r="C22940">
        <v>0</v>
      </c>
      <c r="D22940">
        <v>0</v>
      </c>
    </row>
    <row r="22941" spans="1:4" x14ac:dyDescent="0.25">
      <c r="A22941" t="s">
        <v>35486</v>
      </c>
      <c r="B22941" t="s">
        <v>35488</v>
      </c>
      <c r="C22941">
        <v>1</v>
      </c>
      <c r="D22941">
        <v>0</v>
      </c>
    </row>
    <row r="22942" spans="1:4" x14ac:dyDescent="0.25">
      <c r="A22942" t="s">
        <v>35489</v>
      </c>
      <c r="B22942" t="s">
        <v>35490</v>
      </c>
      <c r="C22942">
        <v>0</v>
      </c>
      <c r="D22942">
        <v>0</v>
      </c>
    </row>
    <row r="22943" spans="1:4" x14ac:dyDescent="0.25">
      <c r="A22943" t="s">
        <v>35489</v>
      </c>
      <c r="B22943" t="s">
        <v>35491</v>
      </c>
      <c r="C22943">
        <v>2</v>
      </c>
      <c r="D22943">
        <v>0</v>
      </c>
    </row>
    <row r="22944" spans="1:4" x14ac:dyDescent="0.25">
      <c r="A22944" t="s">
        <v>35489</v>
      </c>
      <c r="B22944" t="s">
        <v>35492</v>
      </c>
      <c r="C22944">
        <v>1</v>
      </c>
      <c r="D22944">
        <v>0</v>
      </c>
    </row>
    <row r="22945" spans="1:4" x14ac:dyDescent="0.25">
      <c r="A22945" t="s">
        <v>35493</v>
      </c>
      <c r="B22945" t="s">
        <v>35494</v>
      </c>
      <c r="C22945">
        <v>2</v>
      </c>
      <c r="D22945">
        <v>0</v>
      </c>
    </row>
    <row r="22946" spans="1:4" x14ac:dyDescent="0.25">
      <c r="A22946" t="s">
        <v>35493</v>
      </c>
      <c r="B22946" t="s">
        <v>35495</v>
      </c>
      <c r="C22946">
        <v>0</v>
      </c>
      <c r="D22946">
        <v>0</v>
      </c>
    </row>
    <row r="22947" spans="1:4" x14ac:dyDescent="0.25">
      <c r="A22947" t="s">
        <v>35496</v>
      </c>
      <c r="B22947" t="s">
        <v>35497</v>
      </c>
      <c r="C22947">
        <v>2</v>
      </c>
      <c r="D22947">
        <v>0</v>
      </c>
    </row>
    <row r="22948" spans="1:4" x14ac:dyDescent="0.25">
      <c r="A22948" t="s">
        <v>35498</v>
      </c>
      <c r="B22948" t="s">
        <v>35499</v>
      </c>
      <c r="C22948">
        <v>0</v>
      </c>
      <c r="D22948">
        <v>0</v>
      </c>
    </row>
    <row r="22949" spans="1:4" x14ac:dyDescent="0.25">
      <c r="A22949" t="s">
        <v>35500</v>
      </c>
      <c r="B22949" t="s">
        <v>35501</v>
      </c>
      <c r="C22949">
        <v>2</v>
      </c>
      <c r="D22949">
        <v>0</v>
      </c>
    </row>
    <row r="22950" spans="1:4" x14ac:dyDescent="0.25">
      <c r="A22950" t="s">
        <v>35502</v>
      </c>
      <c r="B22950" t="s">
        <v>35503</v>
      </c>
      <c r="C22950">
        <v>0</v>
      </c>
      <c r="D22950">
        <v>0</v>
      </c>
    </row>
    <row r="22951" spans="1:4" x14ac:dyDescent="0.25">
      <c r="A22951" t="s">
        <v>35502</v>
      </c>
      <c r="B22951" t="s">
        <v>3169</v>
      </c>
      <c r="C22951">
        <v>0</v>
      </c>
      <c r="D22951">
        <v>0</v>
      </c>
    </row>
    <row r="22952" spans="1:4" x14ac:dyDescent="0.25">
      <c r="A22952" t="s">
        <v>35504</v>
      </c>
      <c r="B22952" t="s">
        <v>35505</v>
      </c>
      <c r="C22952">
        <v>0</v>
      </c>
      <c r="D22952">
        <v>0</v>
      </c>
    </row>
    <row r="22953" spans="1:4" x14ac:dyDescent="0.25">
      <c r="A22953" t="s">
        <v>35504</v>
      </c>
      <c r="B22953" t="s">
        <v>35506</v>
      </c>
      <c r="C22953">
        <v>2</v>
      </c>
      <c r="D22953">
        <v>0</v>
      </c>
    </row>
    <row r="22954" spans="1:4" x14ac:dyDescent="0.25">
      <c r="A22954" t="s">
        <v>35507</v>
      </c>
      <c r="B22954" t="s">
        <v>1102</v>
      </c>
      <c r="C22954">
        <v>0</v>
      </c>
      <c r="D22954">
        <v>0</v>
      </c>
    </row>
    <row r="22955" spans="1:4" x14ac:dyDescent="0.25">
      <c r="A22955" t="s">
        <v>35508</v>
      </c>
      <c r="B22955" t="s">
        <v>35509</v>
      </c>
      <c r="C22955">
        <v>0</v>
      </c>
      <c r="D22955">
        <v>0</v>
      </c>
    </row>
    <row r="22956" spans="1:4" x14ac:dyDescent="0.25">
      <c r="A22956" t="s">
        <v>35508</v>
      </c>
      <c r="B22956" t="s">
        <v>35510</v>
      </c>
      <c r="C22956">
        <v>0</v>
      </c>
      <c r="D22956">
        <v>0</v>
      </c>
    </row>
    <row r="22957" spans="1:4" x14ac:dyDescent="0.25">
      <c r="A22957" t="s">
        <v>35511</v>
      </c>
      <c r="B22957" t="s">
        <v>35512</v>
      </c>
      <c r="C22957">
        <v>1</v>
      </c>
      <c r="D22957">
        <v>0</v>
      </c>
    </row>
    <row r="22958" spans="1:4" x14ac:dyDescent="0.25">
      <c r="A22958" t="s">
        <v>35511</v>
      </c>
      <c r="B22958" t="s">
        <v>35513</v>
      </c>
      <c r="C22958">
        <v>1</v>
      </c>
      <c r="D22958">
        <v>0</v>
      </c>
    </row>
    <row r="22959" spans="1:4" x14ac:dyDescent="0.25">
      <c r="A22959" t="s">
        <v>35514</v>
      </c>
      <c r="B22959" t="s">
        <v>35515</v>
      </c>
      <c r="C22959">
        <v>2</v>
      </c>
      <c r="D22959">
        <v>0</v>
      </c>
    </row>
    <row r="22960" spans="1:4" x14ac:dyDescent="0.25">
      <c r="A22960" t="s">
        <v>35514</v>
      </c>
      <c r="B22960" t="s">
        <v>35516</v>
      </c>
      <c r="C22960">
        <v>1</v>
      </c>
      <c r="D22960">
        <v>0</v>
      </c>
    </row>
    <row r="22961" spans="1:4" x14ac:dyDescent="0.25">
      <c r="A22961" t="s">
        <v>35514</v>
      </c>
      <c r="B22961" t="s">
        <v>35517</v>
      </c>
      <c r="C22961">
        <v>1</v>
      </c>
      <c r="D22961">
        <v>0</v>
      </c>
    </row>
    <row r="22962" spans="1:4" x14ac:dyDescent="0.25">
      <c r="A22962" t="s">
        <v>35518</v>
      </c>
      <c r="B22962" t="s">
        <v>9112</v>
      </c>
      <c r="C22962">
        <v>1</v>
      </c>
      <c r="D22962">
        <v>0</v>
      </c>
    </row>
    <row r="22963" spans="1:4" x14ac:dyDescent="0.25">
      <c r="A22963" t="s">
        <v>35518</v>
      </c>
      <c r="B22963" t="s">
        <v>35519</v>
      </c>
      <c r="C22963">
        <v>2</v>
      </c>
      <c r="D22963">
        <v>0</v>
      </c>
    </row>
    <row r="22964" spans="1:4" x14ac:dyDescent="0.25">
      <c r="A22964" t="s">
        <v>35520</v>
      </c>
      <c r="B22964" t="s">
        <v>35521</v>
      </c>
      <c r="C22964">
        <v>2</v>
      </c>
      <c r="D22964">
        <v>0</v>
      </c>
    </row>
    <row r="22965" spans="1:4" x14ac:dyDescent="0.25">
      <c r="A22965" t="s">
        <v>35520</v>
      </c>
      <c r="B22965" t="s">
        <v>35522</v>
      </c>
      <c r="C22965">
        <v>1</v>
      </c>
      <c r="D22965">
        <v>0</v>
      </c>
    </row>
    <row r="22966" spans="1:4" x14ac:dyDescent="0.25">
      <c r="A22966" t="s">
        <v>35520</v>
      </c>
      <c r="B22966" t="s">
        <v>35523</v>
      </c>
      <c r="C22966">
        <v>2</v>
      </c>
      <c r="D22966">
        <v>0</v>
      </c>
    </row>
    <row r="22967" spans="1:4" x14ac:dyDescent="0.25">
      <c r="A22967" t="s">
        <v>35524</v>
      </c>
      <c r="B22967" t="s">
        <v>35525</v>
      </c>
      <c r="C22967">
        <v>0</v>
      </c>
      <c r="D22967">
        <v>0</v>
      </c>
    </row>
    <row r="22968" spans="1:4" x14ac:dyDescent="0.25">
      <c r="A22968" t="s">
        <v>35526</v>
      </c>
      <c r="B22968" t="s">
        <v>2704</v>
      </c>
      <c r="C22968">
        <v>1</v>
      </c>
      <c r="D22968">
        <v>0</v>
      </c>
    </row>
    <row r="22969" spans="1:4" x14ac:dyDescent="0.25">
      <c r="A22969" t="s">
        <v>35526</v>
      </c>
      <c r="B22969" t="s">
        <v>1567</v>
      </c>
      <c r="C22969">
        <v>0</v>
      </c>
      <c r="D22969">
        <v>0</v>
      </c>
    </row>
    <row r="22970" spans="1:4" x14ac:dyDescent="0.25">
      <c r="A22970" t="s">
        <v>35527</v>
      </c>
      <c r="B22970" t="s">
        <v>1246</v>
      </c>
      <c r="C22970">
        <v>0</v>
      </c>
      <c r="D22970">
        <v>0</v>
      </c>
    </row>
    <row r="22971" spans="1:4" x14ac:dyDescent="0.25">
      <c r="A22971" t="s">
        <v>35528</v>
      </c>
      <c r="B22971" t="s">
        <v>35529</v>
      </c>
      <c r="C22971">
        <v>1</v>
      </c>
      <c r="D22971">
        <v>0</v>
      </c>
    </row>
    <row r="22972" spans="1:4" x14ac:dyDescent="0.25">
      <c r="A22972" t="s">
        <v>35530</v>
      </c>
      <c r="B22972" t="s">
        <v>35531</v>
      </c>
      <c r="C22972">
        <v>1</v>
      </c>
      <c r="D22972">
        <v>0</v>
      </c>
    </row>
    <row r="22973" spans="1:4" x14ac:dyDescent="0.25">
      <c r="A22973" t="s">
        <v>35532</v>
      </c>
      <c r="B22973" t="s">
        <v>35533</v>
      </c>
      <c r="C22973">
        <v>2</v>
      </c>
      <c r="D22973">
        <v>0</v>
      </c>
    </row>
    <row r="22974" spans="1:4" x14ac:dyDescent="0.25">
      <c r="A22974" t="s">
        <v>35532</v>
      </c>
      <c r="B22974" t="s">
        <v>35534</v>
      </c>
      <c r="C22974">
        <v>2</v>
      </c>
      <c r="D22974">
        <v>0</v>
      </c>
    </row>
    <row r="22975" spans="1:4" x14ac:dyDescent="0.25">
      <c r="A22975" t="s">
        <v>35532</v>
      </c>
      <c r="B22975" t="s">
        <v>35535</v>
      </c>
      <c r="C22975">
        <v>2</v>
      </c>
      <c r="D22975">
        <v>0</v>
      </c>
    </row>
    <row r="22976" spans="1:4" x14ac:dyDescent="0.25">
      <c r="A22976" t="s">
        <v>35536</v>
      </c>
      <c r="B22976" t="s">
        <v>35537</v>
      </c>
      <c r="C22976">
        <v>1</v>
      </c>
      <c r="D22976">
        <v>0</v>
      </c>
    </row>
    <row r="22977" spans="1:4" x14ac:dyDescent="0.25">
      <c r="A22977" t="s">
        <v>35536</v>
      </c>
      <c r="B22977" t="s">
        <v>35538</v>
      </c>
      <c r="C22977">
        <v>2</v>
      </c>
      <c r="D22977">
        <v>0</v>
      </c>
    </row>
    <row r="22978" spans="1:4" x14ac:dyDescent="0.25">
      <c r="A22978" t="s">
        <v>35539</v>
      </c>
      <c r="B22978" t="s">
        <v>35540</v>
      </c>
      <c r="C22978">
        <v>0</v>
      </c>
      <c r="D22978">
        <v>0</v>
      </c>
    </row>
    <row r="22979" spans="1:4" x14ac:dyDescent="0.25">
      <c r="A22979" t="s">
        <v>35539</v>
      </c>
      <c r="B22979" t="s">
        <v>35541</v>
      </c>
      <c r="C22979">
        <v>2</v>
      </c>
      <c r="D22979">
        <v>0</v>
      </c>
    </row>
    <row r="22980" spans="1:4" x14ac:dyDescent="0.25">
      <c r="A22980" t="s">
        <v>35539</v>
      </c>
      <c r="B22980" t="s">
        <v>35542</v>
      </c>
      <c r="C22980">
        <v>0</v>
      </c>
      <c r="D22980">
        <v>0</v>
      </c>
    </row>
    <row r="22981" spans="1:4" x14ac:dyDescent="0.25">
      <c r="A22981" t="s">
        <v>35543</v>
      </c>
      <c r="B22981" t="s">
        <v>35544</v>
      </c>
      <c r="C22981">
        <v>1</v>
      </c>
      <c r="D22981">
        <v>0</v>
      </c>
    </row>
    <row r="22982" spans="1:4" x14ac:dyDescent="0.25">
      <c r="A22982" t="s">
        <v>35543</v>
      </c>
      <c r="B22982" t="s">
        <v>35545</v>
      </c>
      <c r="C22982">
        <v>1</v>
      </c>
      <c r="D22982">
        <v>0</v>
      </c>
    </row>
    <row r="22983" spans="1:4" x14ac:dyDescent="0.25">
      <c r="A22983" t="s">
        <v>35543</v>
      </c>
      <c r="B22983" t="s">
        <v>35546</v>
      </c>
      <c r="C22983">
        <v>2</v>
      </c>
      <c r="D22983">
        <v>0</v>
      </c>
    </row>
    <row r="22984" spans="1:4" x14ac:dyDescent="0.25">
      <c r="A22984" t="s">
        <v>35547</v>
      </c>
      <c r="B22984" t="s">
        <v>35548</v>
      </c>
      <c r="C22984">
        <v>1</v>
      </c>
      <c r="D22984">
        <v>0</v>
      </c>
    </row>
    <row r="22985" spans="1:4" x14ac:dyDescent="0.25">
      <c r="A22985" t="s">
        <v>35549</v>
      </c>
      <c r="B22985" t="s">
        <v>35550</v>
      </c>
      <c r="C22985">
        <v>0</v>
      </c>
      <c r="D22985">
        <v>0</v>
      </c>
    </row>
    <row r="22986" spans="1:4" x14ac:dyDescent="0.25">
      <c r="A22986" t="s">
        <v>35551</v>
      </c>
      <c r="B22986" t="s">
        <v>35552</v>
      </c>
      <c r="C22986">
        <v>1</v>
      </c>
      <c r="D22986">
        <v>0</v>
      </c>
    </row>
    <row r="22987" spans="1:4" x14ac:dyDescent="0.25">
      <c r="A22987" t="s">
        <v>35551</v>
      </c>
      <c r="B22987" t="s">
        <v>35553</v>
      </c>
      <c r="C22987">
        <v>1</v>
      </c>
      <c r="D22987">
        <v>0</v>
      </c>
    </row>
    <row r="22988" spans="1:4" x14ac:dyDescent="0.25">
      <c r="A22988" t="s">
        <v>35551</v>
      </c>
      <c r="B22988" t="s">
        <v>35554</v>
      </c>
      <c r="C22988">
        <v>1</v>
      </c>
      <c r="D22988">
        <v>0</v>
      </c>
    </row>
    <row r="22989" spans="1:4" x14ac:dyDescent="0.25">
      <c r="A22989" t="s">
        <v>35555</v>
      </c>
      <c r="B22989" t="s">
        <v>816</v>
      </c>
      <c r="C22989">
        <v>1</v>
      </c>
      <c r="D22989">
        <v>0</v>
      </c>
    </row>
    <row r="22990" spans="1:4" x14ac:dyDescent="0.25">
      <c r="A22990" t="s">
        <v>35556</v>
      </c>
      <c r="B22990" t="s">
        <v>35557</v>
      </c>
      <c r="C22990">
        <v>0</v>
      </c>
      <c r="D22990">
        <v>0</v>
      </c>
    </row>
    <row r="22991" spans="1:4" x14ac:dyDescent="0.25">
      <c r="A22991" t="s">
        <v>35556</v>
      </c>
      <c r="B22991" t="s">
        <v>35558</v>
      </c>
      <c r="C22991">
        <v>0</v>
      </c>
      <c r="D22991">
        <v>0</v>
      </c>
    </row>
    <row r="22992" spans="1:4" x14ac:dyDescent="0.25">
      <c r="A22992" t="s">
        <v>35559</v>
      </c>
      <c r="B22992" t="s">
        <v>35560</v>
      </c>
      <c r="C22992">
        <v>1</v>
      </c>
      <c r="D22992">
        <v>0</v>
      </c>
    </row>
    <row r="22993" spans="1:4" x14ac:dyDescent="0.25">
      <c r="A22993" t="s">
        <v>35559</v>
      </c>
      <c r="B22993" t="s">
        <v>35561</v>
      </c>
      <c r="C22993">
        <v>1</v>
      </c>
      <c r="D22993">
        <v>0</v>
      </c>
    </row>
    <row r="22994" spans="1:4" x14ac:dyDescent="0.25">
      <c r="A22994" t="s">
        <v>35562</v>
      </c>
      <c r="B22994" t="s">
        <v>35563</v>
      </c>
      <c r="C22994">
        <v>2</v>
      </c>
      <c r="D22994">
        <v>0</v>
      </c>
    </row>
    <row r="22995" spans="1:4" x14ac:dyDescent="0.25">
      <c r="A22995" t="s">
        <v>35564</v>
      </c>
      <c r="B22995" t="s">
        <v>35565</v>
      </c>
      <c r="C22995">
        <v>0</v>
      </c>
      <c r="D22995">
        <v>0</v>
      </c>
    </row>
    <row r="22996" spans="1:4" x14ac:dyDescent="0.25">
      <c r="A22996" t="s">
        <v>35564</v>
      </c>
      <c r="B22996" t="s">
        <v>35566</v>
      </c>
      <c r="C22996">
        <v>0</v>
      </c>
      <c r="D22996">
        <v>0</v>
      </c>
    </row>
    <row r="22997" spans="1:4" x14ac:dyDescent="0.25">
      <c r="A22997" t="s">
        <v>35567</v>
      </c>
      <c r="B22997" t="s">
        <v>35568</v>
      </c>
      <c r="C22997">
        <v>1</v>
      </c>
      <c r="D22997">
        <v>0</v>
      </c>
    </row>
    <row r="22998" spans="1:4" x14ac:dyDescent="0.25">
      <c r="A22998" t="s">
        <v>35567</v>
      </c>
      <c r="B22998" t="s">
        <v>35569</v>
      </c>
      <c r="C22998">
        <v>0</v>
      </c>
      <c r="D22998">
        <v>0</v>
      </c>
    </row>
    <row r="22999" spans="1:4" x14ac:dyDescent="0.25">
      <c r="A22999" t="s">
        <v>35570</v>
      </c>
      <c r="B22999" t="s">
        <v>35571</v>
      </c>
      <c r="C22999">
        <v>2</v>
      </c>
      <c r="D22999">
        <v>0</v>
      </c>
    </row>
    <row r="23000" spans="1:4" x14ac:dyDescent="0.25">
      <c r="A23000" t="s">
        <v>35572</v>
      </c>
      <c r="B23000" t="s">
        <v>29711</v>
      </c>
      <c r="C23000">
        <v>0</v>
      </c>
      <c r="D23000">
        <v>0</v>
      </c>
    </row>
    <row r="23001" spans="1:4" x14ac:dyDescent="0.25">
      <c r="A23001" t="s">
        <v>35572</v>
      </c>
      <c r="B23001" t="s">
        <v>29711</v>
      </c>
      <c r="C23001">
        <v>0</v>
      </c>
      <c r="D23001">
        <v>0</v>
      </c>
    </row>
    <row r="23002" spans="1:4" x14ac:dyDescent="0.25">
      <c r="A23002" t="s">
        <v>35573</v>
      </c>
      <c r="B23002" t="s">
        <v>35574</v>
      </c>
      <c r="C23002">
        <v>1</v>
      </c>
      <c r="D23002">
        <v>0</v>
      </c>
    </row>
    <row r="23003" spans="1:4" x14ac:dyDescent="0.25">
      <c r="A23003" t="s">
        <v>35573</v>
      </c>
      <c r="B23003" t="s">
        <v>35575</v>
      </c>
      <c r="C23003">
        <v>1</v>
      </c>
      <c r="D23003">
        <v>0</v>
      </c>
    </row>
    <row r="23004" spans="1:4" x14ac:dyDescent="0.25">
      <c r="A23004" t="s">
        <v>35573</v>
      </c>
      <c r="B23004" t="s">
        <v>35576</v>
      </c>
      <c r="C23004">
        <v>1</v>
      </c>
      <c r="D23004">
        <v>0</v>
      </c>
    </row>
    <row r="23005" spans="1:4" x14ac:dyDescent="0.25">
      <c r="A23005" t="s">
        <v>35577</v>
      </c>
      <c r="B23005" t="s">
        <v>35578</v>
      </c>
      <c r="C23005">
        <v>0</v>
      </c>
      <c r="D23005">
        <v>0</v>
      </c>
    </row>
    <row r="23006" spans="1:4" x14ac:dyDescent="0.25">
      <c r="A23006" t="s">
        <v>35579</v>
      </c>
      <c r="B23006" t="s">
        <v>3410</v>
      </c>
      <c r="C23006">
        <v>1</v>
      </c>
      <c r="D23006">
        <v>0</v>
      </c>
    </row>
    <row r="23007" spans="1:4" x14ac:dyDescent="0.25">
      <c r="A23007" t="s">
        <v>35579</v>
      </c>
      <c r="B23007" t="s">
        <v>5802</v>
      </c>
      <c r="C23007">
        <v>0</v>
      </c>
      <c r="D23007">
        <v>0</v>
      </c>
    </row>
    <row r="23008" spans="1:4" x14ac:dyDescent="0.25">
      <c r="A23008" t="s">
        <v>35580</v>
      </c>
      <c r="B23008" t="s">
        <v>35581</v>
      </c>
      <c r="C23008">
        <v>2</v>
      </c>
      <c r="D23008">
        <v>0</v>
      </c>
    </row>
    <row r="23009" spans="1:4" x14ac:dyDescent="0.25">
      <c r="A23009" t="s">
        <v>35580</v>
      </c>
      <c r="B23009" t="s">
        <v>35582</v>
      </c>
      <c r="C23009">
        <v>2</v>
      </c>
      <c r="D23009">
        <v>0</v>
      </c>
    </row>
    <row r="23010" spans="1:4" x14ac:dyDescent="0.25">
      <c r="A23010" t="s">
        <v>35580</v>
      </c>
      <c r="B23010" t="s">
        <v>35583</v>
      </c>
      <c r="C23010">
        <v>0</v>
      </c>
      <c r="D23010">
        <v>0</v>
      </c>
    </row>
    <row r="23011" spans="1:4" x14ac:dyDescent="0.25">
      <c r="A23011" t="s">
        <v>35584</v>
      </c>
      <c r="B23011" t="s">
        <v>1938</v>
      </c>
      <c r="C23011">
        <v>0</v>
      </c>
      <c r="D23011">
        <v>0</v>
      </c>
    </row>
    <row r="23012" spans="1:4" x14ac:dyDescent="0.25">
      <c r="A23012" t="s">
        <v>35585</v>
      </c>
      <c r="B23012" t="s">
        <v>35586</v>
      </c>
      <c r="C23012">
        <v>1</v>
      </c>
      <c r="D23012">
        <v>0</v>
      </c>
    </row>
    <row r="23013" spans="1:4" x14ac:dyDescent="0.25">
      <c r="A23013" t="s">
        <v>35587</v>
      </c>
      <c r="B23013" t="s">
        <v>35588</v>
      </c>
      <c r="C23013">
        <v>0</v>
      </c>
      <c r="D23013">
        <v>0</v>
      </c>
    </row>
    <row r="23014" spans="1:4" x14ac:dyDescent="0.25">
      <c r="A23014" t="s">
        <v>35587</v>
      </c>
      <c r="B23014" t="s">
        <v>35589</v>
      </c>
      <c r="C23014">
        <v>1</v>
      </c>
      <c r="D23014">
        <v>0</v>
      </c>
    </row>
    <row r="23015" spans="1:4" x14ac:dyDescent="0.25">
      <c r="A23015" t="s">
        <v>35590</v>
      </c>
      <c r="B23015" t="s">
        <v>5013</v>
      </c>
      <c r="C23015">
        <v>0</v>
      </c>
      <c r="D23015">
        <v>0</v>
      </c>
    </row>
    <row r="23016" spans="1:4" x14ac:dyDescent="0.25">
      <c r="A23016" t="s">
        <v>35591</v>
      </c>
      <c r="B23016" t="s">
        <v>35592</v>
      </c>
      <c r="C23016">
        <v>1</v>
      </c>
      <c r="D23016">
        <v>0</v>
      </c>
    </row>
    <row r="23017" spans="1:4" x14ac:dyDescent="0.25">
      <c r="A23017" t="s">
        <v>35591</v>
      </c>
      <c r="B23017" t="s">
        <v>35593</v>
      </c>
      <c r="C23017">
        <v>1</v>
      </c>
      <c r="D23017">
        <v>0</v>
      </c>
    </row>
    <row r="23018" spans="1:4" x14ac:dyDescent="0.25">
      <c r="A23018" t="s">
        <v>35591</v>
      </c>
      <c r="B23018" t="s">
        <v>35594</v>
      </c>
      <c r="C23018">
        <v>1</v>
      </c>
      <c r="D23018">
        <v>0</v>
      </c>
    </row>
    <row r="23019" spans="1:4" x14ac:dyDescent="0.25">
      <c r="A23019" t="s">
        <v>35595</v>
      </c>
      <c r="B23019" t="s">
        <v>35596</v>
      </c>
      <c r="C23019">
        <v>0</v>
      </c>
      <c r="D23019">
        <v>0</v>
      </c>
    </row>
    <row r="23020" spans="1:4" x14ac:dyDescent="0.25">
      <c r="A23020" t="s">
        <v>35595</v>
      </c>
      <c r="B23020" t="s">
        <v>968</v>
      </c>
      <c r="C23020">
        <v>1</v>
      </c>
      <c r="D23020">
        <v>0</v>
      </c>
    </row>
    <row r="23021" spans="1:4" x14ac:dyDescent="0.25">
      <c r="A23021" t="s">
        <v>35597</v>
      </c>
      <c r="B23021" t="s">
        <v>35598</v>
      </c>
      <c r="C23021">
        <v>2</v>
      </c>
      <c r="D23021">
        <v>0</v>
      </c>
    </row>
    <row r="23022" spans="1:4" x14ac:dyDescent="0.25">
      <c r="A23022" t="s">
        <v>35597</v>
      </c>
      <c r="B23022" t="s">
        <v>35599</v>
      </c>
      <c r="C23022">
        <v>1</v>
      </c>
      <c r="D23022">
        <v>0</v>
      </c>
    </row>
    <row r="23023" spans="1:4" x14ac:dyDescent="0.25">
      <c r="A23023" t="s">
        <v>35597</v>
      </c>
      <c r="B23023" t="s">
        <v>35600</v>
      </c>
      <c r="C23023">
        <v>1</v>
      </c>
      <c r="D23023">
        <v>0</v>
      </c>
    </row>
    <row r="23024" spans="1:4" x14ac:dyDescent="0.25">
      <c r="A23024" t="s">
        <v>35601</v>
      </c>
      <c r="B23024" t="s">
        <v>35602</v>
      </c>
      <c r="C23024">
        <v>0</v>
      </c>
      <c r="D23024">
        <v>0</v>
      </c>
    </row>
    <row r="23025" spans="1:4" x14ac:dyDescent="0.25">
      <c r="A23025" t="s">
        <v>35603</v>
      </c>
      <c r="B23025" t="s">
        <v>35604</v>
      </c>
      <c r="C23025">
        <v>1</v>
      </c>
      <c r="D23025">
        <v>0</v>
      </c>
    </row>
    <row r="23026" spans="1:4" x14ac:dyDescent="0.25">
      <c r="A23026" t="s">
        <v>35603</v>
      </c>
      <c r="B23026" t="s">
        <v>35605</v>
      </c>
      <c r="C23026">
        <v>0</v>
      </c>
      <c r="D23026">
        <v>0</v>
      </c>
    </row>
    <row r="23027" spans="1:4" x14ac:dyDescent="0.25">
      <c r="A23027" t="s">
        <v>35603</v>
      </c>
      <c r="B23027" t="s">
        <v>35606</v>
      </c>
      <c r="C23027">
        <v>2</v>
      </c>
      <c r="D23027">
        <v>0</v>
      </c>
    </row>
    <row r="23028" spans="1:4" x14ac:dyDescent="0.25">
      <c r="A23028" t="s">
        <v>35607</v>
      </c>
      <c r="B23028" t="s">
        <v>35608</v>
      </c>
      <c r="C23028">
        <v>0</v>
      </c>
      <c r="D23028">
        <v>0</v>
      </c>
    </row>
    <row r="23029" spans="1:4" x14ac:dyDescent="0.25">
      <c r="A23029" t="s">
        <v>35607</v>
      </c>
      <c r="B23029" t="s">
        <v>35609</v>
      </c>
      <c r="C23029">
        <v>2</v>
      </c>
      <c r="D23029">
        <v>0</v>
      </c>
    </row>
    <row r="23030" spans="1:4" x14ac:dyDescent="0.25">
      <c r="A23030" t="s">
        <v>35610</v>
      </c>
      <c r="B23030" t="s">
        <v>35611</v>
      </c>
      <c r="C23030">
        <v>0</v>
      </c>
      <c r="D23030">
        <v>0</v>
      </c>
    </row>
    <row r="23031" spans="1:4" x14ac:dyDescent="0.25">
      <c r="A23031" t="s">
        <v>35610</v>
      </c>
      <c r="B23031" t="s">
        <v>12165</v>
      </c>
      <c r="C23031">
        <v>2</v>
      </c>
      <c r="D23031">
        <v>0</v>
      </c>
    </row>
    <row r="23032" spans="1:4" x14ac:dyDescent="0.25">
      <c r="A23032" t="s">
        <v>35610</v>
      </c>
      <c r="B23032" t="s">
        <v>35612</v>
      </c>
      <c r="C23032">
        <v>1</v>
      </c>
      <c r="D23032">
        <v>0</v>
      </c>
    </row>
    <row r="23033" spans="1:4" x14ac:dyDescent="0.25">
      <c r="A23033" t="s">
        <v>35613</v>
      </c>
      <c r="B23033" t="s">
        <v>35614</v>
      </c>
      <c r="C23033">
        <v>1</v>
      </c>
      <c r="D23033">
        <v>0</v>
      </c>
    </row>
    <row r="23034" spans="1:4" x14ac:dyDescent="0.25">
      <c r="A23034" t="s">
        <v>35615</v>
      </c>
      <c r="B23034" t="s">
        <v>35616</v>
      </c>
      <c r="C23034">
        <v>2</v>
      </c>
      <c r="D23034">
        <v>0</v>
      </c>
    </row>
    <row r="23035" spans="1:4" x14ac:dyDescent="0.25">
      <c r="A23035" t="s">
        <v>35615</v>
      </c>
      <c r="B23035" t="s">
        <v>35617</v>
      </c>
      <c r="C23035">
        <v>1</v>
      </c>
      <c r="D23035">
        <v>0</v>
      </c>
    </row>
    <row r="23036" spans="1:4" x14ac:dyDescent="0.25">
      <c r="A23036" t="s">
        <v>35615</v>
      </c>
      <c r="B23036" t="s">
        <v>35618</v>
      </c>
      <c r="C23036">
        <v>0</v>
      </c>
      <c r="D23036">
        <v>0</v>
      </c>
    </row>
    <row r="23037" spans="1:4" x14ac:dyDescent="0.25">
      <c r="A23037" t="s">
        <v>35619</v>
      </c>
      <c r="B23037" t="s">
        <v>35620</v>
      </c>
      <c r="C23037">
        <v>1</v>
      </c>
      <c r="D23037">
        <v>0</v>
      </c>
    </row>
    <row r="23038" spans="1:4" x14ac:dyDescent="0.25">
      <c r="A23038" t="s">
        <v>35619</v>
      </c>
      <c r="B23038" t="s">
        <v>31027</v>
      </c>
      <c r="C23038">
        <v>0</v>
      </c>
      <c r="D23038">
        <v>0</v>
      </c>
    </row>
    <row r="23039" spans="1:4" x14ac:dyDescent="0.25">
      <c r="A23039" t="s">
        <v>35619</v>
      </c>
      <c r="B23039" t="s">
        <v>35621</v>
      </c>
      <c r="C23039">
        <v>1</v>
      </c>
      <c r="D23039">
        <v>0</v>
      </c>
    </row>
    <row r="23040" spans="1:4" x14ac:dyDescent="0.25">
      <c r="A23040" t="s">
        <v>35622</v>
      </c>
      <c r="B23040" t="s">
        <v>2704</v>
      </c>
      <c r="C23040">
        <v>1</v>
      </c>
      <c r="D23040">
        <v>0</v>
      </c>
    </row>
    <row r="23041" spans="1:4" x14ac:dyDescent="0.25">
      <c r="A23041" t="s">
        <v>35622</v>
      </c>
      <c r="B23041" t="s">
        <v>35623</v>
      </c>
      <c r="C23041">
        <v>0</v>
      </c>
      <c r="D23041">
        <v>0</v>
      </c>
    </row>
    <row r="23042" spans="1:4" x14ac:dyDescent="0.25">
      <c r="A23042" t="s">
        <v>35624</v>
      </c>
      <c r="B23042" t="s">
        <v>4862</v>
      </c>
      <c r="C23042">
        <v>1</v>
      </c>
      <c r="D23042">
        <v>0</v>
      </c>
    </row>
    <row r="23043" spans="1:4" x14ac:dyDescent="0.25">
      <c r="A23043" t="s">
        <v>35624</v>
      </c>
      <c r="B23043" t="s">
        <v>35625</v>
      </c>
      <c r="C23043">
        <v>1</v>
      </c>
      <c r="D23043">
        <v>0</v>
      </c>
    </row>
    <row r="23044" spans="1:4" x14ac:dyDescent="0.25">
      <c r="A23044" t="s">
        <v>35626</v>
      </c>
      <c r="B23044" t="s">
        <v>35627</v>
      </c>
      <c r="C23044">
        <v>0</v>
      </c>
      <c r="D23044">
        <v>0</v>
      </c>
    </row>
    <row r="23045" spans="1:4" x14ac:dyDescent="0.25">
      <c r="A23045" t="s">
        <v>35628</v>
      </c>
      <c r="B23045" t="s">
        <v>35629</v>
      </c>
      <c r="C23045">
        <v>0</v>
      </c>
      <c r="D23045">
        <v>0</v>
      </c>
    </row>
    <row r="23046" spans="1:4" x14ac:dyDescent="0.25">
      <c r="A23046" t="s">
        <v>35630</v>
      </c>
      <c r="B23046" t="s">
        <v>35631</v>
      </c>
      <c r="C23046">
        <v>1</v>
      </c>
      <c r="D23046">
        <v>0</v>
      </c>
    </row>
    <row r="23047" spans="1:4" x14ac:dyDescent="0.25">
      <c r="A23047" t="s">
        <v>35630</v>
      </c>
      <c r="B23047" t="s">
        <v>35632</v>
      </c>
      <c r="C23047">
        <v>1</v>
      </c>
      <c r="D23047">
        <v>0</v>
      </c>
    </row>
    <row r="23048" spans="1:4" x14ac:dyDescent="0.25">
      <c r="A23048" t="s">
        <v>35633</v>
      </c>
      <c r="B23048" t="s">
        <v>35634</v>
      </c>
      <c r="C23048">
        <v>0</v>
      </c>
      <c r="D23048">
        <v>0</v>
      </c>
    </row>
    <row r="23049" spans="1:4" x14ac:dyDescent="0.25">
      <c r="A23049" t="s">
        <v>35635</v>
      </c>
      <c r="B23049" t="s">
        <v>35636</v>
      </c>
      <c r="C23049">
        <v>1</v>
      </c>
      <c r="D23049">
        <v>0</v>
      </c>
    </row>
    <row r="23050" spans="1:4" x14ac:dyDescent="0.25">
      <c r="A23050" t="s">
        <v>35635</v>
      </c>
      <c r="B23050" t="s">
        <v>35637</v>
      </c>
      <c r="C23050">
        <v>1</v>
      </c>
      <c r="D23050">
        <v>0</v>
      </c>
    </row>
    <row r="23051" spans="1:4" x14ac:dyDescent="0.25">
      <c r="A23051" t="s">
        <v>35635</v>
      </c>
      <c r="B23051" t="s">
        <v>35638</v>
      </c>
      <c r="C23051">
        <v>0</v>
      </c>
      <c r="D23051">
        <v>0</v>
      </c>
    </row>
    <row r="23052" spans="1:4" x14ac:dyDescent="0.25">
      <c r="A23052" t="s">
        <v>35639</v>
      </c>
      <c r="B23052" t="s">
        <v>35640</v>
      </c>
      <c r="C23052">
        <v>1</v>
      </c>
      <c r="D23052">
        <v>0</v>
      </c>
    </row>
    <row r="23053" spans="1:4" x14ac:dyDescent="0.25">
      <c r="A23053" t="s">
        <v>35641</v>
      </c>
      <c r="B23053" t="s">
        <v>35642</v>
      </c>
      <c r="C23053">
        <v>0</v>
      </c>
      <c r="D23053">
        <v>0</v>
      </c>
    </row>
    <row r="23054" spans="1:4" x14ac:dyDescent="0.25">
      <c r="A23054" t="s">
        <v>35641</v>
      </c>
      <c r="B23054" t="s">
        <v>35643</v>
      </c>
      <c r="C23054">
        <v>0</v>
      </c>
      <c r="D23054">
        <v>0</v>
      </c>
    </row>
    <row r="23055" spans="1:4" x14ac:dyDescent="0.25">
      <c r="A23055" t="s">
        <v>35644</v>
      </c>
      <c r="B23055" t="s">
        <v>1938</v>
      </c>
      <c r="C23055">
        <v>0</v>
      </c>
      <c r="D23055">
        <v>0</v>
      </c>
    </row>
    <row r="23056" spans="1:4" x14ac:dyDescent="0.25">
      <c r="A23056" t="s">
        <v>35644</v>
      </c>
      <c r="B23056" t="s">
        <v>3410</v>
      </c>
      <c r="C23056">
        <v>1</v>
      </c>
      <c r="D23056">
        <v>0</v>
      </c>
    </row>
    <row r="23057" spans="1:4" x14ac:dyDescent="0.25">
      <c r="A23057" t="s">
        <v>35645</v>
      </c>
      <c r="B23057" t="s">
        <v>35646</v>
      </c>
      <c r="C23057">
        <v>1</v>
      </c>
      <c r="D23057">
        <v>0</v>
      </c>
    </row>
    <row r="23058" spans="1:4" x14ac:dyDescent="0.25">
      <c r="A23058" t="s">
        <v>35645</v>
      </c>
      <c r="B23058" t="s">
        <v>35647</v>
      </c>
      <c r="C23058">
        <v>2</v>
      </c>
      <c r="D23058">
        <v>0</v>
      </c>
    </row>
    <row r="23059" spans="1:4" x14ac:dyDescent="0.25">
      <c r="A23059" t="s">
        <v>35645</v>
      </c>
      <c r="B23059" t="s">
        <v>35648</v>
      </c>
      <c r="C23059">
        <v>0</v>
      </c>
      <c r="D23059">
        <v>0</v>
      </c>
    </row>
    <row r="23060" spans="1:4" x14ac:dyDescent="0.25">
      <c r="A23060" t="s">
        <v>35649</v>
      </c>
      <c r="B23060" t="s">
        <v>35650</v>
      </c>
      <c r="C23060">
        <v>1</v>
      </c>
      <c r="D23060">
        <v>0</v>
      </c>
    </row>
    <row r="23061" spans="1:4" x14ac:dyDescent="0.25">
      <c r="A23061" t="s">
        <v>35649</v>
      </c>
      <c r="B23061" t="s">
        <v>35651</v>
      </c>
      <c r="C23061">
        <v>1</v>
      </c>
      <c r="D23061">
        <v>0</v>
      </c>
    </row>
    <row r="23062" spans="1:4" x14ac:dyDescent="0.25">
      <c r="A23062" t="s">
        <v>35652</v>
      </c>
      <c r="B23062" t="s">
        <v>35653</v>
      </c>
      <c r="C23062">
        <v>0</v>
      </c>
      <c r="D23062">
        <v>0</v>
      </c>
    </row>
    <row r="23063" spans="1:4" x14ac:dyDescent="0.25">
      <c r="A23063" t="s">
        <v>35652</v>
      </c>
      <c r="B23063" t="s">
        <v>35654</v>
      </c>
      <c r="C23063">
        <v>0</v>
      </c>
      <c r="D23063">
        <v>0</v>
      </c>
    </row>
    <row r="23064" spans="1:4" x14ac:dyDescent="0.25">
      <c r="A23064" t="s">
        <v>35652</v>
      </c>
      <c r="B23064" t="s">
        <v>35655</v>
      </c>
      <c r="C23064">
        <v>1</v>
      </c>
      <c r="D23064">
        <v>0</v>
      </c>
    </row>
    <row r="23065" spans="1:4" x14ac:dyDescent="0.25">
      <c r="A23065" t="s">
        <v>35656</v>
      </c>
      <c r="B23065" t="s">
        <v>2704</v>
      </c>
      <c r="C23065">
        <v>1</v>
      </c>
      <c r="D23065">
        <v>0</v>
      </c>
    </row>
    <row r="23066" spans="1:4" x14ac:dyDescent="0.25">
      <c r="A23066" t="s">
        <v>35657</v>
      </c>
      <c r="B23066" t="s">
        <v>35658</v>
      </c>
      <c r="C23066">
        <v>0</v>
      </c>
      <c r="D23066">
        <v>0</v>
      </c>
    </row>
    <row r="23067" spans="1:4" x14ac:dyDescent="0.25">
      <c r="A23067" t="s">
        <v>35657</v>
      </c>
      <c r="B23067" t="s">
        <v>35659</v>
      </c>
      <c r="C23067">
        <v>1</v>
      </c>
      <c r="D23067">
        <v>0</v>
      </c>
    </row>
    <row r="23068" spans="1:4" x14ac:dyDescent="0.25">
      <c r="A23068" t="s">
        <v>35657</v>
      </c>
      <c r="B23068" t="s">
        <v>35660</v>
      </c>
      <c r="C23068">
        <v>1</v>
      </c>
      <c r="D23068">
        <v>0</v>
      </c>
    </row>
    <row r="23069" spans="1:4" x14ac:dyDescent="0.25">
      <c r="A23069" t="s">
        <v>35661</v>
      </c>
      <c r="B23069" t="s">
        <v>35662</v>
      </c>
      <c r="C23069">
        <v>0</v>
      </c>
      <c r="D23069">
        <v>0</v>
      </c>
    </row>
    <row r="23070" spans="1:4" x14ac:dyDescent="0.25">
      <c r="A23070" t="s">
        <v>35663</v>
      </c>
      <c r="B23070" t="s">
        <v>35664</v>
      </c>
      <c r="C23070">
        <v>1</v>
      </c>
      <c r="D23070">
        <v>0</v>
      </c>
    </row>
    <row r="23071" spans="1:4" x14ac:dyDescent="0.25">
      <c r="A23071" t="s">
        <v>35665</v>
      </c>
      <c r="B23071" t="s">
        <v>35666</v>
      </c>
      <c r="C23071">
        <v>1</v>
      </c>
      <c r="D23071">
        <v>0</v>
      </c>
    </row>
    <row r="23072" spans="1:4" x14ac:dyDescent="0.25">
      <c r="A23072" t="s">
        <v>35665</v>
      </c>
      <c r="B23072" t="s">
        <v>35667</v>
      </c>
      <c r="C23072">
        <v>1</v>
      </c>
      <c r="D23072">
        <v>0</v>
      </c>
    </row>
    <row r="23073" spans="1:4" x14ac:dyDescent="0.25">
      <c r="A23073" t="s">
        <v>35665</v>
      </c>
      <c r="B23073" t="s">
        <v>35668</v>
      </c>
      <c r="C23073">
        <v>1</v>
      </c>
      <c r="D23073">
        <v>0</v>
      </c>
    </row>
    <row r="23074" spans="1:4" x14ac:dyDescent="0.25">
      <c r="A23074" t="s">
        <v>35669</v>
      </c>
      <c r="B23074" t="s">
        <v>35670</v>
      </c>
      <c r="C23074">
        <v>1</v>
      </c>
      <c r="D23074">
        <v>0</v>
      </c>
    </row>
    <row r="23075" spans="1:4" x14ac:dyDescent="0.25">
      <c r="A23075" t="s">
        <v>35669</v>
      </c>
      <c r="B23075" t="s">
        <v>35671</v>
      </c>
      <c r="C23075">
        <v>1</v>
      </c>
      <c r="D23075">
        <v>0</v>
      </c>
    </row>
    <row r="23076" spans="1:4" x14ac:dyDescent="0.25">
      <c r="A23076" t="s">
        <v>35672</v>
      </c>
      <c r="B23076" t="s">
        <v>34990</v>
      </c>
      <c r="C23076">
        <v>1</v>
      </c>
      <c r="D23076">
        <v>0</v>
      </c>
    </row>
    <row r="23077" spans="1:4" x14ac:dyDescent="0.25">
      <c r="A23077" t="s">
        <v>35672</v>
      </c>
      <c r="B23077" t="s">
        <v>1363</v>
      </c>
      <c r="C23077">
        <v>2</v>
      </c>
      <c r="D23077">
        <v>0</v>
      </c>
    </row>
    <row r="23078" spans="1:4" x14ac:dyDescent="0.25">
      <c r="A23078" t="s">
        <v>35672</v>
      </c>
      <c r="B23078" t="s">
        <v>35673</v>
      </c>
      <c r="C23078">
        <v>0</v>
      </c>
      <c r="D23078">
        <v>0</v>
      </c>
    </row>
    <row r="23079" spans="1:4" x14ac:dyDescent="0.25">
      <c r="A23079" t="s">
        <v>35674</v>
      </c>
      <c r="B23079" t="s">
        <v>4910</v>
      </c>
      <c r="C23079">
        <v>1</v>
      </c>
      <c r="D23079">
        <v>0</v>
      </c>
    </row>
    <row r="23080" spans="1:4" x14ac:dyDescent="0.25">
      <c r="A23080" t="s">
        <v>35674</v>
      </c>
      <c r="B23080" t="s">
        <v>35675</v>
      </c>
      <c r="C23080">
        <v>2</v>
      </c>
      <c r="D23080">
        <v>0</v>
      </c>
    </row>
    <row r="23081" spans="1:4" x14ac:dyDescent="0.25">
      <c r="A23081" t="s">
        <v>35676</v>
      </c>
      <c r="B23081" t="s">
        <v>35677</v>
      </c>
      <c r="C23081">
        <v>0</v>
      </c>
      <c r="D23081">
        <v>0</v>
      </c>
    </row>
    <row r="23082" spans="1:4" x14ac:dyDescent="0.25">
      <c r="A23082" t="s">
        <v>35676</v>
      </c>
      <c r="B23082" t="s">
        <v>35678</v>
      </c>
      <c r="C23082">
        <v>2</v>
      </c>
      <c r="D23082">
        <v>0</v>
      </c>
    </row>
    <row r="23083" spans="1:4" x14ac:dyDescent="0.25">
      <c r="A23083" t="s">
        <v>35676</v>
      </c>
      <c r="B23083" t="s">
        <v>35679</v>
      </c>
      <c r="C23083">
        <v>1</v>
      </c>
      <c r="D23083">
        <v>0</v>
      </c>
    </row>
    <row r="23084" spans="1:4" x14ac:dyDescent="0.25">
      <c r="A23084" t="s">
        <v>35680</v>
      </c>
      <c r="B23084" t="s">
        <v>35681</v>
      </c>
      <c r="C23084">
        <v>0</v>
      </c>
      <c r="D23084">
        <v>0</v>
      </c>
    </row>
    <row r="23085" spans="1:4" x14ac:dyDescent="0.25">
      <c r="A23085" t="s">
        <v>35680</v>
      </c>
      <c r="B23085" t="s">
        <v>35682</v>
      </c>
      <c r="C23085">
        <v>1</v>
      </c>
      <c r="D23085">
        <v>0</v>
      </c>
    </row>
    <row r="23086" spans="1:4" x14ac:dyDescent="0.25">
      <c r="A23086" t="s">
        <v>35680</v>
      </c>
      <c r="B23086" t="s">
        <v>20844</v>
      </c>
      <c r="C23086">
        <v>1</v>
      </c>
      <c r="D23086">
        <v>0</v>
      </c>
    </row>
    <row r="23087" spans="1:4" x14ac:dyDescent="0.25">
      <c r="A23087" t="s">
        <v>35683</v>
      </c>
      <c r="B23087" t="s">
        <v>35684</v>
      </c>
      <c r="C23087">
        <v>2</v>
      </c>
      <c r="D23087">
        <v>0</v>
      </c>
    </row>
    <row r="23088" spans="1:4" x14ac:dyDescent="0.25">
      <c r="A23088" t="s">
        <v>35685</v>
      </c>
      <c r="B23088" t="s">
        <v>35686</v>
      </c>
      <c r="C23088">
        <v>1</v>
      </c>
      <c r="D23088">
        <v>0</v>
      </c>
    </row>
    <row r="23089" spans="1:4" x14ac:dyDescent="0.25">
      <c r="A23089" t="s">
        <v>35687</v>
      </c>
      <c r="B23089" t="s">
        <v>35688</v>
      </c>
      <c r="C23089">
        <v>0</v>
      </c>
      <c r="D23089">
        <v>0</v>
      </c>
    </row>
    <row r="23090" spans="1:4" x14ac:dyDescent="0.25">
      <c r="A23090" t="s">
        <v>35687</v>
      </c>
      <c r="B23090" t="s">
        <v>35689</v>
      </c>
      <c r="C23090">
        <v>0</v>
      </c>
      <c r="D23090">
        <v>0</v>
      </c>
    </row>
    <row r="23091" spans="1:4" x14ac:dyDescent="0.25">
      <c r="A23091" t="s">
        <v>35690</v>
      </c>
      <c r="B23091" t="s">
        <v>35691</v>
      </c>
      <c r="C23091">
        <v>0</v>
      </c>
      <c r="D23091">
        <v>0</v>
      </c>
    </row>
    <row r="23092" spans="1:4" x14ac:dyDescent="0.25">
      <c r="A23092" t="s">
        <v>35690</v>
      </c>
      <c r="B23092" t="s">
        <v>35692</v>
      </c>
      <c r="C23092">
        <v>0</v>
      </c>
      <c r="D23092">
        <v>0</v>
      </c>
    </row>
    <row r="23093" spans="1:4" x14ac:dyDescent="0.25">
      <c r="A23093" t="s">
        <v>35690</v>
      </c>
      <c r="B23093" t="s">
        <v>35693</v>
      </c>
      <c r="C23093">
        <v>1</v>
      </c>
      <c r="D23093">
        <v>0</v>
      </c>
    </row>
    <row r="23094" spans="1:4" x14ac:dyDescent="0.25">
      <c r="A23094" t="s">
        <v>35694</v>
      </c>
      <c r="B23094" t="s">
        <v>35695</v>
      </c>
      <c r="C23094">
        <v>1</v>
      </c>
      <c r="D23094">
        <v>0</v>
      </c>
    </row>
    <row r="23095" spans="1:4" x14ac:dyDescent="0.25">
      <c r="A23095" t="s">
        <v>35694</v>
      </c>
      <c r="B23095" t="s">
        <v>35696</v>
      </c>
      <c r="C23095">
        <v>2</v>
      </c>
      <c r="D23095">
        <v>0</v>
      </c>
    </row>
    <row r="23096" spans="1:4" x14ac:dyDescent="0.25">
      <c r="A23096" t="s">
        <v>35694</v>
      </c>
      <c r="B23096" t="s">
        <v>35697</v>
      </c>
      <c r="C23096">
        <v>1</v>
      </c>
      <c r="D23096">
        <v>0</v>
      </c>
    </row>
    <row r="23097" spans="1:4" x14ac:dyDescent="0.25">
      <c r="A23097" t="s">
        <v>35698</v>
      </c>
      <c r="B23097" t="s">
        <v>35699</v>
      </c>
      <c r="C23097">
        <v>2</v>
      </c>
      <c r="D23097">
        <v>0</v>
      </c>
    </row>
    <row r="23098" spans="1:4" x14ac:dyDescent="0.25">
      <c r="A23098" t="s">
        <v>35698</v>
      </c>
      <c r="B23098" t="s">
        <v>35700</v>
      </c>
      <c r="C23098">
        <v>2</v>
      </c>
      <c r="D23098">
        <v>0</v>
      </c>
    </row>
    <row r="23099" spans="1:4" x14ac:dyDescent="0.25">
      <c r="A23099" t="s">
        <v>35698</v>
      </c>
      <c r="B23099" t="s">
        <v>35701</v>
      </c>
      <c r="C23099">
        <v>2</v>
      </c>
      <c r="D23099">
        <v>0</v>
      </c>
    </row>
    <row r="23100" spans="1:4" x14ac:dyDescent="0.25">
      <c r="A23100" t="s">
        <v>35702</v>
      </c>
      <c r="B23100" t="s">
        <v>35703</v>
      </c>
      <c r="C23100">
        <v>2</v>
      </c>
      <c r="D23100">
        <v>0</v>
      </c>
    </row>
    <row r="23101" spans="1:4" x14ac:dyDescent="0.25">
      <c r="A23101" t="s">
        <v>35704</v>
      </c>
      <c r="B23101" t="s">
        <v>35705</v>
      </c>
      <c r="C23101">
        <v>0</v>
      </c>
      <c r="D23101">
        <v>0</v>
      </c>
    </row>
    <row r="23102" spans="1:4" x14ac:dyDescent="0.25">
      <c r="A23102" t="s">
        <v>35704</v>
      </c>
      <c r="B23102" t="s">
        <v>35706</v>
      </c>
      <c r="C23102">
        <v>0</v>
      </c>
      <c r="D23102">
        <v>0</v>
      </c>
    </row>
    <row r="23103" spans="1:4" x14ac:dyDescent="0.25">
      <c r="A23103" t="s">
        <v>35704</v>
      </c>
      <c r="B23103" t="s">
        <v>35707</v>
      </c>
      <c r="C23103">
        <v>0</v>
      </c>
      <c r="D23103">
        <v>0</v>
      </c>
    </row>
    <row r="23104" spans="1:4" x14ac:dyDescent="0.25">
      <c r="A23104" t="s">
        <v>35708</v>
      </c>
      <c r="B23104" t="s">
        <v>35006</v>
      </c>
      <c r="C23104">
        <v>1</v>
      </c>
      <c r="D23104">
        <v>0</v>
      </c>
    </row>
    <row r="23105" spans="1:4" x14ac:dyDescent="0.25">
      <c r="A23105" t="s">
        <v>35708</v>
      </c>
      <c r="B23105" t="s">
        <v>1401</v>
      </c>
      <c r="C23105">
        <v>0</v>
      </c>
      <c r="D23105">
        <v>0</v>
      </c>
    </row>
    <row r="23106" spans="1:4" x14ac:dyDescent="0.25">
      <c r="A23106" t="s">
        <v>35709</v>
      </c>
      <c r="B23106" t="s">
        <v>35710</v>
      </c>
      <c r="C23106">
        <v>2</v>
      </c>
      <c r="D23106">
        <v>0</v>
      </c>
    </row>
    <row r="23107" spans="1:4" x14ac:dyDescent="0.25">
      <c r="A23107" t="s">
        <v>35711</v>
      </c>
      <c r="B23107" t="s">
        <v>6061</v>
      </c>
      <c r="C23107">
        <v>0</v>
      </c>
      <c r="D23107">
        <v>0</v>
      </c>
    </row>
    <row r="23108" spans="1:4" x14ac:dyDescent="0.25">
      <c r="A23108" t="s">
        <v>35712</v>
      </c>
      <c r="B23108" t="s">
        <v>35713</v>
      </c>
      <c r="C23108">
        <v>2</v>
      </c>
      <c r="D23108">
        <v>0</v>
      </c>
    </row>
    <row r="23109" spans="1:4" x14ac:dyDescent="0.25">
      <c r="A23109" t="s">
        <v>35712</v>
      </c>
      <c r="B23109" t="s">
        <v>35714</v>
      </c>
      <c r="C23109">
        <v>1</v>
      </c>
      <c r="D23109">
        <v>0</v>
      </c>
    </row>
    <row r="23110" spans="1:4" x14ac:dyDescent="0.25">
      <c r="A23110" t="s">
        <v>35715</v>
      </c>
      <c r="B23110" t="s">
        <v>35716</v>
      </c>
      <c r="C23110">
        <v>1</v>
      </c>
      <c r="D23110">
        <v>0</v>
      </c>
    </row>
    <row r="23111" spans="1:4" x14ac:dyDescent="0.25">
      <c r="A23111" t="s">
        <v>35715</v>
      </c>
      <c r="B23111" t="s">
        <v>35717</v>
      </c>
      <c r="C23111">
        <v>0</v>
      </c>
      <c r="D23111">
        <v>0</v>
      </c>
    </row>
    <row r="23112" spans="1:4" x14ac:dyDescent="0.25">
      <c r="A23112" t="s">
        <v>35715</v>
      </c>
      <c r="B23112" t="s">
        <v>35718</v>
      </c>
      <c r="C23112">
        <v>1</v>
      </c>
      <c r="D23112">
        <v>0</v>
      </c>
    </row>
    <row r="23113" spans="1:4" x14ac:dyDescent="0.25">
      <c r="A23113" t="s">
        <v>35719</v>
      </c>
      <c r="B23113" t="s">
        <v>35720</v>
      </c>
      <c r="C23113">
        <v>2</v>
      </c>
      <c r="D23113">
        <v>0</v>
      </c>
    </row>
    <row r="23114" spans="1:4" x14ac:dyDescent="0.25">
      <c r="A23114" t="s">
        <v>35719</v>
      </c>
      <c r="B23114" t="s">
        <v>35721</v>
      </c>
      <c r="C23114">
        <v>0</v>
      </c>
      <c r="D23114">
        <v>0</v>
      </c>
    </row>
    <row r="23115" spans="1:4" x14ac:dyDescent="0.25">
      <c r="A23115" t="s">
        <v>35719</v>
      </c>
      <c r="B23115" t="s">
        <v>35722</v>
      </c>
      <c r="C23115">
        <v>2</v>
      </c>
      <c r="D23115">
        <v>0</v>
      </c>
    </row>
    <row r="23116" spans="1:4" x14ac:dyDescent="0.25">
      <c r="A23116" t="s">
        <v>35723</v>
      </c>
      <c r="B23116" t="s">
        <v>35724</v>
      </c>
      <c r="C23116">
        <v>0</v>
      </c>
      <c r="D23116">
        <v>0</v>
      </c>
    </row>
    <row r="23117" spans="1:4" x14ac:dyDescent="0.25">
      <c r="A23117" t="s">
        <v>35725</v>
      </c>
      <c r="B23117" t="s">
        <v>35726</v>
      </c>
      <c r="C23117">
        <v>1</v>
      </c>
      <c r="D23117">
        <v>0</v>
      </c>
    </row>
    <row r="23118" spans="1:4" x14ac:dyDescent="0.25">
      <c r="A23118" t="s">
        <v>35725</v>
      </c>
      <c r="B23118" t="s">
        <v>35727</v>
      </c>
      <c r="C23118">
        <v>1</v>
      </c>
      <c r="D23118">
        <v>0</v>
      </c>
    </row>
    <row r="23119" spans="1:4" x14ac:dyDescent="0.25">
      <c r="A23119" t="s">
        <v>35725</v>
      </c>
      <c r="B23119" t="s">
        <v>35728</v>
      </c>
      <c r="C23119">
        <v>1</v>
      </c>
      <c r="D23119">
        <v>0</v>
      </c>
    </row>
    <row r="23120" spans="1:4" x14ac:dyDescent="0.25">
      <c r="A23120" t="s">
        <v>35729</v>
      </c>
      <c r="B23120" t="s">
        <v>35730</v>
      </c>
      <c r="C23120">
        <v>0</v>
      </c>
      <c r="D23120">
        <v>0</v>
      </c>
    </row>
    <row r="23121" spans="1:4" x14ac:dyDescent="0.25">
      <c r="A23121" t="s">
        <v>35731</v>
      </c>
      <c r="B23121" t="s">
        <v>35732</v>
      </c>
      <c r="C23121">
        <v>2</v>
      </c>
      <c r="D23121">
        <v>0</v>
      </c>
    </row>
    <row r="23122" spans="1:4" x14ac:dyDescent="0.25">
      <c r="A23122" t="s">
        <v>35733</v>
      </c>
      <c r="B23122" t="s">
        <v>35734</v>
      </c>
      <c r="C23122">
        <v>1</v>
      </c>
      <c r="D23122">
        <v>0</v>
      </c>
    </row>
    <row r="23123" spans="1:4" x14ac:dyDescent="0.25">
      <c r="A23123" t="s">
        <v>35735</v>
      </c>
      <c r="B23123" t="s">
        <v>35736</v>
      </c>
      <c r="C23123">
        <v>0</v>
      </c>
      <c r="D23123">
        <v>0</v>
      </c>
    </row>
    <row r="23124" spans="1:4" x14ac:dyDescent="0.25">
      <c r="A23124" t="s">
        <v>35735</v>
      </c>
      <c r="B23124" t="s">
        <v>35737</v>
      </c>
      <c r="C23124">
        <v>1</v>
      </c>
      <c r="D23124">
        <v>0</v>
      </c>
    </row>
    <row r="23125" spans="1:4" x14ac:dyDescent="0.25">
      <c r="A23125" t="s">
        <v>35735</v>
      </c>
      <c r="B23125" t="s">
        <v>35738</v>
      </c>
      <c r="C23125">
        <v>0</v>
      </c>
      <c r="D23125">
        <v>0</v>
      </c>
    </row>
    <row r="23126" spans="1:4" x14ac:dyDescent="0.25">
      <c r="A23126" t="s">
        <v>35739</v>
      </c>
      <c r="B23126" t="s">
        <v>35740</v>
      </c>
      <c r="C23126">
        <v>2</v>
      </c>
      <c r="D23126">
        <v>0</v>
      </c>
    </row>
    <row r="23127" spans="1:4" x14ac:dyDescent="0.25">
      <c r="A23127" t="s">
        <v>35739</v>
      </c>
      <c r="B23127" t="s">
        <v>35741</v>
      </c>
      <c r="C23127">
        <v>1</v>
      </c>
      <c r="D23127">
        <v>0</v>
      </c>
    </row>
    <row r="23128" spans="1:4" x14ac:dyDescent="0.25">
      <c r="A23128" t="s">
        <v>35739</v>
      </c>
      <c r="B23128" t="s">
        <v>35742</v>
      </c>
      <c r="C23128">
        <v>1</v>
      </c>
      <c r="D23128">
        <v>0</v>
      </c>
    </row>
    <row r="23129" spans="1:4" x14ac:dyDescent="0.25">
      <c r="A23129" t="s">
        <v>35743</v>
      </c>
      <c r="B23129" t="s">
        <v>35744</v>
      </c>
      <c r="C23129">
        <v>0</v>
      </c>
      <c r="D23129">
        <v>0</v>
      </c>
    </row>
    <row r="23130" spans="1:4" x14ac:dyDescent="0.25">
      <c r="A23130" t="s">
        <v>35745</v>
      </c>
      <c r="B23130" t="s">
        <v>35746</v>
      </c>
      <c r="C23130">
        <v>0</v>
      </c>
      <c r="D23130">
        <v>0</v>
      </c>
    </row>
    <row r="23131" spans="1:4" x14ac:dyDescent="0.25">
      <c r="A23131" t="s">
        <v>35745</v>
      </c>
      <c r="B23131" t="s">
        <v>35747</v>
      </c>
      <c r="C23131">
        <v>0</v>
      </c>
      <c r="D23131">
        <v>0</v>
      </c>
    </row>
    <row r="23132" spans="1:4" x14ac:dyDescent="0.25">
      <c r="A23132" t="s">
        <v>35745</v>
      </c>
      <c r="B23132" t="s">
        <v>35748</v>
      </c>
      <c r="C23132">
        <v>2</v>
      </c>
      <c r="D23132">
        <v>0</v>
      </c>
    </row>
    <row r="23133" spans="1:4" x14ac:dyDescent="0.25">
      <c r="A23133" t="s">
        <v>35749</v>
      </c>
      <c r="B23133" t="s">
        <v>35750</v>
      </c>
      <c r="C23133">
        <v>2</v>
      </c>
      <c r="D23133">
        <v>0</v>
      </c>
    </row>
    <row r="23134" spans="1:4" x14ac:dyDescent="0.25">
      <c r="A23134" t="s">
        <v>35749</v>
      </c>
      <c r="B23134" t="s">
        <v>35751</v>
      </c>
      <c r="C23134">
        <v>1</v>
      </c>
      <c r="D23134">
        <v>0</v>
      </c>
    </row>
    <row r="23135" spans="1:4" x14ac:dyDescent="0.25">
      <c r="A23135" t="s">
        <v>35752</v>
      </c>
      <c r="B23135" t="s">
        <v>35753</v>
      </c>
      <c r="C23135">
        <v>1</v>
      </c>
      <c r="D23135">
        <v>0</v>
      </c>
    </row>
    <row r="23136" spans="1:4" x14ac:dyDescent="0.25">
      <c r="A23136" t="s">
        <v>35752</v>
      </c>
      <c r="B23136" t="s">
        <v>35754</v>
      </c>
      <c r="C23136">
        <v>0</v>
      </c>
      <c r="D23136">
        <v>0</v>
      </c>
    </row>
    <row r="23137" spans="1:4" x14ac:dyDescent="0.25">
      <c r="A23137" t="s">
        <v>35752</v>
      </c>
      <c r="B23137" t="s">
        <v>35755</v>
      </c>
      <c r="C23137">
        <v>1</v>
      </c>
      <c r="D23137">
        <v>0</v>
      </c>
    </row>
    <row r="23138" spans="1:4" x14ac:dyDescent="0.25">
      <c r="A23138" t="s">
        <v>35756</v>
      </c>
      <c r="B23138" t="s">
        <v>35757</v>
      </c>
      <c r="C23138">
        <v>2</v>
      </c>
      <c r="D23138">
        <v>0</v>
      </c>
    </row>
    <row r="23139" spans="1:4" x14ac:dyDescent="0.25">
      <c r="A23139" t="s">
        <v>35756</v>
      </c>
      <c r="B23139" t="s">
        <v>30486</v>
      </c>
      <c r="C23139">
        <v>0</v>
      </c>
      <c r="D23139">
        <v>0</v>
      </c>
    </row>
    <row r="23140" spans="1:4" x14ac:dyDescent="0.25">
      <c r="A23140" t="s">
        <v>35756</v>
      </c>
      <c r="B23140" t="s">
        <v>35758</v>
      </c>
      <c r="C23140">
        <v>0</v>
      </c>
      <c r="D23140">
        <v>0</v>
      </c>
    </row>
    <row r="23141" spans="1:4" x14ac:dyDescent="0.25">
      <c r="A23141" t="s">
        <v>35759</v>
      </c>
      <c r="B23141" t="s">
        <v>35760</v>
      </c>
      <c r="C23141">
        <v>2</v>
      </c>
      <c r="D23141">
        <v>0</v>
      </c>
    </row>
    <row r="23142" spans="1:4" x14ac:dyDescent="0.25">
      <c r="A23142" t="s">
        <v>35761</v>
      </c>
      <c r="B23142" t="s">
        <v>34658</v>
      </c>
      <c r="C23142">
        <v>0</v>
      </c>
      <c r="D23142">
        <v>0</v>
      </c>
    </row>
    <row r="23143" spans="1:4" x14ac:dyDescent="0.25">
      <c r="A23143" t="s">
        <v>35761</v>
      </c>
      <c r="B23143" t="s">
        <v>35762</v>
      </c>
      <c r="C23143">
        <v>1</v>
      </c>
      <c r="D23143">
        <v>0</v>
      </c>
    </row>
    <row r="23144" spans="1:4" x14ac:dyDescent="0.25">
      <c r="A23144" t="s">
        <v>35761</v>
      </c>
      <c r="B23144" t="s">
        <v>35763</v>
      </c>
      <c r="C23144">
        <v>1</v>
      </c>
      <c r="D23144">
        <v>0</v>
      </c>
    </row>
    <row r="23145" spans="1:4" x14ac:dyDescent="0.25">
      <c r="A23145" t="s">
        <v>35764</v>
      </c>
      <c r="B23145" t="s">
        <v>35765</v>
      </c>
      <c r="C23145">
        <v>1</v>
      </c>
      <c r="D23145">
        <v>0</v>
      </c>
    </row>
    <row r="23146" spans="1:4" x14ac:dyDescent="0.25">
      <c r="A23146" t="s">
        <v>35764</v>
      </c>
      <c r="B23146" t="s">
        <v>2052</v>
      </c>
      <c r="C23146">
        <v>1</v>
      </c>
      <c r="D23146">
        <v>0</v>
      </c>
    </row>
    <row r="23147" spans="1:4" x14ac:dyDescent="0.25">
      <c r="A23147" t="s">
        <v>35766</v>
      </c>
      <c r="B23147" t="s">
        <v>35767</v>
      </c>
      <c r="C23147">
        <v>0</v>
      </c>
      <c r="D23147">
        <v>0</v>
      </c>
    </row>
    <row r="23148" spans="1:4" x14ac:dyDescent="0.25">
      <c r="A23148" t="s">
        <v>35768</v>
      </c>
      <c r="B23148" t="s">
        <v>35769</v>
      </c>
      <c r="C23148">
        <v>2</v>
      </c>
      <c r="D23148">
        <v>0</v>
      </c>
    </row>
    <row r="23149" spans="1:4" x14ac:dyDescent="0.25">
      <c r="A23149" t="s">
        <v>35770</v>
      </c>
      <c r="B23149" t="s">
        <v>35771</v>
      </c>
      <c r="C23149">
        <v>1</v>
      </c>
      <c r="D23149">
        <v>0</v>
      </c>
    </row>
    <row r="23150" spans="1:4" x14ac:dyDescent="0.25">
      <c r="A23150" t="s">
        <v>35772</v>
      </c>
      <c r="B23150" t="s">
        <v>35773</v>
      </c>
      <c r="C23150">
        <v>1</v>
      </c>
      <c r="D23150">
        <v>0</v>
      </c>
    </row>
    <row r="23151" spans="1:4" x14ac:dyDescent="0.25">
      <c r="A23151" t="s">
        <v>35772</v>
      </c>
      <c r="B23151" t="s">
        <v>35774</v>
      </c>
      <c r="C23151">
        <v>2</v>
      </c>
      <c r="D23151">
        <v>0</v>
      </c>
    </row>
    <row r="23152" spans="1:4" x14ac:dyDescent="0.25">
      <c r="A23152" t="s">
        <v>35775</v>
      </c>
      <c r="B23152" t="s">
        <v>35776</v>
      </c>
      <c r="C23152">
        <v>2</v>
      </c>
      <c r="D23152">
        <v>0</v>
      </c>
    </row>
    <row r="23153" spans="1:4" x14ac:dyDescent="0.25">
      <c r="A23153" t="s">
        <v>35775</v>
      </c>
      <c r="B23153" t="s">
        <v>35777</v>
      </c>
      <c r="C23153">
        <v>1</v>
      </c>
      <c r="D23153">
        <v>0</v>
      </c>
    </row>
    <row r="23154" spans="1:4" x14ac:dyDescent="0.25">
      <c r="A23154" t="s">
        <v>35775</v>
      </c>
      <c r="B23154" t="s">
        <v>35778</v>
      </c>
      <c r="C23154">
        <v>2</v>
      </c>
      <c r="D23154">
        <v>0</v>
      </c>
    </row>
    <row r="23155" spans="1:4" x14ac:dyDescent="0.25">
      <c r="A23155" t="s">
        <v>35779</v>
      </c>
      <c r="B23155" t="s">
        <v>35780</v>
      </c>
      <c r="C23155">
        <v>0</v>
      </c>
      <c r="D23155">
        <v>0</v>
      </c>
    </row>
    <row r="23156" spans="1:4" x14ac:dyDescent="0.25">
      <c r="A23156" t="s">
        <v>35779</v>
      </c>
      <c r="B23156" t="s">
        <v>35781</v>
      </c>
      <c r="C23156">
        <v>1</v>
      </c>
      <c r="D23156">
        <v>0</v>
      </c>
    </row>
    <row r="23157" spans="1:4" x14ac:dyDescent="0.25">
      <c r="A23157" t="s">
        <v>35779</v>
      </c>
      <c r="B23157" t="s">
        <v>35782</v>
      </c>
      <c r="C23157">
        <v>1</v>
      </c>
      <c r="D23157">
        <v>0</v>
      </c>
    </row>
    <row r="23158" spans="1:4" x14ac:dyDescent="0.25">
      <c r="A23158" t="s">
        <v>35783</v>
      </c>
      <c r="B23158" t="s">
        <v>35784</v>
      </c>
      <c r="C23158">
        <v>1</v>
      </c>
      <c r="D23158">
        <v>0</v>
      </c>
    </row>
    <row r="23159" spans="1:4" x14ac:dyDescent="0.25">
      <c r="A23159" t="s">
        <v>35785</v>
      </c>
      <c r="B23159" t="s">
        <v>35786</v>
      </c>
      <c r="C23159">
        <v>1</v>
      </c>
      <c r="D23159">
        <v>0</v>
      </c>
    </row>
    <row r="23160" spans="1:4" x14ac:dyDescent="0.25">
      <c r="A23160" t="s">
        <v>35787</v>
      </c>
      <c r="B23160" t="s">
        <v>35788</v>
      </c>
      <c r="C23160">
        <v>0</v>
      </c>
      <c r="D23160">
        <v>0</v>
      </c>
    </row>
    <row r="23161" spans="1:4" x14ac:dyDescent="0.25">
      <c r="A23161" t="s">
        <v>35789</v>
      </c>
      <c r="B23161" t="s">
        <v>35790</v>
      </c>
      <c r="C23161">
        <v>1</v>
      </c>
      <c r="D23161">
        <v>0</v>
      </c>
    </row>
    <row r="23162" spans="1:4" x14ac:dyDescent="0.25">
      <c r="A23162" t="s">
        <v>35791</v>
      </c>
      <c r="B23162" t="s">
        <v>398</v>
      </c>
      <c r="C23162">
        <v>0</v>
      </c>
      <c r="D23162">
        <v>0</v>
      </c>
    </row>
    <row r="23163" spans="1:4" x14ac:dyDescent="0.25">
      <c r="A23163" t="s">
        <v>35792</v>
      </c>
      <c r="B23163" t="s">
        <v>35793</v>
      </c>
      <c r="C23163">
        <v>0</v>
      </c>
      <c r="D23163">
        <v>0</v>
      </c>
    </row>
    <row r="23164" spans="1:4" x14ac:dyDescent="0.25">
      <c r="A23164" t="s">
        <v>35792</v>
      </c>
      <c r="B23164" t="s">
        <v>35794</v>
      </c>
      <c r="C23164">
        <v>1</v>
      </c>
      <c r="D23164">
        <v>0</v>
      </c>
    </row>
    <row r="23165" spans="1:4" x14ac:dyDescent="0.25">
      <c r="A23165" t="s">
        <v>35792</v>
      </c>
      <c r="B23165" t="s">
        <v>4958</v>
      </c>
      <c r="C23165">
        <v>1</v>
      </c>
      <c r="D23165">
        <v>0</v>
      </c>
    </row>
    <row r="23166" spans="1:4" x14ac:dyDescent="0.25">
      <c r="A23166" t="s">
        <v>35795</v>
      </c>
      <c r="B23166" t="s">
        <v>35796</v>
      </c>
      <c r="C23166">
        <v>2</v>
      </c>
      <c r="D23166">
        <v>0</v>
      </c>
    </row>
    <row r="23167" spans="1:4" x14ac:dyDescent="0.25">
      <c r="A23167" t="s">
        <v>35795</v>
      </c>
      <c r="B23167" t="s">
        <v>35797</v>
      </c>
      <c r="C23167">
        <v>0</v>
      </c>
      <c r="D23167">
        <v>0</v>
      </c>
    </row>
    <row r="23168" spans="1:4" x14ac:dyDescent="0.25">
      <c r="A23168" t="s">
        <v>35798</v>
      </c>
      <c r="B23168" t="s">
        <v>35799</v>
      </c>
      <c r="C23168">
        <v>1</v>
      </c>
      <c r="D23168">
        <v>0</v>
      </c>
    </row>
    <row r="23169" spans="1:4" x14ac:dyDescent="0.25">
      <c r="A23169" t="s">
        <v>35800</v>
      </c>
      <c r="B23169" t="s">
        <v>35801</v>
      </c>
      <c r="C23169">
        <v>1</v>
      </c>
      <c r="D23169">
        <v>0</v>
      </c>
    </row>
    <row r="23170" spans="1:4" x14ac:dyDescent="0.25">
      <c r="A23170" t="s">
        <v>35802</v>
      </c>
      <c r="B23170" t="s">
        <v>35803</v>
      </c>
      <c r="C23170">
        <v>0</v>
      </c>
      <c r="D23170">
        <v>0</v>
      </c>
    </row>
    <row r="23171" spans="1:4" x14ac:dyDescent="0.25">
      <c r="A23171" t="s">
        <v>35802</v>
      </c>
      <c r="B23171" t="s">
        <v>35804</v>
      </c>
      <c r="C23171">
        <v>1</v>
      </c>
      <c r="D23171">
        <v>0</v>
      </c>
    </row>
    <row r="23172" spans="1:4" x14ac:dyDescent="0.25">
      <c r="A23172" t="s">
        <v>35805</v>
      </c>
      <c r="B23172" t="s">
        <v>35806</v>
      </c>
      <c r="C23172">
        <v>0</v>
      </c>
      <c r="D23172">
        <v>0</v>
      </c>
    </row>
    <row r="23173" spans="1:4" x14ac:dyDescent="0.25">
      <c r="A23173" t="s">
        <v>35805</v>
      </c>
      <c r="B23173" t="s">
        <v>35807</v>
      </c>
      <c r="C23173">
        <v>1</v>
      </c>
      <c r="D23173">
        <v>0</v>
      </c>
    </row>
    <row r="23174" spans="1:4" x14ac:dyDescent="0.25">
      <c r="A23174" t="s">
        <v>35808</v>
      </c>
      <c r="B23174" t="s">
        <v>35148</v>
      </c>
      <c r="C23174">
        <v>2</v>
      </c>
      <c r="D23174">
        <v>0</v>
      </c>
    </row>
    <row r="23175" spans="1:4" x14ac:dyDescent="0.25">
      <c r="A23175" t="s">
        <v>35809</v>
      </c>
      <c r="B23175" t="s">
        <v>35810</v>
      </c>
      <c r="C23175">
        <v>1</v>
      </c>
      <c r="D23175">
        <v>0</v>
      </c>
    </row>
    <row r="23176" spans="1:4" x14ac:dyDescent="0.25">
      <c r="A23176" t="s">
        <v>35809</v>
      </c>
      <c r="B23176" t="s">
        <v>35811</v>
      </c>
      <c r="C23176">
        <v>2</v>
      </c>
      <c r="D23176">
        <v>0</v>
      </c>
    </row>
    <row r="23177" spans="1:4" x14ac:dyDescent="0.25">
      <c r="A23177" t="s">
        <v>35809</v>
      </c>
      <c r="B23177" t="s">
        <v>35812</v>
      </c>
      <c r="C23177">
        <v>1</v>
      </c>
      <c r="D23177">
        <v>0</v>
      </c>
    </row>
    <row r="23178" spans="1:4" x14ac:dyDescent="0.25">
      <c r="A23178" t="s">
        <v>35813</v>
      </c>
      <c r="B23178" t="s">
        <v>35814</v>
      </c>
      <c r="C23178">
        <v>1</v>
      </c>
      <c r="D23178">
        <v>0</v>
      </c>
    </row>
    <row r="23179" spans="1:4" x14ac:dyDescent="0.25">
      <c r="A23179" t="s">
        <v>35815</v>
      </c>
      <c r="B23179" t="s">
        <v>35816</v>
      </c>
      <c r="C23179">
        <v>1</v>
      </c>
      <c r="D23179">
        <v>0</v>
      </c>
    </row>
    <row r="23180" spans="1:4" x14ac:dyDescent="0.25">
      <c r="A23180" t="s">
        <v>35817</v>
      </c>
      <c r="B23180" t="s">
        <v>7397</v>
      </c>
      <c r="C23180">
        <v>0</v>
      </c>
      <c r="D23180">
        <v>0</v>
      </c>
    </row>
    <row r="23181" spans="1:4" x14ac:dyDescent="0.25">
      <c r="A23181" t="s">
        <v>35818</v>
      </c>
      <c r="B23181" t="s">
        <v>35819</v>
      </c>
      <c r="C23181">
        <v>0</v>
      </c>
      <c r="D23181">
        <v>0</v>
      </c>
    </row>
    <row r="23182" spans="1:4" x14ac:dyDescent="0.25">
      <c r="A23182" t="s">
        <v>35818</v>
      </c>
      <c r="B23182" t="s">
        <v>35820</v>
      </c>
      <c r="C23182">
        <v>1</v>
      </c>
      <c r="D23182">
        <v>0</v>
      </c>
    </row>
    <row r="23183" spans="1:4" x14ac:dyDescent="0.25">
      <c r="A23183" t="s">
        <v>35821</v>
      </c>
      <c r="B23183" t="s">
        <v>35822</v>
      </c>
      <c r="C23183">
        <v>2</v>
      </c>
      <c r="D23183">
        <v>0</v>
      </c>
    </row>
    <row r="23184" spans="1:4" x14ac:dyDescent="0.25">
      <c r="A23184" t="s">
        <v>35821</v>
      </c>
      <c r="B23184" t="s">
        <v>35823</v>
      </c>
      <c r="C23184">
        <v>2</v>
      </c>
      <c r="D23184">
        <v>0</v>
      </c>
    </row>
    <row r="23185" spans="1:4" x14ac:dyDescent="0.25">
      <c r="A23185" t="s">
        <v>35821</v>
      </c>
      <c r="B23185" t="s">
        <v>35824</v>
      </c>
      <c r="C23185">
        <v>0</v>
      </c>
      <c r="D23185">
        <v>0</v>
      </c>
    </row>
    <row r="23186" spans="1:4" x14ac:dyDescent="0.25">
      <c r="A23186" t="s">
        <v>35825</v>
      </c>
      <c r="B23186" t="s">
        <v>35826</v>
      </c>
      <c r="C23186">
        <v>1</v>
      </c>
      <c r="D23186">
        <v>0</v>
      </c>
    </row>
    <row r="23187" spans="1:4" x14ac:dyDescent="0.25">
      <c r="A23187" t="s">
        <v>35825</v>
      </c>
      <c r="B23187" t="s">
        <v>35827</v>
      </c>
      <c r="C23187">
        <v>1</v>
      </c>
      <c r="D23187">
        <v>0</v>
      </c>
    </row>
    <row r="23188" spans="1:4" x14ac:dyDescent="0.25">
      <c r="A23188" t="s">
        <v>35825</v>
      </c>
      <c r="B23188" t="s">
        <v>35828</v>
      </c>
      <c r="C23188">
        <v>1</v>
      </c>
      <c r="D23188">
        <v>0</v>
      </c>
    </row>
    <row r="23189" spans="1:4" x14ac:dyDescent="0.25">
      <c r="A23189" t="s">
        <v>35829</v>
      </c>
      <c r="B23189" t="s">
        <v>1769</v>
      </c>
      <c r="C23189">
        <v>1</v>
      </c>
      <c r="D23189">
        <v>0</v>
      </c>
    </row>
    <row r="23190" spans="1:4" x14ac:dyDescent="0.25">
      <c r="A23190" t="s">
        <v>35830</v>
      </c>
      <c r="B23190" t="s">
        <v>35831</v>
      </c>
      <c r="C23190">
        <v>1</v>
      </c>
      <c r="D23190">
        <v>0</v>
      </c>
    </row>
    <row r="23191" spans="1:4" x14ac:dyDescent="0.25">
      <c r="A23191" t="s">
        <v>35830</v>
      </c>
      <c r="B23191" t="s">
        <v>2704</v>
      </c>
      <c r="C23191">
        <v>1</v>
      </c>
      <c r="D23191">
        <v>0</v>
      </c>
    </row>
    <row r="23192" spans="1:4" x14ac:dyDescent="0.25">
      <c r="A23192" t="s">
        <v>35832</v>
      </c>
      <c r="B23192" t="s">
        <v>35833</v>
      </c>
      <c r="C23192">
        <v>1</v>
      </c>
      <c r="D23192">
        <v>0</v>
      </c>
    </row>
    <row r="23193" spans="1:4" x14ac:dyDescent="0.25">
      <c r="A23193" t="s">
        <v>35834</v>
      </c>
      <c r="B23193" t="s">
        <v>35835</v>
      </c>
      <c r="C23193">
        <v>2</v>
      </c>
      <c r="D23193">
        <v>0</v>
      </c>
    </row>
    <row r="23194" spans="1:4" x14ac:dyDescent="0.25">
      <c r="A23194" t="s">
        <v>35834</v>
      </c>
      <c r="B23194" t="s">
        <v>35836</v>
      </c>
      <c r="C23194">
        <v>2</v>
      </c>
      <c r="D23194">
        <v>0</v>
      </c>
    </row>
    <row r="23195" spans="1:4" x14ac:dyDescent="0.25">
      <c r="A23195" t="s">
        <v>35834</v>
      </c>
      <c r="B23195" t="s">
        <v>35837</v>
      </c>
      <c r="C23195">
        <v>0</v>
      </c>
      <c r="D23195">
        <v>0</v>
      </c>
    </row>
    <row r="23196" spans="1:4" x14ac:dyDescent="0.25">
      <c r="A23196" t="s">
        <v>35838</v>
      </c>
      <c r="B23196" t="s">
        <v>35839</v>
      </c>
      <c r="C23196">
        <v>2</v>
      </c>
      <c r="D23196">
        <v>0</v>
      </c>
    </row>
    <row r="23197" spans="1:4" x14ac:dyDescent="0.25">
      <c r="A23197" t="s">
        <v>35838</v>
      </c>
      <c r="B23197" t="s">
        <v>35840</v>
      </c>
      <c r="C23197">
        <v>2</v>
      </c>
      <c r="D23197">
        <v>0</v>
      </c>
    </row>
    <row r="23198" spans="1:4" x14ac:dyDescent="0.25">
      <c r="A23198" t="s">
        <v>35838</v>
      </c>
      <c r="B23198" t="s">
        <v>35841</v>
      </c>
      <c r="C23198">
        <v>1</v>
      </c>
      <c r="D23198">
        <v>0</v>
      </c>
    </row>
    <row r="23199" spans="1:4" x14ac:dyDescent="0.25">
      <c r="A23199" t="s">
        <v>35842</v>
      </c>
      <c r="B23199" t="s">
        <v>35843</v>
      </c>
      <c r="C23199">
        <v>0</v>
      </c>
      <c r="D23199">
        <v>0</v>
      </c>
    </row>
    <row r="23200" spans="1:4" x14ac:dyDescent="0.25">
      <c r="A23200" t="s">
        <v>35842</v>
      </c>
      <c r="B23200" t="s">
        <v>35844</v>
      </c>
      <c r="C23200">
        <v>1</v>
      </c>
      <c r="D23200">
        <v>0</v>
      </c>
    </row>
    <row r="23201" spans="1:4" x14ac:dyDescent="0.25">
      <c r="A23201" t="s">
        <v>35842</v>
      </c>
      <c r="B23201" t="s">
        <v>35845</v>
      </c>
      <c r="C23201">
        <v>0</v>
      </c>
      <c r="D23201">
        <v>0</v>
      </c>
    </row>
    <row r="23202" spans="1:4" x14ac:dyDescent="0.25">
      <c r="A23202" t="s">
        <v>35846</v>
      </c>
      <c r="B23202" t="s">
        <v>35847</v>
      </c>
      <c r="C23202">
        <v>0</v>
      </c>
      <c r="D23202">
        <v>0</v>
      </c>
    </row>
    <row r="23203" spans="1:4" x14ac:dyDescent="0.25">
      <c r="A23203" t="s">
        <v>35846</v>
      </c>
      <c r="B23203" t="s">
        <v>35848</v>
      </c>
      <c r="C23203">
        <v>0</v>
      </c>
      <c r="D23203">
        <v>0</v>
      </c>
    </row>
    <row r="23204" spans="1:4" x14ac:dyDescent="0.25">
      <c r="A23204" t="s">
        <v>35846</v>
      </c>
      <c r="B23204" t="s">
        <v>35849</v>
      </c>
      <c r="C23204">
        <v>0</v>
      </c>
      <c r="D23204">
        <v>0</v>
      </c>
    </row>
    <row r="23205" spans="1:4" x14ac:dyDescent="0.25">
      <c r="A23205" t="s">
        <v>35850</v>
      </c>
      <c r="B23205" t="s">
        <v>35851</v>
      </c>
      <c r="C23205">
        <v>1</v>
      </c>
      <c r="D23205">
        <v>0</v>
      </c>
    </row>
    <row r="23206" spans="1:4" x14ac:dyDescent="0.25">
      <c r="A23206" t="s">
        <v>35852</v>
      </c>
      <c r="B23206" t="s">
        <v>35853</v>
      </c>
      <c r="C23206">
        <v>1</v>
      </c>
      <c r="D23206">
        <v>0</v>
      </c>
    </row>
    <row r="23207" spans="1:4" x14ac:dyDescent="0.25">
      <c r="A23207" t="s">
        <v>35852</v>
      </c>
      <c r="B23207" t="s">
        <v>35854</v>
      </c>
      <c r="C23207">
        <v>0</v>
      </c>
      <c r="D23207">
        <v>0</v>
      </c>
    </row>
    <row r="23208" spans="1:4" x14ac:dyDescent="0.25">
      <c r="A23208" t="s">
        <v>35855</v>
      </c>
      <c r="B23208" t="s">
        <v>35856</v>
      </c>
      <c r="C23208">
        <v>1</v>
      </c>
      <c r="D23208">
        <v>0</v>
      </c>
    </row>
    <row r="23209" spans="1:4" x14ac:dyDescent="0.25">
      <c r="A23209" t="s">
        <v>35857</v>
      </c>
      <c r="B23209" t="s">
        <v>852</v>
      </c>
      <c r="C23209">
        <v>0</v>
      </c>
      <c r="D23209">
        <v>0</v>
      </c>
    </row>
    <row r="23210" spans="1:4" x14ac:dyDescent="0.25">
      <c r="A23210" t="s">
        <v>35858</v>
      </c>
      <c r="B23210" t="s">
        <v>35859</v>
      </c>
      <c r="C23210">
        <v>0</v>
      </c>
      <c r="D23210">
        <v>0</v>
      </c>
    </row>
    <row r="23211" spans="1:4" x14ac:dyDescent="0.25">
      <c r="A23211" t="s">
        <v>35858</v>
      </c>
      <c r="B23211" t="s">
        <v>35860</v>
      </c>
      <c r="C23211">
        <v>0</v>
      </c>
      <c r="D23211">
        <v>0</v>
      </c>
    </row>
    <row r="23212" spans="1:4" x14ac:dyDescent="0.25">
      <c r="A23212" t="s">
        <v>35858</v>
      </c>
      <c r="B23212" t="s">
        <v>35861</v>
      </c>
      <c r="C23212">
        <v>0</v>
      </c>
      <c r="D23212">
        <v>0</v>
      </c>
    </row>
    <row r="23213" spans="1:4" x14ac:dyDescent="0.25">
      <c r="A23213" t="s">
        <v>35862</v>
      </c>
      <c r="B23213" t="s">
        <v>35863</v>
      </c>
      <c r="C23213">
        <v>2</v>
      </c>
      <c r="D23213">
        <v>0</v>
      </c>
    </row>
    <row r="23214" spans="1:4" x14ac:dyDescent="0.25">
      <c r="A23214" t="s">
        <v>35862</v>
      </c>
      <c r="B23214" t="s">
        <v>35864</v>
      </c>
      <c r="C23214">
        <v>2</v>
      </c>
      <c r="D23214">
        <v>0</v>
      </c>
    </row>
    <row r="23215" spans="1:4" x14ac:dyDescent="0.25">
      <c r="A23215" t="s">
        <v>35862</v>
      </c>
      <c r="B23215" t="s">
        <v>35865</v>
      </c>
      <c r="C23215">
        <v>2</v>
      </c>
      <c r="D23215">
        <v>0</v>
      </c>
    </row>
    <row r="23216" spans="1:4" x14ac:dyDescent="0.25">
      <c r="A23216" t="s">
        <v>35866</v>
      </c>
      <c r="B23216" t="s">
        <v>35867</v>
      </c>
      <c r="C23216">
        <v>1</v>
      </c>
      <c r="D23216">
        <v>0</v>
      </c>
    </row>
    <row r="23217" spans="1:4" x14ac:dyDescent="0.25">
      <c r="A23217" t="s">
        <v>35866</v>
      </c>
      <c r="B23217" t="s">
        <v>35868</v>
      </c>
      <c r="C23217">
        <v>1</v>
      </c>
      <c r="D23217">
        <v>0</v>
      </c>
    </row>
    <row r="23218" spans="1:4" x14ac:dyDescent="0.25">
      <c r="A23218" t="s">
        <v>35866</v>
      </c>
      <c r="B23218" t="s">
        <v>35869</v>
      </c>
      <c r="C23218">
        <v>1</v>
      </c>
      <c r="D23218">
        <v>0</v>
      </c>
    </row>
    <row r="23219" spans="1:4" x14ac:dyDescent="0.25">
      <c r="A23219" t="s">
        <v>35870</v>
      </c>
      <c r="B23219" t="s">
        <v>35871</v>
      </c>
      <c r="C23219">
        <v>2</v>
      </c>
      <c r="D23219">
        <v>0</v>
      </c>
    </row>
    <row r="23220" spans="1:4" x14ac:dyDescent="0.25">
      <c r="A23220" t="s">
        <v>35872</v>
      </c>
      <c r="B23220" t="s">
        <v>35873</v>
      </c>
      <c r="C23220">
        <v>0</v>
      </c>
      <c r="D23220">
        <v>0</v>
      </c>
    </row>
    <row r="23221" spans="1:4" x14ac:dyDescent="0.25">
      <c r="A23221" t="s">
        <v>35874</v>
      </c>
      <c r="B23221" t="s">
        <v>35875</v>
      </c>
      <c r="C23221">
        <v>1</v>
      </c>
      <c r="D23221">
        <v>0</v>
      </c>
    </row>
    <row r="23222" spans="1:4" x14ac:dyDescent="0.25">
      <c r="A23222" t="s">
        <v>35874</v>
      </c>
      <c r="B23222" t="s">
        <v>35876</v>
      </c>
      <c r="C23222">
        <v>1</v>
      </c>
      <c r="D23222">
        <v>0</v>
      </c>
    </row>
    <row r="23223" spans="1:4" x14ac:dyDescent="0.25">
      <c r="A23223" t="s">
        <v>35877</v>
      </c>
      <c r="B23223" t="s">
        <v>35878</v>
      </c>
      <c r="C23223">
        <v>2</v>
      </c>
      <c r="D23223">
        <v>0</v>
      </c>
    </row>
    <row r="23224" spans="1:4" x14ac:dyDescent="0.25">
      <c r="A23224" t="s">
        <v>35879</v>
      </c>
      <c r="B23224" t="s">
        <v>35880</v>
      </c>
      <c r="C23224">
        <v>1</v>
      </c>
      <c r="D23224">
        <v>0</v>
      </c>
    </row>
    <row r="23225" spans="1:4" x14ac:dyDescent="0.25">
      <c r="A23225" t="s">
        <v>35879</v>
      </c>
      <c r="B23225" t="s">
        <v>35881</v>
      </c>
      <c r="C23225">
        <v>1</v>
      </c>
      <c r="D23225">
        <v>0</v>
      </c>
    </row>
    <row r="23226" spans="1:4" x14ac:dyDescent="0.25">
      <c r="A23226" t="s">
        <v>35879</v>
      </c>
      <c r="B23226" t="s">
        <v>35882</v>
      </c>
      <c r="C23226">
        <v>0</v>
      </c>
      <c r="D23226">
        <v>0</v>
      </c>
    </row>
    <row r="23227" spans="1:4" x14ac:dyDescent="0.25">
      <c r="A23227" t="s">
        <v>35883</v>
      </c>
      <c r="B23227" t="s">
        <v>35884</v>
      </c>
      <c r="C23227">
        <v>2</v>
      </c>
      <c r="D23227">
        <v>0</v>
      </c>
    </row>
    <row r="23228" spans="1:4" x14ac:dyDescent="0.25">
      <c r="A23228" t="s">
        <v>35883</v>
      </c>
      <c r="B23228" t="s">
        <v>35885</v>
      </c>
      <c r="C23228">
        <v>1</v>
      </c>
      <c r="D23228">
        <v>0</v>
      </c>
    </row>
    <row r="23229" spans="1:4" x14ac:dyDescent="0.25">
      <c r="A23229" t="s">
        <v>35886</v>
      </c>
      <c r="B23229" t="s">
        <v>35887</v>
      </c>
      <c r="C23229">
        <v>1</v>
      </c>
      <c r="D23229">
        <v>0</v>
      </c>
    </row>
    <row r="23230" spans="1:4" x14ac:dyDescent="0.25">
      <c r="A23230" t="s">
        <v>35888</v>
      </c>
      <c r="B23230" t="s">
        <v>35889</v>
      </c>
      <c r="C23230">
        <v>0</v>
      </c>
      <c r="D23230">
        <v>0</v>
      </c>
    </row>
    <row r="23231" spans="1:4" x14ac:dyDescent="0.25">
      <c r="A23231" t="s">
        <v>35890</v>
      </c>
      <c r="B23231" t="s">
        <v>35891</v>
      </c>
      <c r="C23231">
        <v>0</v>
      </c>
      <c r="D23231">
        <v>0</v>
      </c>
    </row>
    <row r="23232" spans="1:4" x14ac:dyDescent="0.25">
      <c r="A23232" t="s">
        <v>35890</v>
      </c>
      <c r="B23232" t="s">
        <v>35892</v>
      </c>
      <c r="C23232">
        <v>1</v>
      </c>
      <c r="D23232">
        <v>0</v>
      </c>
    </row>
    <row r="23233" spans="1:4" x14ac:dyDescent="0.25">
      <c r="A23233" t="s">
        <v>35890</v>
      </c>
      <c r="B23233" t="s">
        <v>398</v>
      </c>
      <c r="C23233">
        <v>0</v>
      </c>
      <c r="D23233">
        <v>0</v>
      </c>
    </row>
    <row r="23234" spans="1:4" x14ac:dyDescent="0.25">
      <c r="A23234" t="s">
        <v>35893</v>
      </c>
      <c r="B23234" t="s">
        <v>35894</v>
      </c>
      <c r="C23234">
        <v>0</v>
      </c>
      <c r="D23234">
        <v>0</v>
      </c>
    </row>
    <row r="23235" spans="1:4" x14ac:dyDescent="0.25">
      <c r="A23235" t="s">
        <v>35895</v>
      </c>
      <c r="B23235" t="s">
        <v>35896</v>
      </c>
      <c r="C23235">
        <v>2</v>
      </c>
      <c r="D23235">
        <v>0</v>
      </c>
    </row>
    <row r="23236" spans="1:4" x14ac:dyDescent="0.25">
      <c r="A23236" t="s">
        <v>35895</v>
      </c>
      <c r="B23236" t="s">
        <v>35897</v>
      </c>
      <c r="C23236">
        <v>0</v>
      </c>
      <c r="D23236">
        <v>0</v>
      </c>
    </row>
    <row r="23237" spans="1:4" x14ac:dyDescent="0.25">
      <c r="A23237" t="s">
        <v>35895</v>
      </c>
      <c r="B23237" t="s">
        <v>35898</v>
      </c>
      <c r="C23237">
        <v>1</v>
      </c>
      <c r="D23237">
        <v>0</v>
      </c>
    </row>
    <row r="23238" spans="1:4" x14ac:dyDescent="0.25">
      <c r="A23238" t="s">
        <v>35899</v>
      </c>
      <c r="B23238" t="s">
        <v>35900</v>
      </c>
      <c r="C23238">
        <v>0</v>
      </c>
      <c r="D23238">
        <v>0</v>
      </c>
    </row>
    <row r="23239" spans="1:4" x14ac:dyDescent="0.25">
      <c r="A23239" t="s">
        <v>35899</v>
      </c>
      <c r="B23239" t="s">
        <v>35901</v>
      </c>
      <c r="C23239">
        <v>0</v>
      </c>
      <c r="D23239">
        <v>0</v>
      </c>
    </row>
    <row r="23240" spans="1:4" x14ac:dyDescent="0.25">
      <c r="A23240" t="s">
        <v>35902</v>
      </c>
      <c r="B23240" t="s">
        <v>35903</v>
      </c>
      <c r="C23240">
        <v>1</v>
      </c>
      <c r="D23240">
        <v>0</v>
      </c>
    </row>
    <row r="23241" spans="1:4" x14ac:dyDescent="0.25">
      <c r="A23241" t="s">
        <v>35902</v>
      </c>
      <c r="B23241" t="s">
        <v>35904</v>
      </c>
      <c r="C23241">
        <v>1</v>
      </c>
      <c r="D23241">
        <v>0</v>
      </c>
    </row>
    <row r="23242" spans="1:4" x14ac:dyDescent="0.25">
      <c r="A23242" t="s">
        <v>35905</v>
      </c>
      <c r="B23242" t="s">
        <v>32941</v>
      </c>
      <c r="C23242">
        <v>0</v>
      </c>
      <c r="D23242">
        <v>0</v>
      </c>
    </row>
    <row r="23243" spans="1:4" x14ac:dyDescent="0.25">
      <c r="A23243" t="s">
        <v>35905</v>
      </c>
      <c r="B23243" t="s">
        <v>35906</v>
      </c>
      <c r="C23243">
        <v>1</v>
      </c>
      <c r="D23243">
        <v>0</v>
      </c>
    </row>
    <row r="23244" spans="1:4" x14ac:dyDescent="0.25">
      <c r="A23244" t="s">
        <v>35905</v>
      </c>
      <c r="B23244" t="s">
        <v>35907</v>
      </c>
      <c r="C23244">
        <v>1</v>
      </c>
      <c r="D23244">
        <v>0</v>
      </c>
    </row>
    <row r="23245" spans="1:4" x14ac:dyDescent="0.25">
      <c r="A23245" t="s">
        <v>35908</v>
      </c>
      <c r="B23245" t="s">
        <v>35909</v>
      </c>
      <c r="C23245">
        <v>1</v>
      </c>
      <c r="D23245">
        <v>0</v>
      </c>
    </row>
    <row r="23246" spans="1:4" x14ac:dyDescent="0.25">
      <c r="A23246" t="s">
        <v>35908</v>
      </c>
      <c r="B23246" t="s">
        <v>35910</v>
      </c>
      <c r="C23246">
        <v>0</v>
      </c>
      <c r="D23246">
        <v>0</v>
      </c>
    </row>
    <row r="23247" spans="1:4" x14ac:dyDescent="0.25">
      <c r="A23247" t="s">
        <v>35908</v>
      </c>
      <c r="B23247" t="s">
        <v>35911</v>
      </c>
      <c r="C23247">
        <v>1</v>
      </c>
      <c r="D23247">
        <v>0</v>
      </c>
    </row>
    <row r="23248" spans="1:4" x14ac:dyDescent="0.25">
      <c r="A23248" t="s">
        <v>35912</v>
      </c>
      <c r="B23248" t="s">
        <v>35913</v>
      </c>
      <c r="C23248">
        <v>1</v>
      </c>
      <c r="D23248">
        <v>0</v>
      </c>
    </row>
    <row r="23249" spans="1:4" x14ac:dyDescent="0.25">
      <c r="A23249" t="s">
        <v>35914</v>
      </c>
      <c r="B23249" t="s">
        <v>35915</v>
      </c>
      <c r="C23249">
        <v>1</v>
      </c>
      <c r="D23249">
        <v>0</v>
      </c>
    </row>
    <row r="23250" spans="1:4" x14ac:dyDescent="0.25">
      <c r="A23250" t="s">
        <v>35916</v>
      </c>
      <c r="B23250" t="s">
        <v>35917</v>
      </c>
      <c r="C23250">
        <v>0</v>
      </c>
      <c r="D23250">
        <v>0</v>
      </c>
    </row>
    <row r="23251" spans="1:4" x14ac:dyDescent="0.25">
      <c r="A23251" t="s">
        <v>35916</v>
      </c>
      <c r="B23251" t="s">
        <v>35918</v>
      </c>
      <c r="C23251">
        <v>1</v>
      </c>
      <c r="D23251">
        <v>0</v>
      </c>
    </row>
    <row r="23252" spans="1:4" x14ac:dyDescent="0.25">
      <c r="A23252" t="s">
        <v>35916</v>
      </c>
      <c r="B23252" t="s">
        <v>35919</v>
      </c>
      <c r="C23252">
        <v>0</v>
      </c>
      <c r="D23252">
        <v>0</v>
      </c>
    </row>
    <row r="23253" spans="1:4" x14ac:dyDescent="0.25">
      <c r="A23253" t="s">
        <v>35920</v>
      </c>
      <c r="B23253" t="s">
        <v>35921</v>
      </c>
      <c r="C23253">
        <v>0</v>
      </c>
      <c r="D23253">
        <v>0</v>
      </c>
    </row>
    <row r="23254" spans="1:4" x14ac:dyDescent="0.25">
      <c r="A23254" t="s">
        <v>35920</v>
      </c>
      <c r="B23254" t="s">
        <v>35922</v>
      </c>
      <c r="C23254">
        <v>1</v>
      </c>
      <c r="D23254">
        <v>0</v>
      </c>
    </row>
    <row r="23255" spans="1:4" x14ac:dyDescent="0.25">
      <c r="A23255" t="s">
        <v>35923</v>
      </c>
      <c r="B23255" t="s">
        <v>35924</v>
      </c>
      <c r="C23255">
        <v>1</v>
      </c>
      <c r="D23255">
        <v>0</v>
      </c>
    </row>
    <row r="23256" spans="1:4" x14ac:dyDescent="0.25">
      <c r="A23256" t="s">
        <v>35925</v>
      </c>
      <c r="B23256" t="s">
        <v>35926</v>
      </c>
      <c r="C23256">
        <v>2</v>
      </c>
      <c r="D23256">
        <v>0</v>
      </c>
    </row>
    <row r="23257" spans="1:4" x14ac:dyDescent="0.25">
      <c r="A23257" t="s">
        <v>35925</v>
      </c>
      <c r="B23257" t="s">
        <v>35927</v>
      </c>
      <c r="C23257">
        <v>2</v>
      </c>
      <c r="D23257">
        <v>0</v>
      </c>
    </row>
    <row r="23258" spans="1:4" x14ac:dyDescent="0.25">
      <c r="A23258" t="s">
        <v>35925</v>
      </c>
      <c r="B23258" t="s">
        <v>35928</v>
      </c>
      <c r="C23258">
        <v>2</v>
      </c>
      <c r="D23258">
        <v>0</v>
      </c>
    </row>
    <row r="23259" spans="1:4" x14ac:dyDescent="0.25">
      <c r="A23259" t="s">
        <v>35929</v>
      </c>
      <c r="B23259" t="s">
        <v>35930</v>
      </c>
      <c r="C23259">
        <v>0</v>
      </c>
      <c r="D23259">
        <v>0</v>
      </c>
    </row>
    <row r="23260" spans="1:4" x14ac:dyDescent="0.25">
      <c r="A23260" t="s">
        <v>35929</v>
      </c>
      <c r="B23260" t="s">
        <v>35931</v>
      </c>
      <c r="C23260">
        <v>0</v>
      </c>
      <c r="D23260">
        <v>0</v>
      </c>
    </row>
    <row r="23261" spans="1:4" x14ac:dyDescent="0.25">
      <c r="A23261" t="s">
        <v>35929</v>
      </c>
      <c r="B23261" t="s">
        <v>35932</v>
      </c>
      <c r="C23261">
        <v>2</v>
      </c>
      <c r="D23261">
        <v>0</v>
      </c>
    </row>
    <row r="23262" spans="1:4" x14ac:dyDescent="0.25">
      <c r="A23262" t="s">
        <v>35933</v>
      </c>
      <c r="B23262" t="s">
        <v>35934</v>
      </c>
      <c r="C23262">
        <v>0</v>
      </c>
      <c r="D23262">
        <v>0</v>
      </c>
    </row>
    <row r="23263" spans="1:4" x14ac:dyDescent="0.25">
      <c r="A23263" t="s">
        <v>35935</v>
      </c>
      <c r="B23263" t="s">
        <v>35936</v>
      </c>
      <c r="C23263">
        <v>1</v>
      </c>
      <c r="D23263">
        <v>0</v>
      </c>
    </row>
    <row r="23264" spans="1:4" x14ac:dyDescent="0.25">
      <c r="A23264" t="s">
        <v>35935</v>
      </c>
      <c r="B23264" t="s">
        <v>35937</v>
      </c>
      <c r="C23264">
        <v>1</v>
      </c>
      <c r="D23264">
        <v>0</v>
      </c>
    </row>
    <row r="23265" spans="1:4" x14ac:dyDescent="0.25">
      <c r="A23265" t="s">
        <v>35935</v>
      </c>
      <c r="B23265" t="s">
        <v>35938</v>
      </c>
      <c r="C23265">
        <v>1</v>
      </c>
      <c r="D23265">
        <v>0</v>
      </c>
    </row>
    <row r="23266" spans="1:4" x14ac:dyDescent="0.25">
      <c r="A23266" t="s">
        <v>35939</v>
      </c>
      <c r="B23266" t="s">
        <v>35940</v>
      </c>
      <c r="C23266">
        <v>0</v>
      </c>
      <c r="D23266">
        <v>0</v>
      </c>
    </row>
    <row r="23267" spans="1:4" x14ac:dyDescent="0.25">
      <c r="A23267" t="s">
        <v>35939</v>
      </c>
      <c r="B23267" t="s">
        <v>35941</v>
      </c>
      <c r="C23267">
        <v>1</v>
      </c>
      <c r="D23267">
        <v>0</v>
      </c>
    </row>
    <row r="23268" spans="1:4" x14ac:dyDescent="0.25">
      <c r="A23268" t="s">
        <v>35942</v>
      </c>
      <c r="B23268" t="s">
        <v>1090</v>
      </c>
      <c r="C23268">
        <v>1</v>
      </c>
      <c r="D23268">
        <v>0</v>
      </c>
    </row>
    <row r="23269" spans="1:4" x14ac:dyDescent="0.25">
      <c r="A23269" t="s">
        <v>35942</v>
      </c>
      <c r="B23269" t="s">
        <v>35943</v>
      </c>
      <c r="C23269">
        <v>2</v>
      </c>
      <c r="D23269">
        <v>0</v>
      </c>
    </row>
    <row r="23270" spans="1:4" x14ac:dyDescent="0.25">
      <c r="A23270" t="s">
        <v>35944</v>
      </c>
      <c r="B23270" t="s">
        <v>35945</v>
      </c>
      <c r="C23270">
        <v>0</v>
      </c>
      <c r="D23270">
        <v>0</v>
      </c>
    </row>
    <row r="23271" spans="1:4" x14ac:dyDescent="0.25">
      <c r="A23271" t="s">
        <v>35944</v>
      </c>
      <c r="B23271" t="s">
        <v>35946</v>
      </c>
      <c r="C23271">
        <v>0</v>
      </c>
      <c r="D23271">
        <v>0</v>
      </c>
    </row>
    <row r="23272" spans="1:4" x14ac:dyDescent="0.25">
      <c r="A23272" t="s">
        <v>35944</v>
      </c>
      <c r="B23272" t="s">
        <v>1101</v>
      </c>
      <c r="C23272">
        <v>1</v>
      </c>
      <c r="D23272">
        <v>0</v>
      </c>
    </row>
    <row r="23273" spans="1:4" x14ac:dyDescent="0.25">
      <c r="A23273" t="s">
        <v>35947</v>
      </c>
      <c r="B23273" t="s">
        <v>35948</v>
      </c>
      <c r="C23273">
        <v>1</v>
      </c>
      <c r="D23273">
        <v>0</v>
      </c>
    </row>
    <row r="23274" spans="1:4" x14ac:dyDescent="0.25">
      <c r="A23274" t="s">
        <v>35947</v>
      </c>
      <c r="B23274" t="s">
        <v>35949</v>
      </c>
      <c r="C23274">
        <v>2</v>
      </c>
      <c r="D23274">
        <v>0</v>
      </c>
    </row>
    <row r="23275" spans="1:4" x14ac:dyDescent="0.25">
      <c r="A23275" t="s">
        <v>35947</v>
      </c>
      <c r="B23275" t="s">
        <v>35950</v>
      </c>
      <c r="C23275">
        <v>2</v>
      </c>
      <c r="D23275">
        <v>0</v>
      </c>
    </row>
    <row r="23276" spans="1:4" x14ac:dyDescent="0.25">
      <c r="A23276" t="s">
        <v>35951</v>
      </c>
      <c r="B23276" t="s">
        <v>35952</v>
      </c>
      <c r="C23276">
        <v>0</v>
      </c>
      <c r="D23276">
        <v>0</v>
      </c>
    </row>
    <row r="23277" spans="1:4" x14ac:dyDescent="0.25">
      <c r="A23277" t="s">
        <v>35951</v>
      </c>
      <c r="B23277" t="s">
        <v>35953</v>
      </c>
      <c r="C23277">
        <v>1</v>
      </c>
      <c r="D23277">
        <v>0</v>
      </c>
    </row>
    <row r="23278" spans="1:4" x14ac:dyDescent="0.25">
      <c r="A23278" t="s">
        <v>35951</v>
      </c>
      <c r="B23278" t="s">
        <v>35954</v>
      </c>
      <c r="C23278">
        <v>0</v>
      </c>
      <c r="D23278">
        <v>0</v>
      </c>
    </row>
    <row r="23279" spans="1:4" x14ac:dyDescent="0.25">
      <c r="A23279" t="s">
        <v>35955</v>
      </c>
      <c r="B23279" t="s">
        <v>35956</v>
      </c>
      <c r="C23279">
        <v>0</v>
      </c>
      <c r="D23279">
        <v>0</v>
      </c>
    </row>
    <row r="23280" spans="1:4" x14ac:dyDescent="0.25">
      <c r="A23280" t="s">
        <v>35955</v>
      </c>
      <c r="B23280" t="s">
        <v>35957</v>
      </c>
      <c r="C23280">
        <v>1</v>
      </c>
      <c r="D23280">
        <v>0</v>
      </c>
    </row>
    <row r="23281" spans="1:4" x14ac:dyDescent="0.25">
      <c r="A23281" t="s">
        <v>35958</v>
      </c>
      <c r="B23281" t="s">
        <v>35959</v>
      </c>
      <c r="C23281">
        <v>0</v>
      </c>
      <c r="D23281">
        <v>0</v>
      </c>
    </row>
    <row r="23282" spans="1:4" x14ac:dyDescent="0.25">
      <c r="A23282" t="s">
        <v>35960</v>
      </c>
      <c r="B23282" t="s">
        <v>6061</v>
      </c>
      <c r="C23282">
        <v>0</v>
      </c>
      <c r="D23282">
        <v>0</v>
      </c>
    </row>
    <row r="23283" spans="1:4" x14ac:dyDescent="0.25">
      <c r="A23283" t="s">
        <v>35960</v>
      </c>
      <c r="B23283" t="s">
        <v>35961</v>
      </c>
      <c r="C23283">
        <v>0</v>
      </c>
      <c r="D23283">
        <v>0</v>
      </c>
    </row>
    <row r="23284" spans="1:4" x14ac:dyDescent="0.25">
      <c r="A23284" t="s">
        <v>35960</v>
      </c>
      <c r="B23284" t="s">
        <v>1401</v>
      </c>
      <c r="C23284">
        <v>0</v>
      </c>
      <c r="D23284">
        <v>0</v>
      </c>
    </row>
    <row r="23285" spans="1:4" x14ac:dyDescent="0.25">
      <c r="A23285" t="s">
        <v>35962</v>
      </c>
      <c r="B23285" t="s">
        <v>35963</v>
      </c>
      <c r="C23285">
        <v>0</v>
      </c>
      <c r="D23285">
        <v>0</v>
      </c>
    </row>
    <row r="23286" spans="1:4" x14ac:dyDescent="0.25">
      <c r="A23286" t="s">
        <v>35964</v>
      </c>
      <c r="B23286" t="s">
        <v>35965</v>
      </c>
      <c r="C23286">
        <v>1</v>
      </c>
      <c r="D23286">
        <v>0</v>
      </c>
    </row>
    <row r="23287" spans="1:4" x14ac:dyDescent="0.25">
      <c r="A23287" t="s">
        <v>35966</v>
      </c>
      <c r="B23287" t="s">
        <v>35967</v>
      </c>
      <c r="C23287">
        <v>0</v>
      </c>
      <c r="D23287">
        <v>0</v>
      </c>
    </row>
    <row r="23288" spans="1:4" x14ac:dyDescent="0.25">
      <c r="A23288" t="s">
        <v>35966</v>
      </c>
      <c r="B23288" t="s">
        <v>35968</v>
      </c>
      <c r="C23288">
        <v>0</v>
      </c>
      <c r="D23288">
        <v>0</v>
      </c>
    </row>
    <row r="23289" spans="1:4" x14ac:dyDescent="0.25">
      <c r="A23289" t="s">
        <v>35966</v>
      </c>
      <c r="B23289" t="s">
        <v>35969</v>
      </c>
      <c r="C23289">
        <v>1</v>
      </c>
      <c r="D23289">
        <v>0</v>
      </c>
    </row>
    <row r="23290" spans="1:4" x14ac:dyDescent="0.25">
      <c r="A23290" t="s">
        <v>35970</v>
      </c>
      <c r="B23290" t="s">
        <v>35971</v>
      </c>
      <c r="C23290">
        <v>0</v>
      </c>
      <c r="D23290">
        <v>0</v>
      </c>
    </row>
    <row r="23291" spans="1:4" x14ac:dyDescent="0.25">
      <c r="A23291" t="s">
        <v>35970</v>
      </c>
      <c r="B23291" t="s">
        <v>35972</v>
      </c>
      <c r="C23291">
        <v>0</v>
      </c>
      <c r="D23291">
        <v>0</v>
      </c>
    </row>
    <row r="23292" spans="1:4" x14ac:dyDescent="0.25">
      <c r="A23292" t="s">
        <v>35973</v>
      </c>
      <c r="B23292" t="s">
        <v>35974</v>
      </c>
      <c r="C23292">
        <v>0</v>
      </c>
      <c r="D23292">
        <v>0</v>
      </c>
    </row>
    <row r="23293" spans="1:4" x14ac:dyDescent="0.25">
      <c r="A23293" t="s">
        <v>35973</v>
      </c>
      <c r="B23293" t="s">
        <v>35975</v>
      </c>
      <c r="C23293">
        <v>1</v>
      </c>
      <c r="D23293">
        <v>0</v>
      </c>
    </row>
    <row r="23294" spans="1:4" x14ac:dyDescent="0.25">
      <c r="A23294" t="s">
        <v>35976</v>
      </c>
      <c r="B23294" t="s">
        <v>35977</v>
      </c>
      <c r="C23294">
        <v>2</v>
      </c>
      <c r="D23294">
        <v>0</v>
      </c>
    </row>
    <row r="23295" spans="1:4" x14ac:dyDescent="0.25">
      <c r="A23295" t="s">
        <v>35976</v>
      </c>
      <c r="B23295" t="s">
        <v>35978</v>
      </c>
      <c r="C23295">
        <v>2</v>
      </c>
      <c r="D23295">
        <v>0</v>
      </c>
    </row>
    <row r="23296" spans="1:4" x14ac:dyDescent="0.25">
      <c r="A23296" t="s">
        <v>35976</v>
      </c>
      <c r="B23296" t="s">
        <v>35979</v>
      </c>
      <c r="C23296">
        <v>2</v>
      </c>
      <c r="D23296">
        <v>0</v>
      </c>
    </row>
    <row r="23297" spans="1:4" x14ac:dyDescent="0.25">
      <c r="A23297" t="s">
        <v>35980</v>
      </c>
      <c r="B23297" t="s">
        <v>951</v>
      </c>
      <c r="C23297">
        <v>1</v>
      </c>
      <c r="D23297">
        <v>0</v>
      </c>
    </row>
    <row r="23298" spans="1:4" x14ac:dyDescent="0.25">
      <c r="A23298" t="s">
        <v>35981</v>
      </c>
      <c r="B23298" t="s">
        <v>35982</v>
      </c>
      <c r="C23298">
        <v>0</v>
      </c>
      <c r="D23298">
        <v>0</v>
      </c>
    </row>
    <row r="23299" spans="1:4" x14ac:dyDescent="0.25">
      <c r="A23299" t="s">
        <v>35983</v>
      </c>
      <c r="B23299" t="s">
        <v>1499</v>
      </c>
      <c r="C23299">
        <v>1</v>
      </c>
      <c r="D23299">
        <v>0</v>
      </c>
    </row>
    <row r="23300" spans="1:4" x14ac:dyDescent="0.25">
      <c r="A23300" t="s">
        <v>35984</v>
      </c>
      <c r="B23300" t="s">
        <v>35985</v>
      </c>
      <c r="C23300">
        <v>0</v>
      </c>
      <c r="D23300">
        <v>0</v>
      </c>
    </row>
    <row r="23301" spans="1:4" x14ac:dyDescent="0.25">
      <c r="A23301" t="s">
        <v>35986</v>
      </c>
      <c r="B23301" t="s">
        <v>35987</v>
      </c>
      <c r="C23301">
        <v>0</v>
      </c>
      <c r="D23301">
        <v>0</v>
      </c>
    </row>
    <row r="23302" spans="1:4" x14ac:dyDescent="0.25">
      <c r="A23302" t="s">
        <v>35988</v>
      </c>
      <c r="B23302" t="s">
        <v>35989</v>
      </c>
      <c r="C23302">
        <v>1</v>
      </c>
      <c r="D23302">
        <v>0</v>
      </c>
    </row>
    <row r="23303" spans="1:4" x14ac:dyDescent="0.25">
      <c r="A23303" t="s">
        <v>35988</v>
      </c>
      <c r="B23303" t="s">
        <v>35990</v>
      </c>
      <c r="C23303">
        <v>1</v>
      </c>
      <c r="D23303">
        <v>0</v>
      </c>
    </row>
    <row r="23304" spans="1:4" x14ac:dyDescent="0.25">
      <c r="A23304" t="s">
        <v>35991</v>
      </c>
      <c r="B23304" t="s">
        <v>35992</v>
      </c>
      <c r="C23304">
        <v>0</v>
      </c>
      <c r="D23304">
        <v>0</v>
      </c>
    </row>
    <row r="23305" spans="1:4" x14ac:dyDescent="0.25">
      <c r="A23305" t="s">
        <v>35991</v>
      </c>
      <c r="B23305" t="s">
        <v>1001</v>
      </c>
      <c r="C23305">
        <v>1</v>
      </c>
      <c r="D23305">
        <v>0</v>
      </c>
    </row>
    <row r="23306" spans="1:4" x14ac:dyDescent="0.25">
      <c r="A23306" t="s">
        <v>35993</v>
      </c>
      <c r="B23306" t="s">
        <v>35994</v>
      </c>
      <c r="C23306">
        <v>2</v>
      </c>
      <c r="D23306">
        <v>0</v>
      </c>
    </row>
    <row r="23307" spans="1:4" x14ac:dyDescent="0.25">
      <c r="A23307" t="s">
        <v>35993</v>
      </c>
      <c r="B23307" t="s">
        <v>35995</v>
      </c>
      <c r="C23307">
        <v>2</v>
      </c>
      <c r="D23307">
        <v>0</v>
      </c>
    </row>
    <row r="23308" spans="1:4" x14ac:dyDescent="0.25">
      <c r="A23308" t="s">
        <v>35993</v>
      </c>
      <c r="B23308" t="s">
        <v>1001</v>
      </c>
      <c r="C23308">
        <v>1</v>
      </c>
      <c r="D23308">
        <v>0</v>
      </c>
    </row>
    <row r="23309" spans="1:4" x14ac:dyDescent="0.25">
      <c r="A23309" t="s">
        <v>35996</v>
      </c>
      <c r="B23309" t="s">
        <v>35997</v>
      </c>
      <c r="C23309">
        <v>0</v>
      </c>
      <c r="D23309">
        <v>0</v>
      </c>
    </row>
    <row r="23310" spans="1:4" x14ac:dyDescent="0.25">
      <c r="A23310" t="s">
        <v>35998</v>
      </c>
      <c r="B23310" t="s">
        <v>35999</v>
      </c>
      <c r="C23310">
        <v>0</v>
      </c>
      <c r="D23310">
        <v>0</v>
      </c>
    </row>
    <row r="23311" spans="1:4" x14ac:dyDescent="0.25">
      <c r="A23311" t="s">
        <v>35998</v>
      </c>
      <c r="B23311" t="s">
        <v>36000</v>
      </c>
      <c r="C23311">
        <v>0</v>
      </c>
      <c r="D23311">
        <v>0</v>
      </c>
    </row>
    <row r="23312" spans="1:4" x14ac:dyDescent="0.25">
      <c r="A23312" t="s">
        <v>36001</v>
      </c>
      <c r="B23312" t="s">
        <v>2061</v>
      </c>
      <c r="C23312">
        <v>0</v>
      </c>
      <c r="D23312">
        <v>0</v>
      </c>
    </row>
    <row r="23313" spans="1:4" x14ac:dyDescent="0.25">
      <c r="A23313" t="s">
        <v>36001</v>
      </c>
      <c r="B23313" t="s">
        <v>1001</v>
      </c>
      <c r="C23313">
        <v>1</v>
      </c>
      <c r="D23313">
        <v>0</v>
      </c>
    </row>
    <row r="23314" spans="1:4" x14ac:dyDescent="0.25">
      <c r="A23314" t="s">
        <v>36002</v>
      </c>
      <c r="B23314" t="s">
        <v>36003</v>
      </c>
      <c r="C23314">
        <v>1</v>
      </c>
      <c r="D23314">
        <v>0</v>
      </c>
    </row>
    <row r="23315" spans="1:4" x14ac:dyDescent="0.25">
      <c r="A23315" t="s">
        <v>36004</v>
      </c>
      <c r="B23315" t="s">
        <v>36005</v>
      </c>
      <c r="C23315">
        <v>0</v>
      </c>
      <c r="D23315">
        <v>0</v>
      </c>
    </row>
    <row r="23316" spans="1:4" x14ac:dyDescent="0.25">
      <c r="A23316" t="s">
        <v>36004</v>
      </c>
      <c r="B23316" t="s">
        <v>36006</v>
      </c>
      <c r="C23316">
        <v>0</v>
      </c>
      <c r="D23316">
        <v>0</v>
      </c>
    </row>
    <row r="23317" spans="1:4" x14ac:dyDescent="0.25">
      <c r="A23317" t="s">
        <v>36007</v>
      </c>
      <c r="B23317" t="s">
        <v>36008</v>
      </c>
      <c r="C23317">
        <v>0</v>
      </c>
      <c r="D23317">
        <v>0</v>
      </c>
    </row>
    <row r="23318" spans="1:4" x14ac:dyDescent="0.25">
      <c r="A23318" t="s">
        <v>36007</v>
      </c>
      <c r="B23318" t="s">
        <v>36009</v>
      </c>
      <c r="C23318">
        <v>0</v>
      </c>
      <c r="D23318">
        <v>0</v>
      </c>
    </row>
    <row r="23319" spans="1:4" x14ac:dyDescent="0.25">
      <c r="A23319" t="s">
        <v>36007</v>
      </c>
      <c r="B23319" t="s">
        <v>36010</v>
      </c>
      <c r="C23319">
        <v>0</v>
      </c>
      <c r="D23319">
        <v>0</v>
      </c>
    </row>
    <row r="23320" spans="1:4" x14ac:dyDescent="0.25">
      <c r="A23320" t="s">
        <v>36011</v>
      </c>
      <c r="B23320" t="s">
        <v>36012</v>
      </c>
      <c r="C23320">
        <v>0</v>
      </c>
      <c r="D23320">
        <v>0</v>
      </c>
    </row>
    <row r="23321" spans="1:4" x14ac:dyDescent="0.25">
      <c r="A23321" t="s">
        <v>36013</v>
      </c>
      <c r="B23321" t="s">
        <v>36014</v>
      </c>
      <c r="C23321">
        <v>2</v>
      </c>
      <c r="D23321">
        <v>0</v>
      </c>
    </row>
    <row r="23322" spans="1:4" x14ac:dyDescent="0.25">
      <c r="A23322" t="s">
        <v>36013</v>
      </c>
      <c r="B23322" t="s">
        <v>36015</v>
      </c>
      <c r="C23322">
        <v>0</v>
      </c>
      <c r="D23322">
        <v>0</v>
      </c>
    </row>
    <row r="23323" spans="1:4" x14ac:dyDescent="0.25">
      <c r="A23323" t="s">
        <v>36016</v>
      </c>
      <c r="B23323" t="s">
        <v>36017</v>
      </c>
      <c r="C23323">
        <v>0</v>
      </c>
      <c r="D23323">
        <v>0</v>
      </c>
    </row>
    <row r="23324" spans="1:4" x14ac:dyDescent="0.25">
      <c r="A23324" t="s">
        <v>36016</v>
      </c>
      <c r="B23324" t="s">
        <v>36018</v>
      </c>
      <c r="C23324">
        <v>0</v>
      </c>
      <c r="D23324">
        <v>0</v>
      </c>
    </row>
    <row r="23325" spans="1:4" x14ac:dyDescent="0.25">
      <c r="A23325" t="s">
        <v>36016</v>
      </c>
      <c r="B23325" t="s">
        <v>36019</v>
      </c>
      <c r="C23325">
        <v>0</v>
      </c>
      <c r="D23325">
        <v>0</v>
      </c>
    </row>
    <row r="23326" spans="1:4" x14ac:dyDescent="0.25">
      <c r="A23326" t="s">
        <v>36020</v>
      </c>
      <c r="B23326" t="s">
        <v>36021</v>
      </c>
      <c r="C23326">
        <v>1</v>
      </c>
      <c r="D23326">
        <v>0</v>
      </c>
    </row>
    <row r="23327" spans="1:4" x14ac:dyDescent="0.25">
      <c r="A23327" t="s">
        <v>36020</v>
      </c>
      <c r="B23327" t="s">
        <v>36022</v>
      </c>
      <c r="C23327">
        <v>0</v>
      </c>
      <c r="D23327">
        <v>0</v>
      </c>
    </row>
    <row r="23328" spans="1:4" x14ac:dyDescent="0.25">
      <c r="A23328" t="s">
        <v>36020</v>
      </c>
      <c r="B23328" t="s">
        <v>36023</v>
      </c>
      <c r="C23328">
        <v>0</v>
      </c>
      <c r="D23328">
        <v>0</v>
      </c>
    </row>
    <row r="23329" spans="1:4" x14ac:dyDescent="0.25">
      <c r="A23329" t="s">
        <v>36024</v>
      </c>
      <c r="B23329" t="s">
        <v>9112</v>
      </c>
      <c r="C23329">
        <v>0</v>
      </c>
      <c r="D23329">
        <v>0</v>
      </c>
    </row>
    <row r="23330" spans="1:4" x14ac:dyDescent="0.25">
      <c r="A23330" t="s">
        <v>36025</v>
      </c>
      <c r="B23330" t="s">
        <v>36026</v>
      </c>
      <c r="C23330">
        <v>1</v>
      </c>
      <c r="D23330">
        <v>0</v>
      </c>
    </row>
    <row r="23331" spans="1:4" x14ac:dyDescent="0.25">
      <c r="A23331" t="s">
        <v>36025</v>
      </c>
      <c r="B23331" t="s">
        <v>36027</v>
      </c>
      <c r="C23331">
        <v>1</v>
      </c>
      <c r="D23331">
        <v>0</v>
      </c>
    </row>
    <row r="23332" spans="1:4" x14ac:dyDescent="0.25">
      <c r="A23332" t="s">
        <v>36025</v>
      </c>
      <c r="B23332" t="s">
        <v>36028</v>
      </c>
      <c r="C23332">
        <v>2</v>
      </c>
      <c r="D23332">
        <v>0</v>
      </c>
    </row>
    <row r="23333" spans="1:4" x14ac:dyDescent="0.25">
      <c r="A23333" t="s">
        <v>36029</v>
      </c>
      <c r="B23333" t="s">
        <v>36030</v>
      </c>
      <c r="C23333">
        <v>2</v>
      </c>
      <c r="D23333">
        <v>0</v>
      </c>
    </row>
    <row r="23334" spans="1:4" x14ac:dyDescent="0.25">
      <c r="A23334" t="s">
        <v>36029</v>
      </c>
      <c r="B23334" t="s">
        <v>36031</v>
      </c>
      <c r="C23334">
        <v>2</v>
      </c>
      <c r="D23334">
        <v>0</v>
      </c>
    </row>
    <row r="23335" spans="1:4" x14ac:dyDescent="0.25">
      <c r="A23335" t="s">
        <v>36029</v>
      </c>
      <c r="B23335" t="s">
        <v>36032</v>
      </c>
      <c r="C23335">
        <v>0</v>
      </c>
      <c r="D23335">
        <v>0</v>
      </c>
    </row>
    <row r="23336" spans="1:4" x14ac:dyDescent="0.25">
      <c r="A23336" t="s">
        <v>36033</v>
      </c>
      <c r="B23336" t="s">
        <v>36034</v>
      </c>
      <c r="C23336">
        <v>1</v>
      </c>
      <c r="D23336">
        <v>0</v>
      </c>
    </row>
    <row r="23337" spans="1:4" x14ac:dyDescent="0.25">
      <c r="A23337" t="s">
        <v>36033</v>
      </c>
      <c r="B23337" t="s">
        <v>36035</v>
      </c>
      <c r="C23337">
        <v>1</v>
      </c>
      <c r="D23337">
        <v>0</v>
      </c>
    </row>
    <row r="23338" spans="1:4" x14ac:dyDescent="0.25">
      <c r="A23338" t="s">
        <v>36036</v>
      </c>
      <c r="B23338" t="s">
        <v>36037</v>
      </c>
      <c r="C23338">
        <v>2</v>
      </c>
      <c r="D23338">
        <v>0</v>
      </c>
    </row>
    <row r="23339" spans="1:4" x14ac:dyDescent="0.25">
      <c r="A23339" t="s">
        <v>36036</v>
      </c>
      <c r="B23339" t="s">
        <v>36038</v>
      </c>
      <c r="C23339">
        <v>0</v>
      </c>
      <c r="D23339">
        <v>0</v>
      </c>
    </row>
    <row r="23340" spans="1:4" x14ac:dyDescent="0.25">
      <c r="A23340" t="s">
        <v>36036</v>
      </c>
      <c r="B23340" t="s">
        <v>36039</v>
      </c>
      <c r="C23340">
        <v>1</v>
      </c>
      <c r="D23340">
        <v>0</v>
      </c>
    </row>
    <row r="23341" spans="1:4" x14ac:dyDescent="0.25">
      <c r="A23341" t="s">
        <v>36040</v>
      </c>
      <c r="B23341" t="s">
        <v>36041</v>
      </c>
      <c r="C23341">
        <v>0</v>
      </c>
      <c r="D23341">
        <v>0</v>
      </c>
    </row>
    <row r="23342" spans="1:4" x14ac:dyDescent="0.25">
      <c r="A23342" t="s">
        <v>36040</v>
      </c>
      <c r="B23342" t="s">
        <v>36042</v>
      </c>
      <c r="C23342">
        <v>2</v>
      </c>
      <c r="D23342">
        <v>0</v>
      </c>
    </row>
    <row r="23343" spans="1:4" x14ac:dyDescent="0.25">
      <c r="A23343" t="s">
        <v>36040</v>
      </c>
      <c r="B23343" t="s">
        <v>36043</v>
      </c>
      <c r="C23343">
        <v>0</v>
      </c>
      <c r="D23343">
        <v>0</v>
      </c>
    </row>
    <row r="23344" spans="1:4" x14ac:dyDescent="0.25">
      <c r="A23344" t="s">
        <v>36044</v>
      </c>
      <c r="B23344" t="s">
        <v>36045</v>
      </c>
      <c r="C23344">
        <v>1</v>
      </c>
      <c r="D23344">
        <v>0</v>
      </c>
    </row>
    <row r="23345" spans="1:4" x14ac:dyDescent="0.25">
      <c r="A23345" t="s">
        <v>36046</v>
      </c>
      <c r="B23345" t="s">
        <v>36047</v>
      </c>
      <c r="C23345">
        <v>0</v>
      </c>
      <c r="D23345">
        <v>0</v>
      </c>
    </row>
    <row r="23346" spans="1:4" x14ac:dyDescent="0.25">
      <c r="A23346" t="s">
        <v>36046</v>
      </c>
      <c r="B23346" t="s">
        <v>36048</v>
      </c>
      <c r="C23346">
        <v>1</v>
      </c>
      <c r="D23346">
        <v>0</v>
      </c>
    </row>
    <row r="23347" spans="1:4" x14ac:dyDescent="0.25">
      <c r="A23347" t="s">
        <v>36046</v>
      </c>
      <c r="B23347" t="s">
        <v>398</v>
      </c>
      <c r="C23347">
        <v>0</v>
      </c>
      <c r="D23347">
        <v>0</v>
      </c>
    </row>
    <row r="23348" spans="1:4" x14ac:dyDescent="0.25">
      <c r="A23348" t="s">
        <v>36049</v>
      </c>
      <c r="B23348" t="s">
        <v>1387</v>
      </c>
      <c r="C23348">
        <v>1</v>
      </c>
      <c r="D23348">
        <v>0</v>
      </c>
    </row>
    <row r="23349" spans="1:4" x14ac:dyDescent="0.25">
      <c r="A23349" t="s">
        <v>36050</v>
      </c>
      <c r="B23349" t="s">
        <v>36051</v>
      </c>
      <c r="C23349">
        <v>1</v>
      </c>
      <c r="D23349">
        <v>0</v>
      </c>
    </row>
    <row r="23350" spans="1:4" x14ac:dyDescent="0.25">
      <c r="A23350" t="s">
        <v>36050</v>
      </c>
      <c r="B23350" t="s">
        <v>36052</v>
      </c>
      <c r="C23350">
        <v>2</v>
      </c>
      <c r="D23350">
        <v>0</v>
      </c>
    </row>
    <row r="23351" spans="1:4" x14ac:dyDescent="0.25">
      <c r="A23351" t="s">
        <v>36053</v>
      </c>
      <c r="B23351" t="s">
        <v>36054</v>
      </c>
      <c r="C23351">
        <v>0</v>
      </c>
      <c r="D23351">
        <v>0</v>
      </c>
    </row>
    <row r="23352" spans="1:4" x14ac:dyDescent="0.25">
      <c r="A23352" t="s">
        <v>36053</v>
      </c>
      <c r="B23352" t="s">
        <v>36055</v>
      </c>
      <c r="C23352">
        <v>0</v>
      </c>
      <c r="D23352">
        <v>0</v>
      </c>
    </row>
    <row r="23353" spans="1:4" x14ac:dyDescent="0.25">
      <c r="A23353" t="s">
        <v>36053</v>
      </c>
      <c r="B23353" t="s">
        <v>36056</v>
      </c>
      <c r="C23353">
        <v>2</v>
      </c>
      <c r="D23353">
        <v>0</v>
      </c>
    </row>
    <row r="23354" spans="1:4" x14ac:dyDescent="0.25">
      <c r="A23354" t="s">
        <v>36057</v>
      </c>
      <c r="B23354" t="s">
        <v>2900</v>
      </c>
      <c r="C23354">
        <v>0</v>
      </c>
      <c r="D23354">
        <v>0</v>
      </c>
    </row>
    <row r="23355" spans="1:4" x14ac:dyDescent="0.25">
      <c r="A23355" t="s">
        <v>36057</v>
      </c>
      <c r="B23355" t="s">
        <v>36058</v>
      </c>
      <c r="C23355">
        <v>1</v>
      </c>
      <c r="D23355">
        <v>0</v>
      </c>
    </row>
    <row r="23356" spans="1:4" x14ac:dyDescent="0.25">
      <c r="A23356" t="s">
        <v>36057</v>
      </c>
      <c r="B23356" t="s">
        <v>36059</v>
      </c>
      <c r="C23356">
        <v>0</v>
      </c>
      <c r="D23356">
        <v>0</v>
      </c>
    </row>
    <row r="23357" spans="1:4" x14ac:dyDescent="0.25">
      <c r="A23357" t="s">
        <v>36060</v>
      </c>
      <c r="B23357" t="s">
        <v>36061</v>
      </c>
      <c r="C23357">
        <v>2</v>
      </c>
      <c r="D23357">
        <v>0</v>
      </c>
    </row>
    <row r="23358" spans="1:4" x14ac:dyDescent="0.25">
      <c r="A23358" t="s">
        <v>36060</v>
      </c>
      <c r="B23358" t="s">
        <v>36062</v>
      </c>
      <c r="C23358">
        <v>2</v>
      </c>
      <c r="D23358">
        <v>0</v>
      </c>
    </row>
    <row r="23359" spans="1:4" x14ac:dyDescent="0.25">
      <c r="A23359" t="s">
        <v>36063</v>
      </c>
      <c r="B23359" t="s">
        <v>36064</v>
      </c>
      <c r="C23359">
        <v>1</v>
      </c>
      <c r="D23359">
        <v>0</v>
      </c>
    </row>
    <row r="23360" spans="1:4" x14ac:dyDescent="0.25">
      <c r="A23360" t="s">
        <v>36063</v>
      </c>
      <c r="B23360" t="s">
        <v>36065</v>
      </c>
      <c r="C23360">
        <v>0</v>
      </c>
      <c r="D23360">
        <v>0</v>
      </c>
    </row>
    <row r="23361" spans="1:4" x14ac:dyDescent="0.25">
      <c r="A23361" t="s">
        <v>36063</v>
      </c>
      <c r="B23361" t="s">
        <v>36066</v>
      </c>
      <c r="C23361">
        <v>2</v>
      </c>
      <c r="D23361">
        <v>0</v>
      </c>
    </row>
    <row r="23362" spans="1:4" x14ac:dyDescent="0.25">
      <c r="A23362" t="s">
        <v>36067</v>
      </c>
      <c r="B23362" t="s">
        <v>36068</v>
      </c>
      <c r="C23362">
        <v>2</v>
      </c>
      <c r="D23362">
        <v>0</v>
      </c>
    </row>
    <row r="23363" spans="1:4" x14ac:dyDescent="0.25">
      <c r="A23363" t="s">
        <v>36067</v>
      </c>
      <c r="B23363" t="s">
        <v>36069</v>
      </c>
      <c r="C23363">
        <v>2</v>
      </c>
      <c r="D23363">
        <v>0</v>
      </c>
    </row>
    <row r="23364" spans="1:4" x14ac:dyDescent="0.25">
      <c r="A23364" t="s">
        <v>36067</v>
      </c>
      <c r="B23364" t="s">
        <v>36070</v>
      </c>
      <c r="C23364">
        <v>1</v>
      </c>
      <c r="D23364">
        <v>0</v>
      </c>
    </row>
    <row r="23365" spans="1:4" x14ac:dyDescent="0.25">
      <c r="A23365" t="s">
        <v>36071</v>
      </c>
      <c r="B23365" t="s">
        <v>36072</v>
      </c>
      <c r="C23365">
        <v>0</v>
      </c>
      <c r="D23365">
        <v>0</v>
      </c>
    </row>
    <row r="23366" spans="1:4" x14ac:dyDescent="0.25">
      <c r="A23366" t="s">
        <v>36071</v>
      </c>
      <c r="B23366" t="s">
        <v>36073</v>
      </c>
      <c r="C23366">
        <v>0</v>
      </c>
      <c r="D23366">
        <v>0</v>
      </c>
    </row>
    <row r="23367" spans="1:4" x14ac:dyDescent="0.25">
      <c r="A23367" t="s">
        <v>36074</v>
      </c>
      <c r="B23367" t="s">
        <v>36075</v>
      </c>
      <c r="C23367">
        <v>1</v>
      </c>
      <c r="D23367">
        <v>0</v>
      </c>
    </row>
    <row r="23368" spans="1:4" x14ac:dyDescent="0.25">
      <c r="A23368" t="s">
        <v>36074</v>
      </c>
      <c r="B23368" t="s">
        <v>36076</v>
      </c>
      <c r="C23368">
        <v>1</v>
      </c>
      <c r="D23368">
        <v>0</v>
      </c>
    </row>
    <row r="23369" spans="1:4" x14ac:dyDescent="0.25">
      <c r="A23369" t="s">
        <v>36074</v>
      </c>
      <c r="B23369" t="s">
        <v>36077</v>
      </c>
      <c r="C23369">
        <v>2</v>
      </c>
      <c r="D23369">
        <v>0</v>
      </c>
    </row>
    <row r="23370" spans="1:4" x14ac:dyDescent="0.25">
      <c r="A23370" t="s">
        <v>36078</v>
      </c>
      <c r="B23370" t="s">
        <v>9425</v>
      </c>
      <c r="C23370">
        <v>0</v>
      </c>
      <c r="D23370">
        <v>0</v>
      </c>
    </row>
    <row r="23371" spans="1:4" x14ac:dyDescent="0.25">
      <c r="A23371" t="s">
        <v>36079</v>
      </c>
      <c r="B23371" t="s">
        <v>36080</v>
      </c>
      <c r="C23371">
        <v>1</v>
      </c>
      <c r="D23371">
        <v>0</v>
      </c>
    </row>
    <row r="23372" spans="1:4" x14ac:dyDescent="0.25">
      <c r="A23372" t="s">
        <v>36079</v>
      </c>
      <c r="B23372" t="s">
        <v>36081</v>
      </c>
      <c r="C23372">
        <v>1</v>
      </c>
      <c r="D23372">
        <v>0</v>
      </c>
    </row>
    <row r="23373" spans="1:4" x14ac:dyDescent="0.25">
      <c r="A23373" t="s">
        <v>36082</v>
      </c>
      <c r="B23373" t="s">
        <v>36083</v>
      </c>
      <c r="C23373">
        <v>2</v>
      </c>
      <c r="D23373">
        <v>0</v>
      </c>
    </row>
    <row r="23374" spans="1:4" x14ac:dyDescent="0.25">
      <c r="A23374" t="s">
        <v>36084</v>
      </c>
      <c r="B23374" t="s">
        <v>36085</v>
      </c>
      <c r="C23374">
        <v>2</v>
      </c>
      <c r="D23374">
        <v>0</v>
      </c>
    </row>
    <row r="23375" spans="1:4" x14ac:dyDescent="0.25">
      <c r="A23375" t="s">
        <v>36084</v>
      </c>
      <c r="B23375" t="s">
        <v>36086</v>
      </c>
      <c r="C23375">
        <v>2</v>
      </c>
      <c r="D23375">
        <v>0</v>
      </c>
    </row>
    <row r="23376" spans="1:4" x14ac:dyDescent="0.25">
      <c r="A23376" t="s">
        <v>36087</v>
      </c>
      <c r="B23376" t="s">
        <v>36088</v>
      </c>
      <c r="C23376">
        <v>0</v>
      </c>
      <c r="D23376">
        <v>0</v>
      </c>
    </row>
    <row r="23377" spans="1:4" x14ac:dyDescent="0.25">
      <c r="A23377" t="s">
        <v>36087</v>
      </c>
      <c r="B23377" t="s">
        <v>36089</v>
      </c>
      <c r="C23377">
        <v>2</v>
      </c>
      <c r="D23377">
        <v>0</v>
      </c>
    </row>
    <row r="23378" spans="1:4" x14ac:dyDescent="0.25">
      <c r="A23378" t="s">
        <v>36087</v>
      </c>
      <c r="B23378" t="s">
        <v>36090</v>
      </c>
      <c r="C23378">
        <v>2</v>
      </c>
      <c r="D23378">
        <v>0</v>
      </c>
    </row>
    <row r="23379" spans="1:4" x14ac:dyDescent="0.25">
      <c r="A23379" t="s">
        <v>36091</v>
      </c>
      <c r="B23379" t="s">
        <v>2825</v>
      </c>
      <c r="C23379">
        <v>1</v>
      </c>
      <c r="D23379">
        <v>0</v>
      </c>
    </row>
    <row r="23380" spans="1:4" x14ac:dyDescent="0.25">
      <c r="A23380" t="s">
        <v>36091</v>
      </c>
      <c r="B23380" t="s">
        <v>36092</v>
      </c>
      <c r="C23380">
        <v>1</v>
      </c>
      <c r="D23380">
        <v>0</v>
      </c>
    </row>
    <row r="23381" spans="1:4" x14ac:dyDescent="0.25">
      <c r="A23381" t="s">
        <v>36093</v>
      </c>
      <c r="B23381" t="s">
        <v>36094</v>
      </c>
      <c r="C23381">
        <v>0</v>
      </c>
      <c r="D23381">
        <v>0</v>
      </c>
    </row>
    <row r="23382" spans="1:4" x14ac:dyDescent="0.25">
      <c r="A23382" t="s">
        <v>36093</v>
      </c>
      <c r="B23382" t="s">
        <v>36095</v>
      </c>
      <c r="C23382">
        <v>1</v>
      </c>
      <c r="D23382">
        <v>0</v>
      </c>
    </row>
    <row r="23383" spans="1:4" x14ac:dyDescent="0.25">
      <c r="A23383" t="s">
        <v>36093</v>
      </c>
      <c r="B23383" t="s">
        <v>36096</v>
      </c>
      <c r="C23383">
        <v>1</v>
      </c>
      <c r="D23383">
        <v>0</v>
      </c>
    </row>
    <row r="23384" spans="1:4" x14ac:dyDescent="0.25">
      <c r="A23384" t="s">
        <v>36097</v>
      </c>
      <c r="B23384" t="s">
        <v>36098</v>
      </c>
      <c r="C23384">
        <v>2</v>
      </c>
      <c r="D23384">
        <v>0</v>
      </c>
    </row>
    <row r="23385" spans="1:4" x14ac:dyDescent="0.25">
      <c r="A23385" t="s">
        <v>36097</v>
      </c>
      <c r="B23385" t="s">
        <v>36099</v>
      </c>
      <c r="C23385">
        <v>1</v>
      </c>
      <c r="D23385">
        <v>0</v>
      </c>
    </row>
    <row r="23386" spans="1:4" x14ac:dyDescent="0.25">
      <c r="A23386" t="s">
        <v>36100</v>
      </c>
      <c r="B23386" t="s">
        <v>19309</v>
      </c>
      <c r="C23386">
        <v>0</v>
      </c>
      <c r="D23386">
        <v>0</v>
      </c>
    </row>
    <row r="23387" spans="1:4" x14ac:dyDescent="0.25">
      <c r="A23387" t="s">
        <v>36100</v>
      </c>
      <c r="B23387" t="s">
        <v>35545</v>
      </c>
      <c r="C23387">
        <v>1</v>
      </c>
      <c r="D23387">
        <v>0</v>
      </c>
    </row>
    <row r="23388" spans="1:4" x14ac:dyDescent="0.25">
      <c r="A23388" t="s">
        <v>36101</v>
      </c>
      <c r="B23388" t="s">
        <v>29048</v>
      </c>
      <c r="C23388">
        <v>0</v>
      </c>
      <c r="D23388">
        <v>0</v>
      </c>
    </row>
    <row r="23389" spans="1:4" x14ac:dyDescent="0.25">
      <c r="A23389" t="s">
        <v>36101</v>
      </c>
      <c r="B23389" t="s">
        <v>36102</v>
      </c>
      <c r="C23389">
        <v>2</v>
      </c>
      <c r="D23389">
        <v>0</v>
      </c>
    </row>
    <row r="23390" spans="1:4" x14ac:dyDescent="0.25">
      <c r="A23390" t="s">
        <v>36103</v>
      </c>
      <c r="B23390" t="s">
        <v>36104</v>
      </c>
      <c r="C23390">
        <v>2</v>
      </c>
      <c r="D23390">
        <v>0</v>
      </c>
    </row>
    <row r="23391" spans="1:4" x14ac:dyDescent="0.25">
      <c r="A23391" t="s">
        <v>36103</v>
      </c>
      <c r="B23391" t="s">
        <v>2704</v>
      </c>
      <c r="C23391">
        <v>1</v>
      </c>
      <c r="D23391">
        <v>0</v>
      </c>
    </row>
    <row r="23392" spans="1:4" x14ac:dyDescent="0.25">
      <c r="A23392" t="s">
        <v>36105</v>
      </c>
      <c r="B23392" t="s">
        <v>36106</v>
      </c>
      <c r="C23392">
        <v>2</v>
      </c>
      <c r="D23392">
        <v>0</v>
      </c>
    </row>
    <row r="23393" spans="1:4" x14ac:dyDescent="0.25">
      <c r="A23393" t="s">
        <v>36105</v>
      </c>
      <c r="B23393" t="s">
        <v>36107</v>
      </c>
      <c r="C23393">
        <v>1</v>
      </c>
      <c r="D23393">
        <v>0</v>
      </c>
    </row>
    <row r="23394" spans="1:4" x14ac:dyDescent="0.25">
      <c r="A23394" t="s">
        <v>36108</v>
      </c>
      <c r="B23394" t="s">
        <v>1387</v>
      </c>
      <c r="C23394">
        <v>1</v>
      </c>
      <c r="D23394">
        <v>0</v>
      </c>
    </row>
    <row r="23395" spans="1:4" x14ac:dyDescent="0.25">
      <c r="A23395" t="s">
        <v>36109</v>
      </c>
      <c r="B23395" t="s">
        <v>36110</v>
      </c>
      <c r="C23395">
        <v>1</v>
      </c>
      <c r="D23395">
        <v>0</v>
      </c>
    </row>
    <row r="23396" spans="1:4" x14ac:dyDescent="0.25">
      <c r="A23396" t="s">
        <v>36111</v>
      </c>
      <c r="B23396" t="s">
        <v>843</v>
      </c>
      <c r="C23396">
        <v>1</v>
      </c>
      <c r="D23396">
        <v>0</v>
      </c>
    </row>
    <row r="23397" spans="1:4" x14ac:dyDescent="0.25">
      <c r="A23397" t="s">
        <v>36112</v>
      </c>
      <c r="B23397" t="s">
        <v>36113</v>
      </c>
      <c r="C23397">
        <v>0</v>
      </c>
      <c r="D23397">
        <v>0</v>
      </c>
    </row>
    <row r="23398" spans="1:4" x14ac:dyDescent="0.25">
      <c r="A23398" t="s">
        <v>36114</v>
      </c>
      <c r="B23398" t="s">
        <v>36115</v>
      </c>
      <c r="C23398">
        <v>1</v>
      </c>
      <c r="D23398">
        <v>0</v>
      </c>
    </row>
    <row r="23399" spans="1:4" x14ac:dyDescent="0.25">
      <c r="A23399" t="s">
        <v>36114</v>
      </c>
      <c r="B23399" t="s">
        <v>36116</v>
      </c>
      <c r="C23399">
        <v>1</v>
      </c>
      <c r="D23399">
        <v>0</v>
      </c>
    </row>
    <row r="23400" spans="1:4" x14ac:dyDescent="0.25">
      <c r="A23400" t="s">
        <v>36117</v>
      </c>
      <c r="B23400" t="s">
        <v>36118</v>
      </c>
      <c r="C23400">
        <v>2</v>
      </c>
      <c r="D23400">
        <v>0</v>
      </c>
    </row>
    <row r="23401" spans="1:4" x14ac:dyDescent="0.25">
      <c r="A23401" t="s">
        <v>36117</v>
      </c>
      <c r="B23401" t="s">
        <v>36119</v>
      </c>
      <c r="C23401">
        <v>0</v>
      </c>
      <c r="D23401">
        <v>0</v>
      </c>
    </row>
    <row r="23402" spans="1:4" x14ac:dyDescent="0.25">
      <c r="A23402" t="s">
        <v>36120</v>
      </c>
      <c r="B23402" t="s">
        <v>36121</v>
      </c>
      <c r="C23402">
        <v>0</v>
      </c>
      <c r="D23402">
        <v>0</v>
      </c>
    </row>
    <row r="23403" spans="1:4" x14ac:dyDescent="0.25">
      <c r="A23403" t="s">
        <v>36120</v>
      </c>
      <c r="B23403" t="s">
        <v>36122</v>
      </c>
      <c r="C23403">
        <v>1</v>
      </c>
      <c r="D23403">
        <v>0</v>
      </c>
    </row>
    <row r="23404" spans="1:4" x14ac:dyDescent="0.25">
      <c r="A23404" t="s">
        <v>36123</v>
      </c>
      <c r="B23404" t="s">
        <v>36124</v>
      </c>
      <c r="C23404">
        <v>0</v>
      </c>
      <c r="D23404">
        <v>0</v>
      </c>
    </row>
    <row r="23405" spans="1:4" x14ac:dyDescent="0.25">
      <c r="A23405" t="s">
        <v>36123</v>
      </c>
      <c r="B23405" t="s">
        <v>36125</v>
      </c>
      <c r="C23405">
        <v>2</v>
      </c>
      <c r="D23405">
        <v>0</v>
      </c>
    </row>
    <row r="23406" spans="1:4" x14ac:dyDescent="0.25">
      <c r="A23406" t="s">
        <v>36123</v>
      </c>
      <c r="B23406" t="s">
        <v>36126</v>
      </c>
      <c r="C23406">
        <v>0</v>
      </c>
      <c r="D23406">
        <v>0</v>
      </c>
    </row>
    <row r="23407" spans="1:4" x14ac:dyDescent="0.25">
      <c r="A23407" t="s">
        <v>36127</v>
      </c>
      <c r="B23407" t="s">
        <v>35084</v>
      </c>
      <c r="C23407">
        <v>1</v>
      </c>
      <c r="D23407">
        <v>0</v>
      </c>
    </row>
    <row r="23408" spans="1:4" x14ac:dyDescent="0.25">
      <c r="A23408" t="s">
        <v>36127</v>
      </c>
      <c r="B23408" t="s">
        <v>36128</v>
      </c>
      <c r="C23408">
        <v>1</v>
      </c>
      <c r="D23408">
        <v>0</v>
      </c>
    </row>
    <row r="23409" spans="1:4" x14ac:dyDescent="0.25">
      <c r="A23409" t="s">
        <v>36129</v>
      </c>
      <c r="B23409" t="s">
        <v>816</v>
      </c>
      <c r="C23409">
        <v>1</v>
      </c>
      <c r="D23409">
        <v>0</v>
      </c>
    </row>
    <row r="23410" spans="1:4" x14ac:dyDescent="0.25">
      <c r="A23410" t="s">
        <v>36130</v>
      </c>
      <c r="B23410" t="s">
        <v>36131</v>
      </c>
      <c r="C23410">
        <v>1</v>
      </c>
      <c r="D23410">
        <v>0</v>
      </c>
    </row>
    <row r="23411" spans="1:4" x14ac:dyDescent="0.25">
      <c r="A23411" t="s">
        <v>36130</v>
      </c>
      <c r="B23411" t="s">
        <v>36132</v>
      </c>
      <c r="C23411">
        <v>2</v>
      </c>
      <c r="D23411">
        <v>0</v>
      </c>
    </row>
    <row r="23412" spans="1:4" x14ac:dyDescent="0.25">
      <c r="A23412" t="s">
        <v>36130</v>
      </c>
      <c r="B23412" t="s">
        <v>36133</v>
      </c>
      <c r="C23412">
        <v>1</v>
      </c>
      <c r="D23412">
        <v>0</v>
      </c>
    </row>
    <row r="23413" spans="1:4" x14ac:dyDescent="0.25">
      <c r="A23413" t="s">
        <v>36134</v>
      </c>
      <c r="B23413" t="s">
        <v>852</v>
      </c>
      <c r="C23413">
        <v>0</v>
      </c>
      <c r="D23413">
        <v>0</v>
      </c>
    </row>
    <row r="23414" spans="1:4" x14ac:dyDescent="0.25">
      <c r="A23414" t="s">
        <v>36135</v>
      </c>
      <c r="B23414" t="s">
        <v>36136</v>
      </c>
      <c r="C23414">
        <v>2</v>
      </c>
      <c r="D23414">
        <v>0</v>
      </c>
    </row>
    <row r="23415" spans="1:4" x14ac:dyDescent="0.25">
      <c r="A23415" t="s">
        <v>36135</v>
      </c>
      <c r="B23415" t="s">
        <v>36137</v>
      </c>
      <c r="C23415">
        <v>2</v>
      </c>
      <c r="D23415">
        <v>0</v>
      </c>
    </row>
    <row r="23416" spans="1:4" x14ac:dyDescent="0.25">
      <c r="A23416" t="s">
        <v>36138</v>
      </c>
      <c r="B23416" t="s">
        <v>36139</v>
      </c>
      <c r="C23416">
        <v>0</v>
      </c>
      <c r="D23416">
        <v>0</v>
      </c>
    </row>
    <row r="23417" spans="1:4" x14ac:dyDescent="0.25">
      <c r="A23417" t="s">
        <v>36138</v>
      </c>
      <c r="B23417" t="s">
        <v>36140</v>
      </c>
      <c r="C23417">
        <v>0</v>
      </c>
      <c r="D23417">
        <v>0</v>
      </c>
    </row>
    <row r="23418" spans="1:4" x14ac:dyDescent="0.25">
      <c r="A23418" t="s">
        <v>36138</v>
      </c>
      <c r="B23418" t="s">
        <v>36140</v>
      </c>
      <c r="C23418">
        <v>0</v>
      </c>
      <c r="D23418">
        <v>0</v>
      </c>
    </row>
    <row r="23419" spans="1:4" x14ac:dyDescent="0.25">
      <c r="A23419" t="s">
        <v>36141</v>
      </c>
      <c r="B23419" t="s">
        <v>9112</v>
      </c>
      <c r="C23419">
        <v>0</v>
      </c>
      <c r="D23419">
        <v>0</v>
      </c>
    </row>
    <row r="23420" spans="1:4" x14ac:dyDescent="0.25">
      <c r="A23420" t="s">
        <v>36142</v>
      </c>
      <c r="B23420" t="s">
        <v>1001</v>
      </c>
      <c r="C23420">
        <v>1</v>
      </c>
      <c r="D23420">
        <v>0</v>
      </c>
    </row>
    <row r="23421" spans="1:4" x14ac:dyDescent="0.25">
      <c r="A23421" t="s">
        <v>36143</v>
      </c>
      <c r="B23421" t="s">
        <v>36144</v>
      </c>
      <c r="C23421">
        <v>0</v>
      </c>
      <c r="D23421">
        <v>0</v>
      </c>
    </row>
    <row r="23422" spans="1:4" x14ac:dyDescent="0.25">
      <c r="A23422" t="s">
        <v>36143</v>
      </c>
      <c r="B23422" t="s">
        <v>36145</v>
      </c>
      <c r="C23422">
        <v>0</v>
      </c>
      <c r="D23422">
        <v>0</v>
      </c>
    </row>
    <row r="23423" spans="1:4" x14ac:dyDescent="0.25">
      <c r="A23423" t="s">
        <v>36146</v>
      </c>
      <c r="B23423" t="s">
        <v>36147</v>
      </c>
      <c r="C23423">
        <v>0</v>
      </c>
      <c r="D23423">
        <v>0</v>
      </c>
    </row>
    <row r="23424" spans="1:4" x14ac:dyDescent="0.25">
      <c r="A23424" t="s">
        <v>36148</v>
      </c>
      <c r="B23424" t="s">
        <v>36149</v>
      </c>
      <c r="C23424">
        <v>0</v>
      </c>
      <c r="D23424">
        <v>0</v>
      </c>
    </row>
    <row r="23425" spans="1:4" x14ac:dyDescent="0.25">
      <c r="A23425" t="s">
        <v>36150</v>
      </c>
      <c r="B23425" t="s">
        <v>36151</v>
      </c>
      <c r="C23425">
        <v>2</v>
      </c>
      <c r="D23425">
        <v>0</v>
      </c>
    </row>
    <row r="23426" spans="1:4" x14ac:dyDescent="0.25">
      <c r="A23426" t="s">
        <v>36150</v>
      </c>
      <c r="B23426" t="s">
        <v>36152</v>
      </c>
      <c r="C23426">
        <v>2</v>
      </c>
      <c r="D23426">
        <v>0</v>
      </c>
    </row>
    <row r="23427" spans="1:4" x14ac:dyDescent="0.25">
      <c r="A23427" t="s">
        <v>36150</v>
      </c>
      <c r="B23427" t="s">
        <v>36153</v>
      </c>
      <c r="C23427">
        <v>1</v>
      </c>
      <c r="D23427">
        <v>0</v>
      </c>
    </row>
    <row r="23428" spans="1:4" x14ac:dyDescent="0.25">
      <c r="A23428" t="s">
        <v>36154</v>
      </c>
      <c r="B23428" t="s">
        <v>36155</v>
      </c>
      <c r="C23428">
        <v>1</v>
      </c>
      <c r="D23428">
        <v>0</v>
      </c>
    </row>
    <row r="23429" spans="1:4" x14ac:dyDescent="0.25">
      <c r="A23429" t="s">
        <v>36154</v>
      </c>
      <c r="B23429" t="s">
        <v>36156</v>
      </c>
      <c r="C23429">
        <v>0</v>
      </c>
      <c r="D23429">
        <v>0</v>
      </c>
    </row>
    <row r="23430" spans="1:4" x14ac:dyDescent="0.25">
      <c r="A23430" t="s">
        <v>36154</v>
      </c>
      <c r="B23430" t="s">
        <v>36157</v>
      </c>
      <c r="C23430">
        <v>1</v>
      </c>
      <c r="D23430">
        <v>0</v>
      </c>
    </row>
    <row r="23431" spans="1:4" x14ac:dyDescent="0.25">
      <c r="A23431" t="s">
        <v>36158</v>
      </c>
      <c r="B23431" t="s">
        <v>36159</v>
      </c>
      <c r="C23431">
        <v>0</v>
      </c>
      <c r="D23431">
        <v>0</v>
      </c>
    </row>
    <row r="23432" spans="1:4" x14ac:dyDescent="0.25">
      <c r="A23432" t="s">
        <v>36158</v>
      </c>
      <c r="B23432" t="s">
        <v>36160</v>
      </c>
      <c r="C23432">
        <v>2</v>
      </c>
      <c r="D23432">
        <v>0</v>
      </c>
    </row>
    <row r="23433" spans="1:4" x14ac:dyDescent="0.25">
      <c r="A23433" t="s">
        <v>36161</v>
      </c>
      <c r="B23433" t="s">
        <v>36162</v>
      </c>
      <c r="C23433">
        <v>0</v>
      </c>
      <c r="D23433">
        <v>0</v>
      </c>
    </row>
    <row r="23434" spans="1:4" x14ac:dyDescent="0.25">
      <c r="A23434" t="s">
        <v>36163</v>
      </c>
      <c r="B23434" t="s">
        <v>36164</v>
      </c>
      <c r="C23434">
        <v>1</v>
      </c>
      <c r="D23434">
        <v>0</v>
      </c>
    </row>
    <row r="23435" spans="1:4" x14ac:dyDescent="0.25">
      <c r="A23435" t="s">
        <v>36165</v>
      </c>
      <c r="B23435" t="s">
        <v>36166</v>
      </c>
      <c r="C23435">
        <v>1</v>
      </c>
      <c r="D23435">
        <v>0</v>
      </c>
    </row>
    <row r="23436" spans="1:4" x14ac:dyDescent="0.25">
      <c r="A23436" t="s">
        <v>36167</v>
      </c>
      <c r="B23436" t="s">
        <v>36168</v>
      </c>
      <c r="C23436">
        <v>2</v>
      </c>
      <c r="D23436">
        <v>0</v>
      </c>
    </row>
    <row r="23437" spans="1:4" x14ac:dyDescent="0.25">
      <c r="A23437" t="s">
        <v>36169</v>
      </c>
      <c r="B23437" t="s">
        <v>36170</v>
      </c>
      <c r="C23437">
        <v>1</v>
      </c>
      <c r="D23437">
        <v>0</v>
      </c>
    </row>
    <row r="23438" spans="1:4" x14ac:dyDescent="0.25">
      <c r="A23438" t="s">
        <v>36169</v>
      </c>
      <c r="B23438" t="s">
        <v>36171</v>
      </c>
      <c r="C23438">
        <v>1</v>
      </c>
      <c r="D23438">
        <v>0</v>
      </c>
    </row>
    <row r="23439" spans="1:4" x14ac:dyDescent="0.25">
      <c r="A23439" t="s">
        <v>36169</v>
      </c>
      <c r="B23439" t="s">
        <v>1294</v>
      </c>
      <c r="C23439">
        <v>1</v>
      </c>
      <c r="D23439">
        <v>0</v>
      </c>
    </row>
    <row r="23440" spans="1:4" x14ac:dyDescent="0.25">
      <c r="A23440" t="s">
        <v>36172</v>
      </c>
      <c r="B23440" t="s">
        <v>36173</v>
      </c>
      <c r="C23440">
        <v>2</v>
      </c>
      <c r="D23440">
        <v>0</v>
      </c>
    </row>
    <row r="23441" spans="1:4" x14ac:dyDescent="0.25">
      <c r="A23441" t="s">
        <v>36172</v>
      </c>
      <c r="B23441" t="s">
        <v>36174</v>
      </c>
      <c r="C23441">
        <v>2</v>
      </c>
      <c r="D23441">
        <v>0</v>
      </c>
    </row>
    <row r="23442" spans="1:4" x14ac:dyDescent="0.25">
      <c r="A23442" t="s">
        <v>36172</v>
      </c>
      <c r="B23442" t="s">
        <v>36175</v>
      </c>
      <c r="C23442">
        <v>1</v>
      </c>
      <c r="D23442">
        <v>0</v>
      </c>
    </row>
    <row r="23443" spans="1:4" x14ac:dyDescent="0.25">
      <c r="A23443" t="s">
        <v>36176</v>
      </c>
      <c r="B23443" t="s">
        <v>36177</v>
      </c>
      <c r="C23443">
        <v>1</v>
      </c>
      <c r="D23443">
        <v>0</v>
      </c>
    </row>
    <row r="23444" spans="1:4" x14ac:dyDescent="0.25">
      <c r="A23444" t="s">
        <v>36176</v>
      </c>
      <c r="B23444" t="s">
        <v>36178</v>
      </c>
      <c r="C23444">
        <v>0</v>
      </c>
      <c r="D23444">
        <v>0</v>
      </c>
    </row>
    <row r="23445" spans="1:4" x14ac:dyDescent="0.25">
      <c r="A23445" t="s">
        <v>36179</v>
      </c>
      <c r="B23445" t="s">
        <v>36180</v>
      </c>
      <c r="C23445">
        <v>0</v>
      </c>
      <c r="D23445">
        <v>0</v>
      </c>
    </row>
    <row r="23446" spans="1:4" x14ac:dyDescent="0.25">
      <c r="A23446" t="s">
        <v>36179</v>
      </c>
      <c r="B23446" t="s">
        <v>36181</v>
      </c>
      <c r="C23446">
        <v>1</v>
      </c>
      <c r="D23446">
        <v>0</v>
      </c>
    </row>
    <row r="23447" spans="1:4" x14ac:dyDescent="0.25">
      <c r="A23447" t="s">
        <v>36179</v>
      </c>
      <c r="B23447" t="s">
        <v>36182</v>
      </c>
      <c r="C23447">
        <v>1</v>
      </c>
      <c r="D23447">
        <v>0</v>
      </c>
    </row>
    <row r="23448" spans="1:4" x14ac:dyDescent="0.25">
      <c r="A23448" t="s">
        <v>36183</v>
      </c>
      <c r="B23448" t="s">
        <v>36184</v>
      </c>
      <c r="C23448">
        <v>0</v>
      </c>
      <c r="D23448">
        <v>0</v>
      </c>
    </row>
    <row r="23449" spans="1:4" x14ac:dyDescent="0.25">
      <c r="A23449" t="s">
        <v>36183</v>
      </c>
      <c r="B23449" t="s">
        <v>36185</v>
      </c>
      <c r="C23449">
        <v>1</v>
      </c>
      <c r="D23449">
        <v>0</v>
      </c>
    </row>
    <row r="23450" spans="1:4" x14ac:dyDescent="0.25">
      <c r="A23450" t="s">
        <v>36186</v>
      </c>
      <c r="B23450" t="s">
        <v>36187</v>
      </c>
      <c r="C23450">
        <v>1</v>
      </c>
      <c r="D23450">
        <v>0</v>
      </c>
    </row>
    <row r="23451" spans="1:4" x14ac:dyDescent="0.25">
      <c r="A23451" t="s">
        <v>36188</v>
      </c>
      <c r="B23451" t="s">
        <v>36189</v>
      </c>
      <c r="C23451">
        <v>1</v>
      </c>
      <c r="D23451">
        <v>0</v>
      </c>
    </row>
    <row r="23452" spans="1:4" x14ac:dyDescent="0.25">
      <c r="A23452" t="s">
        <v>36188</v>
      </c>
      <c r="B23452" t="s">
        <v>36190</v>
      </c>
      <c r="C23452">
        <v>0</v>
      </c>
      <c r="D23452">
        <v>0</v>
      </c>
    </row>
    <row r="23453" spans="1:4" x14ac:dyDescent="0.25">
      <c r="A23453" t="s">
        <v>36188</v>
      </c>
      <c r="B23453" t="s">
        <v>36191</v>
      </c>
      <c r="C23453">
        <v>0</v>
      </c>
      <c r="D23453">
        <v>0</v>
      </c>
    </row>
    <row r="23454" spans="1:4" x14ac:dyDescent="0.25">
      <c r="A23454" t="s">
        <v>36192</v>
      </c>
      <c r="B23454" t="s">
        <v>36193</v>
      </c>
      <c r="C23454">
        <v>2</v>
      </c>
      <c r="D23454">
        <v>0</v>
      </c>
    </row>
    <row r="23455" spans="1:4" x14ac:dyDescent="0.25">
      <c r="A23455" t="s">
        <v>36194</v>
      </c>
      <c r="B23455" t="s">
        <v>36195</v>
      </c>
      <c r="C23455">
        <v>0</v>
      </c>
      <c r="D23455">
        <v>0</v>
      </c>
    </row>
    <row r="23456" spans="1:4" x14ac:dyDescent="0.25">
      <c r="A23456" t="s">
        <v>36196</v>
      </c>
      <c r="B23456" t="s">
        <v>36197</v>
      </c>
      <c r="C23456">
        <v>0</v>
      </c>
      <c r="D23456">
        <v>0</v>
      </c>
    </row>
    <row r="23457" spans="1:4" x14ac:dyDescent="0.25">
      <c r="A23457" t="s">
        <v>36196</v>
      </c>
      <c r="B23457" t="s">
        <v>36198</v>
      </c>
      <c r="C23457">
        <v>1</v>
      </c>
      <c r="D23457">
        <v>0</v>
      </c>
    </row>
    <row r="23458" spans="1:4" x14ac:dyDescent="0.25">
      <c r="A23458" t="s">
        <v>36199</v>
      </c>
      <c r="B23458" t="s">
        <v>36200</v>
      </c>
      <c r="C23458">
        <v>1</v>
      </c>
      <c r="D23458">
        <v>0</v>
      </c>
    </row>
    <row r="23459" spans="1:4" x14ac:dyDescent="0.25">
      <c r="A23459" t="s">
        <v>36201</v>
      </c>
      <c r="B23459" t="s">
        <v>36202</v>
      </c>
      <c r="C23459">
        <v>1</v>
      </c>
      <c r="D23459">
        <v>0</v>
      </c>
    </row>
    <row r="23460" spans="1:4" x14ac:dyDescent="0.25">
      <c r="A23460" t="s">
        <v>36201</v>
      </c>
      <c r="B23460" t="s">
        <v>36203</v>
      </c>
      <c r="C23460">
        <v>0</v>
      </c>
      <c r="D23460">
        <v>0</v>
      </c>
    </row>
    <row r="23461" spans="1:4" x14ac:dyDescent="0.25">
      <c r="A23461" t="s">
        <v>36201</v>
      </c>
      <c r="B23461" t="s">
        <v>36204</v>
      </c>
      <c r="C23461">
        <v>0</v>
      </c>
      <c r="D23461">
        <v>0</v>
      </c>
    </row>
    <row r="23462" spans="1:4" x14ac:dyDescent="0.25">
      <c r="A23462" t="s">
        <v>36205</v>
      </c>
      <c r="B23462" t="s">
        <v>36206</v>
      </c>
      <c r="C23462">
        <v>1</v>
      </c>
      <c r="D23462">
        <v>0</v>
      </c>
    </row>
    <row r="23463" spans="1:4" x14ac:dyDescent="0.25">
      <c r="A23463" t="s">
        <v>36205</v>
      </c>
      <c r="B23463" t="s">
        <v>36207</v>
      </c>
      <c r="C23463">
        <v>1</v>
      </c>
      <c r="D23463">
        <v>0</v>
      </c>
    </row>
    <row r="23464" spans="1:4" x14ac:dyDescent="0.25">
      <c r="A23464" t="s">
        <v>36208</v>
      </c>
      <c r="B23464" t="s">
        <v>36209</v>
      </c>
      <c r="C23464">
        <v>1</v>
      </c>
      <c r="D23464">
        <v>0</v>
      </c>
    </row>
    <row r="23465" spans="1:4" x14ac:dyDescent="0.25">
      <c r="A23465" t="s">
        <v>36208</v>
      </c>
      <c r="B23465" t="s">
        <v>33922</v>
      </c>
      <c r="C23465">
        <v>1</v>
      </c>
      <c r="D23465">
        <v>0</v>
      </c>
    </row>
    <row r="23466" spans="1:4" x14ac:dyDescent="0.25">
      <c r="A23466" t="s">
        <v>36210</v>
      </c>
      <c r="B23466" t="s">
        <v>36211</v>
      </c>
      <c r="C23466">
        <v>1</v>
      </c>
      <c r="D23466">
        <v>0</v>
      </c>
    </row>
    <row r="23467" spans="1:4" x14ac:dyDescent="0.25">
      <c r="A23467" t="s">
        <v>36210</v>
      </c>
      <c r="B23467" t="s">
        <v>36212</v>
      </c>
      <c r="C23467">
        <v>0</v>
      </c>
      <c r="D23467">
        <v>0</v>
      </c>
    </row>
    <row r="23468" spans="1:4" x14ac:dyDescent="0.25">
      <c r="A23468" t="s">
        <v>36213</v>
      </c>
      <c r="B23468" t="s">
        <v>36214</v>
      </c>
      <c r="C23468">
        <v>0</v>
      </c>
      <c r="D23468">
        <v>0</v>
      </c>
    </row>
    <row r="23469" spans="1:4" x14ac:dyDescent="0.25">
      <c r="A23469" t="s">
        <v>36213</v>
      </c>
      <c r="B23469" t="s">
        <v>8205</v>
      </c>
      <c r="C23469">
        <v>0</v>
      </c>
      <c r="D23469">
        <v>0</v>
      </c>
    </row>
    <row r="23470" spans="1:4" x14ac:dyDescent="0.25">
      <c r="A23470" t="s">
        <v>36215</v>
      </c>
      <c r="B23470" t="s">
        <v>36216</v>
      </c>
      <c r="C23470">
        <v>0</v>
      </c>
      <c r="D23470">
        <v>0</v>
      </c>
    </row>
    <row r="23471" spans="1:4" x14ac:dyDescent="0.25">
      <c r="A23471" t="s">
        <v>36215</v>
      </c>
      <c r="B23471" t="s">
        <v>36217</v>
      </c>
      <c r="C23471">
        <v>0</v>
      </c>
      <c r="D23471">
        <v>0</v>
      </c>
    </row>
    <row r="23472" spans="1:4" x14ac:dyDescent="0.25">
      <c r="A23472" t="s">
        <v>36218</v>
      </c>
      <c r="B23472" t="s">
        <v>36219</v>
      </c>
      <c r="C23472">
        <v>0</v>
      </c>
      <c r="D23472">
        <v>0</v>
      </c>
    </row>
    <row r="23473" spans="1:4" x14ac:dyDescent="0.25">
      <c r="A23473" t="s">
        <v>36218</v>
      </c>
      <c r="B23473" t="s">
        <v>36220</v>
      </c>
      <c r="C23473">
        <v>0</v>
      </c>
      <c r="D23473">
        <v>0</v>
      </c>
    </row>
    <row r="23474" spans="1:4" x14ac:dyDescent="0.25">
      <c r="A23474" t="s">
        <v>36221</v>
      </c>
      <c r="B23474" t="s">
        <v>36222</v>
      </c>
      <c r="C23474">
        <v>0</v>
      </c>
      <c r="D23474">
        <v>0</v>
      </c>
    </row>
    <row r="23475" spans="1:4" x14ac:dyDescent="0.25">
      <c r="A23475" t="s">
        <v>36223</v>
      </c>
      <c r="B23475" t="s">
        <v>36224</v>
      </c>
      <c r="C23475">
        <v>0</v>
      </c>
      <c r="D23475">
        <v>0</v>
      </c>
    </row>
    <row r="23476" spans="1:4" x14ac:dyDescent="0.25">
      <c r="A23476" t="s">
        <v>36223</v>
      </c>
      <c r="B23476" t="s">
        <v>36225</v>
      </c>
      <c r="C23476">
        <v>2</v>
      </c>
      <c r="D23476">
        <v>0</v>
      </c>
    </row>
    <row r="23477" spans="1:4" x14ac:dyDescent="0.25">
      <c r="A23477" t="s">
        <v>36226</v>
      </c>
      <c r="B23477" t="s">
        <v>36227</v>
      </c>
      <c r="C23477">
        <v>2</v>
      </c>
      <c r="D23477">
        <v>0</v>
      </c>
    </row>
    <row r="23478" spans="1:4" x14ac:dyDescent="0.25">
      <c r="A23478" t="s">
        <v>36228</v>
      </c>
      <c r="B23478" t="s">
        <v>36229</v>
      </c>
      <c r="C23478">
        <v>1</v>
      </c>
      <c r="D23478">
        <v>0</v>
      </c>
    </row>
    <row r="23479" spans="1:4" x14ac:dyDescent="0.25">
      <c r="A23479" t="s">
        <v>36228</v>
      </c>
      <c r="B23479" t="s">
        <v>36230</v>
      </c>
      <c r="C23479">
        <v>0</v>
      </c>
      <c r="D23479">
        <v>0</v>
      </c>
    </row>
    <row r="23480" spans="1:4" x14ac:dyDescent="0.25">
      <c r="A23480" t="s">
        <v>36231</v>
      </c>
      <c r="B23480" t="s">
        <v>36232</v>
      </c>
      <c r="C23480">
        <v>1</v>
      </c>
      <c r="D23480">
        <v>0</v>
      </c>
    </row>
    <row r="23481" spans="1:4" x14ac:dyDescent="0.25">
      <c r="A23481" t="s">
        <v>36231</v>
      </c>
      <c r="B23481" t="s">
        <v>36233</v>
      </c>
      <c r="C23481">
        <v>2</v>
      </c>
      <c r="D23481">
        <v>0</v>
      </c>
    </row>
    <row r="23482" spans="1:4" x14ac:dyDescent="0.25">
      <c r="A23482" t="s">
        <v>36231</v>
      </c>
      <c r="B23482" t="s">
        <v>36234</v>
      </c>
      <c r="C23482">
        <v>1</v>
      </c>
      <c r="D23482">
        <v>0</v>
      </c>
    </row>
    <row r="23483" spans="1:4" x14ac:dyDescent="0.25">
      <c r="A23483" t="s">
        <v>36235</v>
      </c>
      <c r="B23483" t="s">
        <v>36236</v>
      </c>
      <c r="C23483">
        <v>0</v>
      </c>
      <c r="D23483">
        <v>0</v>
      </c>
    </row>
    <row r="23484" spans="1:4" x14ac:dyDescent="0.25">
      <c r="A23484" t="s">
        <v>36237</v>
      </c>
      <c r="B23484" t="s">
        <v>36238</v>
      </c>
      <c r="C23484">
        <v>1</v>
      </c>
      <c r="D23484">
        <v>0</v>
      </c>
    </row>
    <row r="23485" spans="1:4" x14ac:dyDescent="0.25">
      <c r="A23485" t="s">
        <v>36239</v>
      </c>
      <c r="B23485" t="s">
        <v>36240</v>
      </c>
      <c r="C23485">
        <v>0</v>
      </c>
      <c r="D23485">
        <v>0</v>
      </c>
    </row>
    <row r="23486" spans="1:4" x14ac:dyDescent="0.25">
      <c r="A23486" t="s">
        <v>36241</v>
      </c>
      <c r="B23486" t="s">
        <v>36242</v>
      </c>
      <c r="C23486">
        <v>1</v>
      </c>
      <c r="D23486">
        <v>0</v>
      </c>
    </row>
    <row r="23487" spans="1:4" x14ac:dyDescent="0.25">
      <c r="A23487" t="s">
        <v>36241</v>
      </c>
      <c r="B23487" t="s">
        <v>36243</v>
      </c>
      <c r="C23487">
        <v>2</v>
      </c>
      <c r="D23487">
        <v>0</v>
      </c>
    </row>
    <row r="23488" spans="1:4" x14ac:dyDescent="0.25">
      <c r="A23488" t="s">
        <v>36241</v>
      </c>
      <c r="B23488" t="s">
        <v>36244</v>
      </c>
      <c r="C23488">
        <v>1</v>
      </c>
      <c r="D23488">
        <v>0</v>
      </c>
    </row>
    <row r="23489" spans="1:4" x14ac:dyDescent="0.25">
      <c r="A23489" t="s">
        <v>36245</v>
      </c>
      <c r="B23489" t="s">
        <v>36246</v>
      </c>
      <c r="C23489">
        <v>1</v>
      </c>
      <c r="D23489">
        <v>0</v>
      </c>
    </row>
    <row r="23490" spans="1:4" x14ac:dyDescent="0.25">
      <c r="A23490" t="s">
        <v>36245</v>
      </c>
      <c r="B23490" t="s">
        <v>36247</v>
      </c>
      <c r="C23490">
        <v>1</v>
      </c>
      <c r="D23490">
        <v>0</v>
      </c>
    </row>
    <row r="23491" spans="1:4" x14ac:dyDescent="0.25">
      <c r="A23491" t="s">
        <v>36245</v>
      </c>
      <c r="B23491" t="s">
        <v>36248</v>
      </c>
      <c r="C23491">
        <v>0</v>
      </c>
      <c r="D23491">
        <v>0</v>
      </c>
    </row>
    <row r="23492" spans="1:4" x14ac:dyDescent="0.25">
      <c r="A23492" t="s">
        <v>36249</v>
      </c>
      <c r="B23492" t="s">
        <v>36250</v>
      </c>
      <c r="C23492">
        <v>2</v>
      </c>
      <c r="D23492">
        <v>0</v>
      </c>
    </row>
    <row r="23493" spans="1:4" x14ac:dyDescent="0.25">
      <c r="A23493" t="s">
        <v>36251</v>
      </c>
      <c r="B23493" t="s">
        <v>36252</v>
      </c>
      <c r="C23493">
        <v>1</v>
      </c>
      <c r="D23493">
        <v>0</v>
      </c>
    </row>
    <row r="23494" spans="1:4" x14ac:dyDescent="0.25">
      <c r="A23494" t="s">
        <v>36253</v>
      </c>
      <c r="B23494" t="s">
        <v>36254</v>
      </c>
      <c r="C23494">
        <v>2</v>
      </c>
      <c r="D23494">
        <v>0</v>
      </c>
    </row>
    <row r="23495" spans="1:4" x14ac:dyDescent="0.25">
      <c r="A23495" t="s">
        <v>36253</v>
      </c>
      <c r="B23495" t="s">
        <v>5713</v>
      </c>
      <c r="C23495">
        <v>1</v>
      </c>
      <c r="D23495">
        <v>0</v>
      </c>
    </row>
    <row r="23496" spans="1:4" x14ac:dyDescent="0.25">
      <c r="A23496" t="s">
        <v>36255</v>
      </c>
      <c r="B23496" t="s">
        <v>36256</v>
      </c>
      <c r="C23496">
        <v>0</v>
      </c>
      <c r="D23496">
        <v>0</v>
      </c>
    </row>
    <row r="23497" spans="1:4" x14ac:dyDescent="0.25">
      <c r="A23497" t="s">
        <v>36255</v>
      </c>
      <c r="B23497" t="s">
        <v>36257</v>
      </c>
      <c r="C23497">
        <v>0</v>
      </c>
      <c r="D23497">
        <v>0</v>
      </c>
    </row>
    <row r="23498" spans="1:4" x14ac:dyDescent="0.25">
      <c r="A23498" t="s">
        <v>36255</v>
      </c>
      <c r="B23498" t="s">
        <v>36258</v>
      </c>
      <c r="C23498">
        <v>0</v>
      </c>
      <c r="D23498">
        <v>0</v>
      </c>
    </row>
    <row r="23499" spans="1:4" x14ac:dyDescent="0.25">
      <c r="A23499" t="s">
        <v>36259</v>
      </c>
      <c r="B23499" t="s">
        <v>36260</v>
      </c>
      <c r="C23499">
        <v>1</v>
      </c>
      <c r="D23499">
        <v>0</v>
      </c>
    </row>
    <row r="23500" spans="1:4" x14ac:dyDescent="0.25">
      <c r="A23500" t="s">
        <v>36259</v>
      </c>
      <c r="B23500" t="s">
        <v>36261</v>
      </c>
      <c r="C23500">
        <v>2</v>
      </c>
      <c r="D23500">
        <v>0</v>
      </c>
    </row>
    <row r="23501" spans="1:4" x14ac:dyDescent="0.25">
      <c r="A23501" t="s">
        <v>36262</v>
      </c>
      <c r="B23501" t="s">
        <v>36263</v>
      </c>
      <c r="C23501">
        <v>2</v>
      </c>
      <c r="D23501">
        <v>0</v>
      </c>
    </row>
    <row r="23502" spans="1:4" x14ac:dyDescent="0.25">
      <c r="A23502" t="s">
        <v>36264</v>
      </c>
      <c r="B23502" t="s">
        <v>36265</v>
      </c>
      <c r="C23502">
        <v>2</v>
      </c>
      <c r="D23502">
        <v>0</v>
      </c>
    </row>
    <row r="23503" spans="1:4" x14ac:dyDescent="0.25">
      <c r="A23503" t="s">
        <v>36264</v>
      </c>
      <c r="B23503" t="s">
        <v>36266</v>
      </c>
      <c r="C23503">
        <v>2</v>
      </c>
      <c r="D23503">
        <v>0</v>
      </c>
    </row>
    <row r="23504" spans="1:4" x14ac:dyDescent="0.25">
      <c r="A23504" t="s">
        <v>36267</v>
      </c>
      <c r="B23504" t="s">
        <v>36268</v>
      </c>
      <c r="C23504">
        <v>1</v>
      </c>
      <c r="D23504">
        <v>0</v>
      </c>
    </row>
    <row r="23505" spans="1:4" x14ac:dyDescent="0.25">
      <c r="A23505" t="s">
        <v>36267</v>
      </c>
      <c r="B23505" t="s">
        <v>36269</v>
      </c>
      <c r="C23505">
        <v>1</v>
      </c>
      <c r="D23505">
        <v>0</v>
      </c>
    </row>
    <row r="23506" spans="1:4" x14ac:dyDescent="0.25">
      <c r="A23506" t="s">
        <v>36270</v>
      </c>
      <c r="B23506" t="s">
        <v>36271</v>
      </c>
      <c r="C23506">
        <v>1</v>
      </c>
      <c r="D23506">
        <v>0</v>
      </c>
    </row>
    <row r="23507" spans="1:4" x14ac:dyDescent="0.25">
      <c r="A23507" t="s">
        <v>36270</v>
      </c>
      <c r="B23507" t="s">
        <v>36272</v>
      </c>
      <c r="C23507">
        <v>1</v>
      </c>
      <c r="D23507">
        <v>0</v>
      </c>
    </row>
    <row r="23508" spans="1:4" x14ac:dyDescent="0.25">
      <c r="A23508" t="s">
        <v>36270</v>
      </c>
      <c r="B23508" t="s">
        <v>36273</v>
      </c>
      <c r="C23508">
        <v>1</v>
      </c>
      <c r="D23508">
        <v>0</v>
      </c>
    </row>
    <row r="23509" spans="1:4" x14ac:dyDescent="0.25">
      <c r="A23509" t="s">
        <v>36274</v>
      </c>
      <c r="B23509" t="s">
        <v>1001</v>
      </c>
      <c r="C23509">
        <v>1</v>
      </c>
      <c r="D23509">
        <v>0</v>
      </c>
    </row>
    <row r="23510" spans="1:4" x14ac:dyDescent="0.25">
      <c r="A23510" t="s">
        <v>36274</v>
      </c>
      <c r="B23510" t="s">
        <v>2061</v>
      </c>
      <c r="C23510">
        <v>0</v>
      </c>
      <c r="D23510">
        <v>0</v>
      </c>
    </row>
    <row r="23511" spans="1:4" x14ac:dyDescent="0.25">
      <c r="A23511" t="s">
        <v>36275</v>
      </c>
      <c r="B23511" t="s">
        <v>36276</v>
      </c>
      <c r="C23511">
        <v>1</v>
      </c>
      <c r="D23511">
        <v>0</v>
      </c>
    </row>
    <row r="23512" spans="1:4" x14ac:dyDescent="0.25">
      <c r="A23512" t="s">
        <v>36277</v>
      </c>
      <c r="B23512" t="s">
        <v>36278</v>
      </c>
      <c r="C23512">
        <v>1</v>
      </c>
      <c r="D23512">
        <v>0</v>
      </c>
    </row>
    <row r="23513" spans="1:4" x14ac:dyDescent="0.25">
      <c r="A23513" t="s">
        <v>36277</v>
      </c>
      <c r="B23513" t="s">
        <v>36279</v>
      </c>
      <c r="C23513">
        <v>1</v>
      </c>
      <c r="D23513">
        <v>0</v>
      </c>
    </row>
    <row r="23514" spans="1:4" x14ac:dyDescent="0.25">
      <c r="A23514" t="s">
        <v>36277</v>
      </c>
      <c r="B23514" t="s">
        <v>36280</v>
      </c>
      <c r="C23514">
        <v>1</v>
      </c>
      <c r="D23514">
        <v>0</v>
      </c>
    </row>
    <row r="23515" spans="1:4" x14ac:dyDescent="0.25">
      <c r="A23515" t="s">
        <v>36281</v>
      </c>
      <c r="B23515" t="s">
        <v>36282</v>
      </c>
      <c r="C23515">
        <v>1</v>
      </c>
      <c r="D23515">
        <v>0</v>
      </c>
    </row>
    <row r="23516" spans="1:4" x14ac:dyDescent="0.25">
      <c r="A23516" t="s">
        <v>36283</v>
      </c>
      <c r="B23516" t="s">
        <v>36284</v>
      </c>
      <c r="C23516">
        <v>1</v>
      </c>
      <c r="D23516">
        <v>0</v>
      </c>
    </row>
    <row r="23517" spans="1:4" x14ac:dyDescent="0.25">
      <c r="A23517" t="s">
        <v>36283</v>
      </c>
      <c r="B23517" t="s">
        <v>36285</v>
      </c>
      <c r="C23517">
        <v>0</v>
      </c>
      <c r="D23517">
        <v>0</v>
      </c>
    </row>
    <row r="23518" spans="1:4" x14ac:dyDescent="0.25">
      <c r="A23518" t="s">
        <v>36286</v>
      </c>
      <c r="B23518" t="s">
        <v>36287</v>
      </c>
      <c r="C23518">
        <v>1</v>
      </c>
      <c r="D23518">
        <v>0</v>
      </c>
    </row>
    <row r="23519" spans="1:4" x14ac:dyDescent="0.25">
      <c r="A23519" t="s">
        <v>36286</v>
      </c>
      <c r="B23519" t="s">
        <v>36288</v>
      </c>
      <c r="C23519">
        <v>2</v>
      </c>
      <c r="D23519">
        <v>0</v>
      </c>
    </row>
    <row r="23520" spans="1:4" x14ac:dyDescent="0.25">
      <c r="A23520" t="s">
        <v>36286</v>
      </c>
      <c r="B23520" t="s">
        <v>36289</v>
      </c>
      <c r="C23520">
        <v>2</v>
      </c>
      <c r="D23520">
        <v>0</v>
      </c>
    </row>
    <row r="23521" spans="1:4" x14ac:dyDescent="0.25">
      <c r="A23521" t="s">
        <v>36290</v>
      </c>
      <c r="B23521" t="s">
        <v>398</v>
      </c>
      <c r="C23521">
        <v>0</v>
      </c>
      <c r="D23521">
        <v>0</v>
      </c>
    </row>
    <row r="23522" spans="1:4" x14ac:dyDescent="0.25">
      <c r="A23522" t="s">
        <v>36291</v>
      </c>
      <c r="B23522" t="s">
        <v>36292</v>
      </c>
      <c r="C23522">
        <v>0</v>
      </c>
      <c r="D23522">
        <v>0</v>
      </c>
    </row>
    <row r="23523" spans="1:4" x14ac:dyDescent="0.25">
      <c r="A23523" t="s">
        <v>36291</v>
      </c>
      <c r="B23523" t="s">
        <v>36293</v>
      </c>
      <c r="C23523">
        <v>0</v>
      </c>
      <c r="D23523">
        <v>0</v>
      </c>
    </row>
    <row r="23524" spans="1:4" x14ac:dyDescent="0.25">
      <c r="A23524" t="s">
        <v>36291</v>
      </c>
      <c r="B23524" t="s">
        <v>1499</v>
      </c>
      <c r="C23524">
        <v>1</v>
      </c>
      <c r="D23524">
        <v>0</v>
      </c>
    </row>
    <row r="23525" spans="1:4" x14ac:dyDescent="0.25">
      <c r="A23525" t="s">
        <v>36294</v>
      </c>
      <c r="B23525" t="s">
        <v>36295</v>
      </c>
      <c r="C23525">
        <v>2</v>
      </c>
      <c r="D23525">
        <v>0</v>
      </c>
    </row>
    <row r="23526" spans="1:4" x14ac:dyDescent="0.25">
      <c r="A23526" t="s">
        <v>36294</v>
      </c>
      <c r="B23526" t="s">
        <v>36296</v>
      </c>
      <c r="C23526">
        <v>2</v>
      </c>
      <c r="D23526">
        <v>0</v>
      </c>
    </row>
    <row r="23527" spans="1:4" x14ac:dyDescent="0.25">
      <c r="A23527" t="s">
        <v>36297</v>
      </c>
      <c r="B23527" t="s">
        <v>36298</v>
      </c>
      <c r="C23527">
        <v>2</v>
      </c>
      <c r="D23527">
        <v>0</v>
      </c>
    </row>
    <row r="23528" spans="1:4" x14ac:dyDescent="0.25">
      <c r="A23528" t="s">
        <v>36297</v>
      </c>
      <c r="B23528" t="s">
        <v>36299</v>
      </c>
      <c r="C23528">
        <v>2</v>
      </c>
      <c r="D23528">
        <v>0</v>
      </c>
    </row>
    <row r="23529" spans="1:4" x14ac:dyDescent="0.25">
      <c r="A23529" t="s">
        <v>36297</v>
      </c>
      <c r="B23529" t="s">
        <v>36300</v>
      </c>
      <c r="C23529">
        <v>0</v>
      </c>
      <c r="D23529">
        <v>0</v>
      </c>
    </row>
    <row r="23530" spans="1:4" x14ac:dyDescent="0.25">
      <c r="A23530" t="s">
        <v>36301</v>
      </c>
      <c r="B23530" t="s">
        <v>36302</v>
      </c>
      <c r="C23530">
        <v>1</v>
      </c>
      <c r="D23530">
        <v>0</v>
      </c>
    </row>
    <row r="23531" spans="1:4" x14ac:dyDescent="0.25">
      <c r="A23531" t="s">
        <v>36301</v>
      </c>
      <c r="B23531" t="s">
        <v>36303</v>
      </c>
      <c r="C23531">
        <v>1</v>
      </c>
      <c r="D23531">
        <v>0</v>
      </c>
    </row>
    <row r="23532" spans="1:4" x14ac:dyDescent="0.25">
      <c r="A23532" t="s">
        <v>36301</v>
      </c>
      <c r="B23532" t="s">
        <v>36304</v>
      </c>
      <c r="C23532">
        <v>0</v>
      </c>
      <c r="D23532">
        <v>0</v>
      </c>
    </row>
    <row r="23533" spans="1:4" x14ac:dyDescent="0.25">
      <c r="A23533" t="s">
        <v>36305</v>
      </c>
      <c r="B23533" t="s">
        <v>36306</v>
      </c>
      <c r="C23533">
        <v>1</v>
      </c>
      <c r="D23533">
        <v>0</v>
      </c>
    </row>
    <row r="23534" spans="1:4" x14ac:dyDescent="0.25">
      <c r="A23534" t="s">
        <v>36305</v>
      </c>
      <c r="B23534" t="s">
        <v>36307</v>
      </c>
      <c r="C23534">
        <v>0</v>
      </c>
      <c r="D23534">
        <v>0</v>
      </c>
    </row>
    <row r="23535" spans="1:4" x14ac:dyDescent="0.25">
      <c r="A23535" t="s">
        <v>36308</v>
      </c>
      <c r="B23535" t="s">
        <v>36309</v>
      </c>
      <c r="C23535">
        <v>0</v>
      </c>
      <c r="D23535">
        <v>0</v>
      </c>
    </row>
    <row r="23536" spans="1:4" x14ac:dyDescent="0.25">
      <c r="A23536" t="s">
        <v>36310</v>
      </c>
      <c r="B23536" t="s">
        <v>36311</v>
      </c>
      <c r="C23536">
        <v>1</v>
      </c>
      <c r="D23536">
        <v>0</v>
      </c>
    </row>
    <row r="23537" spans="1:4" x14ac:dyDescent="0.25">
      <c r="A23537" t="s">
        <v>36310</v>
      </c>
      <c r="B23537" t="s">
        <v>36312</v>
      </c>
      <c r="C23537">
        <v>1</v>
      </c>
      <c r="D23537">
        <v>0</v>
      </c>
    </row>
    <row r="23538" spans="1:4" x14ac:dyDescent="0.25">
      <c r="A23538" t="s">
        <v>36313</v>
      </c>
      <c r="B23538" t="s">
        <v>36314</v>
      </c>
      <c r="C23538">
        <v>0</v>
      </c>
      <c r="D23538">
        <v>0</v>
      </c>
    </row>
    <row r="23539" spans="1:4" x14ac:dyDescent="0.25">
      <c r="A23539" t="s">
        <v>36315</v>
      </c>
      <c r="B23539" t="s">
        <v>36316</v>
      </c>
      <c r="C23539">
        <v>2</v>
      </c>
      <c r="D23539">
        <v>0</v>
      </c>
    </row>
    <row r="23540" spans="1:4" x14ac:dyDescent="0.25">
      <c r="A23540" t="s">
        <v>36315</v>
      </c>
      <c r="B23540" t="s">
        <v>36317</v>
      </c>
      <c r="C23540">
        <v>2</v>
      </c>
      <c r="D23540">
        <v>0</v>
      </c>
    </row>
    <row r="23541" spans="1:4" x14ac:dyDescent="0.25">
      <c r="A23541" t="s">
        <v>36315</v>
      </c>
      <c r="B23541" t="s">
        <v>36318</v>
      </c>
      <c r="C23541">
        <v>1</v>
      </c>
      <c r="D23541">
        <v>0</v>
      </c>
    </row>
    <row r="23542" spans="1:4" x14ac:dyDescent="0.25">
      <c r="A23542" t="s">
        <v>36319</v>
      </c>
      <c r="B23542" t="s">
        <v>36320</v>
      </c>
      <c r="C23542">
        <v>1</v>
      </c>
      <c r="D23542">
        <v>0</v>
      </c>
    </row>
    <row r="23543" spans="1:4" x14ac:dyDescent="0.25">
      <c r="A23543" t="s">
        <v>36319</v>
      </c>
      <c r="B23543" t="s">
        <v>36321</v>
      </c>
      <c r="C23543">
        <v>0</v>
      </c>
      <c r="D23543">
        <v>0</v>
      </c>
    </row>
    <row r="23544" spans="1:4" x14ac:dyDescent="0.25">
      <c r="A23544" t="s">
        <v>36319</v>
      </c>
      <c r="B23544" t="s">
        <v>36322</v>
      </c>
      <c r="C23544">
        <v>2</v>
      </c>
      <c r="D23544">
        <v>0</v>
      </c>
    </row>
    <row r="23545" spans="1:4" x14ac:dyDescent="0.25">
      <c r="A23545" t="s">
        <v>36323</v>
      </c>
      <c r="B23545" t="s">
        <v>36324</v>
      </c>
      <c r="C23545">
        <v>1</v>
      </c>
      <c r="D23545">
        <v>0</v>
      </c>
    </row>
    <row r="23546" spans="1:4" x14ac:dyDescent="0.25">
      <c r="A23546" t="s">
        <v>36323</v>
      </c>
      <c r="B23546" t="s">
        <v>36325</v>
      </c>
      <c r="C23546">
        <v>1</v>
      </c>
      <c r="D23546">
        <v>0</v>
      </c>
    </row>
    <row r="23547" spans="1:4" x14ac:dyDescent="0.25">
      <c r="A23547" t="s">
        <v>36323</v>
      </c>
      <c r="B23547" t="s">
        <v>36326</v>
      </c>
      <c r="C23547">
        <v>1</v>
      </c>
      <c r="D23547">
        <v>0</v>
      </c>
    </row>
    <row r="23548" spans="1:4" x14ac:dyDescent="0.25">
      <c r="A23548" t="s">
        <v>36327</v>
      </c>
      <c r="B23548" t="s">
        <v>7397</v>
      </c>
      <c r="C23548">
        <v>0</v>
      </c>
      <c r="D23548">
        <v>0</v>
      </c>
    </row>
    <row r="23549" spans="1:4" x14ac:dyDescent="0.25">
      <c r="A23549" t="s">
        <v>36328</v>
      </c>
      <c r="B23549" t="s">
        <v>36329</v>
      </c>
      <c r="C23549">
        <v>0</v>
      </c>
      <c r="D23549">
        <v>0</v>
      </c>
    </row>
    <row r="23550" spans="1:4" x14ac:dyDescent="0.25">
      <c r="A23550" t="s">
        <v>36328</v>
      </c>
      <c r="B23550" t="s">
        <v>36330</v>
      </c>
      <c r="C23550">
        <v>2</v>
      </c>
      <c r="D23550">
        <v>0</v>
      </c>
    </row>
    <row r="23551" spans="1:4" x14ac:dyDescent="0.25">
      <c r="A23551" t="s">
        <v>36331</v>
      </c>
      <c r="B23551" t="s">
        <v>36332</v>
      </c>
      <c r="C23551">
        <v>0</v>
      </c>
      <c r="D23551">
        <v>0</v>
      </c>
    </row>
    <row r="23552" spans="1:4" x14ac:dyDescent="0.25">
      <c r="A23552" t="s">
        <v>36331</v>
      </c>
      <c r="B23552" t="s">
        <v>36333</v>
      </c>
      <c r="C23552">
        <v>2</v>
      </c>
      <c r="D23552">
        <v>0</v>
      </c>
    </row>
    <row r="23553" spans="1:4" x14ac:dyDescent="0.25">
      <c r="A23553" t="s">
        <v>36331</v>
      </c>
      <c r="B23553" t="s">
        <v>36334</v>
      </c>
      <c r="C23553">
        <v>1</v>
      </c>
      <c r="D23553">
        <v>0</v>
      </c>
    </row>
    <row r="23554" spans="1:4" x14ac:dyDescent="0.25">
      <c r="A23554" t="s">
        <v>36335</v>
      </c>
      <c r="B23554" t="s">
        <v>398</v>
      </c>
      <c r="C23554">
        <v>0</v>
      </c>
      <c r="D23554">
        <v>0</v>
      </c>
    </row>
    <row r="23555" spans="1:4" x14ac:dyDescent="0.25">
      <c r="A23555" t="s">
        <v>36335</v>
      </c>
      <c r="B23555" t="s">
        <v>820</v>
      </c>
      <c r="C23555">
        <v>1</v>
      </c>
      <c r="D23555">
        <v>0</v>
      </c>
    </row>
    <row r="23556" spans="1:4" x14ac:dyDescent="0.25">
      <c r="A23556" t="s">
        <v>36335</v>
      </c>
      <c r="B23556" t="s">
        <v>36336</v>
      </c>
      <c r="C23556">
        <v>2</v>
      </c>
      <c r="D23556">
        <v>0</v>
      </c>
    </row>
    <row r="23557" spans="1:4" x14ac:dyDescent="0.25">
      <c r="A23557" t="s">
        <v>36337</v>
      </c>
      <c r="B23557" t="s">
        <v>36338</v>
      </c>
      <c r="C23557">
        <v>1</v>
      </c>
      <c r="D23557">
        <v>0</v>
      </c>
    </row>
    <row r="23558" spans="1:4" x14ac:dyDescent="0.25">
      <c r="A23558" t="s">
        <v>36339</v>
      </c>
      <c r="B23558" t="s">
        <v>36340</v>
      </c>
      <c r="C23558">
        <v>0</v>
      </c>
      <c r="D23558">
        <v>0</v>
      </c>
    </row>
    <row r="23559" spans="1:4" x14ac:dyDescent="0.25">
      <c r="A23559" t="s">
        <v>36339</v>
      </c>
      <c r="B23559" t="s">
        <v>36341</v>
      </c>
      <c r="C23559">
        <v>2</v>
      </c>
      <c r="D23559">
        <v>0</v>
      </c>
    </row>
    <row r="23560" spans="1:4" x14ac:dyDescent="0.25">
      <c r="A23560" t="s">
        <v>36339</v>
      </c>
      <c r="B23560" t="s">
        <v>36342</v>
      </c>
      <c r="C23560">
        <v>1</v>
      </c>
      <c r="D23560">
        <v>0</v>
      </c>
    </row>
    <row r="23561" spans="1:4" x14ac:dyDescent="0.25">
      <c r="A23561" t="s">
        <v>36343</v>
      </c>
      <c r="B23561" t="s">
        <v>36344</v>
      </c>
      <c r="C23561">
        <v>1</v>
      </c>
      <c r="D23561">
        <v>0</v>
      </c>
    </row>
    <row r="23562" spans="1:4" x14ac:dyDescent="0.25">
      <c r="A23562" t="s">
        <v>36345</v>
      </c>
      <c r="B23562" t="s">
        <v>36346</v>
      </c>
      <c r="C23562">
        <v>0</v>
      </c>
      <c r="D23562">
        <v>0</v>
      </c>
    </row>
    <row r="23563" spans="1:4" x14ac:dyDescent="0.25">
      <c r="A23563" t="s">
        <v>36345</v>
      </c>
      <c r="B23563" t="s">
        <v>5244</v>
      </c>
      <c r="C23563">
        <v>0</v>
      </c>
      <c r="D23563">
        <v>0</v>
      </c>
    </row>
    <row r="23564" spans="1:4" x14ac:dyDescent="0.25">
      <c r="A23564" t="s">
        <v>36347</v>
      </c>
      <c r="B23564" t="s">
        <v>36348</v>
      </c>
      <c r="C23564">
        <v>1</v>
      </c>
      <c r="D23564">
        <v>0</v>
      </c>
    </row>
    <row r="23565" spans="1:4" x14ac:dyDescent="0.25">
      <c r="A23565" t="s">
        <v>36347</v>
      </c>
      <c r="B23565" t="s">
        <v>36349</v>
      </c>
      <c r="C23565">
        <v>0</v>
      </c>
      <c r="D23565">
        <v>0</v>
      </c>
    </row>
    <row r="23566" spans="1:4" x14ac:dyDescent="0.25">
      <c r="A23566" t="s">
        <v>36347</v>
      </c>
      <c r="B23566" t="s">
        <v>36350</v>
      </c>
      <c r="C23566">
        <v>2</v>
      </c>
      <c r="D23566">
        <v>0</v>
      </c>
    </row>
    <row r="23567" spans="1:4" x14ac:dyDescent="0.25">
      <c r="A23567" t="s">
        <v>36351</v>
      </c>
      <c r="B23567" t="s">
        <v>36352</v>
      </c>
      <c r="C23567">
        <v>1</v>
      </c>
      <c r="D23567">
        <v>0</v>
      </c>
    </row>
    <row r="23568" spans="1:4" x14ac:dyDescent="0.25">
      <c r="A23568" t="s">
        <v>36351</v>
      </c>
      <c r="B23568" t="s">
        <v>36353</v>
      </c>
      <c r="C23568">
        <v>0</v>
      </c>
      <c r="D23568">
        <v>0</v>
      </c>
    </row>
    <row r="23569" spans="1:4" x14ac:dyDescent="0.25">
      <c r="A23569" t="s">
        <v>36354</v>
      </c>
      <c r="B23569" t="s">
        <v>36355</v>
      </c>
      <c r="C23569">
        <v>1</v>
      </c>
      <c r="D23569">
        <v>0</v>
      </c>
    </row>
    <row r="23570" spans="1:4" x14ac:dyDescent="0.25">
      <c r="A23570" t="s">
        <v>36354</v>
      </c>
      <c r="B23570" t="s">
        <v>36356</v>
      </c>
      <c r="C23570">
        <v>2</v>
      </c>
      <c r="D23570">
        <v>0</v>
      </c>
    </row>
    <row r="23571" spans="1:4" x14ac:dyDescent="0.25">
      <c r="A23571" t="s">
        <v>36354</v>
      </c>
      <c r="B23571" t="s">
        <v>36357</v>
      </c>
      <c r="C23571">
        <v>0</v>
      </c>
      <c r="D23571">
        <v>0</v>
      </c>
    </row>
    <row r="23572" spans="1:4" x14ac:dyDescent="0.25">
      <c r="A23572" t="s">
        <v>36358</v>
      </c>
      <c r="B23572" t="s">
        <v>36359</v>
      </c>
      <c r="C23572">
        <v>0</v>
      </c>
      <c r="D23572">
        <v>0</v>
      </c>
    </row>
    <row r="23573" spans="1:4" x14ac:dyDescent="0.25">
      <c r="A23573" t="s">
        <v>36358</v>
      </c>
      <c r="B23573" t="s">
        <v>36360</v>
      </c>
      <c r="C23573">
        <v>0</v>
      </c>
      <c r="D23573">
        <v>0</v>
      </c>
    </row>
    <row r="23574" spans="1:4" x14ac:dyDescent="0.25">
      <c r="A23574" t="s">
        <v>36358</v>
      </c>
      <c r="B23574" t="s">
        <v>36361</v>
      </c>
      <c r="C23574">
        <v>1</v>
      </c>
      <c r="D23574">
        <v>0</v>
      </c>
    </row>
    <row r="23575" spans="1:4" x14ac:dyDescent="0.25">
      <c r="A23575" t="s">
        <v>36362</v>
      </c>
      <c r="B23575" t="s">
        <v>1001</v>
      </c>
      <c r="C23575">
        <v>1</v>
      </c>
      <c r="D23575">
        <v>0</v>
      </c>
    </row>
    <row r="23576" spans="1:4" x14ac:dyDescent="0.25">
      <c r="A23576" t="s">
        <v>36362</v>
      </c>
      <c r="B23576" t="s">
        <v>36363</v>
      </c>
      <c r="C23576">
        <v>1</v>
      </c>
      <c r="D23576">
        <v>0</v>
      </c>
    </row>
    <row r="23577" spans="1:4" x14ac:dyDescent="0.25">
      <c r="A23577" t="s">
        <v>36362</v>
      </c>
      <c r="B23577" t="s">
        <v>36364</v>
      </c>
      <c r="C23577">
        <v>2</v>
      </c>
      <c r="D23577">
        <v>0</v>
      </c>
    </row>
    <row r="23578" spans="1:4" x14ac:dyDescent="0.25">
      <c r="A23578" t="s">
        <v>36365</v>
      </c>
      <c r="B23578" t="s">
        <v>2943</v>
      </c>
      <c r="C23578">
        <v>1</v>
      </c>
      <c r="D23578">
        <v>0</v>
      </c>
    </row>
    <row r="23579" spans="1:4" x14ac:dyDescent="0.25">
      <c r="A23579" t="s">
        <v>36366</v>
      </c>
      <c r="B23579" t="s">
        <v>36367</v>
      </c>
      <c r="C23579">
        <v>2</v>
      </c>
      <c r="D23579">
        <v>0</v>
      </c>
    </row>
    <row r="23580" spans="1:4" x14ac:dyDescent="0.25">
      <c r="A23580" t="s">
        <v>36368</v>
      </c>
      <c r="B23580" t="s">
        <v>36369</v>
      </c>
      <c r="C23580">
        <v>0</v>
      </c>
      <c r="D23580">
        <v>0</v>
      </c>
    </row>
    <row r="23581" spans="1:4" x14ac:dyDescent="0.25">
      <c r="A23581" t="s">
        <v>36368</v>
      </c>
      <c r="B23581" t="s">
        <v>36370</v>
      </c>
      <c r="C23581">
        <v>0</v>
      </c>
      <c r="D23581">
        <v>0</v>
      </c>
    </row>
    <row r="23582" spans="1:4" x14ac:dyDescent="0.25">
      <c r="A23582" t="s">
        <v>36368</v>
      </c>
      <c r="B23582" t="s">
        <v>36371</v>
      </c>
      <c r="C23582">
        <v>0</v>
      </c>
      <c r="D23582">
        <v>0</v>
      </c>
    </row>
    <row r="23583" spans="1:4" x14ac:dyDescent="0.25">
      <c r="A23583" t="s">
        <v>36372</v>
      </c>
      <c r="B23583" t="s">
        <v>36373</v>
      </c>
      <c r="C23583">
        <v>0</v>
      </c>
      <c r="D23583">
        <v>0</v>
      </c>
    </row>
    <row r="23584" spans="1:4" x14ac:dyDescent="0.25">
      <c r="A23584" t="s">
        <v>36372</v>
      </c>
      <c r="B23584" t="s">
        <v>36374</v>
      </c>
      <c r="C23584">
        <v>0</v>
      </c>
      <c r="D23584">
        <v>0</v>
      </c>
    </row>
    <row r="23585" spans="1:4" x14ac:dyDescent="0.25">
      <c r="A23585" t="s">
        <v>36372</v>
      </c>
      <c r="B23585" t="s">
        <v>36375</v>
      </c>
      <c r="C23585">
        <v>0</v>
      </c>
      <c r="D23585">
        <v>0</v>
      </c>
    </row>
    <row r="23586" spans="1:4" x14ac:dyDescent="0.25">
      <c r="A23586" t="s">
        <v>36376</v>
      </c>
      <c r="B23586" t="s">
        <v>36377</v>
      </c>
      <c r="C23586">
        <v>2</v>
      </c>
      <c r="D23586">
        <v>0</v>
      </c>
    </row>
    <row r="23587" spans="1:4" x14ac:dyDescent="0.25">
      <c r="A23587" t="s">
        <v>36376</v>
      </c>
      <c r="B23587" t="s">
        <v>36378</v>
      </c>
      <c r="C23587">
        <v>0</v>
      </c>
      <c r="D23587">
        <v>0</v>
      </c>
    </row>
    <row r="23588" spans="1:4" x14ac:dyDescent="0.25">
      <c r="A23588" t="s">
        <v>36376</v>
      </c>
      <c r="B23588" t="s">
        <v>36379</v>
      </c>
      <c r="C23588">
        <v>0</v>
      </c>
      <c r="D23588">
        <v>0</v>
      </c>
    </row>
    <row r="23589" spans="1:4" x14ac:dyDescent="0.25">
      <c r="A23589" t="s">
        <v>36380</v>
      </c>
      <c r="B23589" t="s">
        <v>36381</v>
      </c>
      <c r="C23589">
        <v>0</v>
      </c>
      <c r="D23589">
        <v>0</v>
      </c>
    </row>
    <row r="23590" spans="1:4" x14ac:dyDescent="0.25">
      <c r="A23590" t="s">
        <v>36380</v>
      </c>
      <c r="B23590" t="s">
        <v>36382</v>
      </c>
      <c r="C23590">
        <v>0</v>
      </c>
      <c r="D23590">
        <v>0</v>
      </c>
    </row>
    <row r="23591" spans="1:4" x14ac:dyDescent="0.25">
      <c r="A23591" t="s">
        <v>36383</v>
      </c>
      <c r="B23591" t="s">
        <v>36384</v>
      </c>
      <c r="C23591">
        <v>1</v>
      </c>
      <c r="D23591">
        <v>0</v>
      </c>
    </row>
    <row r="23592" spans="1:4" x14ac:dyDescent="0.25">
      <c r="A23592" t="s">
        <v>36385</v>
      </c>
      <c r="B23592" t="s">
        <v>36386</v>
      </c>
      <c r="C23592">
        <v>0</v>
      </c>
      <c r="D23592">
        <v>0</v>
      </c>
    </row>
    <row r="23593" spans="1:4" x14ac:dyDescent="0.25">
      <c r="A23593" t="s">
        <v>36385</v>
      </c>
      <c r="B23593" t="s">
        <v>36387</v>
      </c>
      <c r="C23593">
        <v>0</v>
      </c>
      <c r="D23593">
        <v>0</v>
      </c>
    </row>
    <row r="23594" spans="1:4" x14ac:dyDescent="0.25">
      <c r="A23594" t="s">
        <v>36388</v>
      </c>
      <c r="B23594" t="s">
        <v>36389</v>
      </c>
      <c r="C23594">
        <v>2</v>
      </c>
      <c r="D23594">
        <v>0</v>
      </c>
    </row>
    <row r="23595" spans="1:4" x14ac:dyDescent="0.25">
      <c r="A23595" t="s">
        <v>36388</v>
      </c>
      <c r="B23595" t="s">
        <v>36390</v>
      </c>
      <c r="C23595">
        <v>2</v>
      </c>
      <c r="D23595">
        <v>0</v>
      </c>
    </row>
    <row r="23596" spans="1:4" x14ac:dyDescent="0.25">
      <c r="A23596" t="s">
        <v>36388</v>
      </c>
      <c r="B23596" t="s">
        <v>36391</v>
      </c>
      <c r="C23596">
        <v>0</v>
      </c>
      <c r="D23596">
        <v>0</v>
      </c>
    </row>
    <row r="23597" spans="1:4" x14ac:dyDescent="0.25">
      <c r="A23597" t="s">
        <v>36392</v>
      </c>
      <c r="B23597" t="s">
        <v>36393</v>
      </c>
      <c r="C23597">
        <v>0</v>
      </c>
      <c r="D23597">
        <v>0</v>
      </c>
    </row>
    <row r="23598" spans="1:4" x14ac:dyDescent="0.25">
      <c r="A23598" t="s">
        <v>36392</v>
      </c>
      <c r="B23598" t="s">
        <v>36394</v>
      </c>
      <c r="C23598">
        <v>1</v>
      </c>
      <c r="D23598">
        <v>0</v>
      </c>
    </row>
    <row r="23599" spans="1:4" x14ac:dyDescent="0.25">
      <c r="A23599" t="s">
        <v>36395</v>
      </c>
      <c r="B23599" t="s">
        <v>36396</v>
      </c>
      <c r="C23599">
        <v>2</v>
      </c>
      <c r="D23599">
        <v>0</v>
      </c>
    </row>
    <row r="23600" spans="1:4" x14ac:dyDescent="0.25">
      <c r="A23600" t="s">
        <v>36397</v>
      </c>
      <c r="B23600" t="s">
        <v>36398</v>
      </c>
      <c r="C23600">
        <v>1</v>
      </c>
      <c r="D23600">
        <v>0</v>
      </c>
    </row>
    <row r="23601" spans="1:4" x14ac:dyDescent="0.25">
      <c r="A23601" t="s">
        <v>36397</v>
      </c>
      <c r="B23601" t="s">
        <v>3049</v>
      </c>
      <c r="C23601">
        <v>1</v>
      </c>
      <c r="D23601">
        <v>0</v>
      </c>
    </row>
    <row r="23602" spans="1:4" x14ac:dyDescent="0.25">
      <c r="A23602" t="s">
        <v>36397</v>
      </c>
      <c r="B23602" t="s">
        <v>36399</v>
      </c>
      <c r="C23602">
        <v>1</v>
      </c>
      <c r="D23602">
        <v>0</v>
      </c>
    </row>
    <row r="23603" spans="1:4" x14ac:dyDescent="0.25">
      <c r="A23603" t="s">
        <v>36400</v>
      </c>
      <c r="B23603" t="s">
        <v>36401</v>
      </c>
      <c r="C23603">
        <v>1</v>
      </c>
      <c r="D23603">
        <v>0</v>
      </c>
    </row>
    <row r="23604" spans="1:4" x14ac:dyDescent="0.25">
      <c r="A23604" t="s">
        <v>36400</v>
      </c>
      <c r="B23604" t="s">
        <v>36402</v>
      </c>
      <c r="C23604">
        <v>0</v>
      </c>
      <c r="D23604">
        <v>0</v>
      </c>
    </row>
    <row r="23605" spans="1:4" x14ac:dyDescent="0.25">
      <c r="A23605" t="s">
        <v>36403</v>
      </c>
      <c r="B23605" t="s">
        <v>36404</v>
      </c>
      <c r="C23605">
        <v>0</v>
      </c>
      <c r="D23605">
        <v>0</v>
      </c>
    </row>
    <row r="23606" spans="1:4" x14ac:dyDescent="0.25">
      <c r="A23606" t="s">
        <v>36405</v>
      </c>
      <c r="B23606" t="s">
        <v>36406</v>
      </c>
      <c r="C23606">
        <v>2</v>
      </c>
      <c r="D23606">
        <v>0</v>
      </c>
    </row>
    <row r="23607" spans="1:4" x14ac:dyDescent="0.25">
      <c r="A23607" t="s">
        <v>36405</v>
      </c>
      <c r="B23607" t="s">
        <v>36407</v>
      </c>
      <c r="C23607">
        <v>1</v>
      </c>
      <c r="D23607">
        <v>0</v>
      </c>
    </row>
    <row r="23608" spans="1:4" x14ac:dyDescent="0.25">
      <c r="A23608" t="s">
        <v>36405</v>
      </c>
      <c r="B23608" t="s">
        <v>36408</v>
      </c>
      <c r="C23608">
        <v>2</v>
      </c>
      <c r="D23608">
        <v>0</v>
      </c>
    </row>
    <row r="23609" spans="1:4" x14ac:dyDescent="0.25">
      <c r="A23609" t="s">
        <v>36409</v>
      </c>
      <c r="B23609" t="s">
        <v>36410</v>
      </c>
      <c r="C23609">
        <v>1</v>
      </c>
      <c r="D23609">
        <v>0</v>
      </c>
    </row>
    <row r="23610" spans="1:4" x14ac:dyDescent="0.25">
      <c r="A23610" t="s">
        <v>36409</v>
      </c>
      <c r="B23610" t="s">
        <v>36411</v>
      </c>
      <c r="C23610">
        <v>2</v>
      </c>
      <c r="D23610">
        <v>0</v>
      </c>
    </row>
    <row r="23611" spans="1:4" x14ac:dyDescent="0.25">
      <c r="A23611" t="s">
        <v>36409</v>
      </c>
      <c r="B23611" t="s">
        <v>36412</v>
      </c>
      <c r="C23611">
        <v>2</v>
      </c>
      <c r="D23611">
        <v>0</v>
      </c>
    </row>
    <row r="23612" spans="1:4" x14ac:dyDescent="0.25">
      <c r="A23612" t="s">
        <v>36413</v>
      </c>
      <c r="B23612" t="s">
        <v>36414</v>
      </c>
      <c r="C23612">
        <v>0</v>
      </c>
      <c r="D23612">
        <v>0</v>
      </c>
    </row>
    <row r="23613" spans="1:4" x14ac:dyDescent="0.25">
      <c r="A23613" t="s">
        <v>36415</v>
      </c>
      <c r="B23613" t="s">
        <v>36416</v>
      </c>
      <c r="C23613">
        <v>0</v>
      </c>
      <c r="D23613">
        <v>0</v>
      </c>
    </row>
    <row r="23614" spans="1:4" x14ac:dyDescent="0.25">
      <c r="A23614" t="s">
        <v>36415</v>
      </c>
      <c r="B23614" t="s">
        <v>36417</v>
      </c>
      <c r="C23614">
        <v>1</v>
      </c>
      <c r="D23614">
        <v>0</v>
      </c>
    </row>
    <row r="23615" spans="1:4" x14ac:dyDescent="0.25">
      <c r="A23615" t="s">
        <v>36415</v>
      </c>
      <c r="B23615" t="s">
        <v>36418</v>
      </c>
      <c r="C23615">
        <v>0</v>
      </c>
      <c r="D23615">
        <v>0</v>
      </c>
    </row>
    <row r="23616" spans="1:4" x14ac:dyDescent="0.25">
      <c r="A23616" t="s">
        <v>36419</v>
      </c>
      <c r="B23616" t="s">
        <v>36420</v>
      </c>
      <c r="C23616">
        <v>1</v>
      </c>
      <c r="D23616">
        <v>0</v>
      </c>
    </row>
    <row r="23617" spans="1:4" x14ac:dyDescent="0.25">
      <c r="A23617" t="s">
        <v>36419</v>
      </c>
      <c r="B23617" t="s">
        <v>36421</v>
      </c>
      <c r="C23617">
        <v>2</v>
      </c>
      <c r="D23617">
        <v>0</v>
      </c>
    </row>
    <row r="23618" spans="1:4" x14ac:dyDescent="0.25">
      <c r="A23618" t="s">
        <v>36419</v>
      </c>
      <c r="B23618" t="s">
        <v>36422</v>
      </c>
      <c r="C23618">
        <v>2</v>
      </c>
      <c r="D23618">
        <v>0</v>
      </c>
    </row>
    <row r="23619" spans="1:4" x14ac:dyDescent="0.25">
      <c r="A23619" t="s">
        <v>36423</v>
      </c>
      <c r="B23619" t="s">
        <v>36424</v>
      </c>
      <c r="C23619">
        <v>1</v>
      </c>
      <c r="D23619">
        <v>0</v>
      </c>
    </row>
    <row r="23620" spans="1:4" x14ac:dyDescent="0.25">
      <c r="A23620" t="s">
        <v>36423</v>
      </c>
      <c r="B23620" t="s">
        <v>36425</v>
      </c>
      <c r="C23620">
        <v>1</v>
      </c>
      <c r="D23620">
        <v>0</v>
      </c>
    </row>
    <row r="23621" spans="1:4" x14ac:dyDescent="0.25">
      <c r="A23621" t="s">
        <v>36423</v>
      </c>
      <c r="B23621" t="s">
        <v>36426</v>
      </c>
      <c r="C23621">
        <v>1</v>
      </c>
      <c r="D23621">
        <v>0</v>
      </c>
    </row>
    <row r="23622" spans="1:4" x14ac:dyDescent="0.25">
      <c r="A23622" t="s">
        <v>36427</v>
      </c>
      <c r="B23622" t="s">
        <v>36428</v>
      </c>
      <c r="C23622">
        <v>0</v>
      </c>
      <c r="D23622">
        <v>0</v>
      </c>
    </row>
    <row r="23623" spans="1:4" x14ac:dyDescent="0.25">
      <c r="A23623" t="s">
        <v>36427</v>
      </c>
      <c r="B23623" t="s">
        <v>36429</v>
      </c>
      <c r="C23623">
        <v>1</v>
      </c>
      <c r="D23623">
        <v>0</v>
      </c>
    </row>
    <row r="23624" spans="1:4" x14ac:dyDescent="0.25">
      <c r="A23624" t="s">
        <v>36430</v>
      </c>
      <c r="B23624" t="s">
        <v>2061</v>
      </c>
      <c r="C23624">
        <v>0</v>
      </c>
      <c r="D23624">
        <v>0</v>
      </c>
    </row>
    <row r="23625" spans="1:4" x14ac:dyDescent="0.25">
      <c r="A23625" t="s">
        <v>36431</v>
      </c>
      <c r="B23625" t="s">
        <v>36432</v>
      </c>
      <c r="C23625">
        <v>0</v>
      </c>
      <c r="D23625">
        <v>0</v>
      </c>
    </row>
    <row r="23626" spans="1:4" x14ac:dyDescent="0.25">
      <c r="A23626" t="s">
        <v>36431</v>
      </c>
      <c r="B23626" t="s">
        <v>36433</v>
      </c>
      <c r="C23626">
        <v>1</v>
      </c>
      <c r="D23626">
        <v>0</v>
      </c>
    </row>
    <row r="23627" spans="1:4" x14ac:dyDescent="0.25">
      <c r="A23627" t="s">
        <v>36431</v>
      </c>
      <c r="B23627" t="s">
        <v>36434</v>
      </c>
      <c r="C23627">
        <v>2</v>
      </c>
      <c r="D23627">
        <v>0</v>
      </c>
    </row>
    <row r="23628" spans="1:4" x14ac:dyDescent="0.25">
      <c r="A23628" t="s">
        <v>36435</v>
      </c>
      <c r="B23628" t="s">
        <v>36436</v>
      </c>
      <c r="C23628">
        <v>1</v>
      </c>
      <c r="D23628">
        <v>0</v>
      </c>
    </row>
    <row r="23629" spans="1:4" x14ac:dyDescent="0.25">
      <c r="A23629" t="s">
        <v>36435</v>
      </c>
      <c r="B23629" t="s">
        <v>36437</v>
      </c>
      <c r="C23629">
        <v>2</v>
      </c>
      <c r="D23629">
        <v>0</v>
      </c>
    </row>
    <row r="23630" spans="1:4" x14ac:dyDescent="0.25">
      <c r="A23630" t="s">
        <v>36435</v>
      </c>
      <c r="B23630" t="s">
        <v>36438</v>
      </c>
      <c r="C23630">
        <v>2</v>
      </c>
      <c r="D23630">
        <v>0</v>
      </c>
    </row>
    <row r="23631" spans="1:4" x14ac:dyDescent="0.25">
      <c r="A23631" t="s">
        <v>36439</v>
      </c>
      <c r="B23631" t="s">
        <v>843</v>
      </c>
      <c r="C23631">
        <v>1</v>
      </c>
      <c r="D23631">
        <v>0</v>
      </c>
    </row>
    <row r="23632" spans="1:4" x14ac:dyDescent="0.25">
      <c r="A23632" t="s">
        <v>36440</v>
      </c>
      <c r="B23632" t="s">
        <v>36441</v>
      </c>
      <c r="C23632">
        <v>0</v>
      </c>
      <c r="D23632">
        <v>0</v>
      </c>
    </row>
    <row r="23633" spans="1:4" x14ac:dyDescent="0.25">
      <c r="A23633" t="s">
        <v>36442</v>
      </c>
      <c r="B23633" t="s">
        <v>36443</v>
      </c>
      <c r="C23633">
        <v>0</v>
      </c>
      <c r="D23633">
        <v>0</v>
      </c>
    </row>
    <row r="23634" spans="1:4" x14ac:dyDescent="0.25">
      <c r="A23634" t="s">
        <v>36444</v>
      </c>
      <c r="B23634" t="s">
        <v>36445</v>
      </c>
      <c r="C23634">
        <v>2</v>
      </c>
      <c r="D23634">
        <v>0</v>
      </c>
    </row>
    <row r="23635" spans="1:4" x14ac:dyDescent="0.25">
      <c r="A23635" t="s">
        <v>36446</v>
      </c>
      <c r="B23635" t="s">
        <v>36447</v>
      </c>
      <c r="C23635">
        <v>0</v>
      </c>
      <c r="D23635">
        <v>0</v>
      </c>
    </row>
    <row r="23636" spans="1:4" x14ac:dyDescent="0.25">
      <c r="A23636" t="s">
        <v>36448</v>
      </c>
      <c r="B23636" t="s">
        <v>16774</v>
      </c>
      <c r="C23636">
        <v>1</v>
      </c>
      <c r="D23636">
        <v>0</v>
      </c>
    </row>
    <row r="23637" spans="1:4" x14ac:dyDescent="0.25">
      <c r="A23637" t="s">
        <v>36448</v>
      </c>
      <c r="B23637" t="s">
        <v>36449</v>
      </c>
      <c r="C23637">
        <v>2</v>
      </c>
      <c r="D23637">
        <v>0</v>
      </c>
    </row>
    <row r="23638" spans="1:4" x14ac:dyDescent="0.25">
      <c r="A23638" t="s">
        <v>36450</v>
      </c>
      <c r="B23638" t="s">
        <v>36451</v>
      </c>
      <c r="C23638">
        <v>1</v>
      </c>
      <c r="D23638">
        <v>0</v>
      </c>
    </row>
    <row r="23639" spans="1:4" x14ac:dyDescent="0.25">
      <c r="A23639" t="s">
        <v>36452</v>
      </c>
      <c r="B23639" t="s">
        <v>36453</v>
      </c>
      <c r="C23639">
        <v>2</v>
      </c>
      <c r="D23639">
        <v>0</v>
      </c>
    </row>
    <row r="23640" spans="1:4" x14ac:dyDescent="0.25">
      <c r="A23640" t="s">
        <v>36452</v>
      </c>
      <c r="B23640" t="s">
        <v>36454</v>
      </c>
      <c r="C23640">
        <v>2</v>
      </c>
      <c r="D23640">
        <v>0</v>
      </c>
    </row>
    <row r="23641" spans="1:4" x14ac:dyDescent="0.25">
      <c r="A23641" t="s">
        <v>36455</v>
      </c>
      <c r="B23641" t="s">
        <v>36456</v>
      </c>
      <c r="C23641">
        <v>1</v>
      </c>
      <c r="D23641">
        <v>0</v>
      </c>
    </row>
    <row r="23642" spans="1:4" x14ac:dyDescent="0.25">
      <c r="A23642" t="s">
        <v>36455</v>
      </c>
      <c r="B23642" t="s">
        <v>36457</v>
      </c>
      <c r="C23642">
        <v>2</v>
      </c>
      <c r="D23642">
        <v>0</v>
      </c>
    </row>
    <row r="23643" spans="1:4" x14ac:dyDescent="0.25">
      <c r="A23643" t="s">
        <v>36455</v>
      </c>
      <c r="B23643" t="s">
        <v>36458</v>
      </c>
      <c r="C23643">
        <v>1</v>
      </c>
      <c r="D23643">
        <v>0</v>
      </c>
    </row>
    <row r="23644" spans="1:4" x14ac:dyDescent="0.25">
      <c r="A23644" t="s">
        <v>36459</v>
      </c>
      <c r="B23644" t="s">
        <v>36460</v>
      </c>
      <c r="C23644">
        <v>1</v>
      </c>
      <c r="D23644">
        <v>0</v>
      </c>
    </row>
    <row r="23645" spans="1:4" x14ac:dyDescent="0.25">
      <c r="A23645" t="s">
        <v>36459</v>
      </c>
      <c r="B23645" t="s">
        <v>36461</v>
      </c>
      <c r="C23645">
        <v>1</v>
      </c>
      <c r="D23645">
        <v>0</v>
      </c>
    </row>
    <row r="23646" spans="1:4" x14ac:dyDescent="0.25">
      <c r="A23646" t="s">
        <v>36462</v>
      </c>
      <c r="B23646" t="s">
        <v>8993</v>
      </c>
      <c r="C23646">
        <v>0</v>
      </c>
      <c r="D23646">
        <v>0</v>
      </c>
    </row>
    <row r="23647" spans="1:4" x14ac:dyDescent="0.25">
      <c r="A23647" t="s">
        <v>36462</v>
      </c>
      <c r="B23647" t="s">
        <v>28546</v>
      </c>
      <c r="C23647">
        <v>1</v>
      </c>
      <c r="D23647">
        <v>0</v>
      </c>
    </row>
    <row r="23648" spans="1:4" x14ac:dyDescent="0.25">
      <c r="A23648" t="s">
        <v>36462</v>
      </c>
      <c r="B23648" t="s">
        <v>36463</v>
      </c>
      <c r="C23648">
        <v>2</v>
      </c>
      <c r="D23648">
        <v>0</v>
      </c>
    </row>
    <row r="23649" spans="1:4" x14ac:dyDescent="0.25">
      <c r="A23649" t="s">
        <v>36464</v>
      </c>
      <c r="B23649" t="s">
        <v>36465</v>
      </c>
      <c r="C23649">
        <v>2</v>
      </c>
      <c r="D23649">
        <v>0</v>
      </c>
    </row>
    <row r="23650" spans="1:4" x14ac:dyDescent="0.25">
      <c r="A23650" t="s">
        <v>36466</v>
      </c>
      <c r="B23650" t="s">
        <v>36467</v>
      </c>
      <c r="C23650">
        <v>1</v>
      </c>
      <c r="D23650">
        <v>0</v>
      </c>
    </row>
    <row r="23651" spans="1:4" x14ac:dyDescent="0.25">
      <c r="A23651" t="s">
        <v>36466</v>
      </c>
      <c r="B23651" t="s">
        <v>36468</v>
      </c>
      <c r="C23651">
        <v>1</v>
      </c>
      <c r="D23651">
        <v>0</v>
      </c>
    </row>
    <row r="23652" spans="1:4" x14ac:dyDescent="0.25">
      <c r="A23652" t="s">
        <v>36466</v>
      </c>
      <c r="B23652" t="s">
        <v>36469</v>
      </c>
      <c r="C23652">
        <v>1</v>
      </c>
      <c r="D23652">
        <v>0</v>
      </c>
    </row>
    <row r="23653" spans="1:4" x14ac:dyDescent="0.25">
      <c r="A23653" t="s">
        <v>36470</v>
      </c>
      <c r="B23653" t="s">
        <v>16460</v>
      </c>
      <c r="C23653">
        <v>0</v>
      </c>
      <c r="D23653">
        <v>0</v>
      </c>
    </row>
    <row r="23654" spans="1:4" x14ac:dyDescent="0.25">
      <c r="A23654" t="s">
        <v>36470</v>
      </c>
      <c r="B23654" t="s">
        <v>36471</v>
      </c>
      <c r="C23654">
        <v>2</v>
      </c>
      <c r="D23654">
        <v>0</v>
      </c>
    </row>
    <row r="23655" spans="1:4" x14ac:dyDescent="0.25">
      <c r="A23655" t="s">
        <v>36470</v>
      </c>
      <c r="B23655" t="s">
        <v>36472</v>
      </c>
      <c r="C23655">
        <v>1</v>
      </c>
      <c r="D23655">
        <v>0</v>
      </c>
    </row>
    <row r="23656" spans="1:4" x14ac:dyDescent="0.25">
      <c r="A23656" t="s">
        <v>36473</v>
      </c>
      <c r="B23656" t="s">
        <v>36474</v>
      </c>
      <c r="C23656">
        <v>0</v>
      </c>
      <c r="D23656">
        <v>0</v>
      </c>
    </row>
    <row r="23657" spans="1:4" x14ac:dyDescent="0.25">
      <c r="A23657" t="s">
        <v>36475</v>
      </c>
      <c r="B23657" t="s">
        <v>9614</v>
      </c>
      <c r="C23657">
        <v>1</v>
      </c>
      <c r="D23657">
        <v>0</v>
      </c>
    </row>
    <row r="23658" spans="1:4" x14ac:dyDescent="0.25">
      <c r="A23658" t="s">
        <v>36476</v>
      </c>
      <c r="B23658" t="s">
        <v>36477</v>
      </c>
      <c r="C23658">
        <v>1</v>
      </c>
      <c r="D23658">
        <v>0</v>
      </c>
    </row>
    <row r="23659" spans="1:4" x14ac:dyDescent="0.25">
      <c r="A23659" t="s">
        <v>36478</v>
      </c>
      <c r="B23659" t="s">
        <v>36479</v>
      </c>
      <c r="C23659">
        <v>0</v>
      </c>
      <c r="D23659">
        <v>0</v>
      </c>
    </row>
    <row r="23660" spans="1:4" x14ac:dyDescent="0.25">
      <c r="A23660" t="s">
        <v>36478</v>
      </c>
      <c r="B23660" t="s">
        <v>36480</v>
      </c>
      <c r="C23660">
        <v>1</v>
      </c>
      <c r="D23660">
        <v>0</v>
      </c>
    </row>
    <row r="23661" spans="1:4" x14ac:dyDescent="0.25">
      <c r="A23661" t="s">
        <v>36481</v>
      </c>
      <c r="B23661" t="s">
        <v>36482</v>
      </c>
      <c r="C23661">
        <v>2</v>
      </c>
      <c r="D23661">
        <v>0</v>
      </c>
    </row>
    <row r="23662" spans="1:4" x14ac:dyDescent="0.25">
      <c r="A23662" t="s">
        <v>36481</v>
      </c>
      <c r="B23662" t="s">
        <v>36483</v>
      </c>
      <c r="C23662">
        <v>1</v>
      </c>
      <c r="D23662">
        <v>0</v>
      </c>
    </row>
    <row r="23663" spans="1:4" x14ac:dyDescent="0.25">
      <c r="A23663" t="s">
        <v>36481</v>
      </c>
      <c r="B23663" t="s">
        <v>36484</v>
      </c>
      <c r="C23663">
        <v>1</v>
      </c>
      <c r="D23663">
        <v>0</v>
      </c>
    </row>
    <row r="23664" spans="1:4" x14ac:dyDescent="0.25">
      <c r="A23664" t="s">
        <v>36485</v>
      </c>
      <c r="B23664" t="s">
        <v>1499</v>
      </c>
      <c r="C23664">
        <v>1</v>
      </c>
      <c r="D23664">
        <v>0</v>
      </c>
    </row>
    <row r="23665" spans="1:4" x14ac:dyDescent="0.25">
      <c r="A23665" t="s">
        <v>36486</v>
      </c>
      <c r="B23665" t="s">
        <v>36487</v>
      </c>
      <c r="C23665">
        <v>0</v>
      </c>
      <c r="D23665">
        <v>0</v>
      </c>
    </row>
    <row r="23666" spans="1:4" x14ac:dyDescent="0.25">
      <c r="A23666" t="s">
        <v>36486</v>
      </c>
      <c r="B23666" t="s">
        <v>36488</v>
      </c>
      <c r="C23666">
        <v>1</v>
      </c>
      <c r="D23666">
        <v>0</v>
      </c>
    </row>
    <row r="23667" spans="1:4" x14ac:dyDescent="0.25">
      <c r="A23667" t="s">
        <v>36489</v>
      </c>
      <c r="B23667" t="s">
        <v>36490</v>
      </c>
      <c r="C23667">
        <v>2</v>
      </c>
      <c r="D23667">
        <v>0</v>
      </c>
    </row>
    <row r="23668" spans="1:4" x14ac:dyDescent="0.25">
      <c r="A23668" t="s">
        <v>36489</v>
      </c>
      <c r="B23668" t="s">
        <v>36491</v>
      </c>
      <c r="C23668">
        <v>1</v>
      </c>
      <c r="D23668">
        <v>0</v>
      </c>
    </row>
    <row r="23669" spans="1:4" x14ac:dyDescent="0.25">
      <c r="A23669" t="s">
        <v>36489</v>
      </c>
      <c r="B23669" t="s">
        <v>36492</v>
      </c>
      <c r="C23669">
        <v>1</v>
      </c>
      <c r="D23669">
        <v>0</v>
      </c>
    </row>
    <row r="23670" spans="1:4" x14ac:dyDescent="0.25">
      <c r="A23670" t="s">
        <v>36493</v>
      </c>
      <c r="B23670" t="s">
        <v>36494</v>
      </c>
      <c r="C23670">
        <v>1</v>
      </c>
      <c r="D23670">
        <v>0</v>
      </c>
    </row>
    <row r="23671" spans="1:4" x14ac:dyDescent="0.25">
      <c r="A23671" t="s">
        <v>36495</v>
      </c>
      <c r="B23671" t="s">
        <v>36496</v>
      </c>
      <c r="C23671">
        <v>1</v>
      </c>
      <c r="D23671">
        <v>0</v>
      </c>
    </row>
    <row r="23672" spans="1:4" x14ac:dyDescent="0.25">
      <c r="A23672" t="s">
        <v>36497</v>
      </c>
      <c r="B23672" t="s">
        <v>29592</v>
      </c>
      <c r="C23672">
        <v>1</v>
      </c>
      <c r="D23672">
        <v>0</v>
      </c>
    </row>
    <row r="23673" spans="1:4" x14ac:dyDescent="0.25">
      <c r="A23673" t="s">
        <v>36497</v>
      </c>
      <c r="B23673" t="s">
        <v>36498</v>
      </c>
      <c r="C23673">
        <v>0</v>
      </c>
      <c r="D23673">
        <v>0</v>
      </c>
    </row>
    <row r="23674" spans="1:4" x14ac:dyDescent="0.25">
      <c r="A23674" t="s">
        <v>36499</v>
      </c>
      <c r="B23674" t="s">
        <v>852</v>
      </c>
      <c r="C23674">
        <v>0</v>
      </c>
      <c r="D23674">
        <v>0</v>
      </c>
    </row>
    <row r="23675" spans="1:4" x14ac:dyDescent="0.25">
      <c r="A23675" t="s">
        <v>36500</v>
      </c>
      <c r="B23675" t="s">
        <v>36501</v>
      </c>
      <c r="C23675">
        <v>1</v>
      </c>
      <c r="D23675">
        <v>0</v>
      </c>
    </row>
    <row r="23676" spans="1:4" x14ac:dyDescent="0.25">
      <c r="A23676" t="s">
        <v>36500</v>
      </c>
      <c r="B23676" t="s">
        <v>36502</v>
      </c>
      <c r="C23676">
        <v>1</v>
      </c>
      <c r="D23676">
        <v>0</v>
      </c>
    </row>
    <row r="23677" spans="1:4" x14ac:dyDescent="0.25">
      <c r="A23677" t="s">
        <v>36500</v>
      </c>
      <c r="B23677" t="s">
        <v>36503</v>
      </c>
      <c r="C23677">
        <v>1</v>
      </c>
      <c r="D23677">
        <v>0</v>
      </c>
    </row>
    <row r="23678" spans="1:4" x14ac:dyDescent="0.25">
      <c r="A23678" t="s">
        <v>36504</v>
      </c>
      <c r="B23678" t="s">
        <v>36505</v>
      </c>
      <c r="C23678">
        <v>2</v>
      </c>
      <c r="D23678">
        <v>0</v>
      </c>
    </row>
    <row r="23679" spans="1:4" x14ac:dyDescent="0.25">
      <c r="A23679" t="s">
        <v>36504</v>
      </c>
      <c r="B23679" t="s">
        <v>36506</v>
      </c>
      <c r="C23679">
        <v>2</v>
      </c>
      <c r="D23679">
        <v>0</v>
      </c>
    </row>
    <row r="23680" spans="1:4" x14ac:dyDescent="0.25">
      <c r="A23680" t="s">
        <v>36507</v>
      </c>
      <c r="B23680" t="s">
        <v>1001</v>
      </c>
      <c r="C23680">
        <v>1</v>
      </c>
      <c r="D23680">
        <v>0</v>
      </c>
    </row>
    <row r="23681" spans="1:4" x14ac:dyDescent="0.25">
      <c r="A23681" t="s">
        <v>36507</v>
      </c>
      <c r="B23681" t="s">
        <v>36508</v>
      </c>
      <c r="C23681">
        <v>2</v>
      </c>
      <c r="D23681">
        <v>0</v>
      </c>
    </row>
    <row r="23682" spans="1:4" x14ac:dyDescent="0.25">
      <c r="A23682" t="s">
        <v>36509</v>
      </c>
      <c r="B23682" t="s">
        <v>36510</v>
      </c>
      <c r="C23682">
        <v>2</v>
      </c>
      <c r="D23682">
        <v>0</v>
      </c>
    </row>
    <row r="23683" spans="1:4" x14ac:dyDescent="0.25">
      <c r="A23683" t="s">
        <v>36511</v>
      </c>
      <c r="B23683" t="s">
        <v>36512</v>
      </c>
      <c r="C23683">
        <v>1</v>
      </c>
      <c r="D23683">
        <v>0</v>
      </c>
    </row>
    <row r="23684" spans="1:4" x14ac:dyDescent="0.25">
      <c r="A23684" t="s">
        <v>36511</v>
      </c>
      <c r="B23684" t="s">
        <v>36513</v>
      </c>
      <c r="C23684">
        <v>0</v>
      </c>
      <c r="D23684">
        <v>0</v>
      </c>
    </row>
    <row r="23685" spans="1:4" x14ac:dyDescent="0.25">
      <c r="A23685" t="s">
        <v>36514</v>
      </c>
      <c r="B23685" t="s">
        <v>36515</v>
      </c>
      <c r="C23685">
        <v>2</v>
      </c>
      <c r="D23685">
        <v>0</v>
      </c>
    </row>
    <row r="23686" spans="1:4" x14ac:dyDescent="0.25">
      <c r="A23686" t="s">
        <v>36514</v>
      </c>
      <c r="B23686" t="s">
        <v>36516</v>
      </c>
      <c r="C23686">
        <v>0</v>
      </c>
      <c r="D23686">
        <v>0</v>
      </c>
    </row>
    <row r="23687" spans="1:4" x14ac:dyDescent="0.25">
      <c r="A23687" t="s">
        <v>36517</v>
      </c>
      <c r="B23687" t="s">
        <v>36518</v>
      </c>
      <c r="C23687">
        <v>1</v>
      </c>
      <c r="D23687">
        <v>0</v>
      </c>
    </row>
    <row r="23688" spans="1:4" x14ac:dyDescent="0.25">
      <c r="A23688" t="s">
        <v>36517</v>
      </c>
      <c r="B23688" t="s">
        <v>36519</v>
      </c>
      <c r="C23688">
        <v>2</v>
      </c>
      <c r="D23688">
        <v>0</v>
      </c>
    </row>
    <row r="23689" spans="1:4" x14ac:dyDescent="0.25">
      <c r="A23689" t="s">
        <v>36517</v>
      </c>
      <c r="B23689" t="s">
        <v>36520</v>
      </c>
      <c r="C23689">
        <v>1</v>
      </c>
      <c r="D23689">
        <v>0</v>
      </c>
    </row>
    <row r="23690" spans="1:4" x14ac:dyDescent="0.25">
      <c r="A23690" t="s">
        <v>36521</v>
      </c>
      <c r="B23690" t="s">
        <v>36522</v>
      </c>
      <c r="C23690">
        <v>1</v>
      </c>
      <c r="D23690">
        <v>0</v>
      </c>
    </row>
    <row r="23691" spans="1:4" x14ac:dyDescent="0.25">
      <c r="A23691" t="s">
        <v>36521</v>
      </c>
      <c r="B23691" t="s">
        <v>36523</v>
      </c>
      <c r="C23691">
        <v>2</v>
      </c>
      <c r="D23691">
        <v>0</v>
      </c>
    </row>
    <row r="23692" spans="1:4" x14ac:dyDescent="0.25">
      <c r="A23692" t="s">
        <v>36524</v>
      </c>
      <c r="B23692" t="s">
        <v>969</v>
      </c>
      <c r="C23692">
        <v>0</v>
      </c>
      <c r="D23692">
        <v>0</v>
      </c>
    </row>
    <row r="23693" spans="1:4" x14ac:dyDescent="0.25">
      <c r="A23693" t="s">
        <v>36525</v>
      </c>
      <c r="B23693" t="s">
        <v>36526</v>
      </c>
      <c r="C23693">
        <v>2</v>
      </c>
      <c r="D23693">
        <v>0</v>
      </c>
    </row>
    <row r="23694" spans="1:4" x14ac:dyDescent="0.25">
      <c r="A23694" t="s">
        <v>36527</v>
      </c>
      <c r="B23694" t="s">
        <v>1001</v>
      </c>
      <c r="C23694">
        <v>1</v>
      </c>
      <c r="D23694">
        <v>0</v>
      </c>
    </row>
    <row r="23695" spans="1:4" x14ac:dyDescent="0.25">
      <c r="A23695" t="s">
        <v>36528</v>
      </c>
      <c r="B23695" t="s">
        <v>36529</v>
      </c>
      <c r="C23695">
        <v>1</v>
      </c>
      <c r="D23695">
        <v>0</v>
      </c>
    </row>
    <row r="23696" spans="1:4" x14ac:dyDescent="0.25">
      <c r="A23696" t="s">
        <v>36528</v>
      </c>
      <c r="B23696" t="s">
        <v>36530</v>
      </c>
      <c r="C23696">
        <v>0</v>
      </c>
      <c r="D23696">
        <v>0</v>
      </c>
    </row>
    <row r="23697" spans="1:4" x14ac:dyDescent="0.25">
      <c r="A23697" t="s">
        <v>36531</v>
      </c>
      <c r="B23697" t="s">
        <v>36532</v>
      </c>
      <c r="C23697">
        <v>2</v>
      </c>
      <c r="D23697">
        <v>0</v>
      </c>
    </row>
    <row r="23698" spans="1:4" x14ac:dyDescent="0.25">
      <c r="A23698" t="s">
        <v>36531</v>
      </c>
      <c r="B23698" t="s">
        <v>36533</v>
      </c>
      <c r="C23698">
        <v>2</v>
      </c>
      <c r="D23698">
        <v>0</v>
      </c>
    </row>
    <row r="23699" spans="1:4" x14ac:dyDescent="0.25">
      <c r="A23699" t="s">
        <v>36534</v>
      </c>
      <c r="B23699" t="s">
        <v>36535</v>
      </c>
      <c r="C23699">
        <v>1</v>
      </c>
      <c r="D23699">
        <v>0</v>
      </c>
    </row>
    <row r="23700" spans="1:4" x14ac:dyDescent="0.25">
      <c r="A23700" t="s">
        <v>36536</v>
      </c>
      <c r="B23700" t="s">
        <v>36537</v>
      </c>
      <c r="C23700">
        <v>1</v>
      </c>
      <c r="D23700">
        <v>0</v>
      </c>
    </row>
    <row r="23701" spans="1:4" x14ac:dyDescent="0.25">
      <c r="A23701" t="s">
        <v>36538</v>
      </c>
      <c r="B23701" t="s">
        <v>15039</v>
      </c>
      <c r="C23701">
        <v>0</v>
      </c>
      <c r="D23701">
        <v>0</v>
      </c>
    </row>
    <row r="23702" spans="1:4" x14ac:dyDescent="0.25">
      <c r="A23702" t="s">
        <v>36539</v>
      </c>
      <c r="B23702" t="s">
        <v>36540</v>
      </c>
      <c r="C23702">
        <v>0</v>
      </c>
      <c r="D23702">
        <v>0</v>
      </c>
    </row>
    <row r="23703" spans="1:4" x14ac:dyDescent="0.25">
      <c r="A23703" t="s">
        <v>36539</v>
      </c>
      <c r="B23703" t="s">
        <v>36541</v>
      </c>
      <c r="C23703">
        <v>1</v>
      </c>
      <c r="D23703">
        <v>0</v>
      </c>
    </row>
    <row r="23704" spans="1:4" x14ac:dyDescent="0.25">
      <c r="A23704" t="s">
        <v>36542</v>
      </c>
      <c r="B23704" t="s">
        <v>36543</v>
      </c>
      <c r="C23704">
        <v>2</v>
      </c>
      <c r="D23704">
        <v>0</v>
      </c>
    </row>
    <row r="23705" spans="1:4" x14ac:dyDescent="0.25">
      <c r="A23705" t="s">
        <v>36542</v>
      </c>
      <c r="B23705" t="s">
        <v>36544</v>
      </c>
      <c r="C23705">
        <v>2</v>
      </c>
      <c r="D23705">
        <v>0</v>
      </c>
    </row>
    <row r="23706" spans="1:4" x14ac:dyDescent="0.25">
      <c r="A23706" t="s">
        <v>36545</v>
      </c>
      <c r="B23706" t="s">
        <v>36546</v>
      </c>
      <c r="C23706">
        <v>0</v>
      </c>
      <c r="D23706">
        <v>0</v>
      </c>
    </row>
    <row r="23707" spans="1:4" x14ac:dyDescent="0.25">
      <c r="A23707" t="s">
        <v>36545</v>
      </c>
      <c r="B23707" t="s">
        <v>36547</v>
      </c>
      <c r="C23707">
        <v>0</v>
      </c>
      <c r="D23707">
        <v>0</v>
      </c>
    </row>
    <row r="23708" spans="1:4" x14ac:dyDescent="0.25">
      <c r="A23708" t="s">
        <v>36545</v>
      </c>
      <c r="B23708" t="s">
        <v>36548</v>
      </c>
      <c r="C23708">
        <v>0</v>
      </c>
      <c r="D23708">
        <v>0</v>
      </c>
    </row>
    <row r="23709" spans="1:4" x14ac:dyDescent="0.25">
      <c r="A23709" t="s">
        <v>36549</v>
      </c>
      <c r="B23709" t="s">
        <v>36550</v>
      </c>
      <c r="C23709">
        <v>1</v>
      </c>
      <c r="D23709">
        <v>0</v>
      </c>
    </row>
    <row r="23710" spans="1:4" x14ac:dyDescent="0.25">
      <c r="A23710" t="s">
        <v>36549</v>
      </c>
      <c r="B23710" t="s">
        <v>36551</v>
      </c>
      <c r="C23710">
        <v>0</v>
      </c>
      <c r="D23710">
        <v>0</v>
      </c>
    </row>
    <row r="23711" spans="1:4" x14ac:dyDescent="0.25">
      <c r="A23711" t="s">
        <v>36549</v>
      </c>
      <c r="B23711" t="s">
        <v>36552</v>
      </c>
      <c r="C23711">
        <v>0</v>
      </c>
      <c r="D23711">
        <v>0</v>
      </c>
    </row>
    <row r="23712" spans="1:4" x14ac:dyDescent="0.25">
      <c r="A23712" t="s">
        <v>36553</v>
      </c>
      <c r="B23712" t="s">
        <v>36554</v>
      </c>
      <c r="C23712">
        <v>1</v>
      </c>
      <c r="D23712">
        <v>0</v>
      </c>
    </row>
    <row r="23713" spans="1:4" x14ac:dyDescent="0.25">
      <c r="A23713" t="s">
        <v>36553</v>
      </c>
      <c r="B23713" t="s">
        <v>36555</v>
      </c>
      <c r="C23713">
        <v>0</v>
      </c>
      <c r="D23713">
        <v>0</v>
      </c>
    </row>
    <row r="23714" spans="1:4" x14ac:dyDescent="0.25">
      <c r="A23714" t="s">
        <v>36553</v>
      </c>
      <c r="B23714" t="s">
        <v>36556</v>
      </c>
      <c r="C23714">
        <v>2</v>
      </c>
      <c r="D23714">
        <v>0</v>
      </c>
    </row>
    <row r="23715" spans="1:4" x14ac:dyDescent="0.25">
      <c r="A23715" t="s">
        <v>36557</v>
      </c>
      <c r="B23715" t="s">
        <v>36558</v>
      </c>
      <c r="C23715">
        <v>2</v>
      </c>
      <c r="D23715">
        <v>0</v>
      </c>
    </row>
    <row r="23716" spans="1:4" x14ac:dyDescent="0.25">
      <c r="A23716" t="s">
        <v>36557</v>
      </c>
      <c r="B23716" t="s">
        <v>36559</v>
      </c>
      <c r="C23716">
        <v>0</v>
      </c>
      <c r="D23716">
        <v>0</v>
      </c>
    </row>
    <row r="23717" spans="1:4" x14ac:dyDescent="0.25">
      <c r="A23717" t="s">
        <v>36557</v>
      </c>
      <c r="B23717" t="s">
        <v>36560</v>
      </c>
      <c r="C23717">
        <v>2</v>
      </c>
      <c r="D23717">
        <v>0</v>
      </c>
    </row>
    <row r="23718" spans="1:4" x14ac:dyDescent="0.25">
      <c r="A23718" t="s">
        <v>36561</v>
      </c>
      <c r="B23718" t="s">
        <v>36562</v>
      </c>
      <c r="C23718">
        <v>0</v>
      </c>
      <c r="D23718">
        <v>0</v>
      </c>
    </row>
    <row r="23719" spans="1:4" x14ac:dyDescent="0.25">
      <c r="A23719" t="s">
        <v>36563</v>
      </c>
      <c r="B23719" t="s">
        <v>36564</v>
      </c>
      <c r="C23719">
        <v>2</v>
      </c>
      <c r="D23719">
        <v>0</v>
      </c>
    </row>
    <row r="23720" spans="1:4" x14ac:dyDescent="0.25">
      <c r="A23720" t="s">
        <v>36563</v>
      </c>
      <c r="B23720" t="s">
        <v>36565</v>
      </c>
      <c r="C23720">
        <v>2</v>
      </c>
      <c r="D23720">
        <v>0</v>
      </c>
    </row>
    <row r="23721" spans="1:4" x14ac:dyDescent="0.25">
      <c r="A23721" t="s">
        <v>36563</v>
      </c>
      <c r="B23721" t="s">
        <v>36566</v>
      </c>
      <c r="C23721">
        <v>2</v>
      </c>
      <c r="D23721">
        <v>0</v>
      </c>
    </row>
    <row r="23722" spans="1:4" x14ac:dyDescent="0.25">
      <c r="A23722" t="s">
        <v>36567</v>
      </c>
      <c r="B23722" t="s">
        <v>36568</v>
      </c>
      <c r="C23722">
        <v>1</v>
      </c>
      <c r="D23722">
        <v>0</v>
      </c>
    </row>
    <row r="23723" spans="1:4" x14ac:dyDescent="0.25">
      <c r="A23723" t="s">
        <v>36567</v>
      </c>
      <c r="B23723" t="s">
        <v>36569</v>
      </c>
      <c r="C23723">
        <v>2</v>
      </c>
      <c r="D23723">
        <v>0</v>
      </c>
    </row>
    <row r="23724" spans="1:4" x14ac:dyDescent="0.25">
      <c r="A23724" t="s">
        <v>36570</v>
      </c>
      <c r="B23724" t="s">
        <v>36571</v>
      </c>
      <c r="C23724">
        <v>1</v>
      </c>
      <c r="D23724">
        <v>0</v>
      </c>
    </row>
    <row r="23725" spans="1:4" x14ac:dyDescent="0.25">
      <c r="A23725" t="s">
        <v>36572</v>
      </c>
      <c r="B23725" t="s">
        <v>36573</v>
      </c>
      <c r="C23725">
        <v>1</v>
      </c>
      <c r="D23725">
        <v>0</v>
      </c>
    </row>
    <row r="23726" spans="1:4" x14ac:dyDescent="0.25">
      <c r="A23726" t="s">
        <v>36574</v>
      </c>
      <c r="B23726" t="s">
        <v>36575</v>
      </c>
      <c r="C23726">
        <v>0</v>
      </c>
      <c r="D23726">
        <v>0</v>
      </c>
    </row>
    <row r="23727" spans="1:4" x14ac:dyDescent="0.25">
      <c r="A23727" t="s">
        <v>36574</v>
      </c>
      <c r="B23727" t="s">
        <v>36576</v>
      </c>
      <c r="C23727">
        <v>0</v>
      </c>
      <c r="D23727">
        <v>0</v>
      </c>
    </row>
    <row r="23728" spans="1:4" x14ac:dyDescent="0.25">
      <c r="A23728" t="s">
        <v>36577</v>
      </c>
      <c r="B23728" t="s">
        <v>36578</v>
      </c>
      <c r="C23728">
        <v>1</v>
      </c>
      <c r="D23728">
        <v>0</v>
      </c>
    </row>
    <row r="23729" spans="1:4" x14ac:dyDescent="0.25">
      <c r="A23729" t="s">
        <v>36577</v>
      </c>
      <c r="B23729" t="s">
        <v>36579</v>
      </c>
      <c r="C23729">
        <v>0</v>
      </c>
      <c r="D23729">
        <v>0</v>
      </c>
    </row>
    <row r="23730" spans="1:4" x14ac:dyDescent="0.25">
      <c r="A23730" t="s">
        <v>36577</v>
      </c>
      <c r="B23730" t="s">
        <v>36580</v>
      </c>
      <c r="C23730">
        <v>0</v>
      </c>
      <c r="D23730">
        <v>0</v>
      </c>
    </row>
    <row r="23731" spans="1:4" x14ac:dyDescent="0.25">
      <c r="A23731" t="s">
        <v>36581</v>
      </c>
      <c r="B23731" t="s">
        <v>36582</v>
      </c>
      <c r="C23731">
        <v>0</v>
      </c>
      <c r="D23731">
        <v>0</v>
      </c>
    </row>
    <row r="23732" spans="1:4" x14ac:dyDescent="0.25">
      <c r="A23732" t="s">
        <v>36581</v>
      </c>
      <c r="B23732" t="s">
        <v>36583</v>
      </c>
      <c r="C23732">
        <v>0</v>
      </c>
      <c r="D23732">
        <v>0</v>
      </c>
    </row>
    <row r="23733" spans="1:4" x14ac:dyDescent="0.25">
      <c r="A23733" t="s">
        <v>36581</v>
      </c>
      <c r="B23733" t="s">
        <v>36584</v>
      </c>
      <c r="C23733">
        <v>2</v>
      </c>
      <c r="D23733">
        <v>0</v>
      </c>
    </row>
    <row r="23734" spans="1:4" x14ac:dyDescent="0.25">
      <c r="A23734" t="s">
        <v>36585</v>
      </c>
      <c r="B23734" t="s">
        <v>36586</v>
      </c>
      <c r="C23734">
        <v>1</v>
      </c>
      <c r="D23734">
        <v>0</v>
      </c>
    </row>
    <row r="23735" spans="1:4" x14ac:dyDescent="0.25">
      <c r="A23735" t="s">
        <v>36585</v>
      </c>
      <c r="B23735" t="s">
        <v>36587</v>
      </c>
      <c r="C23735">
        <v>1</v>
      </c>
      <c r="D23735">
        <v>0</v>
      </c>
    </row>
    <row r="23736" spans="1:4" x14ac:dyDescent="0.25">
      <c r="A23736" t="s">
        <v>36585</v>
      </c>
      <c r="B23736" t="s">
        <v>36588</v>
      </c>
      <c r="C23736">
        <v>1</v>
      </c>
      <c r="D23736">
        <v>0</v>
      </c>
    </row>
    <row r="23737" spans="1:4" x14ac:dyDescent="0.25">
      <c r="A23737" t="s">
        <v>36589</v>
      </c>
      <c r="B23737" t="s">
        <v>36590</v>
      </c>
      <c r="C23737">
        <v>1</v>
      </c>
      <c r="D23737">
        <v>0</v>
      </c>
    </row>
    <row r="23738" spans="1:4" x14ac:dyDescent="0.25">
      <c r="A23738" t="s">
        <v>36591</v>
      </c>
      <c r="B23738" t="s">
        <v>36592</v>
      </c>
      <c r="C23738">
        <v>1</v>
      </c>
      <c r="D23738">
        <v>0</v>
      </c>
    </row>
    <row r="23739" spans="1:4" x14ac:dyDescent="0.25">
      <c r="A23739" t="s">
        <v>36591</v>
      </c>
      <c r="B23739" t="s">
        <v>36593</v>
      </c>
      <c r="C23739">
        <v>1</v>
      </c>
      <c r="D23739">
        <v>0</v>
      </c>
    </row>
    <row r="23740" spans="1:4" x14ac:dyDescent="0.25">
      <c r="A23740" t="s">
        <v>36591</v>
      </c>
      <c r="B23740" t="s">
        <v>36594</v>
      </c>
      <c r="C23740">
        <v>1</v>
      </c>
      <c r="D23740">
        <v>0</v>
      </c>
    </row>
    <row r="23741" spans="1:4" x14ac:dyDescent="0.25">
      <c r="A23741" t="s">
        <v>36595</v>
      </c>
      <c r="B23741" t="s">
        <v>2704</v>
      </c>
      <c r="C23741">
        <v>1</v>
      </c>
      <c r="D23741">
        <v>0</v>
      </c>
    </row>
    <row r="23742" spans="1:4" x14ac:dyDescent="0.25">
      <c r="A23742" t="s">
        <v>36596</v>
      </c>
      <c r="B23742" t="s">
        <v>36597</v>
      </c>
      <c r="C23742">
        <v>1</v>
      </c>
      <c r="D23742">
        <v>0</v>
      </c>
    </row>
    <row r="23743" spans="1:4" x14ac:dyDescent="0.25">
      <c r="A23743" t="s">
        <v>36596</v>
      </c>
      <c r="B23743" t="s">
        <v>36598</v>
      </c>
      <c r="C23743">
        <v>1</v>
      </c>
      <c r="D23743">
        <v>0</v>
      </c>
    </row>
    <row r="23744" spans="1:4" x14ac:dyDescent="0.25">
      <c r="A23744" t="s">
        <v>36596</v>
      </c>
      <c r="B23744" t="s">
        <v>36599</v>
      </c>
      <c r="C23744">
        <v>1</v>
      </c>
      <c r="D23744">
        <v>0</v>
      </c>
    </row>
    <row r="23745" spans="1:4" x14ac:dyDescent="0.25">
      <c r="A23745" t="s">
        <v>36600</v>
      </c>
      <c r="B23745" t="s">
        <v>36601</v>
      </c>
      <c r="C23745">
        <v>0</v>
      </c>
      <c r="D23745">
        <v>0</v>
      </c>
    </row>
    <row r="23746" spans="1:4" x14ac:dyDescent="0.25">
      <c r="A23746" t="s">
        <v>36600</v>
      </c>
      <c r="B23746" t="s">
        <v>36602</v>
      </c>
      <c r="C23746">
        <v>2</v>
      </c>
      <c r="D23746">
        <v>0</v>
      </c>
    </row>
    <row r="23747" spans="1:4" x14ac:dyDescent="0.25">
      <c r="A23747" t="s">
        <v>36600</v>
      </c>
      <c r="B23747" t="s">
        <v>36603</v>
      </c>
      <c r="C23747">
        <v>1</v>
      </c>
      <c r="D23747">
        <v>0</v>
      </c>
    </row>
    <row r="23748" spans="1:4" x14ac:dyDescent="0.25">
      <c r="A23748" t="s">
        <v>36604</v>
      </c>
      <c r="B23748" t="s">
        <v>36605</v>
      </c>
      <c r="C23748">
        <v>0</v>
      </c>
      <c r="D23748">
        <v>0</v>
      </c>
    </row>
    <row r="23749" spans="1:4" x14ac:dyDescent="0.25">
      <c r="A23749" t="s">
        <v>36606</v>
      </c>
      <c r="B23749" t="s">
        <v>36607</v>
      </c>
      <c r="C23749">
        <v>0</v>
      </c>
      <c r="D23749">
        <v>0</v>
      </c>
    </row>
    <row r="23750" spans="1:4" x14ac:dyDescent="0.25">
      <c r="A23750" t="s">
        <v>36606</v>
      </c>
      <c r="B23750" t="s">
        <v>36608</v>
      </c>
      <c r="C23750">
        <v>1</v>
      </c>
      <c r="D23750">
        <v>0</v>
      </c>
    </row>
    <row r="23751" spans="1:4" x14ac:dyDescent="0.25">
      <c r="A23751" t="s">
        <v>36606</v>
      </c>
      <c r="B23751" t="s">
        <v>36609</v>
      </c>
      <c r="C23751">
        <v>0</v>
      </c>
      <c r="D23751">
        <v>0</v>
      </c>
    </row>
    <row r="23752" spans="1:4" x14ac:dyDescent="0.25">
      <c r="A23752" t="s">
        <v>36610</v>
      </c>
      <c r="B23752" t="s">
        <v>36611</v>
      </c>
      <c r="C23752">
        <v>1</v>
      </c>
      <c r="D23752">
        <v>0</v>
      </c>
    </row>
    <row r="23753" spans="1:4" x14ac:dyDescent="0.25">
      <c r="A23753" t="s">
        <v>36610</v>
      </c>
      <c r="B23753" t="s">
        <v>36612</v>
      </c>
      <c r="C23753">
        <v>2</v>
      </c>
      <c r="D23753">
        <v>0</v>
      </c>
    </row>
    <row r="23754" spans="1:4" x14ac:dyDescent="0.25">
      <c r="A23754" t="s">
        <v>36613</v>
      </c>
      <c r="B23754" t="s">
        <v>36614</v>
      </c>
      <c r="C23754">
        <v>1</v>
      </c>
      <c r="D23754">
        <v>0</v>
      </c>
    </row>
    <row r="23755" spans="1:4" x14ac:dyDescent="0.25">
      <c r="A23755" t="s">
        <v>36613</v>
      </c>
      <c r="B23755" t="s">
        <v>36615</v>
      </c>
      <c r="C23755">
        <v>1</v>
      </c>
      <c r="D23755">
        <v>0</v>
      </c>
    </row>
    <row r="23756" spans="1:4" x14ac:dyDescent="0.25">
      <c r="A23756" t="s">
        <v>36613</v>
      </c>
      <c r="B23756" t="s">
        <v>36616</v>
      </c>
      <c r="C23756">
        <v>0</v>
      </c>
      <c r="D23756">
        <v>0</v>
      </c>
    </row>
    <row r="23757" spans="1:4" x14ac:dyDescent="0.25">
      <c r="A23757" t="s">
        <v>36617</v>
      </c>
      <c r="B23757" t="s">
        <v>36618</v>
      </c>
      <c r="C23757">
        <v>2</v>
      </c>
      <c r="D23757">
        <v>0</v>
      </c>
    </row>
    <row r="23758" spans="1:4" x14ac:dyDescent="0.25">
      <c r="A23758" t="s">
        <v>36617</v>
      </c>
      <c r="B23758" t="s">
        <v>36619</v>
      </c>
      <c r="C23758">
        <v>1</v>
      </c>
      <c r="D23758">
        <v>0</v>
      </c>
    </row>
    <row r="23759" spans="1:4" x14ac:dyDescent="0.25">
      <c r="A23759" t="s">
        <v>36620</v>
      </c>
      <c r="B23759" t="s">
        <v>36621</v>
      </c>
      <c r="C23759">
        <v>1</v>
      </c>
      <c r="D23759">
        <v>0</v>
      </c>
    </row>
    <row r="23760" spans="1:4" x14ac:dyDescent="0.25">
      <c r="A23760" t="s">
        <v>36622</v>
      </c>
      <c r="B23760" t="s">
        <v>36623</v>
      </c>
      <c r="C23760">
        <v>1</v>
      </c>
      <c r="D23760">
        <v>0</v>
      </c>
    </row>
    <row r="23761" spans="1:4" x14ac:dyDescent="0.25">
      <c r="A23761" t="s">
        <v>36622</v>
      </c>
      <c r="B23761" t="s">
        <v>1294</v>
      </c>
      <c r="C23761">
        <v>1</v>
      </c>
      <c r="D23761">
        <v>0</v>
      </c>
    </row>
    <row r="23762" spans="1:4" x14ac:dyDescent="0.25">
      <c r="A23762" t="s">
        <v>36622</v>
      </c>
      <c r="B23762" t="s">
        <v>36624</v>
      </c>
      <c r="C23762">
        <v>0</v>
      </c>
      <c r="D23762">
        <v>0</v>
      </c>
    </row>
    <row r="23763" spans="1:4" x14ac:dyDescent="0.25">
      <c r="A23763" t="s">
        <v>36625</v>
      </c>
      <c r="B23763" t="s">
        <v>36626</v>
      </c>
      <c r="C23763">
        <v>1</v>
      </c>
      <c r="D23763">
        <v>0</v>
      </c>
    </row>
    <row r="23764" spans="1:4" x14ac:dyDescent="0.25">
      <c r="A23764" t="s">
        <v>36625</v>
      </c>
      <c r="B23764" t="s">
        <v>36627</v>
      </c>
      <c r="C23764">
        <v>2</v>
      </c>
      <c r="D23764">
        <v>0</v>
      </c>
    </row>
    <row r="23765" spans="1:4" x14ac:dyDescent="0.25">
      <c r="A23765" t="s">
        <v>36628</v>
      </c>
      <c r="B23765" t="s">
        <v>36629</v>
      </c>
      <c r="C23765">
        <v>1</v>
      </c>
      <c r="D23765">
        <v>0</v>
      </c>
    </row>
    <row r="23766" spans="1:4" x14ac:dyDescent="0.25">
      <c r="A23766" t="s">
        <v>36630</v>
      </c>
      <c r="B23766" t="s">
        <v>36631</v>
      </c>
      <c r="C23766">
        <v>2</v>
      </c>
      <c r="D23766">
        <v>0</v>
      </c>
    </row>
    <row r="23767" spans="1:4" x14ac:dyDescent="0.25">
      <c r="A23767" t="s">
        <v>36630</v>
      </c>
      <c r="B23767" t="s">
        <v>36632</v>
      </c>
      <c r="C23767">
        <v>1</v>
      </c>
      <c r="D23767">
        <v>0</v>
      </c>
    </row>
    <row r="23768" spans="1:4" x14ac:dyDescent="0.25">
      <c r="A23768" t="s">
        <v>36630</v>
      </c>
      <c r="B23768" t="s">
        <v>36633</v>
      </c>
      <c r="C23768">
        <v>1</v>
      </c>
      <c r="D23768">
        <v>0</v>
      </c>
    </row>
    <row r="23769" spans="1:4" x14ac:dyDescent="0.25">
      <c r="A23769" t="s">
        <v>36634</v>
      </c>
      <c r="B23769" t="s">
        <v>36635</v>
      </c>
      <c r="C23769">
        <v>1</v>
      </c>
      <c r="D23769">
        <v>0</v>
      </c>
    </row>
    <row r="23770" spans="1:4" x14ac:dyDescent="0.25">
      <c r="A23770" t="s">
        <v>36634</v>
      </c>
      <c r="B23770" t="s">
        <v>36636</v>
      </c>
      <c r="C23770">
        <v>0</v>
      </c>
      <c r="D23770">
        <v>0</v>
      </c>
    </row>
    <row r="23771" spans="1:4" x14ac:dyDescent="0.25">
      <c r="A23771" t="s">
        <v>36634</v>
      </c>
      <c r="B23771" t="s">
        <v>36637</v>
      </c>
      <c r="C23771">
        <v>2</v>
      </c>
      <c r="D23771">
        <v>0</v>
      </c>
    </row>
    <row r="23772" spans="1:4" x14ac:dyDescent="0.25">
      <c r="A23772" t="s">
        <v>36638</v>
      </c>
      <c r="B23772" t="s">
        <v>36639</v>
      </c>
      <c r="C23772">
        <v>2</v>
      </c>
      <c r="D23772">
        <v>0</v>
      </c>
    </row>
    <row r="23773" spans="1:4" x14ac:dyDescent="0.25">
      <c r="A23773" t="s">
        <v>36638</v>
      </c>
      <c r="B23773" t="s">
        <v>36640</v>
      </c>
      <c r="C23773">
        <v>1</v>
      </c>
      <c r="D23773">
        <v>0</v>
      </c>
    </row>
    <row r="23774" spans="1:4" x14ac:dyDescent="0.25">
      <c r="A23774" t="s">
        <v>36638</v>
      </c>
      <c r="B23774" t="s">
        <v>36641</v>
      </c>
      <c r="C23774">
        <v>0</v>
      </c>
      <c r="D23774">
        <v>0</v>
      </c>
    </row>
    <row r="23775" spans="1:4" x14ac:dyDescent="0.25">
      <c r="A23775" t="s">
        <v>36642</v>
      </c>
      <c r="B23775" t="s">
        <v>36643</v>
      </c>
      <c r="C23775">
        <v>0</v>
      </c>
      <c r="D23775">
        <v>0</v>
      </c>
    </row>
    <row r="23776" spans="1:4" x14ac:dyDescent="0.25">
      <c r="A23776" t="s">
        <v>36644</v>
      </c>
      <c r="B23776" t="s">
        <v>36645</v>
      </c>
      <c r="C23776">
        <v>1</v>
      </c>
      <c r="D23776">
        <v>0</v>
      </c>
    </row>
    <row r="23777" spans="1:4" x14ac:dyDescent="0.25">
      <c r="A23777" t="s">
        <v>36646</v>
      </c>
      <c r="B23777" t="s">
        <v>36647</v>
      </c>
      <c r="C23777">
        <v>1</v>
      </c>
      <c r="D23777">
        <v>0</v>
      </c>
    </row>
    <row r="23778" spans="1:4" x14ac:dyDescent="0.25">
      <c r="A23778" t="s">
        <v>36648</v>
      </c>
      <c r="B23778" t="s">
        <v>36649</v>
      </c>
      <c r="C23778">
        <v>0</v>
      </c>
      <c r="D23778">
        <v>0</v>
      </c>
    </row>
    <row r="23779" spans="1:4" x14ac:dyDescent="0.25">
      <c r="A23779" t="s">
        <v>36648</v>
      </c>
      <c r="B23779" t="s">
        <v>36650</v>
      </c>
      <c r="C23779">
        <v>0</v>
      </c>
      <c r="D23779">
        <v>0</v>
      </c>
    </row>
    <row r="23780" spans="1:4" x14ac:dyDescent="0.25">
      <c r="A23780" t="s">
        <v>36651</v>
      </c>
      <c r="B23780" t="s">
        <v>36652</v>
      </c>
      <c r="C23780">
        <v>2</v>
      </c>
      <c r="D23780">
        <v>0</v>
      </c>
    </row>
    <row r="23781" spans="1:4" x14ac:dyDescent="0.25">
      <c r="A23781" t="s">
        <v>36651</v>
      </c>
      <c r="B23781" t="s">
        <v>36653</v>
      </c>
      <c r="C23781">
        <v>1</v>
      </c>
      <c r="D23781">
        <v>0</v>
      </c>
    </row>
    <row r="23782" spans="1:4" x14ac:dyDescent="0.25">
      <c r="A23782" t="s">
        <v>36654</v>
      </c>
      <c r="B23782" t="s">
        <v>36655</v>
      </c>
      <c r="C23782">
        <v>1</v>
      </c>
      <c r="D23782">
        <v>0</v>
      </c>
    </row>
    <row r="23783" spans="1:4" x14ac:dyDescent="0.25">
      <c r="A23783" t="s">
        <v>36654</v>
      </c>
      <c r="B23783" t="s">
        <v>36656</v>
      </c>
      <c r="C23783">
        <v>2</v>
      </c>
      <c r="D23783">
        <v>0</v>
      </c>
    </row>
    <row r="23784" spans="1:4" x14ac:dyDescent="0.25">
      <c r="A23784" t="s">
        <v>36654</v>
      </c>
      <c r="B23784" t="s">
        <v>36657</v>
      </c>
      <c r="C23784">
        <v>2</v>
      </c>
      <c r="D23784">
        <v>0</v>
      </c>
    </row>
    <row r="23785" spans="1:4" x14ac:dyDescent="0.25">
      <c r="A23785" t="s">
        <v>36658</v>
      </c>
      <c r="B23785" t="s">
        <v>36659</v>
      </c>
      <c r="C23785">
        <v>1</v>
      </c>
      <c r="D23785">
        <v>0</v>
      </c>
    </row>
    <row r="23786" spans="1:4" x14ac:dyDescent="0.25">
      <c r="A23786" t="s">
        <v>36660</v>
      </c>
      <c r="B23786" t="s">
        <v>36661</v>
      </c>
      <c r="C23786">
        <v>1</v>
      </c>
      <c r="D23786">
        <v>0</v>
      </c>
    </row>
    <row r="23787" spans="1:4" x14ac:dyDescent="0.25">
      <c r="A23787" t="s">
        <v>36662</v>
      </c>
      <c r="B23787" t="s">
        <v>398</v>
      </c>
      <c r="C23787">
        <v>0</v>
      </c>
      <c r="D23787">
        <v>0</v>
      </c>
    </row>
    <row r="23788" spans="1:4" x14ac:dyDescent="0.25">
      <c r="A23788" t="s">
        <v>36662</v>
      </c>
      <c r="B23788" t="s">
        <v>36663</v>
      </c>
      <c r="C23788">
        <v>0</v>
      </c>
      <c r="D23788">
        <v>0</v>
      </c>
    </row>
    <row r="23789" spans="1:4" x14ac:dyDescent="0.25">
      <c r="A23789" t="s">
        <v>36664</v>
      </c>
      <c r="B23789" t="s">
        <v>36665</v>
      </c>
      <c r="C23789">
        <v>0</v>
      </c>
      <c r="D23789">
        <v>0</v>
      </c>
    </row>
    <row r="23790" spans="1:4" x14ac:dyDescent="0.25">
      <c r="A23790" t="s">
        <v>36666</v>
      </c>
      <c r="B23790" t="s">
        <v>2061</v>
      </c>
      <c r="C23790">
        <v>0</v>
      </c>
      <c r="D23790">
        <v>0</v>
      </c>
    </row>
    <row r="23791" spans="1:4" x14ac:dyDescent="0.25">
      <c r="A23791" t="s">
        <v>36667</v>
      </c>
      <c r="B23791" t="s">
        <v>1294</v>
      </c>
      <c r="C23791">
        <v>1</v>
      </c>
      <c r="D23791">
        <v>0</v>
      </c>
    </row>
    <row r="23792" spans="1:4" x14ac:dyDescent="0.25">
      <c r="A23792" t="s">
        <v>36668</v>
      </c>
      <c r="B23792" t="s">
        <v>36669</v>
      </c>
      <c r="C23792">
        <v>2</v>
      </c>
      <c r="D23792">
        <v>0</v>
      </c>
    </row>
    <row r="23793" spans="1:4" x14ac:dyDescent="0.25">
      <c r="A23793" t="s">
        <v>36668</v>
      </c>
      <c r="B23793" t="s">
        <v>36670</v>
      </c>
      <c r="C23793">
        <v>0</v>
      </c>
      <c r="D23793">
        <v>0</v>
      </c>
    </row>
    <row r="23794" spans="1:4" x14ac:dyDescent="0.25">
      <c r="A23794" t="s">
        <v>36668</v>
      </c>
      <c r="B23794" t="s">
        <v>36671</v>
      </c>
      <c r="C23794">
        <v>1</v>
      </c>
      <c r="D23794">
        <v>0</v>
      </c>
    </row>
    <row r="23795" spans="1:4" x14ac:dyDescent="0.25">
      <c r="A23795" t="s">
        <v>36672</v>
      </c>
      <c r="B23795" t="s">
        <v>36673</v>
      </c>
      <c r="C23795">
        <v>1</v>
      </c>
      <c r="D23795">
        <v>0</v>
      </c>
    </row>
    <row r="23796" spans="1:4" x14ac:dyDescent="0.25">
      <c r="A23796" t="s">
        <v>36672</v>
      </c>
      <c r="B23796" t="s">
        <v>36674</v>
      </c>
      <c r="C23796">
        <v>1</v>
      </c>
      <c r="D23796">
        <v>0</v>
      </c>
    </row>
    <row r="23797" spans="1:4" x14ac:dyDescent="0.25">
      <c r="A23797" t="s">
        <v>36672</v>
      </c>
      <c r="B23797" t="s">
        <v>36675</v>
      </c>
      <c r="C23797">
        <v>1</v>
      </c>
      <c r="D23797">
        <v>0</v>
      </c>
    </row>
    <row r="23798" spans="1:4" x14ac:dyDescent="0.25">
      <c r="A23798" t="s">
        <v>36676</v>
      </c>
      <c r="B23798" t="s">
        <v>36677</v>
      </c>
      <c r="C23798">
        <v>0</v>
      </c>
      <c r="D23798">
        <v>0</v>
      </c>
    </row>
    <row r="23799" spans="1:4" x14ac:dyDescent="0.25">
      <c r="A23799" t="s">
        <v>36678</v>
      </c>
      <c r="B23799" t="s">
        <v>36679</v>
      </c>
      <c r="C23799">
        <v>1</v>
      </c>
      <c r="D23799">
        <v>0</v>
      </c>
    </row>
    <row r="23800" spans="1:4" x14ac:dyDescent="0.25">
      <c r="A23800" t="s">
        <v>36680</v>
      </c>
      <c r="B23800" t="s">
        <v>36681</v>
      </c>
      <c r="C23800">
        <v>1</v>
      </c>
      <c r="D23800">
        <v>0</v>
      </c>
    </row>
    <row r="23801" spans="1:4" x14ac:dyDescent="0.25">
      <c r="A23801" t="s">
        <v>36682</v>
      </c>
      <c r="B23801" t="s">
        <v>36683</v>
      </c>
      <c r="C23801">
        <v>0</v>
      </c>
      <c r="D23801">
        <v>0</v>
      </c>
    </row>
    <row r="23802" spans="1:4" x14ac:dyDescent="0.25">
      <c r="A23802" t="s">
        <v>36682</v>
      </c>
      <c r="B23802" t="s">
        <v>36684</v>
      </c>
      <c r="C23802">
        <v>1</v>
      </c>
      <c r="D23802">
        <v>0</v>
      </c>
    </row>
    <row r="23803" spans="1:4" x14ac:dyDescent="0.25">
      <c r="A23803" t="s">
        <v>36685</v>
      </c>
      <c r="B23803" t="s">
        <v>36686</v>
      </c>
      <c r="C23803">
        <v>2</v>
      </c>
      <c r="D23803">
        <v>0</v>
      </c>
    </row>
    <row r="23804" spans="1:4" x14ac:dyDescent="0.25">
      <c r="A23804" t="s">
        <v>36687</v>
      </c>
      <c r="B23804" t="s">
        <v>36688</v>
      </c>
      <c r="C23804">
        <v>1</v>
      </c>
      <c r="D23804">
        <v>0</v>
      </c>
    </row>
    <row r="23805" spans="1:4" x14ac:dyDescent="0.25">
      <c r="A23805" t="s">
        <v>36689</v>
      </c>
      <c r="B23805" t="s">
        <v>36690</v>
      </c>
      <c r="C23805">
        <v>0</v>
      </c>
      <c r="D23805">
        <v>0</v>
      </c>
    </row>
    <row r="23806" spans="1:4" x14ac:dyDescent="0.25">
      <c r="A23806" t="s">
        <v>36689</v>
      </c>
      <c r="B23806" t="s">
        <v>36691</v>
      </c>
      <c r="C23806">
        <v>0</v>
      </c>
      <c r="D23806">
        <v>0</v>
      </c>
    </row>
    <row r="23807" spans="1:4" x14ac:dyDescent="0.25">
      <c r="A23807" t="s">
        <v>36692</v>
      </c>
      <c r="B23807" t="s">
        <v>36693</v>
      </c>
      <c r="C23807">
        <v>0</v>
      </c>
      <c r="D23807">
        <v>0</v>
      </c>
    </row>
    <row r="23808" spans="1:4" x14ac:dyDescent="0.25">
      <c r="A23808" t="s">
        <v>36692</v>
      </c>
      <c r="B23808" t="s">
        <v>36694</v>
      </c>
      <c r="C23808">
        <v>0</v>
      </c>
      <c r="D23808">
        <v>0</v>
      </c>
    </row>
    <row r="23809" spans="1:4" x14ac:dyDescent="0.25">
      <c r="A23809" t="s">
        <v>36695</v>
      </c>
      <c r="B23809" t="s">
        <v>36696</v>
      </c>
      <c r="C23809">
        <v>0</v>
      </c>
      <c r="D23809">
        <v>0</v>
      </c>
    </row>
    <row r="23810" spans="1:4" x14ac:dyDescent="0.25">
      <c r="A23810" t="s">
        <v>36695</v>
      </c>
      <c r="B23810" t="s">
        <v>36697</v>
      </c>
      <c r="C23810">
        <v>0</v>
      </c>
      <c r="D23810">
        <v>0</v>
      </c>
    </row>
    <row r="23811" spans="1:4" x14ac:dyDescent="0.25">
      <c r="A23811" t="s">
        <v>36695</v>
      </c>
      <c r="B23811" t="s">
        <v>36698</v>
      </c>
      <c r="C23811">
        <v>0</v>
      </c>
      <c r="D23811">
        <v>0</v>
      </c>
    </row>
    <row r="23812" spans="1:4" x14ac:dyDescent="0.25">
      <c r="A23812" t="s">
        <v>36699</v>
      </c>
      <c r="B23812" t="s">
        <v>36700</v>
      </c>
      <c r="C23812">
        <v>1</v>
      </c>
      <c r="D23812">
        <v>0</v>
      </c>
    </row>
    <row r="23813" spans="1:4" x14ac:dyDescent="0.25">
      <c r="A23813" t="s">
        <v>36699</v>
      </c>
      <c r="B23813" t="s">
        <v>36701</v>
      </c>
      <c r="C23813">
        <v>0</v>
      </c>
      <c r="D23813">
        <v>0</v>
      </c>
    </row>
    <row r="23814" spans="1:4" x14ac:dyDescent="0.25">
      <c r="A23814" t="s">
        <v>36702</v>
      </c>
      <c r="B23814" t="s">
        <v>969</v>
      </c>
      <c r="C23814">
        <v>0</v>
      </c>
      <c r="D23814">
        <v>0</v>
      </c>
    </row>
    <row r="23815" spans="1:4" x14ac:dyDescent="0.25">
      <c r="A23815" t="s">
        <v>36702</v>
      </c>
      <c r="B23815" t="s">
        <v>36703</v>
      </c>
      <c r="C23815">
        <v>2</v>
      </c>
      <c r="D23815">
        <v>0</v>
      </c>
    </row>
    <row r="23816" spans="1:4" x14ac:dyDescent="0.25">
      <c r="A23816" t="s">
        <v>36704</v>
      </c>
      <c r="B23816" t="s">
        <v>3169</v>
      </c>
      <c r="C23816">
        <v>0</v>
      </c>
      <c r="D23816">
        <v>0</v>
      </c>
    </row>
    <row r="23817" spans="1:4" x14ac:dyDescent="0.25">
      <c r="A23817" t="s">
        <v>36705</v>
      </c>
      <c r="B23817" t="s">
        <v>36706</v>
      </c>
      <c r="C23817">
        <v>2</v>
      </c>
      <c r="D23817">
        <v>0</v>
      </c>
    </row>
    <row r="23818" spans="1:4" x14ac:dyDescent="0.25">
      <c r="A23818" t="s">
        <v>36705</v>
      </c>
      <c r="B23818" t="s">
        <v>36707</v>
      </c>
      <c r="C23818">
        <v>0</v>
      </c>
      <c r="D23818">
        <v>0</v>
      </c>
    </row>
    <row r="23819" spans="1:4" x14ac:dyDescent="0.25">
      <c r="A23819" t="s">
        <v>36708</v>
      </c>
      <c r="B23819" t="s">
        <v>36709</v>
      </c>
      <c r="C23819">
        <v>1</v>
      </c>
      <c r="D23819">
        <v>0</v>
      </c>
    </row>
    <row r="23820" spans="1:4" x14ac:dyDescent="0.25">
      <c r="A23820" t="s">
        <v>36708</v>
      </c>
      <c r="B23820" t="s">
        <v>36710</v>
      </c>
      <c r="C23820">
        <v>1</v>
      </c>
      <c r="D23820">
        <v>0</v>
      </c>
    </row>
    <row r="23821" spans="1:4" x14ac:dyDescent="0.25">
      <c r="A23821" t="s">
        <v>36708</v>
      </c>
      <c r="B23821" t="s">
        <v>36711</v>
      </c>
      <c r="C23821">
        <v>1</v>
      </c>
      <c r="D23821">
        <v>0</v>
      </c>
    </row>
    <row r="23822" spans="1:4" x14ac:dyDescent="0.25">
      <c r="A23822" t="s">
        <v>36712</v>
      </c>
      <c r="B23822" t="s">
        <v>1001</v>
      </c>
      <c r="C23822">
        <v>1</v>
      </c>
      <c r="D23822">
        <v>0</v>
      </c>
    </row>
    <row r="23823" spans="1:4" x14ac:dyDescent="0.25">
      <c r="A23823" t="s">
        <v>36713</v>
      </c>
      <c r="B23823" t="s">
        <v>36714</v>
      </c>
      <c r="C23823">
        <v>0</v>
      </c>
      <c r="D23823">
        <v>0</v>
      </c>
    </row>
    <row r="23824" spans="1:4" x14ac:dyDescent="0.25">
      <c r="A23824" t="s">
        <v>36715</v>
      </c>
      <c r="B23824" t="s">
        <v>36716</v>
      </c>
      <c r="C23824">
        <v>0</v>
      </c>
      <c r="D23824">
        <v>0</v>
      </c>
    </row>
    <row r="23825" spans="1:4" x14ac:dyDescent="0.25">
      <c r="A23825" t="s">
        <v>36717</v>
      </c>
      <c r="B23825" t="s">
        <v>36718</v>
      </c>
      <c r="C23825">
        <v>1</v>
      </c>
      <c r="D23825">
        <v>0</v>
      </c>
    </row>
    <row r="23826" spans="1:4" x14ac:dyDescent="0.25">
      <c r="A23826" t="s">
        <v>36719</v>
      </c>
      <c r="B23826" t="s">
        <v>36720</v>
      </c>
      <c r="C23826">
        <v>0</v>
      </c>
      <c r="D23826">
        <v>0</v>
      </c>
    </row>
    <row r="23827" spans="1:4" x14ac:dyDescent="0.25">
      <c r="A23827" t="s">
        <v>36719</v>
      </c>
      <c r="B23827" t="s">
        <v>36721</v>
      </c>
      <c r="C23827">
        <v>1</v>
      </c>
      <c r="D23827">
        <v>0</v>
      </c>
    </row>
    <row r="23828" spans="1:4" x14ac:dyDescent="0.25">
      <c r="A23828" t="s">
        <v>36719</v>
      </c>
      <c r="B23828" t="s">
        <v>36722</v>
      </c>
      <c r="C23828">
        <v>2</v>
      </c>
      <c r="D23828">
        <v>0</v>
      </c>
    </row>
    <row r="23829" spans="1:4" x14ac:dyDescent="0.25">
      <c r="A23829" t="s">
        <v>36723</v>
      </c>
      <c r="B23829" t="s">
        <v>36724</v>
      </c>
      <c r="C23829">
        <v>0</v>
      </c>
      <c r="D23829">
        <v>0</v>
      </c>
    </row>
    <row r="23830" spans="1:4" x14ac:dyDescent="0.25">
      <c r="A23830" t="s">
        <v>36723</v>
      </c>
      <c r="B23830" t="s">
        <v>36725</v>
      </c>
      <c r="C23830">
        <v>0</v>
      </c>
      <c r="D23830">
        <v>0</v>
      </c>
    </row>
    <row r="23831" spans="1:4" x14ac:dyDescent="0.25">
      <c r="A23831" t="s">
        <v>36726</v>
      </c>
      <c r="B23831" t="s">
        <v>36727</v>
      </c>
      <c r="C23831">
        <v>1</v>
      </c>
      <c r="D23831">
        <v>0</v>
      </c>
    </row>
    <row r="23832" spans="1:4" x14ac:dyDescent="0.25">
      <c r="A23832" t="s">
        <v>36726</v>
      </c>
      <c r="B23832" t="s">
        <v>36728</v>
      </c>
      <c r="C23832">
        <v>1</v>
      </c>
      <c r="D23832">
        <v>0</v>
      </c>
    </row>
    <row r="23833" spans="1:4" x14ac:dyDescent="0.25">
      <c r="A23833" t="s">
        <v>36729</v>
      </c>
      <c r="B23833" t="s">
        <v>36730</v>
      </c>
      <c r="C23833">
        <v>1</v>
      </c>
      <c r="D23833">
        <v>0</v>
      </c>
    </row>
    <row r="23834" spans="1:4" x14ac:dyDescent="0.25">
      <c r="A23834" t="s">
        <v>36729</v>
      </c>
      <c r="B23834" t="s">
        <v>36731</v>
      </c>
      <c r="C23834">
        <v>0</v>
      </c>
      <c r="D23834">
        <v>0</v>
      </c>
    </row>
    <row r="23835" spans="1:4" x14ac:dyDescent="0.25">
      <c r="A23835" t="s">
        <v>36729</v>
      </c>
      <c r="B23835" t="s">
        <v>36732</v>
      </c>
      <c r="C23835">
        <v>1</v>
      </c>
      <c r="D23835">
        <v>0</v>
      </c>
    </row>
    <row r="23836" spans="1:4" x14ac:dyDescent="0.25">
      <c r="A23836" t="s">
        <v>36733</v>
      </c>
      <c r="B23836" t="s">
        <v>5244</v>
      </c>
      <c r="C23836">
        <v>0</v>
      </c>
      <c r="D23836">
        <v>0</v>
      </c>
    </row>
    <row r="23837" spans="1:4" x14ac:dyDescent="0.25">
      <c r="A23837" t="s">
        <v>36734</v>
      </c>
      <c r="B23837" t="s">
        <v>36735</v>
      </c>
      <c r="C23837">
        <v>0</v>
      </c>
      <c r="D23837">
        <v>0</v>
      </c>
    </row>
    <row r="23838" spans="1:4" x14ac:dyDescent="0.25">
      <c r="A23838" t="s">
        <v>36734</v>
      </c>
      <c r="B23838" t="s">
        <v>36736</v>
      </c>
      <c r="C23838">
        <v>0</v>
      </c>
      <c r="D23838">
        <v>0</v>
      </c>
    </row>
    <row r="23839" spans="1:4" x14ac:dyDescent="0.25">
      <c r="A23839" t="s">
        <v>36734</v>
      </c>
      <c r="B23839" t="s">
        <v>36737</v>
      </c>
      <c r="C23839">
        <v>2</v>
      </c>
      <c r="D23839">
        <v>0</v>
      </c>
    </row>
    <row r="23840" spans="1:4" x14ac:dyDescent="0.25">
      <c r="A23840" t="s">
        <v>36738</v>
      </c>
      <c r="B23840" t="s">
        <v>36739</v>
      </c>
      <c r="C23840">
        <v>0</v>
      </c>
      <c r="D23840">
        <v>0</v>
      </c>
    </row>
    <row r="23841" spans="1:4" x14ac:dyDescent="0.25">
      <c r="A23841" t="s">
        <v>36738</v>
      </c>
      <c r="B23841" t="s">
        <v>36740</v>
      </c>
      <c r="C23841">
        <v>1</v>
      </c>
      <c r="D23841">
        <v>0</v>
      </c>
    </row>
    <row r="23842" spans="1:4" x14ac:dyDescent="0.25">
      <c r="A23842" t="s">
        <v>36738</v>
      </c>
      <c r="B23842" t="s">
        <v>36741</v>
      </c>
      <c r="C23842">
        <v>1</v>
      </c>
      <c r="D23842">
        <v>0</v>
      </c>
    </row>
    <row r="23843" spans="1:4" x14ac:dyDescent="0.25">
      <c r="A23843" t="s">
        <v>36742</v>
      </c>
      <c r="B23843" t="s">
        <v>36743</v>
      </c>
      <c r="C23843">
        <v>2</v>
      </c>
      <c r="D23843">
        <v>0</v>
      </c>
    </row>
    <row r="23844" spans="1:4" x14ac:dyDescent="0.25">
      <c r="A23844" t="s">
        <v>36742</v>
      </c>
      <c r="B23844" t="s">
        <v>36744</v>
      </c>
      <c r="C23844">
        <v>1</v>
      </c>
      <c r="D23844">
        <v>0</v>
      </c>
    </row>
    <row r="23845" spans="1:4" x14ac:dyDescent="0.25">
      <c r="A23845" t="s">
        <v>36742</v>
      </c>
      <c r="B23845" t="s">
        <v>36745</v>
      </c>
      <c r="C23845">
        <v>2</v>
      </c>
      <c r="D23845">
        <v>0</v>
      </c>
    </row>
    <row r="23846" spans="1:4" x14ac:dyDescent="0.25">
      <c r="A23846" t="s">
        <v>36746</v>
      </c>
      <c r="B23846" t="s">
        <v>36747</v>
      </c>
      <c r="C23846">
        <v>0</v>
      </c>
      <c r="D23846">
        <v>0</v>
      </c>
    </row>
    <row r="23847" spans="1:4" x14ac:dyDescent="0.25">
      <c r="A23847" t="s">
        <v>36748</v>
      </c>
      <c r="B23847" t="s">
        <v>36749</v>
      </c>
      <c r="C23847">
        <v>0</v>
      </c>
      <c r="D23847">
        <v>0</v>
      </c>
    </row>
    <row r="23848" spans="1:4" x14ac:dyDescent="0.25">
      <c r="A23848" t="s">
        <v>36750</v>
      </c>
      <c r="B23848" t="s">
        <v>36751</v>
      </c>
      <c r="C23848">
        <v>0</v>
      </c>
      <c r="D23848">
        <v>0</v>
      </c>
    </row>
    <row r="23849" spans="1:4" x14ac:dyDescent="0.25">
      <c r="A23849" t="s">
        <v>36750</v>
      </c>
      <c r="B23849" t="s">
        <v>36752</v>
      </c>
      <c r="C23849">
        <v>0</v>
      </c>
      <c r="D23849">
        <v>0</v>
      </c>
    </row>
    <row r="23850" spans="1:4" x14ac:dyDescent="0.25">
      <c r="A23850" t="s">
        <v>36753</v>
      </c>
      <c r="B23850" t="s">
        <v>36754</v>
      </c>
      <c r="C23850">
        <v>1</v>
      </c>
      <c r="D23850">
        <v>0</v>
      </c>
    </row>
    <row r="23851" spans="1:4" x14ac:dyDescent="0.25">
      <c r="A23851" t="s">
        <v>36753</v>
      </c>
      <c r="B23851" t="s">
        <v>36755</v>
      </c>
      <c r="C23851">
        <v>1</v>
      </c>
      <c r="D23851">
        <v>0</v>
      </c>
    </row>
    <row r="23852" spans="1:4" x14ac:dyDescent="0.25">
      <c r="A23852" t="s">
        <v>36753</v>
      </c>
      <c r="B23852" t="s">
        <v>36756</v>
      </c>
      <c r="C23852">
        <v>0</v>
      </c>
      <c r="D23852">
        <v>0</v>
      </c>
    </row>
    <row r="23853" spans="1:4" x14ac:dyDescent="0.25">
      <c r="A23853" t="s">
        <v>36757</v>
      </c>
      <c r="B23853" t="s">
        <v>36758</v>
      </c>
      <c r="C23853">
        <v>1</v>
      </c>
      <c r="D23853">
        <v>0</v>
      </c>
    </row>
    <row r="23854" spans="1:4" x14ac:dyDescent="0.25">
      <c r="A23854" t="s">
        <v>36759</v>
      </c>
      <c r="B23854" t="s">
        <v>36760</v>
      </c>
      <c r="C23854">
        <v>1</v>
      </c>
      <c r="D23854">
        <v>0</v>
      </c>
    </row>
    <row r="23855" spans="1:4" x14ac:dyDescent="0.25">
      <c r="A23855" t="s">
        <v>36759</v>
      </c>
      <c r="B23855" t="s">
        <v>36761</v>
      </c>
      <c r="C23855">
        <v>1</v>
      </c>
      <c r="D23855">
        <v>0</v>
      </c>
    </row>
    <row r="23856" spans="1:4" x14ac:dyDescent="0.25">
      <c r="A23856" t="s">
        <v>36759</v>
      </c>
      <c r="B23856" t="s">
        <v>36762</v>
      </c>
      <c r="C23856">
        <v>0</v>
      </c>
      <c r="D23856">
        <v>0</v>
      </c>
    </row>
    <row r="23857" spans="1:4" x14ac:dyDescent="0.25">
      <c r="A23857" t="s">
        <v>36763</v>
      </c>
      <c r="B23857" t="s">
        <v>36764</v>
      </c>
      <c r="C23857">
        <v>2</v>
      </c>
      <c r="D23857">
        <v>0</v>
      </c>
    </row>
    <row r="23858" spans="1:4" x14ac:dyDescent="0.25">
      <c r="A23858" t="s">
        <v>36763</v>
      </c>
      <c r="B23858" t="s">
        <v>36765</v>
      </c>
      <c r="C23858">
        <v>1</v>
      </c>
      <c r="D23858">
        <v>0</v>
      </c>
    </row>
    <row r="23859" spans="1:4" x14ac:dyDescent="0.25">
      <c r="A23859" t="s">
        <v>36763</v>
      </c>
      <c r="B23859" t="s">
        <v>36766</v>
      </c>
      <c r="C23859">
        <v>1</v>
      </c>
      <c r="D23859">
        <v>0</v>
      </c>
    </row>
    <row r="23860" spans="1:4" x14ac:dyDescent="0.25">
      <c r="A23860" t="s">
        <v>36767</v>
      </c>
      <c r="B23860" t="s">
        <v>36768</v>
      </c>
      <c r="C23860">
        <v>1</v>
      </c>
      <c r="D23860">
        <v>0</v>
      </c>
    </row>
    <row r="23861" spans="1:4" x14ac:dyDescent="0.25">
      <c r="A23861" t="s">
        <v>36769</v>
      </c>
      <c r="B23861" t="s">
        <v>36770</v>
      </c>
      <c r="C23861">
        <v>0</v>
      </c>
      <c r="D23861">
        <v>0</v>
      </c>
    </row>
    <row r="23862" spans="1:4" x14ac:dyDescent="0.25">
      <c r="A23862" t="s">
        <v>36769</v>
      </c>
      <c r="B23862" t="s">
        <v>36771</v>
      </c>
      <c r="C23862">
        <v>0</v>
      </c>
      <c r="D23862">
        <v>0</v>
      </c>
    </row>
    <row r="23863" spans="1:4" x14ac:dyDescent="0.25">
      <c r="A23863" t="s">
        <v>36772</v>
      </c>
      <c r="B23863" t="s">
        <v>36773</v>
      </c>
      <c r="C23863">
        <v>1</v>
      </c>
      <c r="D23863">
        <v>0</v>
      </c>
    </row>
    <row r="23864" spans="1:4" x14ac:dyDescent="0.25">
      <c r="A23864" t="s">
        <v>36774</v>
      </c>
      <c r="B23864" t="s">
        <v>36775</v>
      </c>
      <c r="C23864">
        <v>0</v>
      </c>
      <c r="D23864">
        <v>0</v>
      </c>
    </row>
    <row r="23865" spans="1:4" x14ac:dyDescent="0.25">
      <c r="A23865" t="s">
        <v>36776</v>
      </c>
      <c r="B23865" t="s">
        <v>36777</v>
      </c>
      <c r="C23865">
        <v>1</v>
      </c>
      <c r="D23865">
        <v>0</v>
      </c>
    </row>
    <row r="23866" spans="1:4" x14ac:dyDescent="0.25">
      <c r="A23866" t="s">
        <v>36776</v>
      </c>
      <c r="B23866" t="s">
        <v>36778</v>
      </c>
      <c r="C23866">
        <v>0</v>
      </c>
      <c r="D23866">
        <v>0</v>
      </c>
    </row>
    <row r="23867" spans="1:4" x14ac:dyDescent="0.25">
      <c r="A23867" t="s">
        <v>36776</v>
      </c>
      <c r="B23867" t="s">
        <v>36779</v>
      </c>
      <c r="C23867">
        <v>0</v>
      </c>
      <c r="D23867">
        <v>0</v>
      </c>
    </row>
    <row r="23868" spans="1:4" x14ac:dyDescent="0.25">
      <c r="A23868" t="s">
        <v>36780</v>
      </c>
      <c r="B23868" t="s">
        <v>36781</v>
      </c>
      <c r="C23868">
        <v>2</v>
      </c>
      <c r="D23868">
        <v>0</v>
      </c>
    </row>
    <row r="23869" spans="1:4" x14ac:dyDescent="0.25">
      <c r="A23869" t="s">
        <v>36782</v>
      </c>
      <c r="B23869" t="s">
        <v>36783</v>
      </c>
      <c r="C23869">
        <v>1</v>
      </c>
      <c r="D23869">
        <v>0</v>
      </c>
    </row>
    <row r="23870" spans="1:4" x14ac:dyDescent="0.25">
      <c r="A23870" t="s">
        <v>36782</v>
      </c>
      <c r="B23870" t="s">
        <v>36784</v>
      </c>
      <c r="C23870">
        <v>1</v>
      </c>
      <c r="D23870">
        <v>0</v>
      </c>
    </row>
    <row r="23871" spans="1:4" x14ac:dyDescent="0.25">
      <c r="A23871" t="s">
        <v>36782</v>
      </c>
      <c r="B23871" t="s">
        <v>36785</v>
      </c>
      <c r="C23871">
        <v>1</v>
      </c>
      <c r="D23871">
        <v>0</v>
      </c>
    </row>
    <row r="23872" spans="1:4" x14ac:dyDescent="0.25">
      <c r="A23872" t="s">
        <v>36786</v>
      </c>
      <c r="B23872" t="s">
        <v>36787</v>
      </c>
      <c r="C23872">
        <v>0</v>
      </c>
      <c r="D23872">
        <v>0</v>
      </c>
    </row>
    <row r="23873" spans="1:4" x14ac:dyDescent="0.25">
      <c r="A23873" t="s">
        <v>36788</v>
      </c>
      <c r="B23873" t="s">
        <v>36789</v>
      </c>
      <c r="C23873">
        <v>2</v>
      </c>
      <c r="D23873">
        <v>0</v>
      </c>
    </row>
    <row r="23874" spans="1:4" x14ac:dyDescent="0.25">
      <c r="A23874" t="s">
        <v>36788</v>
      </c>
      <c r="B23874" t="s">
        <v>36790</v>
      </c>
      <c r="C23874">
        <v>2</v>
      </c>
      <c r="D23874">
        <v>0</v>
      </c>
    </row>
    <row r="23875" spans="1:4" x14ac:dyDescent="0.25">
      <c r="A23875" t="s">
        <v>36788</v>
      </c>
      <c r="B23875" t="s">
        <v>36791</v>
      </c>
      <c r="C23875">
        <v>1</v>
      </c>
      <c r="D23875">
        <v>0</v>
      </c>
    </row>
    <row r="23876" spans="1:4" x14ac:dyDescent="0.25">
      <c r="A23876" t="s">
        <v>36792</v>
      </c>
      <c r="B23876" t="s">
        <v>36793</v>
      </c>
      <c r="C23876">
        <v>1</v>
      </c>
      <c r="D23876">
        <v>0</v>
      </c>
    </row>
    <row r="23877" spans="1:4" x14ac:dyDescent="0.25">
      <c r="A23877" t="s">
        <v>36792</v>
      </c>
      <c r="B23877" t="s">
        <v>36794</v>
      </c>
      <c r="C23877">
        <v>1</v>
      </c>
      <c r="D23877">
        <v>0</v>
      </c>
    </row>
    <row r="23878" spans="1:4" x14ac:dyDescent="0.25">
      <c r="A23878" t="s">
        <v>36792</v>
      </c>
      <c r="B23878" t="s">
        <v>36795</v>
      </c>
      <c r="C23878">
        <v>1</v>
      </c>
      <c r="D23878">
        <v>0</v>
      </c>
    </row>
    <row r="23879" spans="1:4" x14ac:dyDescent="0.25">
      <c r="A23879" t="s">
        <v>36796</v>
      </c>
      <c r="B23879" t="s">
        <v>36797</v>
      </c>
      <c r="C23879">
        <v>1</v>
      </c>
      <c r="D23879">
        <v>0</v>
      </c>
    </row>
    <row r="23880" spans="1:4" x14ac:dyDescent="0.25">
      <c r="A23880" t="s">
        <v>36796</v>
      </c>
      <c r="B23880" t="s">
        <v>36798</v>
      </c>
      <c r="C23880">
        <v>1</v>
      </c>
      <c r="D23880">
        <v>0</v>
      </c>
    </row>
    <row r="23881" spans="1:4" x14ac:dyDescent="0.25">
      <c r="A23881" t="s">
        <v>36799</v>
      </c>
      <c r="B23881" t="s">
        <v>36800</v>
      </c>
      <c r="C23881">
        <v>0</v>
      </c>
      <c r="D23881">
        <v>0</v>
      </c>
    </row>
    <row r="23882" spans="1:4" x14ac:dyDescent="0.25">
      <c r="A23882" t="s">
        <v>36799</v>
      </c>
      <c r="B23882" t="s">
        <v>36801</v>
      </c>
      <c r="C23882">
        <v>0</v>
      </c>
      <c r="D23882">
        <v>0</v>
      </c>
    </row>
    <row r="23883" spans="1:4" x14ac:dyDescent="0.25">
      <c r="A23883" t="s">
        <v>36802</v>
      </c>
      <c r="B23883" t="s">
        <v>36803</v>
      </c>
      <c r="C23883">
        <v>0</v>
      </c>
      <c r="D23883">
        <v>0</v>
      </c>
    </row>
    <row r="23884" spans="1:4" x14ac:dyDescent="0.25">
      <c r="A23884" t="s">
        <v>36804</v>
      </c>
      <c r="B23884" t="s">
        <v>36805</v>
      </c>
      <c r="C23884">
        <v>0</v>
      </c>
      <c r="D23884">
        <v>0</v>
      </c>
    </row>
    <row r="23885" spans="1:4" x14ac:dyDescent="0.25">
      <c r="A23885" t="s">
        <v>36806</v>
      </c>
      <c r="B23885" t="s">
        <v>8871</v>
      </c>
      <c r="C23885">
        <v>1</v>
      </c>
      <c r="D23885">
        <v>0</v>
      </c>
    </row>
    <row r="23886" spans="1:4" x14ac:dyDescent="0.25">
      <c r="A23886" t="s">
        <v>36806</v>
      </c>
      <c r="B23886" t="s">
        <v>4894</v>
      </c>
      <c r="C23886">
        <v>0</v>
      </c>
      <c r="D23886">
        <v>0</v>
      </c>
    </row>
    <row r="23887" spans="1:4" x14ac:dyDescent="0.25">
      <c r="A23887" t="s">
        <v>36807</v>
      </c>
      <c r="B23887" t="s">
        <v>36808</v>
      </c>
      <c r="C23887">
        <v>1</v>
      </c>
      <c r="D23887">
        <v>0</v>
      </c>
    </row>
    <row r="23888" spans="1:4" x14ac:dyDescent="0.25">
      <c r="A23888" t="s">
        <v>36807</v>
      </c>
      <c r="B23888" t="s">
        <v>945</v>
      </c>
      <c r="C23888">
        <v>0</v>
      </c>
      <c r="D23888">
        <v>0</v>
      </c>
    </row>
    <row r="23889" spans="1:4" x14ac:dyDescent="0.25">
      <c r="A23889" t="s">
        <v>36809</v>
      </c>
      <c r="B23889" t="s">
        <v>36810</v>
      </c>
      <c r="C23889">
        <v>2</v>
      </c>
      <c r="D23889">
        <v>0</v>
      </c>
    </row>
    <row r="23890" spans="1:4" x14ac:dyDescent="0.25">
      <c r="A23890" t="s">
        <v>36809</v>
      </c>
      <c r="B23890" t="s">
        <v>36811</v>
      </c>
      <c r="C23890">
        <v>0</v>
      </c>
      <c r="D23890">
        <v>0</v>
      </c>
    </row>
    <row r="23891" spans="1:4" x14ac:dyDescent="0.25">
      <c r="A23891" t="s">
        <v>36812</v>
      </c>
      <c r="B23891" t="s">
        <v>36813</v>
      </c>
      <c r="C23891">
        <v>0</v>
      </c>
      <c r="D23891">
        <v>0</v>
      </c>
    </row>
    <row r="23892" spans="1:4" x14ac:dyDescent="0.25">
      <c r="A23892" t="s">
        <v>36814</v>
      </c>
      <c r="B23892" t="s">
        <v>1912</v>
      </c>
      <c r="C23892">
        <v>0</v>
      </c>
      <c r="D23892">
        <v>0</v>
      </c>
    </row>
    <row r="23893" spans="1:4" x14ac:dyDescent="0.25">
      <c r="A23893" t="s">
        <v>36815</v>
      </c>
      <c r="B23893" t="s">
        <v>36816</v>
      </c>
      <c r="C23893">
        <v>1</v>
      </c>
      <c r="D23893">
        <v>0</v>
      </c>
    </row>
    <row r="23894" spans="1:4" x14ac:dyDescent="0.25">
      <c r="A23894" t="s">
        <v>36815</v>
      </c>
      <c r="B23894" t="s">
        <v>36817</v>
      </c>
      <c r="C23894">
        <v>1</v>
      </c>
      <c r="D23894">
        <v>0</v>
      </c>
    </row>
    <row r="23895" spans="1:4" x14ac:dyDescent="0.25">
      <c r="A23895" t="s">
        <v>36815</v>
      </c>
      <c r="B23895" t="s">
        <v>36818</v>
      </c>
      <c r="C23895">
        <v>1</v>
      </c>
      <c r="D23895">
        <v>0</v>
      </c>
    </row>
    <row r="23896" spans="1:4" x14ac:dyDescent="0.25">
      <c r="A23896" t="s">
        <v>36819</v>
      </c>
      <c r="B23896" t="s">
        <v>2273</v>
      </c>
      <c r="C23896">
        <v>1</v>
      </c>
      <c r="D23896">
        <v>0</v>
      </c>
    </row>
    <row r="23897" spans="1:4" x14ac:dyDescent="0.25">
      <c r="A23897" t="s">
        <v>36820</v>
      </c>
      <c r="B23897" t="s">
        <v>36821</v>
      </c>
      <c r="C23897">
        <v>0</v>
      </c>
      <c r="D23897">
        <v>0</v>
      </c>
    </row>
    <row r="23898" spans="1:4" x14ac:dyDescent="0.25">
      <c r="A23898" t="s">
        <v>36822</v>
      </c>
      <c r="B23898" t="s">
        <v>36823</v>
      </c>
      <c r="C23898">
        <v>0</v>
      </c>
      <c r="D23898">
        <v>0</v>
      </c>
    </row>
    <row r="23899" spans="1:4" x14ac:dyDescent="0.25">
      <c r="A23899" t="s">
        <v>36824</v>
      </c>
      <c r="B23899" t="s">
        <v>36825</v>
      </c>
      <c r="C23899">
        <v>1</v>
      </c>
      <c r="D23899">
        <v>0</v>
      </c>
    </row>
    <row r="23900" spans="1:4" x14ac:dyDescent="0.25">
      <c r="A23900" t="s">
        <v>36824</v>
      </c>
      <c r="B23900" t="s">
        <v>36826</v>
      </c>
      <c r="C23900">
        <v>1</v>
      </c>
      <c r="D23900">
        <v>0</v>
      </c>
    </row>
    <row r="23901" spans="1:4" x14ac:dyDescent="0.25">
      <c r="A23901" t="s">
        <v>36824</v>
      </c>
      <c r="B23901" t="s">
        <v>1731</v>
      </c>
      <c r="C23901">
        <v>1</v>
      </c>
      <c r="D23901">
        <v>0</v>
      </c>
    </row>
    <row r="23902" spans="1:4" x14ac:dyDescent="0.25">
      <c r="A23902" t="s">
        <v>36827</v>
      </c>
      <c r="B23902" t="s">
        <v>36828</v>
      </c>
      <c r="C23902">
        <v>0</v>
      </c>
      <c r="D23902">
        <v>0</v>
      </c>
    </row>
    <row r="23903" spans="1:4" x14ac:dyDescent="0.25">
      <c r="A23903" t="s">
        <v>36829</v>
      </c>
      <c r="B23903" t="s">
        <v>36830</v>
      </c>
      <c r="C23903">
        <v>1</v>
      </c>
      <c r="D23903">
        <v>0</v>
      </c>
    </row>
    <row r="23904" spans="1:4" x14ac:dyDescent="0.25">
      <c r="A23904" t="s">
        <v>36831</v>
      </c>
      <c r="B23904" t="s">
        <v>36832</v>
      </c>
      <c r="C23904">
        <v>0</v>
      </c>
      <c r="D23904">
        <v>0</v>
      </c>
    </row>
    <row r="23905" spans="1:4" x14ac:dyDescent="0.25">
      <c r="A23905" t="s">
        <v>36831</v>
      </c>
      <c r="B23905" t="s">
        <v>36833</v>
      </c>
      <c r="C23905">
        <v>1</v>
      </c>
      <c r="D23905">
        <v>0</v>
      </c>
    </row>
    <row r="23906" spans="1:4" x14ac:dyDescent="0.25">
      <c r="A23906" t="s">
        <v>36834</v>
      </c>
      <c r="B23906" t="s">
        <v>36835</v>
      </c>
      <c r="C23906">
        <v>0</v>
      </c>
      <c r="D23906">
        <v>0</v>
      </c>
    </row>
    <row r="23907" spans="1:4" x14ac:dyDescent="0.25">
      <c r="A23907" t="s">
        <v>36834</v>
      </c>
      <c r="B23907" t="s">
        <v>36836</v>
      </c>
      <c r="C23907">
        <v>0</v>
      </c>
      <c r="D23907">
        <v>0</v>
      </c>
    </row>
    <row r="23908" spans="1:4" x14ac:dyDescent="0.25">
      <c r="A23908" t="s">
        <v>36837</v>
      </c>
      <c r="B23908" t="s">
        <v>36838</v>
      </c>
      <c r="C23908">
        <v>2</v>
      </c>
      <c r="D23908">
        <v>0</v>
      </c>
    </row>
    <row r="23909" spans="1:4" x14ac:dyDescent="0.25">
      <c r="A23909" t="s">
        <v>36837</v>
      </c>
      <c r="B23909" t="s">
        <v>36839</v>
      </c>
      <c r="C23909">
        <v>1</v>
      </c>
      <c r="D23909">
        <v>0</v>
      </c>
    </row>
    <row r="23910" spans="1:4" x14ac:dyDescent="0.25">
      <c r="A23910" t="s">
        <v>36840</v>
      </c>
      <c r="B23910" t="s">
        <v>36841</v>
      </c>
      <c r="C23910">
        <v>2</v>
      </c>
      <c r="D23910">
        <v>0</v>
      </c>
    </row>
    <row r="23911" spans="1:4" x14ac:dyDescent="0.25">
      <c r="A23911" t="s">
        <v>36840</v>
      </c>
      <c r="B23911" t="s">
        <v>36842</v>
      </c>
      <c r="C23911">
        <v>1</v>
      </c>
      <c r="D23911">
        <v>0</v>
      </c>
    </row>
    <row r="23912" spans="1:4" x14ac:dyDescent="0.25">
      <c r="A23912" t="s">
        <v>36843</v>
      </c>
      <c r="B23912" t="s">
        <v>36844</v>
      </c>
      <c r="C23912">
        <v>0</v>
      </c>
      <c r="D23912">
        <v>0</v>
      </c>
    </row>
    <row r="23913" spans="1:4" x14ac:dyDescent="0.25">
      <c r="A23913" t="s">
        <v>36843</v>
      </c>
      <c r="B23913" t="s">
        <v>36845</v>
      </c>
      <c r="C23913">
        <v>0</v>
      </c>
      <c r="D23913">
        <v>0</v>
      </c>
    </row>
    <row r="23914" spans="1:4" x14ac:dyDescent="0.25">
      <c r="A23914" t="s">
        <v>36846</v>
      </c>
      <c r="B23914" t="s">
        <v>36847</v>
      </c>
      <c r="C23914">
        <v>2</v>
      </c>
      <c r="D23914">
        <v>0</v>
      </c>
    </row>
    <row r="23915" spans="1:4" x14ac:dyDescent="0.25">
      <c r="A23915" t="s">
        <v>36846</v>
      </c>
      <c r="B23915" t="s">
        <v>36848</v>
      </c>
      <c r="C23915">
        <v>1</v>
      </c>
      <c r="D23915">
        <v>0</v>
      </c>
    </row>
    <row r="23916" spans="1:4" x14ac:dyDescent="0.25">
      <c r="A23916" t="s">
        <v>36846</v>
      </c>
      <c r="B23916" t="s">
        <v>951</v>
      </c>
      <c r="C23916">
        <v>1</v>
      </c>
      <c r="D23916">
        <v>0</v>
      </c>
    </row>
    <row r="23917" spans="1:4" x14ac:dyDescent="0.25">
      <c r="A23917" t="s">
        <v>36849</v>
      </c>
      <c r="B23917" t="s">
        <v>36850</v>
      </c>
      <c r="C23917">
        <v>1</v>
      </c>
      <c r="D23917">
        <v>0</v>
      </c>
    </row>
    <row r="23918" spans="1:4" x14ac:dyDescent="0.25">
      <c r="A23918" t="s">
        <v>36851</v>
      </c>
      <c r="B23918" t="s">
        <v>2061</v>
      </c>
      <c r="C23918">
        <v>0</v>
      </c>
      <c r="D23918">
        <v>0</v>
      </c>
    </row>
    <row r="23919" spans="1:4" x14ac:dyDescent="0.25">
      <c r="A23919" t="s">
        <v>36852</v>
      </c>
      <c r="B23919" t="s">
        <v>36853</v>
      </c>
      <c r="C23919">
        <v>0</v>
      </c>
      <c r="D23919">
        <v>0</v>
      </c>
    </row>
    <row r="23920" spans="1:4" x14ac:dyDescent="0.25">
      <c r="A23920" t="s">
        <v>36854</v>
      </c>
      <c r="B23920" t="s">
        <v>33027</v>
      </c>
      <c r="C23920">
        <v>1</v>
      </c>
      <c r="D23920">
        <v>0</v>
      </c>
    </row>
    <row r="23921" spans="1:4" x14ac:dyDescent="0.25">
      <c r="A23921" t="s">
        <v>36854</v>
      </c>
      <c r="B23921" t="s">
        <v>36855</v>
      </c>
      <c r="C23921">
        <v>2</v>
      </c>
      <c r="D23921">
        <v>0</v>
      </c>
    </row>
    <row r="23922" spans="1:4" x14ac:dyDescent="0.25">
      <c r="A23922" t="s">
        <v>36854</v>
      </c>
      <c r="B23922" t="s">
        <v>36856</v>
      </c>
      <c r="C23922">
        <v>2</v>
      </c>
      <c r="D23922">
        <v>0</v>
      </c>
    </row>
    <row r="23923" spans="1:4" x14ac:dyDescent="0.25">
      <c r="A23923" t="s">
        <v>36857</v>
      </c>
      <c r="B23923" t="s">
        <v>36858</v>
      </c>
      <c r="C23923">
        <v>2</v>
      </c>
      <c r="D23923">
        <v>0</v>
      </c>
    </row>
    <row r="23924" spans="1:4" x14ac:dyDescent="0.25">
      <c r="A23924" t="s">
        <v>36859</v>
      </c>
      <c r="B23924" t="s">
        <v>36860</v>
      </c>
      <c r="C23924">
        <v>0</v>
      </c>
      <c r="D23924">
        <v>0</v>
      </c>
    </row>
    <row r="23925" spans="1:4" x14ac:dyDescent="0.25">
      <c r="A23925" t="s">
        <v>36859</v>
      </c>
      <c r="B23925" t="s">
        <v>36861</v>
      </c>
      <c r="C23925">
        <v>2</v>
      </c>
      <c r="D23925">
        <v>0</v>
      </c>
    </row>
    <row r="23926" spans="1:4" x14ac:dyDescent="0.25">
      <c r="A23926" t="s">
        <v>36862</v>
      </c>
      <c r="B23926" t="s">
        <v>36863</v>
      </c>
      <c r="C23926">
        <v>1</v>
      </c>
      <c r="D23926">
        <v>0</v>
      </c>
    </row>
    <row r="23927" spans="1:4" x14ac:dyDescent="0.25">
      <c r="A23927" t="s">
        <v>36862</v>
      </c>
      <c r="B23927" t="s">
        <v>36864</v>
      </c>
      <c r="C23927">
        <v>2</v>
      </c>
      <c r="D23927">
        <v>0</v>
      </c>
    </row>
    <row r="23928" spans="1:4" x14ac:dyDescent="0.25">
      <c r="A23928" t="s">
        <v>36865</v>
      </c>
      <c r="B23928" t="s">
        <v>36866</v>
      </c>
      <c r="C23928">
        <v>1</v>
      </c>
      <c r="D23928">
        <v>0</v>
      </c>
    </row>
    <row r="23929" spans="1:4" x14ac:dyDescent="0.25">
      <c r="A23929" t="s">
        <v>36867</v>
      </c>
      <c r="B23929" t="s">
        <v>36868</v>
      </c>
      <c r="C23929">
        <v>2</v>
      </c>
      <c r="D23929">
        <v>0</v>
      </c>
    </row>
    <row r="23930" spans="1:4" x14ac:dyDescent="0.25">
      <c r="A23930" t="s">
        <v>36867</v>
      </c>
      <c r="B23930" t="s">
        <v>36869</v>
      </c>
      <c r="C23930">
        <v>1</v>
      </c>
      <c r="D23930">
        <v>0</v>
      </c>
    </row>
    <row r="23931" spans="1:4" x14ac:dyDescent="0.25">
      <c r="A23931" t="s">
        <v>36870</v>
      </c>
      <c r="B23931" t="s">
        <v>36871</v>
      </c>
      <c r="C23931">
        <v>2</v>
      </c>
      <c r="D23931">
        <v>0</v>
      </c>
    </row>
    <row r="23932" spans="1:4" x14ac:dyDescent="0.25">
      <c r="A23932" t="s">
        <v>36870</v>
      </c>
      <c r="B23932" t="s">
        <v>36872</v>
      </c>
      <c r="C23932">
        <v>1</v>
      </c>
      <c r="D23932">
        <v>0</v>
      </c>
    </row>
    <row r="23933" spans="1:4" x14ac:dyDescent="0.25">
      <c r="A23933" t="s">
        <v>36870</v>
      </c>
      <c r="B23933" t="s">
        <v>36873</v>
      </c>
      <c r="C23933">
        <v>1</v>
      </c>
      <c r="D23933">
        <v>0</v>
      </c>
    </row>
    <row r="23934" spans="1:4" x14ac:dyDescent="0.25">
      <c r="A23934" t="s">
        <v>36874</v>
      </c>
      <c r="B23934" t="s">
        <v>852</v>
      </c>
      <c r="C23934">
        <v>0</v>
      </c>
      <c r="D23934">
        <v>0</v>
      </c>
    </row>
    <row r="23935" spans="1:4" x14ac:dyDescent="0.25">
      <c r="A23935" t="s">
        <v>36874</v>
      </c>
      <c r="B23935" t="s">
        <v>1499</v>
      </c>
      <c r="C23935">
        <v>1</v>
      </c>
      <c r="D23935">
        <v>0</v>
      </c>
    </row>
    <row r="23936" spans="1:4" x14ac:dyDescent="0.25">
      <c r="A23936" t="s">
        <v>36875</v>
      </c>
      <c r="B23936" t="s">
        <v>36876</v>
      </c>
      <c r="C23936">
        <v>2</v>
      </c>
      <c r="D23936">
        <v>0</v>
      </c>
    </row>
    <row r="23937" spans="1:4" x14ac:dyDescent="0.25">
      <c r="A23937" t="s">
        <v>36877</v>
      </c>
      <c r="B23937" t="s">
        <v>1001</v>
      </c>
      <c r="C23937">
        <v>1</v>
      </c>
      <c r="D23937">
        <v>0</v>
      </c>
    </row>
    <row r="23938" spans="1:4" x14ac:dyDescent="0.25">
      <c r="A23938" t="s">
        <v>36878</v>
      </c>
      <c r="B23938" t="s">
        <v>36879</v>
      </c>
      <c r="C23938">
        <v>1</v>
      </c>
      <c r="D23938">
        <v>0</v>
      </c>
    </row>
    <row r="23939" spans="1:4" x14ac:dyDescent="0.25">
      <c r="A23939" t="s">
        <v>36880</v>
      </c>
      <c r="B23939" t="s">
        <v>6438</v>
      </c>
      <c r="C23939">
        <v>0</v>
      </c>
      <c r="D23939">
        <v>0</v>
      </c>
    </row>
    <row r="23940" spans="1:4" x14ac:dyDescent="0.25">
      <c r="A23940" t="s">
        <v>36881</v>
      </c>
      <c r="B23940" t="s">
        <v>36882</v>
      </c>
      <c r="C23940">
        <v>0</v>
      </c>
      <c r="D23940">
        <v>0</v>
      </c>
    </row>
    <row r="23941" spans="1:4" x14ac:dyDescent="0.25">
      <c r="A23941" t="s">
        <v>36881</v>
      </c>
      <c r="B23941" t="s">
        <v>36883</v>
      </c>
      <c r="C23941">
        <v>2</v>
      </c>
      <c r="D23941">
        <v>0</v>
      </c>
    </row>
    <row r="23942" spans="1:4" x14ac:dyDescent="0.25">
      <c r="A23942" t="s">
        <v>36881</v>
      </c>
      <c r="B23942" t="s">
        <v>36884</v>
      </c>
      <c r="C23942">
        <v>0</v>
      </c>
      <c r="D23942">
        <v>0</v>
      </c>
    </row>
    <row r="23943" spans="1:4" x14ac:dyDescent="0.25">
      <c r="A23943" t="s">
        <v>36885</v>
      </c>
      <c r="B23943" t="s">
        <v>36886</v>
      </c>
      <c r="C23943">
        <v>1</v>
      </c>
      <c r="D23943">
        <v>0</v>
      </c>
    </row>
    <row r="23944" spans="1:4" x14ac:dyDescent="0.25">
      <c r="A23944" t="s">
        <v>36885</v>
      </c>
      <c r="B23944" t="s">
        <v>36887</v>
      </c>
      <c r="C23944">
        <v>1</v>
      </c>
      <c r="D23944">
        <v>0</v>
      </c>
    </row>
    <row r="23945" spans="1:4" x14ac:dyDescent="0.25">
      <c r="A23945" t="s">
        <v>36885</v>
      </c>
      <c r="B23945" t="s">
        <v>7808</v>
      </c>
      <c r="C23945">
        <v>1</v>
      </c>
      <c r="D23945">
        <v>0</v>
      </c>
    </row>
    <row r="23946" spans="1:4" x14ac:dyDescent="0.25">
      <c r="A23946" t="s">
        <v>36888</v>
      </c>
      <c r="B23946" t="s">
        <v>36889</v>
      </c>
      <c r="C23946">
        <v>1</v>
      </c>
      <c r="D23946">
        <v>0</v>
      </c>
    </row>
    <row r="23947" spans="1:4" x14ac:dyDescent="0.25">
      <c r="A23947" t="s">
        <v>36888</v>
      </c>
      <c r="B23947" t="s">
        <v>36890</v>
      </c>
      <c r="C23947">
        <v>1</v>
      </c>
      <c r="D23947">
        <v>0</v>
      </c>
    </row>
    <row r="23948" spans="1:4" x14ac:dyDescent="0.25">
      <c r="A23948" t="s">
        <v>36891</v>
      </c>
      <c r="B23948" t="s">
        <v>36892</v>
      </c>
      <c r="C23948">
        <v>1</v>
      </c>
      <c r="D23948">
        <v>0</v>
      </c>
    </row>
    <row r="23949" spans="1:4" x14ac:dyDescent="0.25">
      <c r="A23949" t="s">
        <v>36891</v>
      </c>
      <c r="B23949" t="s">
        <v>36893</v>
      </c>
      <c r="C23949">
        <v>1</v>
      </c>
      <c r="D23949">
        <v>0</v>
      </c>
    </row>
    <row r="23950" spans="1:4" x14ac:dyDescent="0.25">
      <c r="A23950" t="s">
        <v>36891</v>
      </c>
      <c r="B23950" t="s">
        <v>36894</v>
      </c>
      <c r="C23950">
        <v>1</v>
      </c>
      <c r="D23950">
        <v>0</v>
      </c>
    </row>
    <row r="23951" spans="1:4" x14ac:dyDescent="0.25">
      <c r="A23951" t="s">
        <v>36895</v>
      </c>
      <c r="B23951" t="s">
        <v>36896</v>
      </c>
      <c r="C23951">
        <v>0</v>
      </c>
      <c r="D23951">
        <v>0</v>
      </c>
    </row>
    <row r="23952" spans="1:4" x14ac:dyDescent="0.25">
      <c r="A23952" t="s">
        <v>36895</v>
      </c>
      <c r="B23952" t="s">
        <v>36897</v>
      </c>
      <c r="C23952">
        <v>1</v>
      </c>
      <c r="D23952">
        <v>0</v>
      </c>
    </row>
    <row r="23953" spans="1:4" x14ac:dyDescent="0.25">
      <c r="A23953" t="s">
        <v>36895</v>
      </c>
      <c r="B23953" t="s">
        <v>36898</v>
      </c>
      <c r="C23953">
        <v>0</v>
      </c>
      <c r="D23953">
        <v>0</v>
      </c>
    </row>
    <row r="23954" spans="1:4" x14ac:dyDescent="0.25">
      <c r="A23954" t="s">
        <v>36899</v>
      </c>
      <c r="B23954" t="s">
        <v>13096</v>
      </c>
      <c r="C23954">
        <v>0</v>
      </c>
      <c r="D23954">
        <v>0</v>
      </c>
    </row>
    <row r="23955" spans="1:4" x14ac:dyDescent="0.25">
      <c r="A23955" t="s">
        <v>36900</v>
      </c>
      <c r="B23955" t="s">
        <v>36901</v>
      </c>
      <c r="C23955">
        <v>0</v>
      </c>
      <c r="D23955">
        <v>0</v>
      </c>
    </row>
    <row r="23956" spans="1:4" x14ac:dyDescent="0.25">
      <c r="A23956" t="s">
        <v>36900</v>
      </c>
      <c r="B23956" t="s">
        <v>36902</v>
      </c>
      <c r="C23956">
        <v>0</v>
      </c>
      <c r="D23956">
        <v>0</v>
      </c>
    </row>
    <row r="23957" spans="1:4" x14ac:dyDescent="0.25">
      <c r="A23957" t="s">
        <v>36903</v>
      </c>
      <c r="B23957" t="s">
        <v>36904</v>
      </c>
      <c r="C23957">
        <v>0</v>
      </c>
      <c r="D23957">
        <v>0</v>
      </c>
    </row>
    <row r="23958" spans="1:4" x14ac:dyDescent="0.25">
      <c r="A23958" t="s">
        <v>36903</v>
      </c>
      <c r="B23958" t="s">
        <v>36905</v>
      </c>
      <c r="C23958">
        <v>1</v>
      </c>
      <c r="D23958">
        <v>0</v>
      </c>
    </row>
    <row r="23959" spans="1:4" x14ac:dyDescent="0.25">
      <c r="A23959" t="s">
        <v>36903</v>
      </c>
      <c r="B23959" t="s">
        <v>36906</v>
      </c>
      <c r="C23959">
        <v>1</v>
      </c>
      <c r="D23959">
        <v>0</v>
      </c>
    </row>
    <row r="23960" spans="1:4" x14ac:dyDescent="0.25">
      <c r="A23960" t="s">
        <v>36907</v>
      </c>
      <c r="B23960" t="s">
        <v>36908</v>
      </c>
      <c r="C23960">
        <v>0</v>
      </c>
      <c r="D23960">
        <v>0</v>
      </c>
    </row>
    <row r="23961" spans="1:4" x14ac:dyDescent="0.25">
      <c r="A23961" t="s">
        <v>36907</v>
      </c>
      <c r="B23961" t="s">
        <v>36909</v>
      </c>
      <c r="C23961">
        <v>2</v>
      </c>
      <c r="D23961">
        <v>0</v>
      </c>
    </row>
    <row r="23962" spans="1:4" x14ac:dyDescent="0.25">
      <c r="A23962" t="s">
        <v>36910</v>
      </c>
      <c r="B23962" t="s">
        <v>36911</v>
      </c>
      <c r="C23962">
        <v>0</v>
      </c>
      <c r="D23962">
        <v>0</v>
      </c>
    </row>
    <row r="23963" spans="1:4" x14ac:dyDescent="0.25">
      <c r="A23963" t="s">
        <v>36910</v>
      </c>
      <c r="B23963" t="s">
        <v>36912</v>
      </c>
      <c r="C23963">
        <v>2</v>
      </c>
      <c r="D23963">
        <v>0</v>
      </c>
    </row>
    <row r="23964" spans="1:4" x14ac:dyDescent="0.25">
      <c r="A23964" t="s">
        <v>36913</v>
      </c>
      <c r="B23964" t="s">
        <v>36914</v>
      </c>
      <c r="C23964">
        <v>2</v>
      </c>
      <c r="D23964">
        <v>0</v>
      </c>
    </row>
    <row r="23965" spans="1:4" x14ac:dyDescent="0.25">
      <c r="A23965" t="s">
        <v>36915</v>
      </c>
      <c r="B23965" t="s">
        <v>5994</v>
      </c>
      <c r="C23965">
        <v>0</v>
      </c>
      <c r="D23965">
        <v>0</v>
      </c>
    </row>
    <row r="23966" spans="1:4" x14ac:dyDescent="0.25">
      <c r="A23966" t="s">
        <v>36916</v>
      </c>
      <c r="B23966" t="s">
        <v>5703</v>
      </c>
      <c r="C23966">
        <v>0</v>
      </c>
      <c r="D23966">
        <v>0</v>
      </c>
    </row>
    <row r="23967" spans="1:4" x14ac:dyDescent="0.25">
      <c r="A23967" t="s">
        <v>36916</v>
      </c>
      <c r="B23967" t="s">
        <v>36917</v>
      </c>
      <c r="C23967">
        <v>1</v>
      </c>
      <c r="D23967">
        <v>0</v>
      </c>
    </row>
    <row r="23968" spans="1:4" x14ac:dyDescent="0.25">
      <c r="A23968" t="s">
        <v>36918</v>
      </c>
      <c r="B23968" t="s">
        <v>5713</v>
      </c>
      <c r="C23968">
        <v>1</v>
      </c>
      <c r="D23968">
        <v>0</v>
      </c>
    </row>
    <row r="23969" spans="1:4" x14ac:dyDescent="0.25">
      <c r="A23969" t="s">
        <v>36919</v>
      </c>
      <c r="B23969" t="s">
        <v>36920</v>
      </c>
      <c r="C23969">
        <v>2</v>
      </c>
      <c r="D23969">
        <v>0</v>
      </c>
    </row>
    <row r="23970" spans="1:4" x14ac:dyDescent="0.25">
      <c r="A23970" t="s">
        <v>36919</v>
      </c>
      <c r="B23970" t="s">
        <v>36921</v>
      </c>
      <c r="C23970">
        <v>0</v>
      </c>
      <c r="D23970">
        <v>0</v>
      </c>
    </row>
    <row r="23971" spans="1:4" x14ac:dyDescent="0.25">
      <c r="A23971" t="s">
        <v>36919</v>
      </c>
      <c r="B23971" t="s">
        <v>36922</v>
      </c>
      <c r="C23971">
        <v>2</v>
      </c>
      <c r="D23971">
        <v>0</v>
      </c>
    </row>
    <row r="23972" spans="1:4" x14ac:dyDescent="0.25">
      <c r="A23972" t="s">
        <v>36923</v>
      </c>
      <c r="B23972" t="s">
        <v>36924</v>
      </c>
      <c r="C23972">
        <v>1</v>
      </c>
      <c r="D23972">
        <v>0</v>
      </c>
    </row>
    <row r="23973" spans="1:4" x14ac:dyDescent="0.25">
      <c r="A23973" t="s">
        <v>36925</v>
      </c>
      <c r="B23973" t="s">
        <v>36926</v>
      </c>
      <c r="C23973">
        <v>1</v>
      </c>
      <c r="D23973">
        <v>0</v>
      </c>
    </row>
    <row r="23974" spans="1:4" x14ac:dyDescent="0.25">
      <c r="A23974" t="s">
        <v>36925</v>
      </c>
      <c r="B23974" t="s">
        <v>36927</v>
      </c>
      <c r="C23974">
        <v>1</v>
      </c>
      <c r="D23974">
        <v>0</v>
      </c>
    </row>
    <row r="23975" spans="1:4" x14ac:dyDescent="0.25">
      <c r="A23975" t="s">
        <v>36925</v>
      </c>
      <c r="B23975" t="s">
        <v>36928</v>
      </c>
      <c r="C23975">
        <v>1</v>
      </c>
      <c r="D23975">
        <v>0</v>
      </c>
    </row>
    <row r="23976" spans="1:4" x14ac:dyDescent="0.25">
      <c r="A23976" t="s">
        <v>36929</v>
      </c>
      <c r="B23976" t="s">
        <v>36930</v>
      </c>
      <c r="C23976">
        <v>0</v>
      </c>
      <c r="D23976">
        <v>0</v>
      </c>
    </row>
    <row r="23977" spans="1:4" x14ac:dyDescent="0.25">
      <c r="A23977" t="s">
        <v>36929</v>
      </c>
      <c r="B23977" t="s">
        <v>36931</v>
      </c>
      <c r="C23977">
        <v>0</v>
      </c>
      <c r="D23977">
        <v>0</v>
      </c>
    </row>
    <row r="23978" spans="1:4" x14ac:dyDescent="0.25">
      <c r="A23978" t="s">
        <v>36929</v>
      </c>
      <c r="B23978" t="s">
        <v>36932</v>
      </c>
      <c r="C23978">
        <v>2</v>
      </c>
      <c r="D23978">
        <v>0</v>
      </c>
    </row>
    <row r="23979" spans="1:4" x14ac:dyDescent="0.25">
      <c r="A23979" t="s">
        <v>36933</v>
      </c>
      <c r="B23979" t="s">
        <v>398</v>
      </c>
      <c r="C23979">
        <v>0</v>
      </c>
      <c r="D23979">
        <v>0</v>
      </c>
    </row>
    <row r="23980" spans="1:4" x14ac:dyDescent="0.25">
      <c r="A23980" t="s">
        <v>36934</v>
      </c>
      <c r="B23980" t="s">
        <v>36935</v>
      </c>
      <c r="C23980">
        <v>1</v>
      </c>
      <c r="D23980">
        <v>0</v>
      </c>
    </row>
    <row r="23981" spans="1:4" x14ac:dyDescent="0.25">
      <c r="A23981" t="s">
        <v>36936</v>
      </c>
      <c r="B23981" t="s">
        <v>1763</v>
      </c>
      <c r="C23981">
        <v>1</v>
      </c>
      <c r="D23981">
        <v>0</v>
      </c>
    </row>
    <row r="23982" spans="1:4" x14ac:dyDescent="0.25">
      <c r="A23982" t="s">
        <v>36937</v>
      </c>
      <c r="B23982" t="s">
        <v>36938</v>
      </c>
      <c r="C23982">
        <v>1</v>
      </c>
      <c r="D23982">
        <v>0</v>
      </c>
    </row>
    <row r="23983" spans="1:4" x14ac:dyDescent="0.25">
      <c r="A23983" t="s">
        <v>36939</v>
      </c>
      <c r="B23983" t="s">
        <v>36940</v>
      </c>
      <c r="C23983">
        <v>0</v>
      </c>
      <c r="D23983">
        <v>0</v>
      </c>
    </row>
    <row r="23984" spans="1:4" x14ac:dyDescent="0.25">
      <c r="A23984" t="s">
        <v>36941</v>
      </c>
      <c r="B23984" t="s">
        <v>36942</v>
      </c>
      <c r="C23984">
        <v>1</v>
      </c>
      <c r="D23984">
        <v>0</v>
      </c>
    </row>
    <row r="23985" spans="1:4" x14ac:dyDescent="0.25">
      <c r="A23985" t="s">
        <v>36941</v>
      </c>
      <c r="B23985" t="s">
        <v>36943</v>
      </c>
      <c r="C23985">
        <v>1</v>
      </c>
      <c r="D23985">
        <v>0</v>
      </c>
    </row>
    <row r="23986" spans="1:4" x14ac:dyDescent="0.25">
      <c r="A23986" t="s">
        <v>36941</v>
      </c>
      <c r="B23986" t="s">
        <v>36944</v>
      </c>
      <c r="C23986">
        <v>1</v>
      </c>
      <c r="D23986">
        <v>0</v>
      </c>
    </row>
    <row r="23987" spans="1:4" x14ac:dyDescent="0.25">
      <c r="A23987" t="s">
        <v>36945</v>
      </c>
      <c r="B23987" t="s">
        <v>1151</v>
      </c>
      <c r="C23987">
        <v>1</v>
      </c>
      <c r="D23987">
        <v>0</v>
      </c>
    </row>
    <row r="23988" spans="1:4" x14ac:dyDescent="0.25">
      <c r="A23988" t="s">
        <v>36946</v>
      </c>
      <c r="B23988" t="s">
        <v>36947</v>
      </c>
      <c r="C23988">
        <v>0</v>
      </c>
      <c r="D23988">
        <v>0</v>
      </c>
    </row>
    <row r="23989" spans="1:4" x14ac:dyDescent="0.25">
      <c r="A23989" t="s">
        <v>36946</v>
      </c>
      <c r="B23989" t="s">
        <v>36948</v>
      </c>
      <c r="C23989">
        <v>2</v>
      </c>
      <c r="D23989">
        <v>0</v>
      </c>
    </row>
    <row r="23990" spans="1:4" x14ac:dyDescent="0.25">
      <c r="A23990" t="s">
        <v>36949</v>
      </c>
      <c r="B23990" t="s">
        <v>36950</v>
      </c>
      <c r="C23990">
        <v>2</v>
      </c>
      <c r="D23990">
        <v>0</v>
      </c>
    </row>
    <row r="23991" spans="1:4" x14ac:dyDescent="0.25">
      <c r="A23991" t="s">
        <v>36949</v>
      </c>
      <c r="B23991" t="s">
        <v>2267</v>
      </c>
      <c r="C23991">
        <v>0</v>
      </c>
      <c r="D23991">
        <v>0</v>
      </c>
    </row>
    <row r="23992" spans="1:4" x14ac:dyDescent="0.25">
      <c r="A23992" t="s">
        <v>36951</v>
      </c>
      <c r="B23992" t="s">
        <v>36952</v>
      </c>
      <c r="C23992">
        <v>1</v>
      </c>
      <c r="D23992">
        <v>0</v>
      </c>
    </row>
    <row r="23993" spans="1:4" x14ac:dyDescent="0.25">
      <c r="A23993" t="s">
        <v>36953</v>
      </c>
      <c r="B23993" t="s">
        <v>36954</v>
      </c>
      <c r="C23993">
        <v>1</v>
      </c>
      <c r="D23993">
        <v>0</v>
      </c>
    </row>
    <row r="23994" spans="1:4" x14ac:dyDescent="0.25">
      <c r="A23994" t="s">
        <v>36955</v>
      </c>
      <c r="B23994" t="s">
        <v>1387</v>
      </c>
      <c r="C23994">
        <v>1</v>
      </c>
      <c r="D23994">
        <v>0</v>
      </c>
    </row>
    <row r="23995" spans="1:4" x14ac:dyDescent="0.25">
      <c r="A23995" t="s">
        <v>36955</v>
      </c>
      <c r="B23995" t="s">
        <v>36956</v>
      </c>
      <c r="C23995">
        <v>0</v>
      </c>
      <c r="D23995">
        <v>0</v>
      </c>
    </row>
    <row r="23996" spans="1:4" x14ac:dyDescent="0.25">
      <c r="A23996" t="s">
        <v>36957</v>
      </c>
      <c r="B23996" t="s">
        <v>5287</v>
      </c>
      <c r="C23996">
        <v>1</v>
      </c>
      <c r="D23996">
        <v>0</v>
      </c>
    </row>
    <row r="23997" spans="1:4" x14ac:dyDescent="0.25">
      <c r="A23997" t="s">
        <v>36958</v>
      </c>
      <c r="B23997" t="s">
        <v>36959</v>
      </c>
      <c r="C23997">
        <v>1</v>
      </c>
      <c r="D23997">
        <v>0</v>
      </c>
    </row>
    <row r="23998" spans="1:4" x14ac:dyDescent="0.25">
      <c r="A23998" t="s">
        <v>36958</v>
      </c>
      <c r="B23998" t="s">
        <v>36960</v>
      </c>
      <c r="C23998">
        <v>1</v>
      </c>
      <c r="D23998">
        <v>0</v>
      </c>
    </row>
    <row r="23999" spans="1:4" x14ac:dyDescent="0.25">
      <c r="A23999" t="s">
        <v>36958</v>
      </c>
      <c r="B23999" t="s">
        <v>36961</v>
      </c>
      <c r="C23999">
        <v>1</v>
      </c>
      <c r="D23999">
        <v>0</v>
      </c>
    </row>
    <row r="24000" spans="1:4" x14ac:dyDescent="0.25">
      <c r="A24000" t="s">
        <v>36962</v>
      </c>
      <c r="B24000" t="s">
        <v>1483</v>
      </c>
      <c r="C24000">
        <v>2</v>
      </c>
      <c r="D24000">
        <v>0</v>
      </c>
    </row>
    <row r="24001" spans="1:4" x14ac:dyDescent="0.25">
      <c r="A24001" t="s">
        <v>36962</v>
      </c>
      <c r="B24001" t="s">
        <v>36963</v>
      </c>
      <c r="C24001">
        <v>2</v>
      </c>
      <c r="D24001">
        <v>0</v>
      </c>
    </row>
    <row r="24002" spans="1:4" x14ac:dyDescent="0.25">
      <c r="A24002" t="s">
        <v>36962</v>
      </c>
      <c r="B24002" t="s">
        <v>36964</v>
      </c>
      <c r="C24002">
        <v>1</v>
      </c>
      <c r="D24002">
        <v>0</v>
      </c>
    </row>
    <row r="24003" spans="1:4" x14ac:dyDescent="0.25">
      <c r="A24003" t="s">
        <v>36965</v>
      </c>
      <c r="B24003" t="s">
        <v>36966</v>
      </c>
      <c r="C24003">
        <v>2</v>
      </c>
      <c r="D24003">
        <v>0</v>
      </c>
    </row>
    <row r="24004" spans="1:4" x14ac:dyDescent="0.25">
      <c r="A24004" t="s">
        <v>36965</v>
      </c>
      <c r="B24004" t="s">
        <v>36967</v>
      </c>
      <c r="C24004">
        <v>2</v>
      </c>
      <c r="D24004">
        <v>0</v>
      </c>
    </row>
    <row r="24005" spans="1:4" x14ac:dyDescent="0.25">
      <c r="A24005" t="s">
        <v>36965</v>
      </c>
      <c r="B24005" t="s">
        <v>36968</v>
      </c>
      <c r="C24005">
        <v>2</v>
      </c>
      <c r="D24005">
        <v>0</v>
      </c>
    </row>
    <row r="24006" spans="1:4" x14ac:dyDescent="0.25">
      <c r="A24006" t="s">
        <v>36969</v>
      </c>
      <c r="B24006" t="s">
        <v>30066</v>
      </c>
      <c r="C24006">
        <v>0</v>
      </c>
      <c r="D24006">
        <v>0</v>
      </c>
    </row>
    <row r="24007" spans="1:4" x14ac:dyDescent="0.25">
      <c r="A24007" t="s">
        <v>36970</v>
      </c>
      <c r="B24007" t="s">
        <v>31485</v>
      </c>
      <c r="C24007">
        <v>0</v>
      </c>
      <c r="D24007">
        <v>0</v>
      </c>
    </row>
    <row r="24008" spans="1:4" x14ac:dyDescent="0.25">
      <c r="A24008" t="s">
        <v>36970</v>
      </c>
      <c r="B24008" t="s">
        <v>2061</v>
      </c>
      <c r="C24008">
        <v>0</v>
      </c>
      <c r="D24008">
        <v>0</v>
      </c>
    </row>
    <row r="24009" spans="1:4" x14ac:dyDescent="0.25">
      <c r="A24009" t="s">
        <v>36971</v>
      </c>
      <c r="B24009" t="s">
        <v>36972</v>
      </c>
      <c r="C24009">
        <v>1</v>
      </c>
      <c r="D24009">
        <v>0</v>
      </c>
    </row>
    <row r="24010" spans="1:4" x14ac:dyDescent="0.25">
      <c r="A24010" t="s">
        <v>36973</v>
      </c>
      <c r="B24010" t="s">
        <v>36974</v>
      </c>
      <c r="C24010">
        <v>0</v>
      </c>
      <c r="D24010">
        <v>0</v>
      </c>
    </row>
    <row r="24011" spans="1:4" x14ac:dyDescent="0.25">
      <c r="A24011" t="s">
        <v>36973</v>
      </c>
      <c r="B24011" t="s">
        <v>36975</v>
      </c>
      <c r="C24011">
        <v>0</v>
      </c>
      <c r="D24011">
        <v>0</v>
      </c>
    </row>
    <row r="24012" spans="1:4" x14ac:dyDescent="0.25">
      <c r="A24012" t="s">
        <v>36976</v>
      </c>
      <c r="B24012" t="s">
        <v>36977</v>
      </c>
      <c r="C24012">
        <v>1</v>
      </c>
      <c r="D24012">
        <v>0</v>
      </c>
    </row>
    <row r="24013" spans="1:4" x14ac:dyDescent="0.25">
      <c r="A24013" t="s">
        <v>36978</v>
      </c>
      <c r="B24013" t="s">
        <v>1387</v>
      </c>
      <c r="C24013">
        <v>1</v>
      </c>
      <c r="D24013">
        <v>0</v>
      </c>
    </row>
    <row r="24014" spans="1:4" x14ac:dyDescent="0.25">
      <c r="A24014" t="s">
        <v>36979</v>
      </c>
      <c r="B24014" t="s">
        <v>36980</v>
      </c>
      <c r="C24014">
        <v>2</v>
      </c>
      <c r="D24014">
        <v>0</v>
      </c>
    </row>
    <row r="24015" spans="1:4" x14ac:dyDescent="0.25">
      <c r="A24015" t="s">
        <v>36979</v>
      </c>
      <c r="B24015" t="s">
        <v>36981</v>
      </c>
      <c r="C24015">
        <v>1</v>
      </c>
      <c r="D24015">
        <v>0</v>
      </c>
    </row>
    <row r="24016" spans="1:4" x14ac:dyDescent="0.25">
      <c r="A24016" t="s">
        <v>36979</v>
      </c>
      <c r="B24016" t="s">
        <v>36982</v>
      </c>
      <c r="C24016">
        <v>1</v>
      </c>
      <c r="D24016">
        <v>0</v>
      </c>
    </row>
    <row r="24017" spans="1:4" x14ac:dyDescent="0.25">
      <c r="A24017" t="s">
        <v>36983</v>
      </c>
      <c r="B24017" t="s">
        <v>3831</v>
      </c>
      <c r="C24017">
        <v>0</v>
      </c>
      <c r="D24017">
        <v>0</v>
      </c>
    </row>
    <row r="24018" spans="1:4" x14ac:dyDescent="0.25">
      <c r="A24018" t="s">
        <v>36983</v>
      </c>
      <c r="B24018" t="s">
        <v>1387</v>
      </c>
      <c r="C24018">
        <v>1</v>
      </c>
      <c r="D24018">
        <v>0</v>
      </c>
    </row>
    <row r="24019" spans="1:4" x14ac:dyDescent="0.25">
      <c r="A24019" t="s">
        <v>36983</v>
      </c>
      <c r="B24019" t="s">
        <v>36984</v>
      </c>
      <c r="C24019">
        <v>1</v>
      </c>
      <c r="D24019">
        <v>0</v>
      </c>
    </row>
    <row r="24020" spans="1:4" x14ac:dyDescent="0.25">
      <c r="A24020" t="s">
        <v>36985</v>
      </c>
      <c r="B24020" t="s">
        <v>36986</v>
      </c>
      <c r="C24020">
        <v>2</v>
      </c>
      <c r="D24020">
        <v>0</v>
      </c>
    </row>
    <row r="24021" spans="1:4" x14ac:dyDescent="0.25">
      <c r="A24021" t="s">
        <v>36987</v>
      </c>
      <c r="B24021" t="s">
        <v>1001</v>
      </c>
      <c r="C24021">
        <v>1</v>
      </c>
      <c r="D24021">
        <v>0</v>
      </c>
    </row>
    <row r="24022" spans="1:4" x14ac:dyDescent="0.25">
      <c r="A24022" t="s">
        <v>36988</v>
      </c>
      <c r="B24022" t="s">
        <v>29542</v>
      </c>
      <c r="C24022">
        <v>2</v>
      </c>
      <c r="D24022">
        <v>0</v>
      </c>
    </row>
    <row r="24023" spans="1:4" x14ac:dyDescent="0.25">
      <c r="A24023" t="s">
        <v>36988</v>
      </c>
      <c r="B24023" t="s">
        <v>36989</v>
      </c>
      <c r="C24023">
        <v>1</v>
      </c>
      <c r="D24023">
        <v>0</v>
      </c>
    </row>
    <row r="24024" spans="1:4" x14ac:dyDescent="0.25">
      <c r="A24024" t="s">
        <v>36990</v>
      </c>
      <c r="B24024" t="s">
        <v>36991</v>
      </c>
      <c r="C24024">
        <v>1</v>
      </c>
      <c r="D24024">
        <v>0</v>
      </c>
    </row>
    <row r="24025" spans="1:4" x14ac:dyDescent="0.25">
      <c r="A24025" t="s">
        <v>36990</v>
      </c>
      <c r="B24025" t="s">
        <v>36992</v>
      </c>
      <c r="C24025">
        <v>0</v>
      </c>
      <c r="D24025">
        <v>0</v>
      </c>
    </row>
    <row r="24026" spans="1:4" x14ac:dyDescent="0.25">
      <c r="A24026" t="s">
        <v>36990</v>
      </c>
      <c r="B24026" t="s">
        <v>36993</v>
      </c>
      <c r="C24026">
        <v>0</v>
      </c>
      <c r="D24026">
        <v>0</v>
      </c>
    </row>
    <row r="24027" spans="1:4" x14ac:dyDescent="0.25">
      <c r="A24027" t="s">
        <v>36994</v>
      </c>
      <c r="B24027" t="s">
        <v>36995</v>
      </c>
      <c r="C24027">
        <v>1</v>
      </c>
      <c r="D24027">
        <v>0</v>
      </c>
    </row>
    <row r="24028" spans="1:4" x14ac:dyDescent="0.25">
      <c r="A24028" t="s">
        <v>36994</v>
      </c>
      <c r="B24028" t="s">
        <v>36996</v>
      </c>
      <c r="C24028">
        <v>0</v>
      </c>
      <c r="D24028">
        <v>0</v>
      </c>
    </row>
    <row r="24029" spans="1:4" x14ac:dyDescent="0.25">
      <c r="A24029" t="s">
        <v>36997</v>
      </c>
      <c r="B24029" t="s">
        <v>36998</v>
      </c>
      <c r="C24029">
        <v>0</v>
      </c>
      <c r="D24029">
        <v>0</v>
      </c>
    </row>
    <row r="24030" spans="1:4" x14ac:dyDescent="0.25">
      <c r="A24030" t="s">
        <v>36999</v>
      </c>
      <c r="B24030" t="s">
        <v>37000</v>
      </c>
      <c r="C24030">
        <v>2</v>
      </c>
      <c r="D24030">
        <v>0</v>
      </c>
    </row>
    <row r="24031" spans="1:4" x14ac:dyDescent="0.25">
      <c r="A24031" t="s">
        <v>37001</v>
      </c>
      <c r="B24031" t="s">
        <v>37002</v>
      </c>
      <c r="C24031">
        <v>2</v>
      </c>
      <c r="D24031">
        <v>0</v>
      </c>
    </row>
    <row r="24032" spans="1:4" x14ac:dyDescent="0.25">
      <c r="A24032" t="s">
        <v>37001</v>
      </c>
      <c r="B24032" t="s">
        <v>37003</v>
      </c>
      <c r="C24032">
        <v>2</v>
      </c>
      <c r="D24032">
        <v>0</v>
      </c>
    </row>
    <row r="24033" spans="1:4" x14ac:dyDescent="0.25">
      <c r="A24033" t="s">
        <v>37001</v>
      </c>
      <c r="B24033" t="s">
        <v>19284</v>
      </c>
      <c r="C24033">
        <v>0</v>
      </c>
      <c r="D24033">
        <v>0</v>
      </c>
    </row>
    <row r="24034" spans="1:4" x14ac:dyDescent="0.25">
      <c r="A24034" t="s">
        <v>37004</v>
      </c>
      <c r="B24034" t="s">
        <v>37005</v>
      </c>
      <c r="C24034">
        <v>1</v>
      </c>
      <c r="D24034">
        <v>0</v>
      </c>
    </row>
    <row r="24035" spans="1:4" x14ac:dyDescent="0.25">
      <c r="A24035" t="s">
        <v>37004</v>
      </c>
      <c r="B24035" t="s">
        <v>37006</v>
      </c>
      <c r="C24035">
        <v>1</v>
      </c>
      <c r="D24035">
        <v>0</v>
      </c>
    </row>
    <row r="24036" spans="1:4" x14ac:dyDescent="0.25">
      <c r="A24036" t="s">
        <v>37007</v>
      </c>
      <c r="B24036" t="s">
        <v>37008</v>
      </c>
      <c r="C24036">
        <v>1</v>
      </c>
      <c r="D24036">
        <v>0</v>
      </c>
    </row>
    <row r="24037" spans="1:4" x14ac:dyDescent="0.25">
      <c r="A24037" t="s">
        <v>37007</v>
      </c>
      <c r="B24037" t="s">
        <v>37009</v>
      </c>
      <c r="C24037">
        <v>0</v>
      </c>
      <c r="D24037">
        <v>0</v>
      </c>
    </row>
    <row r="24038" spans="1:4" x14ac:dyDescent="0.25">
      <c r="A24038" t="s">
        <v>37007</v>
      </c>
      <c r="B24038" t="s">
        <v>37010</v>
      </c>
      <c r="C24038">
        <v>2</v>
      </c>
      <c r="D24038">
        <v>0</v>
      </c>
    </row>
    <row r="24039" spans="1:4" x14ac:dyDescent="0.25">
      <c r="A24039" t="s">
        <v>37011</v>
      </c>
      <c r="B24039" t="s">
        <v>37012</v>
      </c>
      <c r="C24039">
        <v>2</v>
      </c>
      <c r="D24039">
        <v>0</v>
      </c>
    </row>
    <row r="24040" spans="1:4" x14ac:dyDescent="0.25">
      <c r="A24040" t="s">
        <v>37011</v>
      </c>
      <c r="B24040" t="s">
        <v>37013</v>
      </c>
      <c r="C24040">
        <v>2</v>
      </c>
      <c r="D24040">
        <v>0</v>
      </c>
    </row>
    <row r="24041" spans="1:4" x14ac:dyDescent="0.25">
      <c r="A24041" t="s">
        <v>37011</v>
      </c>
      <c r="B24041" t="s">
        <v>37014</v>
      </c>
      <c r="C24041">
        <v>0</v>
      </c>
      <c r="D24041">
        <v>0</v>
      </c>
    </row>
    <row r="24042" spans="1:4" x14ac:dyDescent="0.25">
      <c r="A24042" t="s">
        <v>37015</v>
      </c>
      <c r="B24042" t="s">
        <v>37016</v>
      </c>
      <c r="C24042">
        <v>1</v>
      </c>
      <c r="D24042">
        <v>0</v>
      </c>
    </row>
    <row r="24043" spans="1:4" x14ac:dyDescent="0.25">
      <c r="A24043" t="s">
        <v>37017</v>
      </c>
      <c r="B24043" t="s">
        <v>968</v>
      </c>
      <c r="C24043">
        <v>1</v>
      </c>
      <c r="D24043">
        <v>0</v>
      </c>
    </row>
    <row r="24044" spans="1:4" x14ac:dyDescent="0.25">
      <c r="A24044" t="s">
        <v>37017</v>
      </c>
      <c r="B24044" t="s">
        <v>37018</v>
      </c>
      <c r="C24044">
        <v>1</v>
      </c>
      <c r="D24044">
        <v>0</v>
      </c>
    </row>
    <row r="24045" spans="1:4" x14ac:dyDescent="0.25">
      <c r="A24045" t="s">
        <v>37017</v>
      </c>
      <c r="B24045" t="s">
        <v>37019</v>
      </c>
      <c r="C24045">
        <v>1</v>
      </c>
      <c r="D24045">
        <v>0</v>
      </c>
    </row>
    <row r="24046" spans="1:4" x14ac:dyDescent="0.25">
      <c r="A24046" t="s">
        <v>37020</v>
      </c>
      <c r="B24046" t="s">
        <v>37021</v>
      </c>
      <c r="C24046">
        <v>1</v>
      </c>
      <c r="D24046">
        <v>0</v>
      </c>
    </row>
    <row r="24047" spans="1:4" x14ac:dyDescent="0.25">
      <c r="A24047" t="s">
        <v>37022</v>
      </c>
      <c r="B24047" t="s">
        <v>37023</v>
      </c>
      <c r="C24047">
        <v>1</v>
      </c>
      <c r="D24047">
        <v>0</v>
      </c>
    </row>
    <row r="24048" spans="1:4" x14ac:dyDescent="0.25">
      <c r="A24048" t="s">
        <v>37022</v>
      </c>
      <c r="B24048" t="s">
        <v>37024</v>
      </c>
      <c r="C24048">
        <v>1</v>
      </c>
      <c r="D24048">
        <v>0</v>
      </c>
    </row>
    <row r="24049" spans="1:4" x14ac:dyDescent="0.25">
      <c r="A24049" t="s">
        <v>37025</v>
      </c>
      <c r="B24049" t="s">
        <v>37026</v>
      </c>
      <c r="C24049">
        <v>0</v>
      </c>
      <c r="D24049">
        <v>0</v>
      </c>
    </row>
    <row r="24050" spans="1:4" x14ac:dyDescent="0.25">
      <c r="A24050" t="s">
        <v>37025</v>
      </c>
      <c r="B24050" t="s">
        <v>37027</v>
      </c>
      <c r="C24050">
        <v>0</v>
      </c>
      <c r="D24050">
        <v>0</v>
      </c>
    </row>
    <row r="24051" spans="1:4" x14ac:dyDescent="0.25">
      <c r="A24051" t="s">
        <v>37025</v>
      </c>
      <c r="B24051" t="s">
        <v>37028</v>
      </c>
      <c r="C24051">
        <v>1</v>
      </c>
      <c r="D24051">
        <v>0</v>
      </c>
    </row>
    <row r="24052" spans="1:4" x14ac:dyDescent="0.25">
      <c r="A24052" t="s">
        <v>37029</v>
      </c>
      <c r="B24052" t="s">
        <v>37030</v>
      </c>
      <c r="C24052">
        <v>1</v>
      </c>
      <c r="D24052">
        <v>0</v>
      </c>
    </row>
    <row r="24053" spans="1:4" x14ac:dyDescent="0.25">
      <c r="A24053" t="s">
        <v>37029</v>
      </c>
      <c r="B24053" t="s">
        <v>968</v>
      </c>
      <c r="C24053">
        <v>1</v>
      </c>
      <c r="D24053">
        <v>0</v>
      </c>
    </row>
    <row r="24054" spans="1:4" x14ac:dyDescent="0.25">
      <c r="A24054" t="s">
        <v>37031</v>
      </c>
      <c r="B24054" t="s">
        <v>37032</v>
      </c>
      <c r="C24054">
        <v>2</v>
      </c>
      <c r="D24054">
        <v>0</v>
      </c>
    </row>
    <row r="24055" spans="1:4" x14ac:dyDescent="0.25">
      <c r="A24055" t="s">
        <v>37031</v>
      </c>
      <c r="B24055" t="s">
        <v>37033</v>
      </c>
      <c r="C24055">
        <v>0</v>
      </c>
      <c r="D24055">
        <v>0</v>
      </c>
    </row>
    <row r="24056" spans="1:4" x14ac:dyDescent="0.25">
      <c r="A24056" t="s">
        <v>37034</v>
      </c>
      <c r="B24056" t="s">
        <v>37035</v>
      </c>
      <c r="C24056">
        <v>0</v>
      </c>
      <c r="D24056">
        <v>0</v>
      </c>
    </row>
    <row r="24057" spans="1:4" x14ac:dyDescent="0.25">
      <c r="A24057" t="s">
        <v>37034</v>
      </c>
      <c r="B24057" t="s">
        <v>37036</v>
      </c>
      <c r="C24057">
        <v>0</v>
      </c>
      <c r="D24057">
        <v>0</v>
      </c>
    </row>
    <row r="24058" spans="1:4" x14ac:dyDescent="0.25">
      <c r="A24058" t="s">
        <v>37034</v>
      </c>
      <c r="B24058" t="s">
        <v>5128</v>
      </c>
      <c r="C24058">
        <v>0</v>
      </c>
      <c r="D24058">
        <v>0</v>
      </c>
    </row>
    <row r="24059" spans="1:4" x14ac:dyDescent="0.25">
      <c r="A24059" t="s">
        <v>37037</v>
      </c>
      <c r="B24059" t="s">
        <v>37038</v>
      </c>
      <c r="C24059">
        <v>0</v>
      </c>
      <c r="D24059">
        <v>0</v>
      </c>
    </row>
    <row r="24060" spans="1:4" x14ac:dyDescent="0.25">
      <c r="A24060" t="s">
        <v>37037</v>
      </c>
      <c r="B24060" t="s">
        <v>37039</v>
      </c>
      <c r="C24060">
        <v>1</v>
      </c>
      <c r="D24060">
        <v>0</v>
      </c>
    </row>
    <row r="24061" spans="1:4" x14ac:dyDescent="0.25">
      <c r="A24061" t="s">
        <v>37040</v>
      </c>
      <c r="B24061" t="s">
        <v>37041</v>
      </c>
      <c r="C24061">
        <v>0</v>
      </c>
      <c r="D24061">
        <v>0</v>
      </c>
    </row>
    <row r="24062" spans="1:4" x14ac:dyDescent="0.25">
      <c r="A24062" t="s">
        <v>37042</v>
      </c>
      <c r="B24062" t="s">
        <v>37043</v>
      </c>
      <c r="C24062">
        <v>0</v>
      </c>
      <c r="D24062">
        <v>0</v>
      </c>
    </row>
    <row r="24063" spans="1:4" x14ac:dyDescent="0.25">
      <c r="A24063" t="s">
        <v>37042</v>
      </c>
      <c r="B24063" t="s">
        <v>37044</v>
      </c>
      <c r="C24063">
        <v>2</v>
      </c>
      <c r="D24063">
        <v>0</v>
      </c>
    </row>
    <row r="24064" spans="1:4" x14ac:dyDescent="0.25">
      <c r="A24064" t="s">
        <v>37045</v>
      </c>
      <c r="B24064" t="s">
        <v>37046</v>
      </c>
      <c r="C24064">
        <v>1</v>
      </c>
      <c r="D24064">
        <v>0</v>
      </c>
    </row>
    <row r="24065" spans="1:4" x14ac:dyDescent="0.25">
      <c r="A24065" t="s">
        <v>37045</v>
      </c>
      <c r="B24065" t="s">
        <v>37047</v>
      </c>
      <c r="C24065">
        <v>1</v>
      </c>
      <c r="D24065">
        <v>0</v>
      </c>
    </row>
    <row r="24066" spans="1:4" x14ac:dyDescent="0.25">
      <c r="A24066" t="s">
        <v>37045</v>
      </c>
      <c r="B24066" t="s">
        <v>37048</v>
      </c>
      <c r="C24066">
        <v>1</v>
      </c>
      <c r="D24066">
        <v>0</v>
      </c>
    </row>
    <row r="24067" spans="1:4" x14ac:dyDescent="0.25">
      <c r="A24067" t="s">
        <v>37049</v>
      </c>
      <c r="B24067" t="s">
        <v>37050</v>
      </c>
      <c r="C24067">
        <v>1</v>
      </c>
      <c r="D24067">
        <v>0</v>
      </c>
    </row>
    <row r="24068" spans="1:4" x14ac:dyDescent="0.25">
      <c r="A24068" t="s">
        <v>37049</v>
      </c>
      <c r="B24068" t="s">
        <v>37051</v>
      </c>
      <c r="C24068">
        <v>0</v>
      </c>
      <c r="D24068">
        <v>0</v>
      </c>
    </row>
    <row r="24069" spans="1:4" x14ac:dyDescent="0.25">
      <c r="A24069" t="s">
        <v>37052</v>
      </c>
      <c r="B24069" t="s">
        <v>4593</v>
      </c>
      <c r="C24069">
        <v>0</v>
      </c>
      <c r="D24069">
        <v>0</v>
      </c>
    </row>
    <row r="24070" spans="1:4" x14ac:dyDescent="0.25">
      <c r="A24070" t="s">
        <v>37053</v>
      </c>
      <c r="B24070" t="s">
        <v>37054</v>
      </c>
      <c r="C24070">
        <v>0</v>
      </c>
      <c r="D24070">
        <v>0</v>
      </c>
    </row>
    <row r="24071" spans="1:4" x14ac:dyDescent="0.25">
      <c r="A24071" t="s">
        <v>37055</v>
      </c>
      <c r="B24071" t="s">
        <v>37056</v>
      </c>
      <c r="C24071">
        <v>0</v>
      </c>
      <c r="D24071">
        <v>0</v>
      </c>
    </row>
    <row r="24072" spans="1:4" x14ac:dyDescent="0.25">
      <c r="A24072" t="s">
        <v>37057</v>
      </c>
      <c r="B24072" t="s">
        <v>37058</v>
      </c>
      <c r="C24072">
        <v>1</v>
      </c>
      <c r="D24072">
        <v>0</v>
      </c>
    </row>
    <row r="24073" spans="1:4" x14ac:dyDescent="0.25">
      <c r="A24073" t="s">
        <v>37059</v>
      </c>
      <c r="B24073" t="s">
        <v>37060</v>
      </c>
      <c r="C24073">
        <v>1</v>
      </c>
      <c r="D24073">
        <v>0</v>
      </c>
    </row>
    <row r="24074" spans="1:4" x14ac:dyDescent="0.25">
      <c r="A24074" t="s">
        <v>37059</v>
      </c>
      <c r="B24074" t="s">
        <v>37061</v>
      </c>
      <c r="C24074">
        <v>2</v>
      </c>
      <c r="D24074">
        <v>0</v>
      </c>
    </row>
    <row r="24075" spans="1:4" x14ac:dyDescent="0.25">
      <c r="A24075" t="s">
        <v>37059</v>
      </c>
      <c r="B24075" t="s">
        <v>37062</v>
      </c>
      <c r="C24075">
        <v>1</v>
      </c>
      <c r="D24075">
        <v>0</v>
      </c>
    </row>
    <row r="24076" spans="1:4" x14ac:dyDescent="0.25">
      <c r="A24076" t="s">
        <v>37063</v>
      </c>
      <c r="B24076" t="s">
        <v>37064</v>
      </c>
      <c r="C24076">
        <v>0</v>
      </c>
      <c r="D24076">
        <v>0</v>
      </c>
    </row>
    <row r="24077" spans="1:4" x14ac:dyDescent="0.25">
      <c r="A24077" t="s">
        <v>37063</v>
      </c>
      <c r="B24077" t="s">
        <v>37065</v>
      </c>
      <c r="C24077">
        <v>0</v>
      </c>
      <c r="D24077">
        <v>0</v>
      </c>
    </row>
    <row r="24078" spans="1:4" x14ac:dyDescent="0.25">
      <c r="A24078" t="s">
        <v>37063</v>
      </c>
      <c r="B24078" t="s">
        <v>37066</v>
      </c>
      <c r="C24078">
        <v>2</v>
      </c>
      <c r="D24078">
        <v>0</v>
      </c>
    </row>
    <row r="24079" spans="1:4" x14ac:dyDescent="0.25">
      <c r="A24079" t="s">
        <v>37067</v>
      </c>
      <c r="B24079" t="s">
        <v>37068</v>
      </c>
      <c r="C24079">
        <v>2</v>
      </c>
      <c r="D24079">
        <v>0</v>
      </c>
    </row>
    <row r="24080" spans="1:4" x14ac:dyDescent="0.25">
      <c r="A24080" t="s">
        <v>37067</v>
      </c>
      <c r="B24080" t="s">
        <v>37069</v>
      </c>
      <c r="C24080">
        <v>0</v>
      </c>
      <c r="D24080">
        <v>0</v>
      </c>
    </row>
    <row r="24081" spans="1:4" x14ac:dyDescent="0.25">
      <c r="A24081" t="s">
        <v>37070</v>
      </c>
      <c r="B24081" t="s">
        <v>37071</v>
      </c>
      <c r="C24081">
        <v>1</v>
      </c>
      <c r="D24081">
        <v>0</v>
      </c>
    </row>
    <row r="24082" spans="1:4" x14ac:dyDescent="0.25">
      <c r="A24082" t="s">
        <v>37070</v>
      </c>
      <c r="B24082" t="s">
        <v>37072</v>
      </c>
      <c r="C24082">
        <v>1</v>
      </c>
      <c r="D24082">
        <v>0</v>
      </c>
    </row>
    <row r="24083" spans="1:4" x14ac:dyDescent="0.25">
      <c r="A24083" t="s">
        <v>37070</v>
      </c>
      <c r="B24083" t="s">
        <v>37073</v>
      </c>
      <c r="C24083">
        <v>2</v>
      </c>
      <c r="D24083">
        <v>0</v>
      </c>
    </row>
    <row r="24084" spans="1:4" x14ac:dyDescent="0.25">
      <c r="A24084" t="s">
        <v>37074</v>
      </c>
      <c r="B24084" t="s">
        <v>37075</v>
      </c>
      <c r="C24084">
        <v>1</v>
      </c>
      <c r="D24084">
        <v>0</v>
      </c>
    </row>
    <row r="24085" spans="1:4" x14ac:dyDescent="0.25">
      <c r="A24085" t="s">
        <v>37076</v>
      </c>
      <c r="B24085" t="s">
        <v>37077</v>
      </c>
      <c r="C24085">
        <v>1</v>
      </c>
      <c r="D24085">
        <v>0</v>
      </c>
    </row>
    <row r="24086" spans="1:4" x14ac:dyDescent="0.25">
      <c r="A24086" t="s">
        <v>37078</v>
      </c>
      <c r="B24086" t="s">
        <v>37079</v>
      </c>
      <c r="C24086">
        <v>1</v>
      </c>
      <c r="D24086">
        <v>0</v>
      </c>
    </row>
    <row r="24087" spans="1:4" x14ac:dyDescent="0.25">
      <c r="A24087" t="s">
        <v>37078</v>
      </c>
      <c r="B24087" t="s">
        <v>37080</v>
      </c>
      <c r="C24087">
        <v>1</v>
      </c>
      <c r="D24087">
        <v>0</v>
      </c>
    </row>
    <row r="24088" spans="1:4" x14ac:dyDescent="0.25">
      <c r="A24088" t="s">
        <v>37078</v>
      </c>
      <c r="B24088" t="s">
        <v>37081</v>
      </c>
      <c r="C24088">
        <v>0</v>
      </c>
      <c r="D24088">
        <v>0</v>
      </c>
    </row>
    <row r="24089" spans="1:4" x14ac:dyDescent="0.25">
      <c r="A24089" t="s">
        <v>37082</v>
      </c>
      <c r="B24089" t="s">
        <v>37083</v>
      </c>
      <c r="C24089">
        <v>0</v>
      </c>
      <c r="D24089">
        <v>0</v>
      </c>
    </row>
    <row r="24090" spans="1:4" x14ac:dyDescent="0.25">
      <c r="A24090" t="s">
        <v>37082</v>
      </c>
      <c r="B24090" t="s">
        <v>37084</v>
      </c>
      <c r="C24090">
        <v>0</v>
      </c>
      <c r="D24090">
        <v>0</v>
      </c>
    </row>
    <row r="24091" spans="1:4" x14ac:dyDescent="0.25">
      <c r="A24091" t="s">
        <v>37085</v>
      </c>
      <c r="B24091" t="s">
        <v>37086</v>
      </c>
      <c r="C24091">
        <v>1</v>
      </c>
      <c r="D24091">
        <v>0</v>
      </c>
    </row>
    <row r="24092" spans="1:4" x14ac:dyDescent="0.25">
      <c r="A24092" t="s">
        <v>37085</v>
      </c>
      <c r="B24092" t="s">
        <v>37087</v>
      </c>
      <c r="C24092">
        <v>0</v>
      </c>
      <c r="D24092">
        <v>0</v>
      </c>
    </row>
    <row r="24093" spans="1:4" x14ac:dyDescent="0.25">
      <c r="A24093" t="s">
        <v>37085</v>
      </c>
      <c r="B24093" t="s">
        <v>37088</v>
      </c>
      <c r="C24093">
        <v>1</v>
      </c>
      <c r="D24093">
        <v>0</v>
      </c>
    </row>
    <row r="24094" spans="1:4" x14ac:dyDescent="0.25">
      <c r="A24094" t="s">
        <v>37089</v>
      </c>
      <c r="B24094" t="s">
        <v>1387</v>
      </c>
      <c r="C24094">
        <v>1</v>
      </c>
      <c r="D24094">
        <v>0</v>
      </c>
    </row>
    <row r="24095" spans="1:4" x14ac:dyDescent="0.25">
      <c r="A24095" t="s">
        <v>37090</v>
      </c>
      <c r="B24095" t="s">
        <v>37091</v>
      </c>
      <c r="C24095">
        <v>2</v>
      </c>
      <c r="D24095">
        <v>0</v>
      </c>
    </row>
    <row r="24096" spans="1:4" x14ac:dyDescent="0.25">
      <c r="A24096" t="s">
        <v>37090</v>
      </c>
      <c r="B24096" t="s">
        <v>37092</v>
      </c>
      <c r="C24096">
        <v>1</v>
      </c>
      <c r="D24096">
        <v>0</v>
      </c>
    </row>
    <row r="24097" spans="1:4" x14ac:dyDescent="0.25">
      <c r="A24097" t="s">
        <v>37090</v>
      </c>
      <c r="B24097" t="s">
        <v>37093</v>
      </c>
      <c r="C24097">
        <v>1</v>
      </c>
      <c r="D24097">
        <v>0</v>
      </c>
    </row>
    <row r="24098" spans="1:4" x14ac:dyDescent="0.25">
      <c r="A24098" t="s">
        <v>37094</v>
      </c>
      <c r="B24098" t="s">
        <v>37095</v>
      </c>
      <c r="C24098">
        <v>0</v>
      </c>
      <c r="D24098">
        <v>0</v>
      </c>
    </row>
    <row r="24099" spans="1:4" x14ac:dyDescent="0.25">
      <c r="A24099" t="s">
        <v>37094</v>
      </c>
      <c r="B24099" t="s">
        <v>37096</v>
      </c>
      <c r="C24099">
        <v>1</v>
      </c>
      <c r="D24099">
        <v>0</v>
      </c>
    </row>
    <row r="24100" spans="1:4" x14ac:dyDescent="0.25">
      <c r="A24100" t="s">
        <v>37094</v>
      </c>
      <c r="B24100" t="s">
        <v>37097</v>
      </c>
      <c r="C24100">
        <v>0</v>
      </c>
      <c r="D24100">
        <v>0</v>
      </c>
    </row>
    <row r="24101" spans="1:4" x14ac:dyDescent="0.25">
      <c r="A24101" t="s">
        <v>37098</v>
      </c>
      <c r="B24101" t="s">
        <v>37099</v>
      </c>
      <c r="C24101">
        <v>2</v>
      </c>
      <c r="D24101">
        <v>0</v>
      </c>
    </row>
    <row r="24102" spans="1:4" x14ac:dyDescent="0.25">
      <c r="A24102" t="s">
        <v>37098</v>
      </c>
      <c r="B24102" t="s">
        <v>37100</v>
      </c>
      <c r="C24102">
        <v>1</v>
      </c>
      <c r="D24102">
        <v>0</v>
      </c>
    </row>
    <row r="24103" spans="1:4" x14ac:dyDescent="0.25">
      <c r="A24103" t="s">
        <v>37098</v>
      </c>
      <c r="B24103" t="s">
        <v>37101</v>
      </c>
      <c r="C24103">
        <v>2</v>
      </c>
      <c r="D24103">
        <v>0</v>
      </c>
    </row>
    <row r="24104" spans="1:4" x14ac:dyDescent="0.25">
      <c r="A24104" t="s">
        <v>37102</v>
      </c>
      <c r="B24104" t="s">
        <v>37103</v>
      </c>
      <c r="C24104">
        <v>0</v>
      </c>
      <c r="D24104">
        <v>0</v>
      </c>
    </row>
    <row r="24105" spans="1:4" x14ac:dyDescent="0.25">
      <c r="A24105" t="s">
        <v>37104</v>
      </c>
      <c r="B24105" t="s">
        <v>37105</v>
      </c>
      <c r="C24105">
        <v>1</v>
      </c>
      <c r="D24105">
        <v>0</v>
      </c>
    </row>
    <row r="24106" spans="1:4" x14ac:dyDescent="0.25">
      <c r="A24106" t="s">
        <v>37106</v>
      </c>
      <c r="B24106" t="s">
        <v>37107</v>
      </c>
      <c r="C24106">
        <v>1</v>
      </c>
      <c r="D24106">
        <v>0</v>
      </c>
    </row>
    <row r="24107" spans="1:4" x14ac:dyDescent="0.25">
      <c r="A24107" t="s">
        <v>37108</v>
      </c>
      <c r="B24107" t="s">
        <v>37109</v>
      </c>
      <c r="C24107">
        <v>0</v>
      </c>
      <c r="D24107">
        <v>0</v>
      </c>
    </row>
    <row r="24108" spans="1:4" x14ac:dyDescent="0.25">
      <c r="A24108" t="s">
        <v>37108</v>
      </c>
      <c r="B24108" t="s">
        <v>37110</v>
      </c>
      <c r="C24108">
        <v>2</v>
      </c>
      <c r="D24108">
        <v>0</v>
      </c>
    </row>
    <row r="24109" spans="1:4" x14ac:dyDescent="0.25">
      <c r="A24109" t="s">
        <v>37108</v>
      </c>
      <c r="B24109" t="s">
        <v>37111</v>
      </c>
      <c r="C24109">
        <v>0</v>
      </c>
      <c r="D24109">
        <v>0</v>
      </c>
    </row>
    <row r="24110" spans="1:4" x14ac:dyDescent="0.25">
      <c r="A24110" t="s">
        <v>37112</v>
      </c>
      <c r="B24110" t="s">
        <v>33287</v>
      </c>
      <c r="C24110">
        <v>1</v>
      </c>
      <c r="D24110">
        <v>0</v>
      </c>
    </row>
    <row r="24111" spans="1:4" x14ac:dyDescent="0.25">
      <c r="A24111" t="s">
        <v>37112</v>
      </c>
      <c r="B24111" t="s">
        <v>37113</v>
      </c>
      <c r="C24111">
        <v>1</v>
      </c>
      <c r="D24111">
        <v>0</v>
      </c>
    </row>
    <row r="24112" spans="1:4" x14ac:dyDescent="0.25">
      <c r="A24112" t="s">
        <v>37112</v>
      </c>
      <c r="B24112" t="s">
        <v>37114</v>
      </c>
      <c r="C24112">
        <v>2</v>
      </c>
      <c r="D24112">
        <v>0</v>
      </c>
    </row>
    <row r="24113" spans="1:4" x14ac:dyDescent="0.25">
      <c r="A24113" t="s">
        <v>37115</v>
      </c>
      <c r="B24113" t="s">
        <v>37116</v>
      </c>
      <c r="C24113">
        <v>2</v>
      </c>
      <c r="D24113">
        <v>0</v>
      </c>
    </row>
    <row r="24114" spans="1:4" x14ac:dyDescent="0.25">
      <c r="A24114" t="s">
        <v>37115</v>
      </c>
      <c r="B24114" t="s">
        <v>37117</v>
      </c>
      <c r="C24114">
        <v>1</v>
      </c>
      <c r="D24114">
        <v>0</v>
      </c>
    </row>
    <row r="24115" spans="1:4" x14ac:dyDescent="0.25">
      <c r="A24115" t="s">
        <v>37115</v>
      </c>
      <c r="B24115" t="s">
        <v>37118</v>
      </c>
      <c r="C24115">
        <v>1</v>
      </c>
      <c r="D24115">
        <v>0</v>
      </c>
    </row>
    <row r="24116" spans="1:4" x14ac:dyDescent="0.25">
      <c r="A24116" t="s">
        <v>37119</v>
      </c>
      <c r="B24116" t="s">
        <v>37120</v>
      </c>
      <c r="C24116">
        <v>0</v>
      </c>
      <c r="D24116">
        <v>0</v>
      </c>
    </row>
    <row r="24117" spans="1:4" x14ac:dyDescent="0.25">
      <c r="A24117" t="s">
        <v>37121</v>
      </c>
      <c r="B24117" t="s">
        <v>1401</v>
      </c>
      <c r="C24117">
        <v>0</v>
      </c>
      <c r="D24117">
        <v>0</v>
      </c>
    </row>
    <row r="24118" spans="1:4" x14ac:dyDescent="0.25">
      <c r="A24118" t="s">
        <v>37121</v>
      </c>
      <c r="B24118" t="s">
        <v>37122</v>
      </c>
      <c r="C24118">
        <v>0</v>
      </c>
      <c r="D24118">
        <v>0</v>
      </c>
    </row>
    <row r="24119" spans="1:4" x14ac:dyDescent="0.25">
      <c r="A24119" t="s">
        <v>37121</v>
      </c>
      <c r="B24119" t="s">
        <v>37123</v>
      </c>
      <c r="C24119">
        <v>1</v>
      </c>
      <c r="D24119">
        <v>0</v>
      </c>
    </row>
    <row r="24120" spans="1:4" x14ac:dyDescent="0.25">
      <c r="A24120" t="s">
        <v>37124</v>
      </c>
      <c r="B24120" t="s">
        <v>852</v>
      </c>
      <c r="C24120">
        <v>0</v>
      </c>
      <c r="D24120">
        <v>0</v>
      </c>
    </row>
    <row r="24121" spans="1:4" x14ac:dyDescent="0.25">
      <c r="A24121" t="s">
        <v>37124</v>
      </c>
      <c r="B24121" t="s">
        <v>37125</v>
      </c>
      <c r="C24121">
        <v>1</v>
      </c>
      <c r="D24121">
        <v>0</v>
      </c>
    </row>
    <row r="24122" spans="1:4" x14ac:dyDescent="0.25">
      <c r="A24122" t="s">
        <v>37126</v>
      </c>
      <c r="B24122" t="s">
        <v>37127</v>
      </c>
      <c r="C24122">
        <v>0</v>
      </c>
      <c r="D24122">
        <v>0</v>
      </c>
    </row>
    <row r="24123" spans="1:4" x14ac:dyDescent="0.25">
      <c r="A24123" t="s">
        <v>37126</v>
      </c>
      <c r="B24123" t="s">
        <v>37128</v>
      </c>
      <c r="C24123">
        <v>1</v>
      </c>
      <c r="D24123">
        <v>0</v>
      </c>
    </row>
    <row r="24124" spans="1:4" x14ac:dyDescent="0.25">
      <c r="A24124" t="s">
        <v>37126</v>
      </c>
      <c r="B24124" t="s">
        <v>37129</v>
      </c>
      <c r="C24124">
        <v>1</v>
      </c>
      <c r="D24124">
        <v>0</v>
      </c>
    </row>
    <row r="24125" spans="1:4" x14ac:dyDescent="0.25">
      <c r="A24125" t="s">
        <v>37130</v>
      </c>
      <c r="B24125" t="s">
        <v>1001</v>
      </c>
      <c r="C24125">
        <v>1</v>
      </c>
      <c r="D24125">
        <v>0</v>
      </c>
    </row>
    <row r="24126" spans="1:4" x14ac:dyDescent="0.25">
      <c r="A24126" t="s">
        <v>37130</v>
      </c>
      <c r="B24126" t="s">
        <v>37131</v>
      </c>
      <c r="C24126">
        <v>2</v>
      </c>
      <c r="D24126">
        <v>0</v>
      </c>
    </row>
    <row r="24127" spans="1:4" x14ac:dyDescent="0.25">
      <c r="A24127" t="s">
        <v>37130</v>
      </c>
      <c r="B24127" t="s">
        <v>37132</v>
      </c>
      <c r="C24127">
        <v>2</v>
      </c>
      <c r="D24127">
        <v>0</v>
      </c>
    </row>
    <row r="24128" spans="1:4" x14ac:dyDescent="0.25">
      <c r="A24128" t="s">
        <v>37133</v>
      </c>
      <c r="B24128" t="s">
        <v>37134</v>
      </c>
      <c r="C24128">
        <v>2</v>
      </c>
      <c r="D24128">
        <v>0</v>
      </c>
    </row>
    <row r="24129" spans="1:4" x14ac:dyDescent="0.25">
      <c r="A24129" t="s">
        <v>37133</v>
      </c>
      <c r="B24129" t="s">
        <v>37135</v>
      </c>
      <c r="C24129">
        <v>2</v>
      </c>
      <c r="D24129">
        <v>0</v>
      </c>
    </row>
    <row r="24130" spans="1:4" x14ac:dyDescent="0.25">
      <c r="A24130" t="s">
        <v>37136</v>
      </c>
      <c r="B24130" t="s">
        <v>37137</v>
      </c>
      <c r="C24130">
        <v>0</v>
      </c>
      <c r="D24130">
        <v>0</v>
      </c>
    </row>
    <row r="24131" spans="1:4" x14ac:dyDescent="0.25">
      <c r="A24131" t="s">
        <v>37136</v>
      </c>
      <c r="B24131" t="s">
        <v>37138</v>
      </c>
      <c r="C24131">
        <v>1</v>
      </c>
      <c r="D24131">
        <v>0</v>
      </c>
    </row>
    <row r="24132" spans="1:4" x14ac:dyDescent="0.25">
      <c r="A24132" t="s">
        <v>37136</v>
      </c>
      <c r="B24132" t="s">
        <v>37139</v>
      </c>
      <c r="C24132">
        <v>1</v>
      </c>
      <c r="D24132">
        <v>0</v>
      </c>
    </row>
    <row r="24133" spans="1:4" x14ac:dyDescent="0.25">
      <c r="A24133" t="s">
        <v>37140</v>
      </c>
      <c r="B24133" t="s">
        <v>37141</v>
      </c>
      <c r="C24133">
        <v>0</v>
      </c>
      <c r="D24133">
        <v>0</v>
      </c>
    </row>
    <row r="24134" spans="1:4" x14ac:dyDescent="0.25">
      <c r="A24134" t="s">
        <v>37142</v>
      </c>
      <c r="B24134" t="s">
        <v>37143</v>
      </c>
      <c r="C24134">
        <v>2</v>
      </c>
      <c r="D24134">
        <v>0</v>
      </c>
    </row>
    <row r="24135" spans="1:4" x14ac:dyDescent="0.25">
      <c r="A24135" t="s">
        <v>37142</v>
      </c>
      <c r="B24135" t="s">
        <v>37144</v>
      </c>
      <c r="C24135">
        <v>2</v>
      </c>
      <c r="D24135">
        <v>0</v>
      </c>
    </row>
    <row r="24136" spans="1:4" x14ac:dyDescent="0.25">
      <c r="A24136" t="s">
        <v>37142</v>
      </c>
      <c r="B24136" t="s">
        <v>37145</v>
      </c>
      <c r="C24136">
        <v>2</v>
      </c>
      <c r="D24136">
        <v>0</v>
      </c>
    </row>
    <row r="24137" spans="1:4" x14ac:dyDescent="0.25">
      <c r="A24137" t="s">
        <v>37146</v>
      </c>
      <c r="B24137" t="s">
        <v>37147</v>
      </c>
      <c r="C24137">
        <v>2</v>
      </c>
      <c r="D24137">
        <v>0</v>
      </c>
    </row>
    <row r="24138" spans="1:4" x14ac:dyDescent="0.25">
      <c r="A24138" t="s">
        <v>37146</v>
      </c>
      <c r="B24138" t="s">
        <v>37148</v>
      </c>
      <c r="C24138">
        <v>1</v>
      </c>
      <c r="D24138">
        <v>0</v>
      </c>
    </row>
    <row r="24139" spans="1:4" x14ac:dyDescent="0.25">
      <c r="A24139" t="s">
        <v>37146</v>
      </c>
      <c r="B24139" t="s">
        <v>37149</v>
      </c>
      <c r="C24139">
        <v>1</v>
      </c>
      <c r="D24139">
        <v>0</v>
      </c>
    </row>
    <row r="24140" spans="1:4" x14ac:dyDescent="0.25">
      <c r="A24140" t="s">
        <v>37150</v>
      </c>
      <c r="B24140" t="s">
        <v>37151</v>
      </c>
      <c r="C24140">
        <v>1</v>
      </c>
      <c r="D24140">
        <v>0</v>
      </c>
    </row>
    <row r="24141" spans="1:4" x14ac:dyDescent="0.25">
      <c r="A24141" t="s">
        <v>37150</v>
      </c>
      <c r="B24141" t="s">
        <v>37152</v>
      </c>
      <c r="C24141">
        <v>1</v>
      </c>
      <c r="D24141">
        <v>0</v>
      </c>
    </row>
    <row r="24142" spans="1:4" x14ac:dyDescent="0.25">
      <c r="A24142" t="s">
        <v>37153</v>
      </c>
      <c r="B24142" t="s">
        <v>37154</v>
      </c>
      <c r="C24142">
        <v>1</v>
      </c>
      <c r="D24142">
        <v>0</v>
      </c>
    </row>
    <row r="24143" spans="1:4" x14ac:dyDescent="0.25">
      <c r="A24143" t="s">
        <v>37153</v>
      </c>
      <c r="B24143" t="s">
        <v>37155</v>
      </c>
      <c r="C24143">
        <v>1</v>
      </c>
      <c r="D24143">
        <v>0</v>
      </c>
    </row>
    <row r="24144" spans="1:4" x14ac:dyDescent="0.25">
      <c r="A24144" t="s">
        <v>37156</v>
      </c>
      <c r="B24144" t="s">
        <v>37157</v>
      </c>
      <c r="C24144">
        <v>2</v>
      </c>
      <c r="D24144">
        <v>0</v>
      </c>
    </row>
    <row r="24145" spans="1:4" x14ac:dyDescent="0.25">
      <c r="A24145" t="s">
        <v>37158</v>
      </c>
      <c r="B24145" t="s">
        <v>37159</v>
      </c>
      <c r="C24145">
        <v>0</v>
      </c>
      <c r="D24145">
        <v>0</v>
      </c>
    </row>
    <row r="24146" spans="1:4" x14ac:dyDescent="0.25">
      <c r="A24146" t="s">
        <v>37158</v>
      </c>
      <c r="B24146" t="s">
        <v>37160</v>
      </c>
      <c r="C24146">
        <v>2</v>
      </c>
      <c r="D24146">
        <v>0</v>
      </c>
    </row>
    <row r="24147" spans="1:4" x14ac:dyDescent="0.25">
      <c r="A24147" t="s">
        <v>37158</v>
      </c>
      <c r="B24147" t="s">
        <v>37161</v>
      </c>
      <c r="C24147">
        <v>1</v>
      </c>
      <c r="D24147">
        <v>0</v>
      </c>
    </row>
    <row r="24148" spans="1:4" x14ac:dyDescent="0.25">
      <c r="A24148" t="s">
        <v>37162</v>
      </c>
      <c r="B24148" t="s">
        <v>37163</v>
      </c>
      <c r="C24148">
        <v>0</v>
      </c>
      <c r="D24148">
        <v>0</v>
      </c>
    </row>
    <row r="24149" spans="1:4" x14ac:dyDescent="0.25">
      <c r="A24149" t="s">
        <v>37162</v>
      </c>
      <c r="B24149" t="s">
        <v>37164</v>
      </c>
      <c r="C24149">
        <v>2</v>
      </c>
      <c r="D24149">
        <v>0</v>
      </c>
    </row>
    <row r="24150" spans="1:4" x14ac:dyDescent="0.25">
      <c r="A24150" t="s">
        <v>37162</v>
      </c>
      <c r="B24150" t="s">
        <v>37165</v>
      </c>
      <c r="C24150">
        <v>0</v>
      </c>
      <c r="D24150">
        <v>0</v>
      </c>
    </row>
    <row r="24151" spans="1:4" x14ac:dyDescent="0.25">
      <c r="A24151" t="s">
        <v>37166</v>
      </c>
      <c r="B24151" t="s">
        <v>37167</v>
      </c>
      <c r="C24151">
        <v>2</v>
      </c>
      <c r="D24151">
        <v>0</v>
      </c>
    </row>
    <row r="24152" spans="1:4" x14ac:dyDescent="0.25">
      <c r="A24152" t="s">
        <v>37166</v>
      </c>
      <c r="B24152" t="s">
        <v>1580</v>
      </c>
      <c r="C24152">
        <v>1</v>
      </c>
      <c r="D24152">
        <v>0</v>
      </c>
    </row>
    <row r="24153" spans="1:4" x14ac:dyDescent="0.25">
      <c r="A24153" t="s">
        <v>37166</v>
      </c>
      <c r="B24153" t="s">
        <v>37168</v>
      </c>
      <c r="C24153">
        <v>0</v>
      </c>
      <c r="D24153">
        <v>0</v>
      </c>
    </row>
    <row r="24154" spans="1:4" x14ac:dyDescent="0.25">
      <c r="A24154" t="s">
        <v>37169</v>
      </c>
      <c r="B24154" t="s">
        <v>37170</v>
      </c>
      <c r="C24154">
        <v>1</v>
      </c>
      <c r="D24154">
        <v>0</v>
      </c>
    </row>
    <row r="24155" spans="1:4" x14ac:dyDescent="0.25">
      <c r="A24155" t="s">
        <v>37171</v>
      </c>
      <c r="B24155" t="s">
        <v>4894</v>
      </c>
      <c r="C24155">
        <v>0</v>
      </c>
      <c r="D24155">
        <v>0</v>
      </c>
    </row>
    <row r="24156" spans="1:4" x14ac:dyDescent="0.25">
      <c r="A24156" t="s">
        <v>37171</v>
      </c>
      <c r="B24156" t="s">
        <v>37172</v>
      </c>
      <c r="C24156">
        <v>1</v>
      </c>
      <c r="D24156">
        <v>0</v>
      </c>
    </row>
    <row r="24157" spans="1:4" x14ac:dyDescent="0.25">
      <c r="A24157" t="s">
        <v>37173</v>
      </c>
      <c r="B24157" t="s">
        <v>37174</v>
      </c>
      <c r="C24157">
        <v>0</v>
      </c>
      <c r="D24157">
        <v>0</v>
      </c>
    </row>
    <row r="24158" spans="1:4" x14ac:dyDescent="0.25">
      <c r="A24158" t="s">
        <v>37173</v>
      </c>
      <c r="B24158" t="s">
        <v>968</v>
      </c>
      <c r="C24158">
        <v>1</v>
      </c>
      <c r="D24158">
        <v>0</v>
      </c>
    </row>
    <row r="24159" spans="1:4" x14ac:dyDescent="0.25">
      <c r="A24159" t="s">
        <v>37175</v>
      </c>
      <c r="B24159" t="s">
        <v>37176</v>
      </c>
      <c r="C24159">
        <v>0</v>
      </c>
      <c r="D24159">
        <v>0</v>
      </c>
    </row>
    <row r="24160" spans="1:4" x14ac:dyDescent="0.25">
      <c r="A24160" t="s">
        <v>37175</v>
      </c>
      <c r="B24160" t="s">
        <v>37177</v>
      </c>
      <c r="C24160">
        <v>1</v>
      </c>
      <c r="D24160">
        <v>0</v>
      </c>
    </row>
    <row r="24161" spans="1:4" x14ac:dyDescent="0.25">
      <c r="A24161" t="s">
        <v>37178</v>
      </c>
      <c r="B24161" t="s">
        <v>37179</v>
      </c>
      <c r="C24161">
        <v>1</v>
      </c>
      <c r="D24161">
        <v>0</v>
      </c>
    </row>
    <row r="24162" spans="1:4" x14ac:dyDescent="0.25">
      <c r="A24162" t="s">
        <v>37178</v>
      </c>
      <c r="B24162" t="s">
        <v>37180</v>
      </c>
      <c r="C24162">
        <v>1</v>
      </c>
      <c r="D24162">
        <v>0</v>
      </c>
    </row>
    <row r="24163" spans="1:4" x14ac:dyDescent="0.25">
      <c r="A24163" t="s">
        <v>37178</v>
      </c>
      <c r="B24163" t="s">
        <v>37181</v>
      </c>
      <c r="C24163">
        <v>2</v>
      </c>
      <c r="D24163">
        <v>0</v>
      </c>
    </row>
    <row r="24164" spans="1:4" x14ac:dyDescent="0.25">
      <c r="A24164" t="s">
        <v>37182</v>
      </c>
      <c r="B24164" t="s">
        <v>37183</v>
      </c>
      <c r="C24164">
        <v>1</v>
      </c>
      <c r="D24164">
        <v>0</v>
      </c>
    </row>
    <row r="24165" spans="1:4" x14ac:dyDescent="0.25">
      <c r="A24165" t="s">
        <v>37184</v>
      </c>
      <c r="B24165" t="s">
        <v>37185</v>
      </c>
      <c r="C24165">
        <v>2</v>
      </c>
      <c r="D24165">
        <v>0</v>
      </c>
    </row>
    <row r="24166" spans="1:4" x14ac:dyDescent="0.25">
      <c r="A24166" t="s">
        <v>37184</v>
      </c>
      <c r="B24166" t="s">
        <v>37186</v>
      </c>
      <c r="C24166">
        <v>1</v>
      </c>
      <c r="D24166">
        <v>0</v>
      </c>
    </row>
    <row r="24167" spans="1:4" x14ac:dyDescent="0.25">
      <c r="A24167" t="s">
        <v>37184</v>
      </c>
      <c r="B24167" t="s">
        <v>37187</v>
      </c>
      <c r="C24167">
        <v>1</v>
      </c>
      <c r="D24167">
        <v>0</v>
      </c>
    </row>
    <row r="24168" spans="1:4" x14ac:dyDescent="0.25">
      <c r="A24168" t="s">
        <v>37188</v>
      </c>
      <c r="B24168" t="s">
        <v>37189</v>
      </c>
      <c r="C24168">
        <v>1</v>
      </c>
      <c r="D24168">
        <v>0</v>
      </c>
    </row>
    <row r="24169" spans="1:4" x14ac:dyDescent="0.25">
      <c r="A24169" t="s">
        <v>37188</v>
      </c>
      <c r="B24169" t="s">
        <v>37190</v>
      </c>
      <c r="C24169">
        <v>1</v>
      </c>
      <c r="D24169">
        <v>0</v>
      </c>
    </row>
    <row r="24170" spans="1:4" x14ac:dyDescent="0.25">
      <c r="A24170" t="s">
        <v>37191</v>
      </c>
      <c r="B24170" t="s">
        <v>37192</v>
      </c>
      <c r="C24170">
        <v>1</v>
      </c>
      <c r="D24170">
        <v>0</v>
      </c>
    </row>
    <row r="24171" spans="1:4" x14ac:dyDescent="0.25">
      <c r="A24171" t="s">
        <v>37193</v>
      </c>
      <c r="B24171" t="s">
        <v>37194</v>
      </c>
      <c r="C24171">
        <v>0</v>
      </c>
      <c r="D24171">
        <v>0</v>
      </c>
    </row>
    <row r="24172" spans="1:4" x14ac:dyDescent="0.25">
      <c r="A24172" t="s">
        <v>37195</v>
      </c>
      <c r="B24172" t="s">
        <v>37196</v>
      </c>
      <c r="C24172">
        <v>0</v>
      </c>
      <c r="D24172">
        <v>0</v>
      </c>
    </row>
    <row r="24173" spans="1:4" x14ac:dyDescent="0.25">
      <c r="A24173" t="s">
        <v>37195</v>
      </c>
      <c r="B24173" t="s">
        <v>1387</v>
      </c>
      <c r="C24173">
        <v>1</v>
      </c>
      <c r="D24173">
        <v>0</v>
      </c>
    </row>
    <row r="24174" spans="1:4" x14ac:dyDescent="0.25">
      <c r="A24174" t="s">
        <v>37195</v>
      </c>
      <c r="B24174" t="s">
        <v>37197</v>
      </c>
      <c r="C24174">
        <v>1</v>
      </c>
      <c r="D24174">
        <v>0</v>
      </c>
    </row>
    <row r="24175" spans="1:4" x14ac:dyDescent="0.25">
      <c r="A24175" t="s">
        <v>37198</v>
      </c>
      <c r="B24175" t="s">
        <v>37199</v>
      </c>
      <c r="C24175">
        <v>1</v>
      </c>
      <c r="D24175">
        <v>0</v>
      </c>
    </row>
    <row r="24176" spans="1:4" x14ac:dyDescent="0.25">
      <c r="A24176" t="s">
        <v>37198</v>
      </c>
      <c r="B24176" t="s">
        <v>37200</v>
      </c>
      <c r="C24176">
        <v>1</v>
      </c>
      <c r="D24176">
        <v>0</v>
      </c>
    </row>
    <row r="24177" spans="1:4" x14ac:dyDescent="0.25">
      <c r="A24177" t="s">
        <v>37198</v>
      </c>
      <c r="B24177" t="s">
        <v>37201</v>
      </c>
      <c r="C24177">
        <v>1</v>
      </c>
      <c r="D24177">
        <v>0</v>
      </c>
    </row>
    <row r="24178" spans="1:4" x14ac:dyDescent="0.25">
      <c r="A24178" t="s">
        <v>37202</v>
      </c>
      <c r="B24178" t="s">
        <v>37203</v>
      </c>
      <c r="C24178">
        <v>0</v>
      </c>
      <c r="D24178">
        <v>0</v>
      </c>
    </row>
    <row r="24179" spans="1:4" x14ac:dyDescent="0.25">
      <c r="A24179" t="s">
        <v>37204</v>
      </c>
      <c r="B24179" t="s">
        <v>37205</v>
      </c>
      <c r="C24179">
        <v>0</v>
      </c>
      <c r="D24179">
        <v>0</v>
      </c>
    </row>
    <row r="24180" spans="1:4" x14ac:dyDescent="0.25">
      <c r="A24180" t="s">
        <v>37204</v>
      </c>
      <c r="B24180" t="s">
        <v>37206</v>
      </c>
      <c r="C24180">
        <v>1</v>
      </c>
      <c r="D24180">
        <v>0</v>
      </c>
    </row>
    <row r="24181" spans="1:4" x14ac:dyDescent="0.25">
      <c r="A24181" t="s">
        <v>37207</v>
      </c>
      <c r="B24181" t="s">
        <v>37208</v>
      </c>
      <c r="C24181">
        <v>2</v>
      </c>
      <c r="D24181">
        <v>0</v>
      </c>
    </row>
    <row r="24182" spans="1:4" x14ac:dyDescent="0.25">
      <c r="A24182" t="s">
        <v>37207</v>
      </c>
      <c r="B24182" t="s">
        <v>852</v>
      </c>
      <c r="C24182">
        <v>0</v>
      </c>
      <c r="D24182">
        <v>0</v>
      </c>
    </row>
    <row r="24183" spans="1:4" x14ac:dyDescent="0.25">
      <c r="A24183" t="s">
        <v>37209</v>
      </c>
      <c r="B24183" t="s">
        <v>37210</v>
      </c>
      <c r="C24183">
        <v>0</v>
      </c>
      <c r="D24183">
        <v>0</v>
      </c>
    </row>
    <row r="24184" spans="1:4" x14ac:dyDescent="0.25">
      <c r="A24184" t="s">
        <v>37209</v>
      </c>
      <c r="B24184" t="s">
        <v>37211</v>
      </c>
      <c r="C24184">
        <v>1</v>
      </c>
      <c r="D24184">
        <v>0</v>
      </c>
    </row>
    <row r="24185" spans="1:4" x14ac:dyDescent="0.25">
      <c r="A24185" t="s">
        <v>37212</v>
      </c>
      <c r="B24185" t="s">
        <v>37213</v>
      </c>
      <c r="C24185">
        <v>0</v>
      </c>
      <c r="D24185">
        <v>0</v>
      </c>
    </row>
    <row r="24186" spans="1:4" x14ac:dyDescent="0.25">
      <c r="A24186" t="s">
        <v>37212</v>
      </c>
      <c r="B24186" t="s">
        <v>37214</v>
      </c>
      <c r="C24186">
        <v>0</v>
      </c>
      <c r="D24186">
        <v>0</v>
      </c>
    </row>
    <row r="24187" spans="1:4" x14ac:dyDescent="0.25">
      <c r="A24187" t="s">
        <v>37215</v>
      </c>
      <c r="B24187" t="s">
        <v>37216</v>
      </c>
      <c r="C24187">
        <v>1</v>
      </c>
      <c r="D24187">
        <v>0</v>
      </c>
    </row>
    <row r="24188" spans="1:4" x14ac:dyDescent="0.25">
      <c r="A24188" t="s">
        <v>37215</v>
      </c>
      <c r="B24188" t="s">
        <v>37217</v>
      </c>
      <c r="C24188">
        <v>1</v>
      </c>
      <c r="D24188">
        <v>0</v>
      </c>
    </row>
    <row r="24189" spans="1:4" x14ac:dyDescent="0.25">
      <c r="A24189" t="s">
        <v>37218</v>
      </c>
      <c r="B24189" t="s">
        <v>37219</v>
      </c>
      <c r="C24189">
        <v>2</v>
      </c>
      <c r="D24189">
        <v>0</v>
      </c>
    </row>
    <row r="24190" spans="1:4" x14ac:dyDescent="0.25">
      <c r="A24190" t="s">
        <v>37220</v>
      </c>
      <c r="B24190" t="s">
        <v>37221</v>
      </c>
      <c r="C24190">
        <v>0</v>
      </c>
      <c r="D24190">
        <v>0</v>
      </c>
    </row>
    <row r="24191" spans="1:4" x14ac:dyDescent="0.25">
      <c r="A24191" t="s">
        <v>37220</v>
      </c>
      <c r="B24191" t="s">
        <v>37222</v>
      </c>
      <c r="C24191">
        <v>0</v>
      </c>
      <c r="D24191">
        <v>0</v>
      </c>
    </row>
    <row r="24192" spans="1:4" x14ac:dyDescent="0.25">
      <c r="A24192" t="s">
        <v>37220</v>
      </c>
      <c r="B24192" t="s">
        <v>37223</v>
      </c>
      <c r="C24192">
        <v>2</v>
      </c>
      <c r="D24192">
        <v>0</v>
      </c>
    </row>
    <row r="24193" spans="1:4" x14ac:dyDescent="0.25">
      <c r="A24193" t="s">
        <v>37224</v>
      </c>
      <c r="B24193" t="s">
        <v>37225</v>
      </c>
      <c r="C24193">
        <v>1</v>
      </c>
      <c r="D24193">
        <v>0</v>
      </c>
    </row>
    <row r="24194" spans="1:4" x14ac:dyDescent="0.25">
      <c r="A24194" t="s">
        <v>37226</v>
      </c>
      <c r="B24194" t="s">
        <v>37227</v>
      </c>
      <c r="C24194">
        <v>1</v>
      </c>
      <c r="D24194">
        <v>0</v>
      </c>
    </row>
    <row r="24195" spans="1:4" x14ac:dyDescent="0.25">
      <c r="A24195" t="s">
        <v>37228</v>
      </c>
      <c r="B24195" t="s">
        <v>37229</v>
      </c>
      <c r="C24195">
        <v>1</v>
      </c>
      <c r="D24195">
        <v>0</v>
      </c>
    </row>
    <row r="24196" spans="1:4" x14ac:dyDescent="0.25">
      <c r="A24196" t="s">
        <v>37228</v>
      </c>
      <c r="B24196" t="s">
        <v>37230</v>
      </c>
      <c r="C24196">
        <v>0</v>
      </c>
      <c r="D24196">
        <v>0</v>
      </c>
    </row>
    <row r="24197" spans="1:4" x14ac:dyDescent="0.25">
      <c r="A24197" t="s">
        <v>37228</v>
      </c>
      <c r="B24197" t="s">
        <v>37231</v>
      </c>
      <c r="C24197">
        <v>1</v>
      </c>
      <c r="D24197">
        <v>0</v>
      </c>
    </row>
    <row r="24198" spans="1:4" x14ac:dyDescent="0.25">
      <c r="A24198" t="s">
        <v>37232</v>
      </c>
      <c r="B24198" t="s">
        <v>9729</v>
      </c>
      <c r="C24198">
        <v>1</v>
      </c>
      <c r="D24198">
        <v>0</v>
      </c>
    </row>
    <row r="24199" spans="1:4" x14ac:dyDescent="0.25">
      <c r="A24199" t="s">
        <v>37232</v>
      </c>
      <c r="B24199" t="s">
        <v>37233</v>
      </c>
      <c r="C24199">
        <v>1</v>
      </c>
      <c r="D24199">
        <v>0</v>
      </c>
    </row>
    <row r="24200" spans="1:4" x14ac:dyDescent="0.25">
      <c r="A24200" t="s">
        <v>37232</v>
      </c>
      <c r="B24200" t="s">
        <v>37234</v>
      </c>
      <c r="C24200">
        <v>1</v>
      </c>
      <c r="D24200">
        <v>0</v>
      </c>
    </row>
    <row r="24201" spans="1:4" x14ac:dyDescent="0.25">
      <c r="A24201" t="s">
        <v>37235</v>
      </c>
      <c r="B24201" t="s">
        <v>37236</v>
      </c>
      <c r="C24201">
        <v>0</v>
      </c>
      <c r="D24201">
        <v>0</v>
      </c>
    </row>
    <row r="24202" spans="1:4" x14ac:dyDescent="0.25">
      <c r="A24202" t="s">
        <v>37235</v>
      </c>
      <c r="B24202" t="s">
        <v>37237</v>
      </c>
      <c r="C24202">
        <v>0</v>
      </c>
      <c r="D24202">
        <v>0</v>
      </c>
    </row>
    <row r="24203" spans="1:4" x14ac:dyDescent="0.25">
      <c r="A24203" t="s">
        <v>37235</v>
      </c>
      <c r="B24203" t="s">
        <v>37238</v>
      </c>
      <c r="C24203">
        <v>1</v>
      </c>
      <c r="D24203">
        <v>0</v>
      </c>
    </row>
    <row r="24204" spans="1:4" x14ac:dyDescent="0.25">
      <c r="A24204" t="s">
        <v>37239</v>
      </c>
      <c r="B24204" t="s">
        <v>37240</v>
      </c>
      <c r="C24204">
        <v>2</v>
      </c>
      <c r="D24204">
        <v>0</v>
      </c>
    </row>
    <row r="24205" spans="1:4" x14ac:dyDescent="0.25">
      <c r="A24205" t="s">
        <v>37239</v>
      </c>
      <c r="B24205" t="s">
        <v>37241</v>
      </c>
      <c r="C24205">
        <v>2</v>
      </c>
      <c r="D24205">
        <v>0</v>
      </c>
    </row>
    <row r="24206" spans="1:4" x14ac:dyDescent="0.25">
      <c r="A24206" t="s">
        <v>37239</v>
      </c>
      <c r="B24206" t="s">
        <v>37242</v>
      </c>
      <c r="C24206">
        <v>2</v>
      </c>
      <c r="D24206">
        <v>0</v>
      </c>
    </row>
    <row r="24207" spans="1:4" x14ac:dyDescent="0.25">
      <c r="A24207" t="s">
        <v>37243</v>
      </c>
      <c r="B24207" t="s">
        <v>37244</v>
      </c>
      <c r="C24207">
        <v>1</v>
      </c>
      <c r="D24207">
        <v>0</v>
      </c>
    </row>
    <row r="24208" spans="1:4" x14ac:dyDescent="0.25">
      <c r="A24208" t="s">
        <v>37245</v>
      </c>
      <c r="B24208" t="s">
        <v>969</v>
      </c>
      <c r="C24208">
        <v>0</v>
      </c>
      <c r="D24208">
        <v>0</v>
      </c>
    </row>
    <row r="24209" spans="1:4" x14ac:dyDescent="0.25">
      <c r="A24209" t="s">
        <v>37245</v>
      </c>
      <c r="B24209" t="s">
        <v>1001</v>
      </c>
      <c r="C24209">
        <v>1</v>
      </c>
      <c r="D24209">
        <v>0</v>
      </c>
    </row>
    <row r="24210" spans="1:4" x14ac:dyDescent="0.25">
      <c r="A24210" t="s">
        <v>37246</v>
      </c>
      <c r="B24210" t="s">
        <v>37247</v>
      </c>
      <c r="C24210">
        <v>0</v>
      </c>
      <c r="D24210">
        <v>0</v>
      </c>
    </row>
    <row r="24211" spans="1:4" x14ac:dyDescent="0.25">
      <c r="A24211" t="s">
        <v>37246</v>
      </c>
      <c r="B24211" t="s">
        <v>37248</v>
      </c>
      <c r="C24211">
        <v>1</v>
      </c>
      <c r="D24211">
        <v>0</v>
      </c>
    </row>
    <row r="24212" spans="1:4" x14ac:dyDescent="0.25">
      <c r="A24212" t="s">
        <v>37249</v>
      </c>
      <c r="B24212" t="s">
        <v>37250</v>
      </c>
      <c r="C24212">
        <v>1</v>
      </c>
      <c r="D24212">
        <v>0</v>
      </c>
    </row>
    <row r="24213" spans="1:4" x14ac:dyDescent="0.25">
      <c r="A24213" t="s">
        <v>37249</v>
      </c>
      <c r="B24213" t="s">
        <v>37251</v>
      </c>
      <c r="C24213">
        <v>0</v>
      </c>
      <c r="D24213">
        <v>0</v>
      </c>
    </row>
    <row r="24214" spans="1:4" x14ac:dyDescent="0.25">
      <c r="A24214" t="s">
        <v>37252</v>
      </c>
      <c r="B24214" t="s">
        <v>37253</v>
      </c>
      <c r="C24214">
        <v>0</v>
      </c>
      <c r="D24214">
        <v>0</v>
      </c>
    </row>
    <row r="24215" spans="1:4" x14ac:dyDescent="0.25">
      <c r="A24215" t="s">
        <v>37252</v>
      </c>
      <c r="B24215" t="s">
        <v>37254</v>
      </c>
      <c r="C24215">
        <v>1</v>
      </c>
      <c r="D24215">
        <v>0</v>
      </c>
    </row>
    <row r="24216" spans="1:4" x14ac:dyDescent="0.25">
      <c r="A24216" t="s">
        <v>37252</v>
      </c>
      <c r="B24216" t="s">
        <v>37255</v>
      </c>
      <c r="C24216">
        <v>0</v>
      </c>
      <c r="D24216">
        <v>0</v>
      </c>
    </row>
    <row r="24217" spans="1:4" x14ac:dyDescent="0.25">
      <c r="A24217" t="s">
        <v>37256</v>
      </c>
      <c r="B24217" t="s">
        <v>37257</v>
      </c>
      <c r="C24217">
        <v>2</v>
      </c>
      <c r="D24217">
        <v>0</v>
      </c>
    </row>
    <row r="24218" spans="1:4" x14ac:dyDescent="0.25">
      <c r="A24218" t="s">
        <v>37256</v>
      </c>
      <c r="B24218" t="s">
        <v>37258</v>
      </c>
      <c r="C24218">
        <v>1</v>
      </c>
      <c r="D24218">
        <v>0</v>
      </c>
    </row>
    <row r="24219" spans="1:4" x14ac:dyDescent="0.25">
      <c r="A24219" t="s">
        <v>37256</v>
      </c>
      <c r="B24219" t="s">
        <v>37259</v>
      </c>
      <c r="C24219">
        <v>0</v>
      </c>
      <c r="D24219">
        <v>0</v>
      </c>
    </row>
    <row r="24220" spans="1:4" x14ac:dyDescent="0.25">
      <c r="A24220" t="s">
        <v>37260</v>
      </c>
      <c r="B24220" t="s">
        <v>11948</v>
      </c>
      <c r="C24220">
        <v>0</v>
      </c>
      <c r="D24220">
        <v>0</v>
      </c>
    </row>
    <row r="24221" spans="1:4" x14ac:dyDescent="0.25">
      <c r="A24221" t="s">
        <v>37260</v>
      </c>
      <c r="B24221" t="s">
        <v>37261</v>
      </c>
      <c r="C24221">
        <v>1</v>
      </c>
      <c r="D24221">
        <v>0</v>
      </c>
    </row>
    <row r="24222" spans="1:4" x14ac:dyDescent="0.25">
      <c r="A24222" t="s">
        <v>37262</v>
      </c>
      <c r="B24222" t="s">
        <v>28544</v>
      </c>
      <c r="C24222">
        <v>0</v>
      </c>
      <c r="D24222">
        <v>0</v>
      </c>
    </row>
    <row r="24223" spans="1:4" x14ac:dyDescent="0.25">
      <c r="A24223" t="s">
        <v>37262</v>
      </c>
      <c r="B24223" t="s">
        <v>37263</v>
      </c>
      <c r="C24223">
        <v>1</v>
      </c>
      <c r="D24223">
        <v>0</v>
      </c>
    </row>
    <row r="24224" spans="1:4" x14ac:dyDescent="0.25">
      <c r="A24224" t="s">
        <v>37262</v>
      </c>
      <c r="B24224" t="s">
        <v>37264</v>
      </c>
      <c r="C24224">
        <v>0</v>
      </c>
      <c r="D24224">
        <v>0</v>
      </c>
    </row>
    <row r="24225" spans="1:4" x14ac:dyDescent="0.25">
      <c r="A24225" t="s">
        <v>37265</v>
      </c>
      <c r="B24225" t="s">
        <v>37266</v>
      </c>
      <c r="C24225">
        <v>1</v>
      </c>
      <c r="D24225">
        <v>0</v>
      </c>
    </row>
    <row r="24226" spans="1:4" x14ac:dyDescent="0.25">
      <c r="A24226" t="s">
        <v>37265</v>
      </c>
      <c r="B24226" t="s">
        <v>37267</v>
      </c>
      <c r="C24226">
        <v>1</v>
      </c>
      <c r="D24226">
        <v>0</v>
      </c>
    </row>
    <row r="24227" spans="1:4" x14ac:dyDescent="0.25">
      <c r="A24227" t="s">
        <v>37268</v>
      </c>
      <c r="B24227" t="s">
        <v>37269</v>
      </c>
      <c r="C24227">
        <v>0</v>
      </c>
      <c r="D24227">
        <v>0</v>
      </c>
    </row>
    <row r="24228" spans="1:4" x14ac:dyDescent="0.25">
      <c r="A24228" t="s">
        <v>37268</v>
      </c>
      <c r="B24228" t="s">
        <v>1001</v>
      </c>
      <c r="C24228">
        <v>1</v>
      </c>
      <c r="D24228">
        <v>0</v>
      </c>
    </row>
    <row r="24229" spans="1:4" x14ac:dyDescent="0.25">
      <c r="A24229" t="s">
        <v>37268</v>
      </c>
      <c r="B24229" t="s">
        <v>37270</v>
      </c>
      <c r="C24229">
        <v>2</v>
      </c>
      <c r="D24229">
        <v>0</v>
      </c>
    </row>
    <row r="24230" spans="1:4" x14ac:dyDescent="0.25">
      <c r="A24230" t="s">
        <v>37271</v>
      </c>
      <c r="B24230" t="s">
        <v>37272</v>
      </c>
      <c r="C24230">
        <v>1</v>
      </c>
      <c r="D24230">
        <v>0</v>
      </c>
    </row>
    <row r="24231" spans="1:4" x14ac:dyDescent="0.25">
      <c r="A24231" t="s">
        <v>37271</v>
      </c>
      <c r="B24231" t="s">
        <v>37273</v>
      </c>
      <c r="C24231">
        <v>1</v>
      </c>
      <c r="D24231">
        <v>0</v>
      </c>
    </row>
    <row r="24232" spans="1:4" x14ac:dyDescent="0.25">
      <c r="A24232" t="s">
        <v>37271</v>
      </c>
      <c r="B24232" t="s">
        <v>37274</v>
      </c>
      <c r="C24232">
        <v>1</v>
      </c>
      <c r="D24232">
        <v>0</v>
      </c>
    </row>
    <row r="24233" spans="1:4" x14ac:dyDescent="0.25">
      <c r="A24233" t="s">
        <v>37275</v>
      </c>
      <c r="B24233" t="s">
        <v>2900</v>
      </c>
      <c r="C24233">
        <v>0</v>
      </c>
      <c r="D24233">
        <v>0</v>
      </c>
    </row>
    <row r="24234" spans="1:4" x14ac:dyDescent="0.25">
      <c r="A24234" t="s">
        <v>37275</v>
      </c>
      <c r="B24234" t="s">
        <v>8967</v>
      </c>
      <c r="C24234">
        <v>1</v>
      </c>
      <c r="D24234">
        <v>0</v>
      </c>
    </row>
    <row r="24235" spans="1:4" x14ac:dyDescent="0.25">
      <c r="A24235" t="s">
        <v>37276</v>
      </c>
      <c r="B24235" t="s">
        <v>37277</v>
      </c>
      <c r="C24235">
        <v>1</v>
      </c>
      <c r="D24235">
        <v>0</v>
      </c>
    </row>
    <row r="24236" spans="1:4" x14ac:dyDescent="0.25">
      <c r="A24236" t="s">
        <v>37278</v>
      </c>
      <c r="B24236" t="s">
        <v>37279</v>
      </c>
      <c r="C24236">
        <v>0</v>
      </c>
      <c r="D24236">
        <v>0</v>
      </c>
    </row>
    <row r="24237" spans="1:4" x14ac:dyDescent="0.25">
      <c r="A24237" t="s">
        <v>37280</v>
      </c>
      <c r="B24237" t="s">
        <v>37281</v>
      </c>
      <c r="C24237">
        <v>2</v>
      </c>
      <c r="D24237">
        <v>0</v>
      </c>
    </row>
    <row r="24238" spans="1:4" x14ac:dyDescent="0.25">
      <c r="A24238" t="s">
        <v>37280</v>
      </c>
      <c r="B24238" t="s">
        <v>37282</v>
      </c>
      <c r="C24238">
        <v>2</v>
      </c>
      <c r="D24238">
        <v>0</v>
      </c>
    </row>
    <row r="24239" spans="1:4" x14ac:dyDescent="0.25">
      <c r="A24239" t="s">
        <v>37280</v>
      </c>
      <c r="B24239" t="s">
        <v>37283</v>
      </c>
      <c r="C24239">
        <v>1</v>
      </c>
      <c r="D24239">
        <v>0</v>
      </c>
    </row>
    <row r="24240" spans="1:4" x14ac:dyDescent="0.25">
      <c r="A24240" t="s">
        <v>37284</v>
      </c>
      <c r="B24240" t="s">
        <v>37285</v>
      </c>
      <c r="C24240">
        <v>0</v>
      </c>
      <c r="D24240">
        <v>0</v>
      </c>
    </row>
    <row r="24241" spans="1:4" x14ac:dyDescent="0.25">
      <c r="A24241" t="s">
        <v>37284</v>
      </c>
      <c r="B24241" t="s">
        <v>37286</v>
      </c>
      <c r="C24241">
        <v>1</v>
      </c>
      <c r="D24241">
        <v>0</v>
      </c>
    </row>
    <row r="24242" spans="1:4" x14ac:dyDescent="0.25">
      <c r="A24242" t="s">
        <v>37287</v>
      </c>
      <c r="B24242" t="s">
        <v>37288</v>
      </c>
      <c r="C24242">
        <v>0</v>
      </c>
      <c r="D24242">
        <v>0</v>
      </c>
    </row>
    <row r="24243" spans="1:4" x14ac:dyDescent="0.25">
      <c r="A24243" t="s">
        <v>37287</v>
      </c>
      <c r="B24243" t="s">
        <v>37289</v>
      </c>
      <c r="C24243">
        <v>0</v>
      </c>
      <c r="D24243">
        <v>0</v>
      </c>
    </row>
    <row r="24244" spans="1:4" x14ac:dyDescent="0.25">
      <c r="A24244" t="s">
        <v>37290</v>
      </c>
      <c r="B24244" t="s">
        <v>37291</v>
      </c>
      <c r="C24244">
        <v>2</v>
      </c>
      <c r="D24244">
        <v>0</v>
      </c>
    </row>
    <row r="24245" spans="1:4" x14ac:dyDescent="0.25">
      <c r="A24245" t="s">
        <v>37290</v>
      </c>
      <c r="B24245" t="s">
        <v>37292</v>
      </c>
      <c r="C24245">
        <v>0</v>
      </c>
      <c r="D24245">
        <v>0</v>
      </c>
    </row>
    <row r="24246" spans="1:4" x14ac:dyDescent="0.25">
      <c r="A24246" t="s">
        <v>12170</v>
      </c>
      <c r="B24246" t="s">
        <v>37293</v>
      </c>
      <c r="C24246">
        <v>1</v>
      </c>
      <c r="D24246">
        <v>0</v>
      </c>
    </row>
    <row r="24247" spans="1:4" x14ac:dyDescent="0.25">
      <c r="A24247" t="s">
        <v>12170</v>
      </c>
      <c r="B24247" t="s">
        <v>37294</v>
      </c>
      <c r="C24247">
        <v>1</v>
      </c>
      <c r="D24247">
        <v>0</v>
      </c>
    </row>
    <row r="24248" spans="1:4" x14ac:dyDescent="0.25">
      <c r="A24248" t="s">
        <v>12170</v>
      </c>
      <c r="B24248" t="s">
        <v>1090</v>
      </c>
      <c r="C24248">
        <v>1</v>
      </c>
      <c r="D24248">
        <v>0</v>
      </c>
    </row>
    <row r="24249" spans="1:4" x14ac:dyDescent="0.25">
      <c r="A24249" t="s">
        <v>37295</v>
      </c>
      <c r="B24249" t="s">
        <v>37296</v>
      </c>
      <c r="C24249">
        <v>1</v>
      </c>
      <c r="D24249">
        <v>0</v>
      </c>
    </row>
    <row r="24250" spans="1:4" x14ac:dyDescent="0.25">
      <c r="A24250" t="s">
        <v>37295</v>
      </c>
      <c r="B24250" t="s">
        <v>37297</v>
      </c>
      <c r="C24250">
        <v>0</v>
      </c>
      <c r="D24250">
        <v>0</v>
      </c>
    </row>
    <row r="24251" spans="1:4" x14ac:dyDescent="0.25">
      <c r="A24251" t="s">
        <v>37295</v>
      </c>
      <c r="B24251" t="s">
        <v>969</v>
      </c>
      <c r="C24251">
        <v>0</v>
      </c>
      <c r="D24251">
        <v>0</v>
      </c>
    </row>
    <row r="24252" spans="1:4" x14ac:dyDescent="0.25">
      <c r="A24252" t="s">
        <v>37298</v>
      </c>
      <c r="B24252" t="s">
        <v>37299</v>
      </c>
      <c r="C24252">
        <v>0</v>
      </c>
      <c r="D24252">
        <v>0</v>
      </c>
    </row>
    <row r="24253" spans="1:4" x14ac:dyDescent="0.25">
      <c r="A24253" t="s">
        <v>37300</v>
      </c>
      <c r="B24253" t="s">
        <v>37301</v>
      </c>
      <c r="C24253">
        <v>1</v>
      </c>
      <c r="D24253">
        <v>0</v>
      </c>
    </row>
    <row r="24254" spans="1:4" x14ac:dyDescent="0.25">
      <c r="A24254" t="s">
        <v>37300</v>
      </c>
      <c r="B24254" t="s">
        <v>37302</v>
      </c>
      <c r="C24254">
        <v>1</v>
      </c>
      <c r="D24254">
        <v>0</v>
      </c>
    </row>
    <row r="24255" spans="1:4" x14ac:dyDescent="0.25">
      <c r="A24255" t="s">
        <v>37300</v>
      </c>
      <c r="B24255" t="s">
        <v>37303</v>
      </c>
      <c r="C24255">
        <v>2</v>
      </c>
      <c r="D24255">
        <v>0</v>
      </c>
    </row>
    <row r="24256" spans="1:4" x14ac:dyDescent="0.25">
      <c r="A24256" t="s">
        <v>37304</v>
      </c>
      <c r="B24256" t="s">
        <v>37305</v>
      </c>
      <c r="C24256">
        <v>2</v>
      </c>
      <c r="D24256">
        <v>0</v>
      </c>
    </row>
    <row r="24257" spans="1:4" x14ac:dyDescent="0.25">
      <c r="A24257" t="s">
        <v>37304</v>
      </c>
      <c r="B24257" t="s">
        <v>37306</v>
      </c>
      <c r="C24257">
        <v>2</v>
      </c>
      <c r="D24257">
        <v>0</v>
      </c>
    </row>
    <row r="24258" spans="1:4" x14ac:dyDescent="0.25">
      <c r="A24258" t="s">
        <v>37304</v>
      </c>
      <c r="B24258" t="s">
        <v>37307</v>
      </c>
      <c r="C24258">
        <v>2</v>
      </c>
      <c r="D24258">
        <v>0</v>
      </c>
    </row>
    <row r="24259" spans="1:4" x14ac:dyDescent="0.25">
      <c r="A24259" t="s">
        <v>37308</v>
      </c>
      <c r="B24259" t="s">
        <v>37309</v>
      </c>
      <c r="C24259">
        <v>0</v>
      </c>
      <c r="D24259">
        <v>0</v>
      </c>
    </row>
    <row r="24260" spans="1:4" x14ac:dyDescent="0.25">
      <c r="A24260" t="s">
        <v>37308</v>
      </c>
      <c r="B24260" t="s">
        <v>37310</v>
      </c>
      <c r="C24260">
        <v>0</v>
      </c>
      <c r="D24260">
        <v>0</v>
      </c>
    </row>
    <row r="24261" spans="1:4" x14ac:dyDescent="0.25">
      <c r="A24261" t="s">
        <v>37311</v>
      </c>
      <c r="B24261" t="s">
        <v>37312</v>
      </c>
      <c r="C24261">
        <v>1</v>
      </c>
      <c r="D24261">
        <v>0</v>
      </c>
    </row>
    <row r="24262" spans="1:4" x14ac:dyDescent="0.25">
      <c r="A24262" t="s">
        <v>37311</v>
      </c>
      <c r="B24262" t="s">
        <v>37313</v>
      </c>
      <c r="C24262">
        <v>2</v>
      </c>
      <c r="D24262">
        <v>0</v>
      </c>
    </row>
    <row r="24263" spans="1:4" x14ac:dyDescent="0.25">
      <c r="A24263" t="s">
        <v>37314</v>
      </c>
      <c r="B24263" t="s">
        <v>37315</v>
      </c>
      <c r="C24263">
        <v>1</v>
      </c>
      <c r="D24263">
        <v>0</v>
      </c>
    </row>
    <row r="24264" spans="1:4" x14ac:dyDescent="0.25">
      <c r="A24264" t="s">
        <v>37314</v>
      </c>
      <c r="B24264" t="s">
        <v>37316</v>
      </c>
      <c r="C24264">
        <v>1</v>
      </c>
      <c r="D24264">
        <v>0</v>
      </c>
    </row>
    <row r="24265" spans="1:4" x14ac:dyDescent="0.25">
      <c r="A24265" t="s">
        <v>37314</v>
      </c>
      <c r="B24265" t="s">
        <v>37317</v>
      </c>
      <c r="C24265">
        <v>1</v>
      </c>
      <c r="D24265">
        <v>0</v>
      </c>
    </row>
    <row r="24266" spans="1:4" x14ac:dyDescent="0.25">
      <c r="A24266" t="s">
        <v>37318</v>
      </c>
      <c r="B24266" t="s">
        <v>37319</v>
      </c>
      <c r="C24266">
        <v>1</v>
      </c>
      <c r="D24266">
        <v>0</v>
      </c>
    </row>
    <row r="24267" spans="1:4" x14ac:dyDescent="0.25">
      <c r="A24267" t="s">
        <v>37318</v>
      </c>
      <c r="B24267" t="s">
        <v>37320</v>
      </c>
      <c r="C24267">
        <v>2</v>
      </c>
      <c r="D24267">
        <v>0</v>
      </c>
    </row>
    <row r="24268" spans="1:4" x14ac:dyDescent="0.25">
      <c r="A24268" t="s">
        <v>37321</v>
      </c>
      <c r="B24268" t="s">
        <v>968</v>
      </c>
      <c r="C24268">
        <v>1</v>
      </c>
      <c r="D24268">
        <v>0</v>
      </c>
    </row>
    <row r="24269" spans="1:4" x14ac:dyDescent="0.25">
      <c r="A24269" t="s">
        <v>37322</v>
      </c>
      <c r="B24269" t="s">
        <v>37323</v>
      </c>
      <c r="C24269">
        <v>1</v>
      </c>
      <c r="D24269">
        <v>0</v>
      </c>
    </row>
    <row r="24270" spans="1:4" x14ac:dyDescent="0.25">
      <c r="A24270" t="s">
        <v>37324</v>
      </c>
      <c r="B24270" t="s">
        <v>37325</v>
      </c>
      <c r="C24270">
        <v>1</v>
      </c>
      <c r="D24270">
        <v>0</v>
      </c>
    </row>
    <row r="24271" spans="1:4" x14ac:dyDescent="0.25">
      <c r="A24271" t="s">
        <v>37324</v>
      </c>
      <c r="B24271" t="s">
        <v>37326</v>
      </c>
      <c r="C24271">
        <v>0</v>
      </c>
      <c r="D24271">
        <v>0</v>
      </c>
    </row>
    <row r="24272" spans="1:4" x14ac:dyDescent="0.25">
      <c r="A24272" t="s">
        <v>37327</v>
      </c>
      <c r="B24272" t="s">
        <v>37328</v>
      </c>
      <c r="C24272">
        <v>2</v>
      </c>
      <c r="D24272">
        <v>0</v>
      </c>
    </row>
    <row r="24273" spans="1:4" x14ac:dyDescent="0.25">
      <c r="A24273" t="s">
        <v>37327</v>
      </c>
      <c r="B24273" t="s">
        <v>37329</v>
      </c>
      <c r="C24273">
        <v>2</v>
      </c>
      <c r="D24273">
        <v>0</v>
      </c>
    </row>
    <row r="24274" spans="1:4" x14ac:dyDescent="0.25">
      <c r="A24274" t="s">
        <v>37327</v>
      </c>
      <c r="B24274" t="s">
        <v>37330</v>
      </c>
      <c r="C24274">
        <v>2</v>
      </c>
      <c r="D24274">
        <v>0</v>
      </c>
    </row>
    <row r="24275" spans="1:4" x14ac:dyDescent="0.25">
      <c r="A24275" t="s">
        <v>37331</v>
      </c>
      <c r="B24275" t="s">
        <v>37332</v>
      </c>
      <c r="C24275">
        <v>0</v>
      </c>
      <c r="D24275">
        <v>0</v>
      </c>
    </row>
    <row r="24276" spans="1:4" x14ac:dyDescent="0.25">
      <c r="A24276" t="s">
        <v>37331</v>
      </c>
      <c r="B24276" t="s">
        <v>37333</v>
      </c>
      <c r="C24276">
        <v>0</v>
      </c>
      <c r="D24276">
        <v>0</v>
      </c>
    </row>
    <row r="24277" spans="1:4" x14ac:dyDescent="0.25">
      <c r="A24277" t="s">
        <v>37334</v>
      </c>
      <c r="B24277" t="s">
        <v>37335</v>
      </c>
      <c r="C24277">
        <v>0</v>
      </c>
      <c r="D24277">
        <v>0</v>
      </c>
    </row>
    <row r="24278" spans="1:4" x14ac:dyDescent="0.25">
      <c r="A24278" t="s">
        <v>37336</v>
      </c>
      <c r="B24278" t="s">
        <v>2267</v>
      </c>
      <c r="C24278">
        <v>0</v>
      </c>
      <c r="D24278">
        <v>0</v>
      </c>
    </row>
    <row r="24279" spans="1:4" x14ac:dyDescent="0.25">
      <c r="A24279" t="s">
        <v>37336</v>
      </c>
      <c r="B24279" t="s">
        <v>37337</v>
      </c>
      <c r="C24279">
        <v>1</v>
      </c>
      <c r="D24279">
        <v>0</v>
      </c>
    </row>
    <row r="24280" spans="1:4" x14ac:dyDescent="0.25">
      <c r="A24280" t="s">
        <v>37338</v>
      </c>
      <c r="B24280" t="s">
        <v>37339</v>
      </c>
      <c r="C24280">
        <v>2</v>
      </c>
      <c r="D24280">
        <v>0</v>
      </c>
    </row>
    <row r="24281" spans="1:4" x14ac:dyDescent="0.25">
      <c r="A24281" t="s">
        <v>37338</v>
      </c>
      <c r="B24281" t="s">
        <v>37340</v>
      </c>
      <c r="C24281">
        <v>1</v>
      </c>
      <c r="D24281">
        <v>0</v>
      </c>
    </row>
    <row r="24282" spans="1:4" x14ac:dyDescent="0.25">
      <c r="A24282" t="s">
        <v>37341</v>
      </c>
      <c r="B24282" t="s">
        <v>37342</v>
      </c>
      <c r="C24282">
        <v>1</v>
      </c>
      <c r="D24282">
        <v>0</v>
      </c>
    </row>
    <row r="24283" spans="1:4" x14ac:dyDescent="0.25">
      <c r="A24283" t="s">
        <v>37343</v>
      </c>
      <c r="B24283" t="s">
        <v>37344</v>
      </c>
      <c r="C24283">
        <v>2</v>
      </c>
      <c r="D24283">
        <v>0</v>
      </c>
    </row>
    <row r="24284" spans="1:4" x14ac:dyDescent="0.25">
      <c r="A24284" t="s">
        <v>37343</v>
      </c>
      <c r="B24284" t="s">
        <v>37345</v>
      </c>
      <c r="C24284">
        <v>1</v>
      </c>
      <c r="D24284">
        <v>0</v>
      </c>
    </row>
    <row r="24285" spans="1:4" x14ac:dyDescent="0.25">
      <c r="A24285" t="s">
        <v>37346</v>
      </c>
      <c r="B24285" t="s">
        <v>37347</v>
      </c>
      <c r="C24285">
        <v>1</v>
      </c>
      <c r="D24285">
        <v>0</v>
      </c>
    </row>
    <row r="24286" spans="1:4" x14ac:dyDescent="0.25">
      <c r="A24286" t="s">
        <v>37348</v>
      </c>
      <c r="B24286" t="s">
        <v>37349</v>
      </c>
      <c r="C24286">
        <v>1</v>
      </c>
      <c r="D24286">
        <v>0</v>
      </c>
    </row>
    <row r="24287" spans="1:4" x14ac:dyDescent="0.25">
      <c r="A24287" t="s">
        <v>37350</v>
      </c>
      <c r="B24287" t="s">
        <v>4639</v>
      </c>
      <c r="C24287">
        <v>0</v>
      </c>
      <c r="D24287">
        <v>0</v>
      </c>
    </row>
    <row r="24288" spans="1:4" x14ac:dyDescent="0.25">
      <c r="A24288" t="s">
        <v>37350</v>
      </c>
      <c r="B24288" t="s">
        <v>37351</v>
      </c>
      <c r="C24288">
        <v>1</v>
      </c>
      <c r="D24288">
        <v>0</v>
      </c>
    </row>
    <row r="24289" spans="1:4" x14ac:dyDescent="0.25">
      <c r="A24289" t="s">
        <v>37352</v>
      </c>
      <c r="B24289" t="s">
        <v>37353</v>
      </c>
      <c r="C24289">
        <v>1</v>
      </c>
      <c r="D24289">
        <v>0</v>
      </c>
    </row>
    <row r="24290" spans="1:4" x14ac:dyDescent="0.25">
      <c r="A24290" t="s">
        <v>37354</v>
      </c>
      <c r="B24290" t="s">
        <v>1769</v>
      </c>
      <c r="C24290">
        <v>1</v>
      </c>
      <c r="D24290">
        <v>0</v>
      </c>
    </row>
    <row r="24291" spans="1:4" x14ac:dyDescent="0.25">
      <c r="A24291" t="s">
        <v>37355</v>
      </c>
      <c r="B24291" t="s">
        <v>37356</v>
      </c>
      <c r="C24291">
        <v>0</v>
      </c>
      <c r="D24291">
        <v>0</v>
      </c>
    </row>
    <row r="24292" spans="1:4" x14ac:dyDescent="0.25">
      <c r="A24292" t="s">
        <v>37355</v>
      </c>
      <c r="B24292" t="s">
        <v>37357</v>
      </c>
      <c r="C24292">
        <v>2</v>
      </c>
      <c r="D24292">
        <v>0</v>
      </c>
    </row>
    <row r="24293" spans="1:4" x14ac:dyDescent="0.25">
      <c r="A24293" t="s">
        <v>37358</v>
      </c>
      <c r="B24293" t="s">
        <v>4894</v>
      </c>
      <c r="C24293">
        <v>0</v>
      </c>
      <c r="D24293">
        <v>0</v>
      </c>
    </row>
    <row r="24294" spans="1:4" x14ac:dyDescent="0.25">
      <c r="A24294" t="s">
        <v>37359</v>
      </c>
      <c r="B24294" t="s">
        <v>37360</v>
      </c>
      <c r="C24294">
        <v>0</v>
      </c>
      <c r="D24294">
        <v>0</v>
      </c>
    </row>
    <row r="24295" spans="1:4" x14ac:dyDescent="0.25">
      <c r="A24295" t="s">
        <v>37359</v>
      </c>
      <c r="B24295" t="s">
        <v>37361</v>
      </c>
      <c r="C24295">
        <v>2</v>
      </c>
      <c r="D24295">
        <v>0</v>
      </c>
    </row>
    <row r="24296" spans="1:4" x14ac:dyDescent="0.25">
      <c r="A24296" t="s">
        <v>37359</v>
      </c>
      <c r="B24296" t="s">
        <v>37362</v>
      </c>
      <c r="C24296">
        <v>1</v>
      </c>
      <c r="D24296">
        <v>0</v>
      </c>
    </row>
    <row r="24297" spans="1:4" x14ac:dyDescent="0.25">
      <c r="A24297" t="s">
        <v>37363</v>
      </c>
      <c r="B24297" t="s">
        <v>11842</v>
      </c>
      <c r="C24297">
        <v>0</v>
      </c>
      <c r="D24297">
        <v>0</v>
      </c>
    </row>
    <row r="24298" spans="1:4" x14ac:dyDescent="0.25">
      <c r="A24298" t="s">
        <v>37363</v>
      </c>
      <c r="B24298" t="s">
        <v>37364</v>
      </c>
      <c r="C24298">
        <v>2</v>
      </c>
      <c r="D24298">
        <v>0</v>
      </c>
    </row>
    <row r="24299" spans="1:4" x14ac:dyDescent="0.25">
      <c r="A24299" t="s">
        <v>37363</v>
      </c>
      <c r="B24299" t="s">
        <v>37365</v>
      </c>
      <c r="C24299">
        <v>0</v>
      </c>
      <c r="D24299">
        <v>0</v>
      </c>
    </row>
    <row r="24300" spans="1:4" x14ac:dyDescent="0.25">
      <c r="A24300" t="s">
        <v>37366</v>
      </c>
      <c r="B24300" t="s">
        <v>37367</v>
      </c>
      <c r="C24300">
        <v>1</v>
      </c>
      <c r="D24300">
        <v>0</v>
      </c>
    </row>
    <row r="24301" spans="1:4" x14ac:dyDescent="0.25">
      <c r="A24301" t="s">
        <v>37366</v>
      </c>
      <c r="B24301" t="s">
        <v>37368</v>
      </c>
      <c r="C24301">
        <v>0</v>
      </c>
      <c r="D24301">
        <v>0</v>
      </c>
    </row>
    <row r="24302" spans="1:4" x14ac:dyDescent="0.25">
      <c r="A24302" t="s">
        <v>37366</v>
      </c>
      <c r="B24302" t="s">
        <v>37369</v>
      </c>
      <c r="C24302">
        <v>2</v>
      </c>
      <c r="D24302">
        <v>0</v>
      </c>
    </row>
    <row r="24303" spans="1:4" x14ac:dyDescent="0.25">
      <c r="A24303" t="s">
        <v>37370</v>
      </c>
      <c r="B24303" t="s">
        <v>37371</v>
      </c>
      <c r="C24303">
        <v>1</v>
      </c>
      <c r="D24303">
        <v>0</v>
      </c>
    </row>
    <row r="24304" spans="1:4" x14ac:dyDescent="0.25">
      <c r="A24304" t="s">
        <v>37372</v>
      </c>
      <c r="B24304" t="s">
        <v>37373</v>
      </c>
      <c r="C24304">
        <v>0</v>
      </c>
      <c r="D24304">
        <v>0</v>
      </c>
    </row>
    <row r="24305" spans="1:4" x14ac:dyDescent="0.25">
      <c r="A24305" t="s">
        <v>37372</v>
      </c>
      <c r="B24305" t="s">
        <v>37374</v>
      </c>
      <c r="C24305">
        <v>2</v>
      </c>
      <c r="D24305">
        <v>0</v>
      </c>
    </row>
    <row r="24306" spans="1:4" x14ac:dyDescent="0.25">
      <c r="A24306" t="s">
        <v>37375</v>
      </c>
      <c r="B24306" t="s">
        <v>37376</v>
      </c>
      <c r="C24306">
        <v>1</v>
      </c>
      <c r="D24306">
        <v>0</v>
      </c>
    </row>
    <row r="24307" spans="1:4" x14ac:dyDescent="0.25">
      <c r="A24307" t="s">
        <v>37375</v>
      </c>
      <c r="B24307" t="s">
        <v>37377</v>
      </c>
      <c r="C24307">
        <v>1</v>
      </c>
      <c r="D24307">
        <v>0</v>
      </c>
    </row>
    <row r="24308" spans="1:4" x14ac:dyDescent="0.25">
      <c r="A24308" t="s">
        <v>37375</v>
      </c>
      <c r="B24308" t="s">
        <v>37378</v>
      </c>
      <c r="C24308">
        <v>1</v>
      </c>
      <c r="D24308">
        <v>0</v>
      </c>
    </row>
    <row r="24309" spans="1:4" x14ac:dyDescent="0.25">
      <c r="A24309" t="s">
        <v>37379</v>
      </c>
      <c r="B24309" t="s">
        <v>37380</v>
      </c>
      <c r="C24309">
        <v>1</v>
      </c>
      <c r="D24309">
        <v>0</v>
      </c>
    </row>
    <row r="24310" spans="1:4" x14ac:dyDescent="0.25">
      <c r="A24310" t="s">
        <v>37381</v>
      </c>
      <c r="B24310" t="s">
        <v>37382</v>
      </c>
      <c r="C24310">
        <v>0</v>
      </c>
      <c r="D24310">
        <v>0</v>
      </c>
    </row>
    <row r="24311" spans="1:4" x14ac:dyDescent="0.25">
      <c r="A24311" t="s">
        <v>37381</v>
      </c>
      <c r="B24311" t="s">
        <v>37383</v>
      </c>
      <c r="C24311">
        <v>2</v>
      </c>
      <c r="D24311">
        <v>0</v>
      </c>
    </row>
    <row r="24312" spans="1:4" x14ac:dyDescent="0.25">
      <c r="A24312" t="s">
        <v>37384</v>
      </c>
      <c r="B24312" t="s">
        <v>37385</v>
      </c>
      <c r="C24312">
        <v>1</v>
      </c>
      <c r="D24312">
        <v>0</v>
      </c>
    </row>
    <row r="24313" spans="1:4" x14ac:dyDescent="0.25">
      <c r="A24313" t="s">
        <v>37386</v>
      </c>
      <c r="B24313" t="s">
        <v>37387</v>
      </c>
      <c r="C24313">
        <v>2</v>
      </c>
      <c r="D24313">
        <v>0</v>
      </c>
    </row>
    <row r="24314" spans="1:4" x14ac:dyDescent="0.25">
      <c r="A24314" t="s">
        <v>37388</v>
      </c>
      <c r="B24314" t="s">
        <v>1401</v>
      </c>
      <c r="C24314">
        <v>0</v>
      </c>
      <c r="D24314">
        <v>0</v>
      </c>
    </row>
    <row r="24315" spans="1:4" x14ac:dyDescent="0.25">
      <c r="A24315" t="s">
        <v>37389</v>
      </c>
      <c r="B24315" t="s">
        <v>37390</v>
      </c>
      <c r="C24315">
        <v>1</v>
      </c>
      <c r="D24315">
        <v>0</v>
      </c>
    </row>
    <row r="24316" spans="1:4" x14ac:dyDescent="0.25">
      <c r="A24316" t="s">
        <v>37389</v>
      </c>
      <c r="B24316" t="s">
        <v>37391</v>
      </c>
      <c r="C24316">
        <v>1</v>
      </c>
      <c r="D24316">
        <v>0</v>
      </c>
    </row>
    <row r="24317" spans="1:4" x14ac:dyDescent="0.25">
      <c r="A24317" t="s">
        <v>37392</v>
      </c>
      <c r="B24317" t="s">
        <v>37393</v>
      </c>
      <c r="C24317">
        <v>2</v>
      </c>
      <c r="D24317">
        <v>0</v>
      </c>
    </row>
    <row r="24318" spans="1:4" x14ac:dyDescent="0.25">
      <c r="A24318" t="s">
        <v>37392</v>
      </c>
      <c r="B24318" t="s">
        <v>37394</v>
      </c>
      <c r="C24318">
        <v>2</v>
      </c>
      <c r="D24318">
        <v>0</v>
      </c>
    </row>
    <row r="24319" spans="1:4" x14ac:dyDescent="0.25">
      <c r="A24319" t="s">
        <v>37395</v>
      </c>
      <c r="B24319" t="s">
        <v>1090</v>
      </c>
      <c r="C24319">
        <v>1</v>
      </c>
      <c r="D24319">
        <v>0</v>
      </c>
    </row>
    <row r="24320" spans="1:4" x14ac:dyDescent="0.25">
      <c r="A24320" t="s">
        <v>37396</v>
      </c>
      <c r="B24320" t="s">
        <v>37397</v>
      </c>
      <c r="C24320">
        <v>0</v>
      </c>
      <c r="D24320">
        <v>0</v>
      </c>
    </row>
    <row r="24321" spans="1:4" x14ac:dyDescent="0.25">
      <c r="A24321" t="s">
        <v>37396</v>
      </c>
      <c r="B24321" t="s">
        <v>2810</v>
      </c>
      <c r="C24321">
        <v>1</v>
      </c>
      <c r="D24321">
        <v>0</v>
      </c>
    </row>
    <row r="24322" spans="1:4" x14ac:dyDescent="0.25">
      <c r="A24322" t="s">
        <v>37398</v>
      </c>
      <c r="B24322" t="s">
        <v>1526</v>
      </c>
      <c r="C24322">
        <v>1</v>
      </c>
      <c r="D24322">
        <v>0</v>
      </c>
    </row>
    <row r="24323" spans="1:4" x14ac:dyDescent="0.25">
      <c r="A24323" t="s">
        <v>37399</v>
      </c>
      <c r="B24323" t="s">
        <v>37400</v>
      </c>
      <c r="C24323">
        <v>1</v>
      </c>
      <c r="D24323">
        <v>0</v>
      </c>
    </row>
    <row r="24324" spans="1:4" x14ac:dyDescent="0.25">
      <c r="A24324" t="s">
        <v>37399</v>
      </c>
      <c r="B24324" t="s">
        <v>37401</v>
      </c>
      <c r="C24324">
        <v>1</v>
      </c>
      <c r="D24324">
        <v>0</v>
      </c>
    </row>
    <row r="24325" spans="1:4" x14ac:dyDescent="0.25">
      <c r="A24325" t="s">
        <v>37402</v>
      </c>
      <c r="B24325" t="s">
        <v>15261</v>
      </c>
      <c r="C24325">
        <v>0</v>
      </c>
      <c r="D24325">
        <v>0</v>
      </c>
    </row>
    <row r="24326" spans="1:4" x14ac:dyDescent="0.25">
      <c r="A24326" t="s">
        <v>37402</v>
      </c>
      <c r="B24326" t="s">
        <v>37403</v>
      </c>
      <c r="C24326">
        <v>1</v>
      </c>
      <c r="D24326">
        <v>0</v>
      </c>
    </row>
    <row r="24327" spans="1:4" x14ac:dyDescent="0.25">
      <c r="A24327" t="s">
        <v>37404</v>
      </c>
      <c r="B24327" t="s">
        <v>37405</v>
      </c>
      <c r="C24327">
        <v>0</v>
      </c>
      <c r="D24327">
        <v>0</v>
      </c>
    </row>
    <row r="24328" spans="1:4" x14ac:dyDescent="0.25">
      <c r="A24328" t="s">
        <v>37406</v>
      </c>
      <c r="B24328" t="s">
        <v>37407</v>
      </c>
      <c r="C24328">
        <v>1</v>
      </c>
      <c r="D24328">
        <v>0</v>
      </c>
    </row>
    <row r="24329" spans="1:4" x14ac:dyDescent="0.25">
      <c r="A24329" t="s">
        <v>37406</v>
      </c>
      <c r="B24329" t="s">
        <v>37408</v>
      </c>
      <c r="C24329">
        <v>0</v>
      </c>
      <c r="D24329">
        <v>0</v>
      </c>
    </row>
    <row r="24330" spans="1:4" x14ac:dyDescent="0.25">
      <c r="A24330" t="s">
        <v>37409</v>
      </c>
      <c r="B24330" t="s">
        <v>37410</v>
      </c>
      <c r="C24330">
        <v>1</v>
      </c>
      <c r="D24330">
        <v>0</v>
      </c>
    </row>
    <row r="24331" spans="1:4" x14ac:dyDescent="0.25">
      <c r="A24331" t="s">
        <v>37411</v>
      </c>
      <c r="B24331" t="s">
        <v>37412</v>
      </c>
      <c r="C24331">
        <v>1</v>
      </c>
      <c r="D24331">
        <v>0</v>
      </c>
    </row>
    <row r="24332" spans="1:4" x14ac:dyDescent="0.25">
      <c r="A24332" t="s">
        <v>37411</v>
      </c>
      <c r="B24332" t="s">
        <v>37413</v>
      </c>
      <c r="C24332">
        <v>0</v>
      </c>
      <c r="D24332">
        <v>0</v>
      </c>
    </row>
    <row r="24333" spans="1:4" x14ac:dyDescent="0.25">
      <c r="A24333" t="s">
        <v>37411</v>
      </c>
      <c r="B24333" t="s">
        <v>37414</v>
      </c>
      <c r="C24333">
        <v>2</v>
      </c>
      <c r="D24333">
        <v>0</v>
      </c>
    </row>
    <row r="24334" spans="1:4" x14ac:dyDescent="0.25">
      <c r="A24334" t="s">
        <v>37415</v>
      </c>
      <c r="B24334" t="s">
        <v>37416</v>
      </c>
      <c r="C24334">
        <v>2</v>
      </c>
      <c r="D24334">
        <v>0</v>
      </c>
    </row>
    <row r="24335" spans="1:4" x14ac:dyDescent="0.25">
      <c r="A24335" t="s">
        <v>37415</v>
      </c>
      <c r="B24335" t="s">
        <v>37417</v>
      </c>
      <c r="C24335">
        <v>2</v>
      </c>
      <c r="D24335">
        <v>0</v>
      </c>
    </row>
    <row r="24336" spans="1:4" x14ac:dyDescent="0.25">
      <c r="A24336" t="s">
        <v>37415</v>
      </c>
      <c r="B24336" t="s">
        <v>37418</v>
      </c>
      <c r="C24336">
        <v>2</v>
      </c>
      <c r="D24336">
        <v>0</v>
      </c>
    </row>
    <row r="24337" spans="1:4" x14ac:dyDescent="0.25">
      <c r="A24337" t="s">
        <v>37419</v>
      </c>
      <c r="B24337" t="s">
        <v>37420</v>
      </c>
      <c r="C24337">
        <v>1</v>
      </c>
      <c r="D24337">
        <v>0</v>
      </c>
    </row>
    <row r="24338" spans="1:4" x14ac:dyDescent="0.25">
      <c r="A24338" t="s">
        <v>37419</v>
      </c>
      <c r="B24338" t="s">
        <v>37421</v>
      </c>
      <c r="C24338">
        <v>0</v>
      </c>
      <c r="D24338">
        <v>0</v>
      </c>
    </row>
    <row r="24339" spans="1:4" x14ac:dyDescent="0.25">
      <c r="A24339" t="s">
        <v>37419</v>
      </c>
      <c r="B24339" t="s">
        <v>37422</v>
      </c>
      <c r="C24339">
        <v>0</v>
      </c>
      <c r="D24339">
        <v>0</v>
      </c>
    </row>
    <row r="24340" spans="1:4" x14ac:dyDescent="0.25">
      <c r="A24340" t="s">
        <v>37423</v>
      </c>
      <c r="B24340" t="s">
        <v>37424</v>
      </c>
      <c r="C24340">
        <v>1</v>
      </c>
      <c r="D24340">
        <v>0</v>
      </c>
    </row>
    <row r="24341" spans="1:4" x14ac:dyDescent="0.25">
      <c r="A24341" t="s">
        <v>37423</v>
      </c>
      <c r="B24341" t="s">
        <v>37425</v>
      </c>
      <c r="C24341">
        <v>1</v>
      </c>
      <c r="D24341">
        <v>0</v>
      </c>
    </row>
    <row r="24342" spans="1:4" x14ac:dyDescent="0.25">
      <c r="A24342" t="s">
        <v>37423</v>
      </c>
      <c r="B24342" t="s">
        <v>37426</v>
      </c>
      <c r="C24342">
        <v>2</v>
      </c>
      <c r="D24342">
        <v>0</v>
      </c>
    </row>
    <row r="24343" spans="1:4" x14ac:dyDescent="0.25">
      <c r="A24343" t="s">
        <v>37427</v>
      </c>
      <c r="B24343" t="s">
        <v>37428</v>
      </c>
      <c r="C24343">
        <v>1</v>
      </c>
      <c r="D24343">
        <v>0</v>
      </c>
    </row>
    <row r="24344" spans="1:4" x14ac:dyDescent="0.25">
      <c r="A24344" t="s">
        <v>37429</v>
      </c>
      <c r="B24344" t="s">
        <v>37430</v>
      </c>
      <c r="C24344">
        <v>1</v>
      </c>
      <c r="D24344">
        <v>0</v>
      </c>
    </row>
    <row r="24345" spans="1:4" x14ac:dyDescent="0.25">
      <c r="A24345" t="s">
        <v>37429</v>
      </c>
      <c r="B24345" t="s">
        <v>37431</v>
      </c>
      <c r="C24345">
        <v>1</v>
      </c>
      <c r="D24345">
        <v>0</v>
      </c>
    </row>
    <row r="24346" spans="1:4" x14ac:dyDescent="0.25">
      <c r="A24346" t="s">
        <v>37429</v>
      </c>
      <c r="B24346" t="s">
        <v>37432</v>
      </c>
      <c r="C24346">
        <v>0</v>
      </c>
      <c r="D24346">
        <v>0</v>
      </c>
    </row>
    <row r="24347" spans="1:4" x14ac:dyDescent="0.25">
      <c r="A24347" t="s">
        <v>37433</v>
      </c>
      <c r="B24347" t="s">
        <v>37434</v>
      </c>
      <c r="C24347">
        <v>1</v>
      </c>
      <c r="D24347">
        <v>0</v>
      </c>
    </row>
    <row r="24348" spans="1:4" x14ac:dyDescent="0.25">
      <c r="A24348" t="s">
        <v>37435</v>
      </c>
      <c r="B24348" t="s">
        <v>11948</v>
      </c>
      <c r="C24348">
        <v>0</v>
      </c>
      <c r="D24348">
        <v>0</v>
      </c>
    </row>
    <row r="24349" spans="1:4" x14ac:dyDescent="0.25">
      <c r="A24349" t="s">
        <v>37436</v>
      </c>
      <c r="B24349" t="s">
        <v>37437</v>
      </c>
      <c r="C24349">
        <v>0</v>
      </c>
      <c r="D24349">
        <v>0</v>
      </c>
    </row>
    <row r="24350" spans="1:4" x14ac:dyDescent="0.25">
      <c r="A24350" t="s">
        <v>37438</v>
      </c>
      <c r="B24350" t="s">
        <v>37439</v>
      </c>
      <c r="C24350">
        <v>0</v>
      </c>
      <c r="D24350">
        <v>0</v>
      </c>
    </row>
    <row r="24351" spans="1:4" x14ac:dyDescent="0.25">
      <c r="A24351" t="s">
        <v>37438</v>
      </c>
      <c r="B24351" t="s">
        <v>37440</v>
      </c>
      <c r="C24351">
        <v>0</v>
      </c>
      <c r="D24351">
        <v>0</v>
      </c>
    </row>
    <row r="24352" spans="1:4" x14ac:dyDescent="0.25">
      <c r="A24352" t="s">
        <v>37441</v>
      </c>
      <c r="B24352" t="s">
        <v>37442</v>
      </c>
      <c r="C24352">
        <v>2</v>
      </c>
      <c r="D24352">
        <v>0</v>
      </c>
    </row>
    <row r="24353" spans="1:4" x14ac:dyDescent="0.25">
      <c r="A24353" t="s">
        <v>37443</v>
      </c>
      <c r="B24353" t="s">
        <v>37444</v>
      </c>
      <c r="C24353">
        <v>0</v>
      </c>
      <c r="D24353">
        <v>0</v>
      </c>
    </row>
    <row r="24354" spans="1:4" x14ac:dyDescent="0.25">
      <c r="A24354" t="s">
        <v>37443</v>
      </c>
      <c r="B24354" t="s">
        <v>2651</v>
      </c>
      <c r="C24354">
        <v>0</v>
      </c>
      <c r="D24354">
        <v>0</v>
      </c>
    </row>
    <row r="24355" spans="1:4" x14ac:dyDescent="0.25">
      <c r="A24355" t="s">
        <v>37443</v>
      </c>
      <c r="B24355" t="s">
        <v>37445</v>
      </c>
      <c r="C24355">
        <v>0</v>
      </c>
      <c r="D24355">
        <v>0</v>
      </c>
    </row>
    <row r="24356" spans="1:4" x14ac:dyDescent="0.25">
      <c r="A24356" t="s">
        <v>37446</v>
      </c>
      <c r="B24356" t="s">
        <v>37447</v>
      </c>
      <c r="C24356">
        <v>1</v>
      </c>
      <c r="D24356">
        <v>0</v>
      </c>
    </row>
    <row r="24357" spans="1:4" x14ac:dyDescent="0.25">
      <c r="A24357" t="s">
        <v>37448</v>
      </c>
      <c r="B24357" t="s">
        <v>37449</v>
      </c>
      <c r="C24357">
        <v>1</v>
      </c>
      <c r="D24357">
        <v>0</v>
      </c>
    </row>
    <row r="24358" spans="1:4" x14ac:dyDescent="0.25">
      <c r="A24358" t="s">
        <v>37448</v>
      </c>
      <c r="B24358" t="s">
        <v>37450</v>
      </c>
      <c r="C24358">
        <v>1</v>
      </c>
      <c r="D24358">
        <v>0</v>
      </c>
    </row>
    <row r="24359" spans="1:4" x14ac:dyDescent="0.25">
      <c r="A24359" t="s">
        <v>37451</v>
      </c>
      <c r="B24359" t="s">
        <v>37452</v>
      </c>
      <c r="C24359">
        <v>0</v>
      </c>
      <c r="D24359">
        <v>0</v>
      </c>
    </row>
    <row r="24360" spans="1:4" x14ac:dyDescent="0.25">
      <c r="A24360" t="s">
        <v>37451</v>
      </c>
      <c r="B24360" t="s">
        <v>37453</v>
      </c>
      <c r="C24360">
        <v>0</v>
      </c>
      <c r="D24360">
        <v>0</v>
      </c>
    </row>
    <row r="24361" spans="1:4" x14ac:dyDescent="0.25">
      <c r="A24361" t="s">
        <v>37454</v>
      </c>
      <c r="B24361" t="s">
        <v>37455</v>
      </c>
      <c r="C24361">
        <v>2</v>
      </c>
      <c r="D24361">
        <v>0</v>
      </c>
    </row>
    <row r="24362" spans="1:4" x14ac:dyDescent="0.25">
      <c r="A24362" t="s">
        <v>37456</v>
      </c>
      <c r="B24362" t="s">
        <v>37457</v>
      </c>
      <c r="C24362">
        <v>2</v>
      </c>
      <c r="D24362">
        <v>0</v>
      </c>
    </row>
    <row r="24363" spans="1:4" x14ac:dyDescent="0.25">
      <c r="A24363" t="s">
        <v>37458</v>
      </c>
      <c r="B24363" t="s">
        <v>37459</v>
      </c>
      <c r="C24363">
        <v>2</v>
      </c>
      <c r="D24363">
        <v>0</v>
      </c>
    </row>
    <row r="24364" spans="1:4" x14ac:dyDescent="0.25">
      <c r="A24364" t="s">
        <v>37460</v>
      </c>
      <c r="B24364" t="s">
        <v>37461</v>
      </c>
      <c r="C24364">
        <v>1</v>
      </c>
      <c r="D24364">
        <v>0</v>
      </c>
    </row>
    <row r="24365" spans="1:4" x14ac:dyDescent="0.25">
      <c r="A24365" t="s">
        <v>37462</v>
      </c>
      <c r="B24365" t="s">
        <v>37463</v>
      </c>
      <c r="C24365">
        <v>1</v>
      </c>
      <c r="D24365">
        <v>0</v>
      </c>
    </row>
    <row r="24366" spans="1:4" x14ac:dyDescent="0.25">
      <c r="A24366" t="s">
        <v>37464</v>
      </c>
      <c r="B24366" t="s">
        <v>37465</v>
      </c>
      <c r="C24366">
        <v>0</v>
      </c>
      <c r="D24366">
        <v>0</v>
      </c>
    </row>
    <row r="24367" spans="1:4" x14ac:dyDescent="0.25">
      <c r="A24367" t="s">
        <v>37464</v>
      </c>
      <c r="B24367" t="s">
        <v>37466</v>
      </c>
      <c r="C24367">
        <v>0</v>
      </c>
      <c r="D24367">
        <v>0</v>
      </c>
    </row>
    <row r="24368" spans="1:4" x14ac:dyDescent="0.25">
      <c r="A24368" t="s">
        <v>37467</v>
      </c>
      <c r="B24368" t="s">
        <v>37468</v>
      </c>
      <c r="C24368">
        <v>1</v>
      </c>
      <c r="D24368">
        <v>0</v>
      </c>
    </row>
    <row r="24369" spans="1:4" x14ac:dyDescent="0.25">
      <c r="A24369" t="s">
        <v>37467</v>
      </c>
      <c r="B24369" t="s">
        <v>37469</v>
      </c>
      <c r="C24369">
        <v>0</v>
      </c>
      <c r="D24369">
        <v>0</v>
      </c>
    </row>
    <row r="24370" spans="1:4" x14ac:dyDescent="0.25">
      <c r="A24370" t="s">
        <v>37467</v>
      </c>
      <c r="B24370" t="s">
        <v>1555</v>
      </c>
      <c r="C24370">
        <v>2</v>
      </c>
      <c r="D24370">
        <v>0</v>
      </c>
    </row>
    <row r="24371" spans="1:4" x14ac:dyDescent="0.25">
      <c r="A24371" t="s">
        <v>37470</v>
      </c>
      <c r="B24371" t="s">
        <v>37471</v>
      </c>
      <c r="C24371">
        <v>1</v>
      </c>
      <c r="D24371">
        <v>0</v>
      </c>
    </row>
    <row r="24372" spans="1:4" x14ac:dyDescent="0.25">
      <c r="A24372" t="s">
        <v>37470</v>
      </c>
      <c r="B24372" t="s">
        <v>37472</v>
      </c>
      <c r="C24372">
        <v>1</v>
      </c>
      <c r="D24372">
        <v>0</v>
      </c>
    </row>
    <row r="24373" spans="1:4" x14ac:dyDescent="0.25">
      <c r="A24373" t="s">
        <v>37470</v>
      </c>
      <c r="B24373" t="s">
        <v>37473</v>
      </c>
      <c r="C24373">
        <v>2</v>
      </c>
      <c r="D24373">
        <v>0</v>
      </c>
    </row>
    <row r="24374" spans="1:4" x14ac:dyDescent="0.25">
      <c r="A24374" t="s">
        <v>37474</v>
      </c>
      <c r="B24374" t="s">
        <v>37475</v>
      </c>
      <c r="C24374">
        <v>1</v>
      </c>
      <c r="D24374">
        <v>0</v>
      </c>
    </row>
    <row r="24375" spans="1:4" x14ac:dyDescent="0.25">
      <c r="A24375" t="s">
        <v>37474</v>
      </c>
      <c r="B24375" t="s">
        <v>37476</v>
      </c>
      <c r="C24375">
        <v>1</v>
      </c>
      <c r="D24375">
        <v>0</v>
      </c>
    </row>
    <row r="24376" spans="1:4" x14ac:dyDescent="0.25">
      <c r="A24376" t="s">
        <v>37477</v>
      </c>
      <c r="B24376" t="s">
        <v>37478</v>
      </c>
      <c r="C24376">
        <v>0</v>
      </c>
      <c r="D24376">
        <v>0</v>
      </c>
    </row>
    <row r="24377" spans="1:4" x14ac:dyDescent="0.25">
      <c r="A24377" t="s">
        <v>37479</v>
      </c>
      <c r="B24377" t="s">
        <v>37480</v>
      </c>
      <c r="C24377">
        <v>0</v>
      </c>
      <c r="D24377">
        <v>0</v>
      </c>
    </row>
    <row r="24378" spans="1:4" x14ac:dyDescent="0.25">
      <c r="A24378" t="s">
        <v>37479</v>
      </c>
      <c r="B24378" t="s">
        <v>37481</v>
      </c>
      <c r="C24378">
        <v>2</v>
      </c>
      <c r="D24378">
        <v>0</v>
      </c>
    </row>
    <row r="24379" spans="1:4" x14ac:dyDescent="0.25">
      <c r="A24379" t="s">
        <v>37479</v>
      </c>
      <c r="B24379" t="s">
        <v>37482</v>
      </c>
      <c r="C24379">
        <v>1</v>
      </c>
      <c r="D24379">
        <v>0</v>
      </c>
    </row>
    <row r="24380" spans="1:4" x14ac:dyDescent="0.25">
      <c r="A24380" t="s">
        <v>37483</v>
      </c>
      <c r="B24380" t="s">
        <v>37484</v>
      </c>
      <c r="C24380">
        <v>1</v>
      </c>
      <c r="D24380">
        <v>0</v>
      </c>
    </row>
    <row r="24381" spans="1:4" x14ac:dyDescent="0.25">
      <c r="A24381" t="s">
        <v>37483</v>
      </c>
      <c r="B24381" t="s">
        <v>37485</v>
      </c>
      <c r="C24381">
        <v>1</v>
      </c>
      <c r="D24381">
        <v>0</v>
      </c>
    </row>
    <row r="24382" spans="1:4" x14ac:dyDescent="0.25">
      <c r="A24382" t="s">
        <v>37483</v>
      </c>
      <c r="B24382" t="s">
        <v>37486</v>
      </c>
      <c r="C24382">
        <v>2</v>
      </c>
      <c r="D24382">
        <v>0</v>
      </c>
    </row>
    <row r="24383" spans="1:4" x14ac:dyDescent="0.25">
      <c r="A24383" t="s">
        <v>37487</v>
      </c>
      <c r="B24383" t="s">
        <v>37488</v>
      </c>
      <c r="C24383">
        <v>1</v>
      </c>
      <c r="D24383">
        <v>0</v>
      </c>
    </row>
    <row r="24384" spans="1:4" x14ac:dyDescent="0.25">
      <c r="A24384" t="s">
        <v>37487</v>
      </c>
      <c r="B24384" t="s">
        <v>13786</v>
      </c>
      <c r="C24384">
        <v>1</v>
      </c>
      <c r="D24384">
        <v>0</v>
      </c>
    </row>
    <row r="24385" spans="1:4" x14ac:dyDescent="0.25">
      <c r="A24385" t="s">
        <v>37489</v>
      </c>
      <c r="B24385" t="s">
        <v>37490</v>
      </c>
      <c r="C24385">
        <v>1</v>
      </c>
      <c r="D24385">
        <v>0</v>
      </c>
    </row>
    <row r="24386" spans="1:4" x14ac:dyDescent="0.25">
      <c r="A24386" t="s">
        <v>37489</v>
      </c>
      <c r="B24386" t="s">
        <v>37491</v>
      </c>
      <c r="C24386">
        <v>1</v>
      </c>
      <c r="D24386">
        <v>0</v>
      </c>
    </row>
    <row r="24387" spans="1:4" x14ac:dyDescent="0.25">
      <c r="A24387" t="s">
        <v>37492</v>
      </c>
      <c r="B24387" t="s">
        <v>13985</v>
      </c>
      <c r="C24387">
        <v>2</v>
      </c>
      <c r="D24387">
        <v>0</v>
      </c>
    </row>
    <row r="24388" spans="1:4" x14ac:dyDescent="0.25">
      <c r="A24388" t="s">
        <v>37492</v>
      </c>
      <c r="B24388" t="s">
        <v>37493</v>
      </c>
      <c r="C24388">
        <v>0</v>
      </c>
      <c r="D24388">
        <v>0</v>
      </c>
    </row>
    <row r="24389" spans="1:4" x14ac:dyDescent="0.25">
      <c r="A24389" t="s">
        <v>37494</v>
      </c>
      <c r="B24389" t="s">
        <v>37495</v>
      </c>
      <c r="C24389">
        <v>0</v>
      </c>
      <c r="D24389">
        <v>0</v>
      </c>
    </row>
    <row r="24390" spans="1:4" x14ac:dyDescent="0.25">
      <c r="A24390" t="s">
        <v>37494</v>
      </c>
      <c r="B24390" t="s">
        <v>37496</v>
      </c>
      <c r="C24390">
        <v>0</v>
      </c>
      <c r="D24390">
        <v>0</v>
      </c>
    </row>
    <row r="24391" spans="1:4" x14ac:dyDescent="0.25">
      <c r="A24391" t="s">
        <v>37497</v>
      </c>
      <c r="B24391" t="s">
        <v>3926</v>
      </c>
      <c r="C24391">
        <v>1</v>
      </c>
      <c r="D24391">
        <v>0</v>
      </c>
    </row>
    <row r="24392" spans="1:4" x14ac:dyDescent="0.25">
      <c r="A24392" t="s">
        <v>37498</v>
      </c>
      <c r="B24392" t="s">
        <v>37499</v>
      </c>
      <c r="C24392">
        <v>1</v>
      </c>
      <c r="D24392">
        <v>0</v>
      </c>
    </row>
    <row r="24393" spans="1:4" x14ac:dyDescent="0.25">
      <c r="A24393" t="s">
        <v>37498</v>
      </c>
      <c r="B24393" t="s">
        <v>37500</v>
      </c>
      <c r="C24393">
        <v>2</v>
      </c>
      <c r="D24393">
        <v>0</v>
      </c>
    </row>
    <row r="24394" spans="1:4" x14ac:dyDescent="0.25">
      <c r="A24394" t="s">
        <v>37498</v>
      </c>
      <c r="B24394" t="s">
        <v>37501</v>
      </c>
      <c r="C24394">
        <v>2</v>
      </c>
      <c r="D24394">
        <v>0</v>
      </c>
    </row>
    <row r="24395" spans="1:4" x14ac:dyDescent="0.25">
      <c r="A24395" t="s">
        <v>37502</v>
      </c>
      <c r="B24395" t="s">
        <v>37503</v>
      </c>
      <c r="C24395">
        <v>2</v>
      </c>
      <c r="D24395">
        <v>0</v>
      </c>
    </row>
    <row r="24396" spans="1:4" x14ac:dyDescent="0.25">
      <c r="A24396" t="s">
        <v>37504</v>
      </c>
      <c r="B24396" t="s">
        <v>37505</v>
      </c>
      <c r="C24396">
        <v>1</v>
      </c>
      <c r="D24396">
        <v>0</v>
      </c>
    </row>
    <row r="24397" spans="1:4" x14ac:dyDescent="0.25">
      <c r="A24397" t="s">
        <v>37504</v>
      </c>
      <c r="B24397" t="s">
        <v>37506</v>
      </c>
      <c r="C24397">
        <v>0</v>
      </c>
      <c r="D24397">
        <v>0</v>
      </c>
    </row>
    <row r="24398" spans="1:4" x14ac:dyDescent="0.25">
      <c r="A24398" t="s">
        <v>37504</v>
      </c>
      <c r="B24398" t="s">
        <v>37507</v>
      </c>
      <c r="C24398">
        <v>1</v>
      </c>
      <c r="D24398">
        <v>0</v>
      </c>
    </row>
    <row r="24399" spans="1:4" x14ac:dyDescent="0.25">
      <c r="A24399" t="s">
        <v>37508</v>
      </c>
      <c r="B24399" t="s">
        <v>2810</v>
      </c>
      <c r="C24399">
        <v>1</v>
      </c>
      <c r="D24399">
        <v>0</v>
      </c>
    </row>
    <row r="24400" spans="1:4" x14ac:dyDescent="0.25">
      <c r="A24400" t="s">
        <v>37509</v>
      </c>
      <c r="B24400" t="s">
        <v>37510</v>
      </c>
      <c r="C24400">
        <v>1</v>
      </c>
      <c r="D24400">
        <v>0</v>
      </c>
    </row>
    <row r="24401" spans="1:4" x14ac:dyDescent="0.25">
      <c r="A24401" t="s">
        <v>37509</v>
      </c>
      <c r="B24401" t="s">
        <v>37511</v>
      </c>
      <c r="C24401">
        <v>2</v>
      </c>
      <c r="D24401">
        <v>0</v>
      </c>
    </row>
    <row r="24402" spans="1:4" x14ac:dyDescent="0.25">
      <c r="A24402" t="s">
        <v>37512</v>
      </c>
      <c r="B24402" t="s">
        <v>37513</v>
      </c>
      <c r="C24402">
        <v>0</v>
      </c>
      <c r="D24402">
        <v>0</v>
      </c>
    </row>
    <row r="24403" spans="1:4" x14ac:dyDescent="0.25">
      <c r="A24403" t="s">
        <v>37514</v>
      </c>
      <c r="B24403" t="s">
        <v>37515</v>
      </c>
      <c r="C24403">
        <v>2</v>
      </c>
      <c r="D24403">
        <v>0</v>
      </c>
    </row>
    <row r="24404" spans="1:4" x14ac:dyDescent="0.25">
      <c r="A24404" t="s">
        <v>37514</v>
      </c>
      <c r="B24404" t="s">
        <v>37516</v>
      </c>
      <c r="C24404">
        <v>0</v>
      </c>
      <c r="D24404">
        <v>0</v>
      </c>
    </row>
    <row r="24405" spans="1:4" x14ac:dyDescent="0.25">
      <c r="A24405" t="s">
        <v>37514</v>
      </c>
      <c r="B24405" t="s">
        <v>37517</v>
      </c>
      <c r="C24405">
        <v>1</v>
      </c>
      <c r="D24405">
        <v>0</v>
      </c>
    </row>
    <row r="24406" spans="1:4" x14ac:dyDescent="0.25">
      <c r="A24406" t="s">
        <v>37518</v>
      </c>
      <c r="B24406" t="s">
        <v>816</v>
      </c>
      <c r="C24406">
        <v>1</v>
      </c>
      <c r="D24406">
        <v>0</v>
      </c>
    </row>
    <row r="24407" spans="1:4" x14ac:dyDescent="0.25">
      <c r="A24407" t="s">
        <v>37519</v>
      </c>
      <c r="B24407" t="s">
        <v>37520</v>
      </c>
      <c r="C24407">
        <v>2</v>
      </c>
      <c r="D24407">
        <v>0</v>
      </c>
    </row>
    <row r="24408" spans="1:4" x14ac:dyDescent="0.25">
      <c r="A24408" t="s">
        <v>37521</v>
      </c>
      <c r="B24408" t="s">
        <v>37522</v>
      </c>
      <c r="C24408">
        <v>0</v>
      </c>
      <c r="D24408">
        <v>0</v>
      </c>
    </row>
    <row r="24409" spans="1:4" x14ac:dyDescent="0.25">
      <c r="A24409" t="s">
        <v>37521</v>
      </c>
      <c r="B24409" t="s">
        <v>37523</v>
      </c>
      <c r="C24409">
        <v>0</v>
      </c>
      <c r="D24409">
        <v>0</v>
      </c>
    </row>
    <row r="24410" spans="1:4" x14ac:dyDescent="0.25">
      <c r="A24410" t="s">
        <v>37524</v>
      </c>
      <c r="B24410" t="s">
        <v>37525</v>
      </c>
      <c r="C24410">
        <v>2</v>
      </c>
      <c r="D24410">
        <v>0</v>
      </c>
    </row>
    <row r="24411" spans="1:4" x14ac:dyDescent="0.25">
      <c r="A24411" t="s">
        <v>37524</v>
      </c>
      <c r="B24411" t="s">
        <v>37526</v>
      </c>
      <c r="C24411">
        <v>2</v>
      </c>
      <c r="D24411">
        <v>0</v>
      </c>
    </row>
    <row r="24412" spans="1:4" x14ac:dyDescent="0.25">
      <c r="A24412" t="s">
        <v>37527</v>
      </c>
      <c r="B24412" t="s">
        <v>37528</v>
      </c>
      <c r="C24412">
        <v>2</v>
      </c>
      <c r="D24412">
        <v>0</v>
      </c>
    </row>
    <row r="24413" spans="1:4" x14ac:dyDescent="0.25">
      <c r="A24413" t="s">
        <v>37527</v>
      </c>
      <c r="B24413" t="s">
        <v>37529</v>
      </c>
      <c r="C24413">
        <v>2</v>
      </c>
      <c r="D24413">
        <v>0</v>
      </c>
    </row>
    <row r="24414" spans="1:4" x14ac:dyDescent="0.25">
      <c r="A24414" t="s">
        <v>37527</v>
      </c>
      <c r="B24414" t="s">
        <v>2061</v>
      </c>
      <c r="C24414">
        <v>0</v>
      </c>
      <c r="D24414">
        <v>0</v>
      </c>
    </row>
    <row r="24415" spans="1:4" x14ac:dyDescent="0.25">
      <c r="A24415" t="s">
        <v>37530</v>
      </c>
      <c r="B24415" t="s">
        <v>37531</v>
      </c>
      <c r="C24415">
        <v>0</v>
      </c>
      <c r="D24415">
        <v>0</v>
      </c>
    </row>
    <row r="24416" spans="1:4" x14ac:dyDescent="0.25">
      <c r="A24416" t="s">
        <v>37532</v>
      </c>
      <c r="B24416" t="s">
        <v>37533</v>
      </c>
      <c r="C24416">
        <v>0</v>
      </c>
      <c r="D24416">
        <v>0</v>
      </c>
    </row>
    <row r="24417" spans="1:4" x14ac:dyDescent="0.25">
      <c r="A24417" t="s">
        <v>37534</v>
      </c>
      <c r="B24417" t="s">
        <v>37535</v>
      </c>
      <c r="C24417">
        <v>2</v>
      </c>
      <c r="D24417">
        <v>0</v>
      </c>
    </row>
    <row r="24418" spans="1:4" x14ac:dyDescent="0.25">
      <c r="A24418" t="s">
        <v>37534</v>
      </c>
      <c r="B24418" t="s">
        <v>37536</v>
      </c>
      <c r="C24418">
        <v>0</v>
      </c>
      <c r="D24418">
        <v>0</v>
      </c>
    </row>
    <row r="24419" spans="1:4" x14ac:dyDescent="0.25">
      <c r="A24419" t="s">
        <v>37534</v>
      </c>
      <c r="B24419" t="s">
        <v>37537</v>
      </c>
      <c r="C24419">
        <v>1</v>
      </c>
      <c r="D24419">
        <v>0</v>
      </c>
    </row>
    <row r="24420" spans="1:4" x14ac:dyDescent="0.25">
      <c r="A24420" t="s">
        <v>37538</v>
      </c>
      <c r="B24420" t="s">
        <v>35344</v>
      </c>
      <c r="C24420">
        <v>0</v>
      </c>
      <c r="D24420">
        <v>0</v>
      </c>
    </row>
    <row r="24421" spans="1:4" x14ac:dyDescent="0.25">
      <c r="A24421" t="s">
        <v>37538</v>
      </c>
      <c r="B24421" t="s">
        <v>37539</v>
      </c>
      <c r="C24421">
        <v>1</v>
      </c>
      <c r="D24421">
        <v>0</v>
      </c>
    </row>
    <row r="24422" spans="1:4" x14ac:dyDescent="0.25">
      <c r="A24422" t="s">
        <v>37538</v>
      </c>
      <c r="B24422" t="s">
        <v>888</v>
      </c>
      <c r="C24422">
        <v>1</v>
      </c>
      <c r="D24422">
        <v>0</v>
      </c>
    </row>
    <row r="24423" spans="1:4" x14ac:dyDescent="0.25">
      <c r="A24423" t="s">
        <v>37540</v>
      </c>
      <c r="B24423" t="s">
        <v>37541</v>
      </c>
      <c r="C24423">
        <v>0</v>
      </c>
      <c r="D24423">
        <v>0</v>
      </c>
    </row>
    <row r="24424" spans="1:4" x14ac:dyDescent="0.25">
      <c r="A24424" t="s">
        <v>37540</v>
      </c>
      <c r="B24424" t="s">
        <v>37542</v>
      </c>
      <c r="C24424">
        <v>0</v>
      </c>
      <c r="D24424">
        <v>0</v>
      </c>
    </row>
    <row r="24425" spans="1:4" x14ac:dyDescent="0.25">
      <c r="A24425" t="s">
        <v>37543</v>
      </c>
      <c r="B24425" t="s">
        <v>37544</v>
      </c>
      <c r="C24425">
        <v>2</v>
      </c>
      <c r="D24425">
        <v>0</v>
      </c>
    </row>
    <row r="24426" spans="1:4" x14ac:dyDescent="0.25">
      <c r="A24426" t="s">
        <v>37543</v>
      </c>
      <c r="B24426" t="s">
        <v>37545</v>
      </c>
      <c r="C24426">
        <v>2</v>
      </c>
      <c r="D24426">
        <v>0</v>
      </c>
    </row>
    <row r="24427" spans="1:4" x14ac:dyDescent="0.25">
      <c r="A24427" t="s">
        <v>37546</v>
      </c>
      <c r="B24427" t="s">
        <v>37547</v>
      </c>
      <c r="C24427">
        <v>1</v>
      </c>
      <c r="D24427">
        <v>0</v>
      </c>
    </row>
    <row r="24428" spans="1:4" x14ac:dyDescent="0.25">
      <c r="A24428" t="s">
        <v>37546</v>
      </c>
      <c r="B24428" t="s">
        <v>37548</v>
      </c>
      <c r="C24428">
        <v>2</v>
      </c>
      <c r="D24428">
        <v>0</v>
      </c>
    </row>
    <row r="24429" spans="1:4" x14ac:dyDescent="0.25">
      <c r="A24429" t="s">
        <v>37546</v>
      </c>
      <c r="B24429" t="s">
        <v>37549</v>
      </c>
      <c r="C24429">
        <v>1</v>
      </c>
      <c r="D24429">
        <v>0</v>
      </c>
    </row>
    <row r="24430" spans="1:4" x14ac:dyDescent="0.25">
      <c r="A24430" t="s">
        <v>37550</v>
      </c>
      <c r="B24430" t="s">
        <v>37551</v>
      </c>
      <c r="C24430">
        <v>2</v>
      </c>
      <c r="D24430">
        <v>0</v>
      </c>
    </row>
    <row r="24431" spans="1:4" x14ac:dyDescent="0.25">
      <c r="A24431" t="s">
        <v>37552</v>
      </c>
      <c r="B24431" t="s">
        <v>18079</v>
      </c>
      <c r="C24431">
        <v>0</v>
      </c>
      <c r="D24431">
        <v>0</v>
      </c>
    </row>
    <row r="24432" spans="1:4" x14ac:dyDescent="0.25">
      <c r="A24432" t="s">
        <v>37552</v>
      </c>
      <c r="B24432" t="s">
        <v>5047</v>
      </c>
      <c r="C24432">
        <v>0</v>
      </c>
      <c r="D24432">
        <v>0</v>
      </c>
    </row>
    <row r="24433" spans="1:4" x14ac:dyDescent="0.25">
      <c r="A24433" t="s">
        <v>37552</v>
      </c>
      <c r="B24433" t="s">
        <v>37553</v>
      </c>
      <c r="C24433">
        <v>0</v>
      </c>
      <c r="D24433">
        <v>0</v>
      </c>
    </row>
    <row r="24434" spans="1:4" x14ac:dyDescent="0.25">
      <c r="A24434" t="s">
        <v>37554</v>
      </c>
      <c r="B24434" t="s">
        <v>37555</v>
      </c>
      <c r="C24434">
        <v>1</v>
      </c>
      <c r="D24434">
        <v>0</v>
      </c>
    </row>
    <row r="24435" spans="1:4" x14ac:dyDescent="0.25">
      <c r="A24435" t="s">
        <v>37556</v>
      </c>
      <c r="B24435" t="s">
        <v>37557</v>
      </c>
      <c r="C24435">
        <v>2</v>
      </c>
      <c r="D24435">
        <v>0</v>
      </c>
    </row>
    <row r="24436" spans="1:4" x14ac:dyDescent="0.25">
      <c r="A24436" t="s">
        <v>37558</v>
      </c>
      <c r="B24436" t="s">
        <v>37559</v>
      </c>
      <c r="C24436">
        <v>0</v>
      </c>
      <c r="D24436">
        <v>0</v>
      </c>
    </row>
    <row r="24437" spans="1:4" x14ac:dyDescent="0.25">
      <c r="A24437" t="s">
        <v>37558</v>
      </c>
      <c r="B24437" t="s">
        <v>37560</v>
      </c>
      <c r="C24437">
        <v>0</v>
      </c>
      <c r="D24437">
        <v>0</v>
      </c>
    </row>
    <row r="24438" spans="1:4" x14ac:dyDescent="0.25">
      <c r="A24438" t="s">
        <v>37558</v>
      </c>
      <c r="B24438" t="s">
        <v>37561</v>
      </c>
      <c r="C24438">
        <v>0</v>
      </c>
      <c r="D24438">
        <v>0</v>
      </c>
    </row>
    <row r="24439" spans="1:4" x14ac:dyDescent="0.25">
      <c r="A24439" t="s">
        <v>37562</v>
      </c>
      <c r="B24439" t="s">
        <v>37563</v>
      </c>
      <c r="C24439">
        <v>0</v>
      </c>
      <c r="D24439">
        <v>0</v>
      </c>
    </row>
    <row r="24440" spans="1:4" x14ac:dyDescent="0.25">
      <c r="A24440" t="s">
        <v>37562</v>
      </c>
      <c r="B24440" t="s">
        <v>37564</v>
      </c>
      <c r="C24440">
        <v>0</v>
      </c>
      <c r="D24440">
        <v>0</v>
      </c>
    </row>
    <row r="24441" spans="1:4" x14ac:dyDescent="0.25">
      <c r="A24441" t="s">
        <v>37565</v>
      </c>
      <c r="B24441" t="s">
        <v>37566</v>
      </c>
      <c r="C24441">
        <v>1</v>
      </c>
      <c r="D24441">
        <v>0</v>
      </c>
    </row>
    <row r="24442" spans="1:4" x14ac:dyDescent="0.25">
      <c r="A24442" t="s">
        <v>37565</v>
      </c>
      <c r="B24442" t="s">
        <v>37567</v>
      </c>
      <c r="C24442">
        <v>0</v>
      </c>
      <c r="D24442">
        <v>0</v>
      </c>
    </row>
    <row r="24443" spans="1:4" x14ac:dyDescent="0.25">
      <c r="A24443" t="s">
        <v>37565</v>
      </c>
      <c r="B24443" t="s">
        <v>37568</v>
      </c>
      <c r="C24443">
        <v>0</v>
      </c>
      <c r="D24443">
        <v>0</v>
      </c>
    </row>
    <row r="24444" spans="1:4" x14ac:dyDescent="0.25">
      <c r="A24444" t="s">
        <v>37569</v>
      </c>
      <c r="B24444" t="s">
        <v>37570</v>
      </c>
      <c r="C24444">
        <v>2</v>
      </c>
      <c r="D24444">
        <v>0</v>
      </c>
    </row>
    <row r="24445" spans="1:4" x14ac:dyDescent="0.25">
      <c r="A24445" t="s">
        <v>37571</v>
      </c>
      <c r="B24445" t="s">
        <v>852</v>
      </c>
      <c r="C24445">
        <v>0</v>
      </c>
      <c r="D24445">
        <v>0</v>
      </c>
    </row>
    <row r="24446" spans="1:4" x14ac:dyDescent="0.25">
      <c r="A24446" t="s">
        <v>37571</v>
      </c>
      <c r="B24446" t="s">
        <v>37572</v>
      </c>
      <c r="C24446">
        <v>1</v>
      </c>
      <c r="D24446">
        <v>0</v>
      </c>
    </row>
    <row r="24447" spans="1:4" x14ac:dyDescent="0.25">
      <c r="A24447" t="s">
        <v>37573</v>
      </c>
      <c r="B24447" t="s">
        <v>37574</v>
      </c>
      <c r="C24447">
        <v>1</v>
      </c>
      <c r="D24447">
        <v>0</v>
      </c>
    </row>
    <row r="24448" spans="1:4" x14ac:dyDescent="0.25">
      <c r="A24448" t="s">
        <v>37575</v>
      </c>
      <c r="B24448" t="s">
        <v>37576</v>
      </c>
      <c r="C24448">
        <v>0</v>
      </c>
      <c r="D24448">
        <v>0</v>
      </c>
    </row>
    <row r="24449" spans="1:4" x14ac:dyDescent="0.25">
      <c r="A24449" t="s">
        <v>37577</v>
      </c>
      <c r="B24449" t="s">
        <v>37578</v>
      </c>
      <c r="C24449">
        <v>1</v>
      </c>
      <c r="D24449">
        <v>0</v>
      </c>
    </row>
    <row r="24450" spans="1:4" x14ac:dyDescent="0.25">
      <c r="A24450" t="s">
        <v>37577</v>
      </c>
      <c r="B24450" t="s">
        <v>37579</v>
      </c>
      <c r="C24450">
        <v>1</v>
      </c>
      <c r="D24450">
        <v>0</v>
      </c>
    </row>
    <row r="24451" spans="1:4" x14ac:dyDescent="0.25">
      <c r="A24451" t="s">
        <v>37580</v>
      </c>
      <c r="B24451" t="s">
        <v>37581</v>
      </c>
      <c r="C24451">
        <v>1</v>
      </c>
      <c r="D24451">
        <v>0</v>
      </c>
    </row>
    <row r="24452" spans="1:4" x14ac:dyDescent="0.25">
      <c r="A24452" t="s">
        <v>37580</v>
      </c>
      <c r="B24452" t="s">
        <v>37582</v>
      </c>
      <c r="C24452">
        <v>1</v>
      </c>
      <c r="D24452">
        <v>0</v>
      </c>
    </row>
    <row r="24453" spans="1:4" x14ac:dyDescent="0.25">
      <c r="A24453" t="s">
        <v>37583</v>
      </c>
      <c r="B24453" t="s">
        <v>12355</v>
      </c>
      <c r="C24453">
        <v>0</v>
      </c>
      <c r="D24453">
        <v>0</v>
      </c>
    </row>
    <row r="24454" spans="1:4" x14ac:dyDescent="0.25">
      <c r="A24454" t="s">
        <v>37583</v>
      </c>
      <c r="B24454" t="s">
        <v>37584</v>
      </c>
      <c r="C24454">
        <v>0</v>
      </c>
      <c r="D24454">
        <v>0</v>
      </c>
    </row>
    <row r="24455" spans="1:4" x14ac:dyDescent="0.25">
      <c r="A24455" t="s">
        <v>37583</v>
      </c>
      <c r="B24455" t="s">
        <v>37585</v>
      </c>
      <c r="C24455">
        <v>0</v>
      </c>
      <c r="D24455">
        <v>0</v>
      </c>
    </row>
    <row r="24456" spans="1:4" x14ac:dyDescent="0.25">
      <c r="A24456" t="s">
        <v>37586</v>
      </c>
      <c r="B24456" t="s">
        <v>13096</v>
      </c>
      <c r="C24456">
        <v>0</v>
      </c>
      <c r="D24456">
        <v>0</v>
      </c>
    </row>
    <row r="24457" spans="1:4" x14ac:dyDescent="0.25">
      <c r="A24457" t="s">
        <v>37587</v>
      </c>
      <c r="B24457" t="s">
        <v>37588</v>
      </c>
      <c r="C24457">
        <v>1</v>
      </c>
      <c r="D24457">
        <v>0</v>
      </c>
    </row>
    <row r="24458" spans="1:4" x14ac:dyDescent="0.25">
      <c r="A24458" t="s">
        <v>37589</v>
      </c>
      <c r="B24458" t="s">
        <v>37590</v>
      </c>
      <c r="C24458">
        <v>1</v>
      </c>
      <c r="D24458">
        <v>0</v>
      </c>
    </row>
    <row r="24459" spans="1:4" x14ac:dyDescent="0.25">
      <c r="A24459" t="s">
        <v>37591</v>
      </c>
      <c r="B24459" t="s">
        <v>816</v>
      </c>
      <c r="C24459">
        <v>1</v>
      </c>
      <c r="D24459">
        <v>0</v>
      </c>
    </row>
    <row r="24460" spans="1:4" x14ac:dyDescent="0.25">
      <c r="A24460" t="s">
        <v>37592</v>
      </c>
      <c r="B24460" t="s">
        <v>37593</v>
      </c>
      <c r="C24460">
        <v>1</v>
      </c>
      <c r="D24460">
        <v>0</v>
      </c>
    </row>
    <row r="24461" spans="1:4" x14ac:dyDescent="0.25">
      <c r="A24461" t="s">
        <v>37592</v>
      </c>
      <c r="B24461" t="s">
        <v>37594</v>
      </c>
      <c r="C24461">
        <v>2</v>
      </c>
      <c r="D24461">
        <v>0</v>
      </c>
    </row>
    <row r="24462" spans="1:4" x14ac:dyDescent="0.25">
      <c r="A24462" t="s">
        <v>37595</v>
      </c>
      <c r="B24462" t="s">
        <v>37596</v>
      </c>
      <c r="C24462">
        <v>2</v>
      </c>
      <c r="D24462">
        <v>0</v>
      </c>
    </row>
    <row r="24463" spans="1:4" x14ac:dyDescent="0.25">
      <c r="A24463" t="s">
        <v>37597</v>
      </c>
      <c r="B24463" t="s">
        <v>37598</v>
      </c>
      <c r="C24463">
        <v>1</v>
      </c>
      <c r="D24463">
        <v>0</v>
      </c>
    </row>
    <row r="24464" spans="1:4" x14ac:dyDescent="0.25">
      <c r="A24464" t="s">
        <v>37599</v>
      </c>
      <c r="B24464" t="s">
        <v>945</v>
      </c>
      <c r="C24464">
        <v>1</v>
      </c>
      <c r="D24464">
        <v>0</v>
      </c>
    </row>
    <row r="24465" spans="1:4" x14ac:dyDescent="0.25">
      <c r="A24465" t="s">
        <v>37599</v>
      </c>
      <c r="B24465" t="s">
        <v>37600</v>
      </c>
      <c r="C24465">
        <v>0</v>
      </c>
      <c r="D24465">
        <v>0</v>
      </c>
    </row>
    <row r="24466" spans="1:4" x14ac:dyDescent="0.25">
      <c r="A24466" t="s">
        <v>37599</v>
      </c>
      <c r="B24466" t="s">
        <v>37601</v>
      </c>
      <c r="C24466">
        <v>1</v>
      </c>
      <c r="D24466">
        <v>0</v>
      </c>
    </row>
    <row r="24467" spans="1:4" x14ac:dyDescent="0.25">
      <c r="A24467" t="s">
        <v>37602</v>
      </c>
      <c r="B24467" t="s">
        <v>37603</v>
      </c>
      <c r="C24467">
        <v>0</v>
      </c>
      <c r="D24467">
        <v>0</v>
      </c>
    </row>
    <row r="24468" spans="1:4" x14ac:dyDescent="0.25">
      <c r="A24468" t="s">
        <v>37604</v>
      </c>
      <c r="B24468" t="s">
        <v>816</v>
      </c>
      <c r="C24468">
        <v>1</v>
      </c>
      <c r="D24468">
        <v>0</v>
      </c>
    </row>
    <row r="24469" spans="1:4" x14ac:dyDescent="0.25">
      <c r="A24469" t="s">
        <v>37605</v>
      </c>
      <c r="B24469" t="s">
        <v>37606</v>
      </c>
      <c r="C24469">
        <v>2</v>
      </c>
      <c r="D24469">
        <v>0</v>
      </c>
    </row>
    <row r="24470" spans="1:4" x14ac:dyDescent="0.25">
      <c r="A24470" t="s">
        <v>37605</v>
      </c>
      <c r="B24470" t="s">
        <v>6548</v>
      </c>
      <c r="C24470">
        <v>0</v>
      </c>
      <c r="D24470">
        <v>0</v>
      </c>
    </row>
    <row r="24471" spans="1:4" x14ac:dyDescent="0.25">
      <c r="A24471" t="s">
        <v>37605</v>
      </c>
      <c r="B24471" t="s">
        <v>37607</v>
      </c>
      <c r="C24471">
        <v>1</v>
      </c>
      <c r="D24471">
        <v>0</v>
      </c>
    </row>
    <row r="24472" spans="1:4" x14ac:dyDescent="0.25">
      <c r="A24472" t="s">
        <v>37608</v>
      </c>
      <c r="B24472" t="s">
        <v>37609</v>
      </c>
      <c r="C24472">
        <v>1</v>
      </c>
      <c r="D24472">
        <v>0</v>
      </c>
    </row>
    <row r="24473" spans="1:4" x14ac:dyDescent="0.25">
      <c r="A24473" t="s">
        <v>37610</v>
      </c>
      <c r="B24473" t="s">
        <v>37611</v>
      </c>
      <c r="C24473">
        <v>0</v>
      </c>
      <c r="D24473">
        <v>0</v>
      </c>
    </row>
    <row r="24474" spans="1:4" x14ac:dyDescent="0.25">
      <c r="A24474" t="s">
        <v>37612</v>
      </c>
      <c r="B24474" t="s">
        <v>37613</v>
      </c>
      <c r="C24474">
        <v>2</v>
      </c>
      <c r="D24474">
        <v>0</v>
      </c>
    </row>
    <row r="24475" spans="1:4" x14ac:dyDescent="0.25">
      <c r="A24475" t="s">
        <v>37612</v>
      </c>
      <c r="B24475" t="s">
        <v>37614</v>
      </c>
      <c r="C24475">
        <v>2</v>
      </c>
      <c r="D24475">
        <v>0</v>
      </c>
    </row>
    <row r="24476" spans="1:4" x14ac:dyDescent="0.25">
      <c r="A24476" t="s">
        <v>37615</v>
      </c>
      <c r="B24476" t="s">
        <v>37616</v>
      </c>
      <c r="C24476">
        <v>1</v>
      </c>
      <c r="D24476">
        <v>0</v>
      </c>
    </row>
    <row r="24477" spans="1:4" x14ac:dyDescent="0.25">
      <c r="A24477" t="s">
        <v>37615</v>
      </c>
      <c r="B24477" t="s">
        <v>37617</v>
      </c>
      <c r="C24477">
        <v>2</v>
      </c>
      <c r="D24477">
        <v>0</v>
      </c>
    </row>
    <row r="24478" spans="1:4" x14ac:dyDescent="0.25">
      <c r="A24478" t="s">
        <v>37618</v>
      </c>
      <c r="B24478" t="s">
        <v>37619</v>
      </c>
      <c r="C24478">
        <v>0</v>
      </c>
      <c r="D24478">
        <v>0</v>
      </c>
    </row>
    <row r="24479" spans="1:4" x14ac:dyDescent="0.25">
      <c r="A24479" t="s">
        <v>37618</v>
      </c>
      <c r="B24479" t="s">
        <v>37620</v>
      </c>
      <c r="C24479">
        <v>2</v>
      </c>
      <c r="D24479">
        <v>0</v>
      </c>
    </row>
    <row r="24480" spans="1:4" x14ac:dyDescent="0.25">
      <c r="A24480" t="s">
        <v>37621</v>
      </c>
      <c r="B24480" t="s">
        <v>37622</v>
      </c>
      <c r="C24480">
        <v>1</v>
      </c>
      <c r="D24480">
        <v>0</v>
      </c>
    </row>
    <row r="24481" spans="1:4" x14ac:dyDescent="0.25">
      <c r="A24481" t="s">
        <v>37621</v>
      </c>
      <c r="B24481" t="s">
        <v>37623</v>
      </c>
      <c r="C24481">
        <v>1</v>
      </c>
      <c r="D24481">
        <v>0</v>
      </c>
    </row>
    <row r="24482" spans="1:4" x14ac:dyDescent="0.25">
      <c r="A24482" t="s">
        <v>37621</v>
      </c>
      <c r="B24482" t="s">
        <v>37624</v>
      </c>
      <c r="C24482">
        <v>1</v>
      </c>
      <c r="D24482">
        <v>0</v>
      </c>
    </row>
    <row r="24483" spans="1:4" x14ac:dyDescent="0.25">
      <c r="A24483" t="s">
        <v>37625</v>
      </c>
      <c r="B24483" t="s">
        <v>37626</v>
      </c>
      <c r="C24483">
        <v>2</v>
      </c>
      <c r="D24483">
        <v>0</v>
      </c>
    </row>
    <row r="24484" spans="1:4" x14ac:dyDescent="0.25">
      <c r="A24484" t="s">
        <v>37625</v>
      </c>
      <c r="B24484" t="s">
        <v>6548</v>
      </c>
      <c r="C24484">
        <v>0</v>
      </c>
      <c r="D24484">
        <v>0</v>
      </c>
    </row>
    <row r="24485" spans="1:4" x14ac:dyDescent="0.25">
      <c r="A24485" t="s">
        <v>37627</v>
      </c>
      <c r="B24485" t="s">
        <v>37628</v>
      </c>
      <c r="C24485">
        <v>0</v>
      </c>
      <c r="D24485">
        <v>0</v>
      </c>
    </row>
    <row r="24486" spans="1:4" x14ac:dyDescent="0.25">
      <c r="A24486" t="s">
        <v>37629</v>
      </c>
      <c r="B24486" t="s">
        <v>37630</v>
      </c>
      <c r="C24486">
        <v>1</v>
      </c>
      <c r="D24486">
        <v>0</v>
      </c>
    </row>
    <row r="24487" spans="1:4" x14ac:dyDescent="0.25">
      <c r="A24487" t="s">
        <v>37629</v>
      </c>
      <c r="B24487" t="s">
        <v>37631</v>
      </c>
      <c r="C24487">
        <v>0</v>
      </c>
      <c r="D24487">
        <v>0</v>
      </c>
    </row>
    <row r="24488" spans="1:4" x14ac:dyDescent="0.25">
      <c r="A24488" t="s">
        <v>37632</v>
      </c>
      <c r="B24488" t="s">
        <v>37633</v>
      </c>
      <c r="C24488">
        <v>0</v>
      </c>
      <c r="D24488">
        <v>0</v>
      </c>
    </row>
    <row r="24489" spans="1:4" x14ac:dyDescent="0.25">
      <c r="A24489" t="s">
        <v>37632</v>
      </c>
      <c r="B24489" t="s">
        <v>3858</v>
      </c>
      <c r="C24489">
        <v>1</v>
      </c>
      <c r="D24489">
        <v>0</v>
      </c>
    </row>
    <row r="24490" spans="1:4" x14ac:dyDescent="0.25">
      <c r="A24490" t="s">
        <v>37632</v>
      </c>
      <c r="B24490" t="s">
        <v>37634</v>
      </c>
      <c r="C24490">
        <v>2</v>
      </c>
      <c r="D24490">
        <v>0</v>
      </c>
    </row>
    <row r="24491" spans="1:4" x14ac:dyDescent="0.25">
      <c r="A24491" t="s">
        <v>37635</v>
      </c>
      <c r="B24491" t="s">
        <v>37636</v>
      </c>
      <c r="C24491">
        <v>2</v>
      </c>
      <c r="D24491">
        <v>0</v>
      </c>
    </row>
    <row r="24492" spans="1:4" x14ac:dyDescent="0.25">
      <c r="A24492" t="s">
        <v>37637</v>
      </c>
      <c r="B24492" t="s">
        <v>37638</v>
      </c>
      <c r="C24492">
        <v>0</v>
      </c>
      <c r="D24492">
        <v>0</v>
      </c>
    </row>
    <row r="24493" spans="1:4" x14ac:dyDescent="0.25">
      <c r="A24493" t="s">
        <v>37637</v>
      </c>
      <c r="B24493" t="s">
        <v>37639</v>
      </c>
      <c r="C24493">
        <v>2</v>
      </c>
      <c r="D24493">
        <v>0</v>
      </c>
    </row>
    <row r="24494" spans="1:4" x14ac:dyDescent="0.25">
      <c r="A24494" t="s">
        <v>37637</v>
      </c>
      <c r="B24494" t="s">
        <v>37640</v>
      </c>
      <c r="C24494">
        <v>0</v>
      </c>
      <c r="D24494">
        <v>0</v>
      </c>
    </row>
    <row r="24495" spans="1:4" x14ac:dyDescent="0.25">
      <c r="A24495" t="s">
        <v>37641</v>
      </c>
      <c r="B24495" t="s">
        <v>37642</v>
      </c>
      <c r="C24495">
        <v>0</v>
      </c>
      <c r="D24495">
        <v>0</v>
      </c>
    </row>
    <row r="24496" spans="1:4" x14ac:dyDescent="0.25">
      <c r="A24496" t="s">
        <v>37641</v>
      </c>
      <c r="B24496" t="s">
        <v>37643</v>
      </c>
      <c r="C24496">
        <v>1</v>
      </c>
      <c r="D24496">
        <v>0</v>
      </c>
    </row>
    <row r="24497" spans="1:4" x14ac:dyDescent="0.25">
      <c r="A24497" t="s">
        <v>37644</v>
      </c>
      <c r="B24497" t="s">
        <v>37645</v>
      </c>
      <c r="C24497">
        <v>0</v>
      </c>
      <c r="D24497">
        <v>0</v>
      </c>
    </row>
    <row r="24498" spans="1:4" x14ac:dyDescent="0.25">
      <c r="A24498" t="s">
        <v>37646</v>
      </c>
      <c r="B24498" t="s">
        <v>37647</v>
      </c>
      <c r="C24498">
        <v>1</v>
      </c>
      <c r="D24498">
        <v>0</v>
      </c>
    </row>
    <row r="24499" spans="1:4" x14ac:dyDescent="0.25">
      <c r="A24499" t="s">
        <v>37646</v>
      </c>
      <c r="B24499" t="s">
        <v>37648</v>
      </c>
      <c r="C24499">
        <v>2</v>
      </c>
      <c r="D24499">
        <v>0</v>
      </c>
    </row>
    <row r="24500" spans="1:4" x14ac:dyDescent="0.25">
      <c r="A24500" t="s">
        <v>37646</v>
      </c>
      <c r="B24500" t="s">
        <v>37649</v>
      </c>
      <c r="C24500">
        <v>2</v>
      </c>
      <c r="D24500">
        <v>0</v>
      </c>
    </row>
    <row r="24501" spans="1:4" x14ac:dyDescent="0.25">
      <c r="A24501" t="s">
        <v>37650</v>
      </c>
      <c r="B24501" t="s">
        <v>35136</v>
      </c>
      <c r="C24501">
        <v>0</v>
      </c>
      <c r="D24501">
        <v>0</v>
      </c>
    </row>
    <row r="24502" spans="1:4" x14ac:dyDescent="0.25">
      <c r="A24502" t="s">
        <v>37651</v>
      </c>
      <c r="B24502" t="s">
        <v>816</v>
      </c>
      <c r="C24502">
        <v>1</v>
      </c>
      <c r="D24502">
        <v>0</v>
      </c>
    </row>
    <row r="24503" spans="1:4" x14ac:dyDescent="0.25">
      <c r="A24503" t="s">
        <v>37652</v>
      </c>
      <c r="B24503" t="s">
        <v>37653</v>
      </c>
      <c r="C24503">
        <v>1</v>
      </c>
      <c r="D24503">
        <v>0</v>
      </c>
    </row>
    <row r="24504" spans="1:4" x14ac:dyDescent="0.25">
      <c r="A24504" t="s">
        <v>37654</v>
      </c>
      <c r="B24504" t="s">
        <v>3926</v>
      </c>
      <c r="C24504">
        <v>0</v>
      </c>
      <c r="D24504">
        <v>0</v>
      </c>
    </row>
    <row r="24505" spans="1:4" x14ac:dyDescent="0.25">
      <c r="A24505" t="s">
        <v>37655</v>
      </c>
      <c r="B24505" t="s">
        <v>37656</v>
      </c>
      <c r="C24505">
        <v>1</v>
      </c>
      <c r="D24505">
        <v>0</v>
      </c>
    </row>
    <row r="24506" spans="1:4" x14ac:dyDescent="0.25">
      <c r="A24506" t="s">
        <v>37657</v>
      </c>
      <c r="B24506" t="s">
        <v>1001</v>
      </c>
      <c r="C24506">
        <v>1</v>
      </c>
      <c r="D24506">
        <v>0</v>
      </c>
    </row>
    <row r="24507" spans="1:4" x14ac:dyDescent="0.25">
      <c r="A24507" t="s">
        <v>37657</v>
      </c>
      <c r="B24507" t="s">
        <v>37658</v>
      </c>
      <c r="C24507">
        <v>0</v>
      </c>
      <c r="D24507">
        <v>0</v>
      </c>
    </row>
    <row r="24508" spans="1:4" x14ac:dyDescent="0.25">
      <c r="A24508" t="s">
        <v>37657</v>
      </c>
      <c r="B24508" t="s">
        <v>2061</v>
      </c>
      <c r="C24508">
        <v>0</v>
      </c>
      <c r="D24508">
        <v>0</v>
      </c>
    </row>
    <row r="24509" spans="1:4" x14ac:dyDescent="0.25">
      <c r="A24509" t="s">
        <v>37659</v>
      </c>
      <c r="B24509" t="s">
        <v>37660</v>
      </c>
      <c r="C24509">
        <v>1</v>
      </c>
      <c r="D24509">
        <v>0</v>
      </c>
    </row>
    <row r="24510" spans="1:4" x14ac:dyDescent="0.25">
      <c r="A24510" t="s">
        <v>37659</v>
      </c>
      <c r="B24510" t="s">
        <v>37661</v>
      </c>
      <c r="C24510">
        <v>0</v>
      </c>
      <c r="D24510">
        <v>0</v>
      </c>
    </row>
    <row r="24511" spans="1:4" x14ac:dyDescent="0.25">
      <c r="A24511" t="s">
        <v>37662</v>
      </c>
      <c r="B24511" t="s">
        <v>37663</v>
      </c>
      <c r="C24511">
        <v>1</v>
      </c>
      <c r="D24511">
        <v>0</v>
      </c>
    </row>
    <row r="24512" spans="1:4" x14ac:dyDescent="0.25">
      <c r="A24512" t="s">
        <v>37662</v>
      </c>
      <c r="B24512" t="s">
        <v>37664</v>
      </c>
      <c r="C24512">
        <v>1</v>
      </c>
      <c r="D24512">
        <v>0</v>
      </c>
    </row>
    <row r="24513" spans="1:4" x14ac:dyDescent="0.25">
      <c r="A24513" t="s">
        <v>37662</v>
      </c>
      <c r="B24513" t="s">
        <v>37664</v>
      </c>
      <c r="C24513">
        <v>1</v>
      </c>
      <c r="D24513">
        <v>0</v>
      </c>
    </row>
    <row r="24514" spans="1:4" x14ac:dyDescent="0.25">
      <c r="A24514" t="s">
        <v>37665</v>
      </c>
      <c r="B24514" t="s">
        <v>37666</v>
      </c>
      <c r="C24514">
        <v>0</v>
      </c>
      <c r="D24514">
        <v>0</v>
      </c>
    </row>
    <row r="24515" spans="1:4" x14ac:dyDescent="0.25">
      <c r="A24515" t="s">
        <v>37667</v>
      </c>
      <c r="B24515" t="s">
        <v>1151</v>
      </c>
      <c r="C24515">
        <v>1</v>
      </c>
      <c r="D24515">
        <v>0</v>
      </c>
    </row>
    <row r="24516" spans="1:4" x14ac:dyDescent="0.25">
      <c r="A24516" t="s">
        <v>37668</v>
      </c>
      <c r="B24516" t="s">
        <v>37669</v>
      </c>
      <c r="C24516">
        <v>1</v>
      </c>
      <c r="D24516">
        <v>0</v>
      </c>
    </row>
    <row r="24517" spans="1:4" x14ac:dyDescent="0.25">
      <c r="A24517" t="s">
        <v>37668</v>
      </c>
      <c r="B24517" t="s">
        <v>37670</v>
      </c>
      <c r="C24517">
        <v>2</v>
      </c>
      <c r="D24517">
        <v>0</v>
      </c>
    </row>
    <row r="24518" spans="1:4" x14ac:dyDescent="0.25">
      <c r="A24518" t="s">
        <v>37668</v>
      </c>
      <c r="B24518" t="s">
        <v>37671</v>
      </c>
      <c r="C24518">
        <v>0</v>
      </c>
      <c r="D24518">
        <v>0</v>
      </c>
    </row>
    <row r="24519" spans="1:4" x14ac:dyDescent="0.25">
      <c r="A24519" t="s">
        <v>37672</v>
      </c>
      <c r="B24519" t="s">
        <v>37673</v>
      </c>
      <c r="C24519">
        <v>1</v>
      </c>
      <c r="D24519">
        <v>0</v>
      </c>
    </row>
    <row r="24520" spans="1:4" x14ac:dyDescent="0.25">
      <c r="A24520" t="s">
        <v>37672</v>
      </c>
      <c r="B24520" t="s">
        <v>37674</v>
      </c>
      <c r="C24520">
        <v>0</v>
      </c>
      <c r="D24520">
        <v>0</v>
      </c>
    </row>
    <row r="24521" spans="1:4" x14ac:dyDescent="0.25">
      <c r="A24521" t="s">
        <v>37672</v>
      </c>
      <c r="B24521" t="s">
        <v>37675</v>
      </c>
      <c r="C24521">
        <v>0</v>
      </c>
      <c r="D24521">
        <v>0</v>
      </c>
    </row>
    <row r="24522" spans="1:4" x14ac:dyDescent="0.25">
      <c r="A24522" t="s">
        <v>37676</v>
      </c>
      <c r="B24522" t="s">
        <v>37677</v>
      </c>
      <c r="C24522">
        <v>2</v>
      </c>
      <c r="D24522">
        <v>0</v>
      </c>
    </row>
    <row r="24523" spans="1:4" x14ac:dyDescent="0.25">
      <c r="A24523" t="s">
        <v>37678</v>
      </c>
      <c r="B24523" t="s">
        <v>843</v>
      </c>
      <c r="C24523">
        <v>1</v>
      </c>
      <c r="D24523">
        <v>0</v>
      </c>
    </row>
    <row r="24524" spans="1:4" x14ac:dyDescent="0.25">
      <c r="A24524" t="s">
        <v>37679</v>
      </c>
      <c r="B24524" t="s">
        <v>2061</v>
      </c>
      <c r="C24524">
        <v>0</v>
      </c>
      <c r="D24524">
        <v>0</v>
      </c>
    </row>
    <row r="24525" spans="1:4" x14ac:dyDescent="0.25">
      <c r="A24525" t="s">
        <v>37680</v>
      </c>
      <c r="B24525" t="s">
        <v>37681</v>
      </c>
      <c r="C24525">
        <v>1</v>
      </c>
      <c r="D24525">
        <v>0</v>
      </c>
    </row>
    <row r="24526" spans="1:4" x14ac:dyDescent="0.25">
      <c r="A24526" t="s">
        <v>37680</v>
      </c>
      <c r="B24526" t="s">
        <v>37682</v>
      </c>
      <c r="C24526">
        <v>2</v>
      </c>
      <c r="D24526">
        <v>0</v>
      </c>
    </row>
    <row r="24527" spans="1:4" x14ac:dyDescent="0.25">
      <c r="A24527" t="s">
        <v>37680</v>
      </c>
      <c r="B24527" t="s">
        <v>37683</v>
      </c>
      <c r="C24527">
        <v>1</v>
      </c>
      <c r="D24527">
        <v>0</v>
      </c>
    </row>
    <row r="24528" spans="1:4" x14ac:dyDescent="0.25">
      <c r="A24528" t="s">
        <v>37684</v>
      </c>
      <c r="B24528" t="s">
        <v>37685</v>
      </c>
      <c r="C24528">
        <v>2</v>
      </c>
      <c r="D24528">
        <v>0</v>
      </c>
    </row>
    <row r="24529" spans="1:4" x14ac:dyDescent="0.25">
      <c r="A24529" t="s">
        <v>37684</v>
      </c>
      <c r="B24529" t="s">
        <v>37686</v>
      </c>
      <c r="C24529">
        <v>0</v>
      </c>
      <c r="D24529">
        <v>0</v>
      </c>
    </row>
    <row r="24530" spans="1:4" x14ac:dyDescent="0.25">
      <c r="A24530" t="s">
        <v>37684</v>
      </c>
      <c r="B24530" t="s">
        <v>37687</v>
      </c>
      <c r="C24530">
        <v>0</v>
      </c>
      <c r="D24530">
        <v>0</v>
      </c>
    </row>
    <row r="24531" spans="1:4" x14ac:dyDescent="0.25">
      <c r="A24531" t="s">
        <v>37688</v>
      </c>
      <c r="B24531" t="s">
        <v>13685</v>
      </c>
      <c r="C24531">
        <v>0</v>
      </c>
      <c r="D24531">
        <v>0</v>
      </c>
    </row>
    <row r="24532" spans="1:4" x14ac:dyDescent="0.25">
      <c r="A24532" t="s">
        <v>37689</v>
      </c>
      <c r="B24532" t="s">
        <v>1001</v>
      </c>
      <c r="C24532">
        <v>1</v>
      </c>
      <c r="D24532">
        <v>0</v>
      </c>
    </row>
    <row r="24533" spans="1:4" x14ac:dyDescent="0.25">
      <c r="A24533" t="s">
        <v>37689</v>
      </c>
      <c r="B24533" t="s">
        <v>969</v>
      </c>
      <c r="C24533">
        <v>0</v>
      </c>
      <c r="D24533">
        <v>0</v>
      </c>
    </row>
    <row r="24534" spans="1:4" x14ac:dyDescent="0.25">
      <c r="A24534" t="s">
        <v>37690</v>
      </c>
      <c r="B24534" t="s">
        <v>13357</v>
      </c>
      <c r="C24534">
        <v>1</v>
      </c>
      <c r="D24534">
        <v>0</v>
      </c>
    </row>
    <row r="24535" spans="1:4" x14ac:dyDescent="0.25">
      <c r="A24535" t="s">
        <v>37691</v>
      </c>
      <c r="B24535" t="s">
        <v>2267</v>
      </c>
      <c r="C24535">
        <v>0</v>
      </c>
      <c r="D24535">
        <v>0</v>
      </c>
    </row>
    <row r="24536" spans="1:4" x14ac:dyDescent="0.25">
      <c r="A24536" t="s">
        <v>37692</v>
      </c>
      <c r="B24536" t="s">
        <v>37693</v>
      </c>
      <c r="C24536">
        <v>2</v>
      </c>
      <c r="D24536">
        <v>0</v>
      </c>
    </row>
    <row r="24537" spans="1:4" x14ac:dyDescent="0.25">
      <c r="A24537" t="s">
        <v>37692</v>
      </c>
      <c r="B24537" t="s">
        <v>37694</v>
      </c>
      <c r="C24537">
        <v>2</v>
      </c>
      <c r="D24537">
        <v>0</v>
      </c>
    </row>
    <row r="24538" spans="1:4" x14ac:dyDescent="0.25">
      <c r="A24538" t="s">
        <v>37695</v>
      </c>
      <c r="B24538" t="s">
        <v>13043</v>
      </c>
      <c r="C24538">
        <v>1</v>
      </c>
      <c r="D24538">
        <v>0</v>
      </c>
    </row>
    <row r="24539" spans="1:4" x14ac:dyDescent="0.25">
      <c r="A24539" t="s">
        <v>37696</v>
      </c>
      <c r="B24539" t="s">
        <v>37697</v>
      </c>
      <c r="C24539">
        <v>2</v>
      </c>
      <c r="D24539">
        <v>0</v>
      </c>
    </row>
    <row r="24540" spans="1:4" x14ac:dyDescent="0.25">
      <c r="A24540" t="s">
        <v>37698</v>
      </c>
      <c r="B24540" t="s">
        <v>35545</v>
      </c>
      <c r="C24540">
        <v>1</v>
      </c>
      <c r="D24540">
        <v>0</v>
      </c>
    </row>
    <row r="24541" spans="1:4" x14ac:dyDescent="0.25">
      <c r="A24541" t="s">
        <v>37698</v>
      </c>
      <c r="B24541" t="s">
        <v>19309</v>
      </c>
      <c r="C24541">
        <v>0</v>
      </c>
      <c r="D24541">
        <v>0</v>
      </c>
    </row>
    <row r="24542" spans="1:4" x14ac:dyDescent="0.25">
      <c r="A24542" t="s">
        <v>37699</v>
      </c>
      <c r="B24542" t="s">
        <v>37700</v>
      </c>
      <c r="C24542">
        <v>1</v>
      </c>
      <c r="D24542">
        <v>0</v>
      </c>
    </row>
    <row r="24543" spans="1:4" x14ac:dyDescent="0.25">
      <c r="A24543" t="s">
        <v>37701</v>
      </c>
      <c r="B24543" t="s">
        <v>37702</v>
      </c>
      <c r="C24543">
        <v>1</v>
      </c>
      <c r="D24543">
        <v>0</v>
      </c>
    </row>
    <row r="24544" spans="1:4" x14ac:dyDescent="0.25">
      <c r="A24544" t="s">
        <v>37703</v>
      </c>
      <c r="B24544" t="s">
        <v>37704</v>
      </c>
      <c r="C24544">
        <v>2</v>
      </c>
      <c r="D24544">
        <v>0</v>
      </c>
    </row>
    <row r="24545" spans="1:4" x14ac:dyDescent="0.25">
      <c r="A24545" t="s">
        <v>37703</v>
      </c>
      <c r="B24545" t="s">
        <v>1001</v>
      </c>
      <c r="C24545">
        <v>1</v>
      </c>
      <c r="D24545">
        <v>0</v>
      </c>
    </row>
    <row r="24546" spans="1:4" x14ac:dyDescent="0.25">
      <c r="A24546" t="s">
        <v>37705</v>
      </c>
      <c r="B24546" t="s">
        <v>16471</v>
      </c>
      <c r="C24546">
        <v>0</v>
      </c>
      <c r="D24546">
        <v>0</v>
      </c>
    </row>
    <row r="24547" spans="1:4" x14ac:dyDescent="0.25">
      <c r="A24547" t="s">
        <v>37706</v>
      </c>
      <c r="B24547" t="s">
        <v>37707</v>
      </c>
      <c r="C24547">
        <v>2</v>
      </c>
      <c r="D24547">
        <v>0</v>
      </c>
    </row>
    <row r="24548" spans="1:4" x14ac:dyDescent="0.25">
      <c r="A24548" t="s">
        <v>37706</v>
      </c>
      <c r="B24548" t="s">
        <v>37708</v>
      </c>
      <c r="C24548">
        <v>1</v>
      </c>
      <c r="D24548">
        <v>0</v>
      </c>
    </row>
    <row r="24549" spans="1:4" x14ac:dyDescent="0.25">
      <c r="A24549" t="s">
        <v>37706</v>
      </c>
      <c r="B24549" t="s">
        <v>37709</v>
      </c>
      <c r="C24549">
        <v>0</v>
      </c>
      <c r="D24549">
        <v>0</v>
      </c>
    </row>
    <row r="24550" spans="1:4" x14ac:dyDescent="0.25">
      <c r="A24550" t="s">
        <v>37710</v>
      </c>
      <c r="B24550" t="s">
        <v>37711</v>
      </c>
      <c r="C24550">
        <v>1</v>
      </c>
      <c r="D24550">
        <v>0</v>
      </c>
    </row>
    <row r="24551" spans="1:4" x14ac:dyDescent="0.25">
      <c r="A24551" t="s">
        <v>37710</v>
      </c>
      <c r="B24551" t="s">
        <v>37712</v>
      </c>
      <c r="C24551">
        <v>1</v>
      </c>
      <c r="D24551">
        <v>0</v>
      </c>
    </row>
    <row r="24552" spans="1:4" x14ac:dyDescent="0.25">
      <c r="A24552" t="s">
        <v>37713</v>
      </c>
      <c r="B24552" t="s">
        <v>37714</v>
      </c>
      <c r="C24552">
        <v>1</v>
      </c>
      <c r="D24552">
        <v>0</v>
      </c>
    </row>
    <row r="24553" spans="1:4" x14ac:dyDescent="0.25">
      <c r="A24553" t="s">
        <v>37713</v>
      </c>
      <c r="B24553" t="s">
        <v>37715</v>
      </c>
      <c r="C24553">
        <v>1</v>
      </c>
      <c r="D24553">
        <v>0</v>
      </c>
    </row>
    <row r="24554" spans="1:4" x14ac:dyDescent="0.25">
      <c r="A24554" t="s">
        <v>37716</v>
      </c>
      <c r="B24554" t="s">
        <v>2024</v>
      </c>
      <c r="C24554">
        <v>1</v>
      </c>
      <c r="D24554">
        <v>0</v>
      </c>
    </row>
    <row r="24555" spans="1:4" x14ac:dyDescent="0.25">
      <c r="A24555" t="s">
        <v>37716</v>
      </c>
      <c r="B24555" t="s">
        <v>37717</v>
      </c>
      <c r="C24555">
        <v>1</v>
      </c>
      <c r="D24555">
        <v>0</v>
      </c>
    </row>
    <row r="24556" spans="1:4" x14ac:dyDescent="0.25">
      <c r="A24556" t="s">
        <v>37716</v>
      </c>
      <c r="B24556" t="s">
        <v>37718</v>
      </c>
      <c r="C24556">
        <v>2</v>
      </c>
      <c r="D24556">
        <v>0</v>
      </c>
    </row>
    <row r="24557" spans="1:4" x14ac:dyDescent="0.25">
      <c r="A24557" t="s">
        <v>37719</v>
      </c>
      <c r="B24557" t="s">
        <v>37720</v>
      </c>
      <c r="C24557">
        <v>0</v>
      </c>
      <c r="D24557">
        <v>0</v>
      </c>
    </row>
    <row r="24558" spans="1:4" x14ac:dyDescent="0.25">
      <c r="A24558" t="s">
        <v>37721</v>
      </c>
      <c r="B24558" t="s">
        <v>37722</v>
      </c>
      <c r="C24558">
        <v>1</v>
      </c>
      <c r="D24558">
        <v>0</v>
      </c>
    </row>
    <row r="24559" spans="1:4" x14ac:dyDescent="0.25">
      <c r="A24559" t="s">
        <v>37723</v>
      </c>
      <c r="B24559" t="s">
        <v>398</v>
      </c>
      <c r="C24559">
        <v>1</v>
      </c>
      <c r="D24559">
        <v>0</v>
      </c>
    </row>
    <row r="24560" spans="1:4" x14ac:dyDescent="0.25">
      <c r="A24560" t="s">
        <v>37724</v>
      </c>
      <c r="B24560" t="s">
        <v>31420</v>
      </c>
      <c r="C24560">
        <v>1</v>
      </c>
      <c r="D24560">
        <v>0</v>
      </c>
    </row>
    <row r="24561" spans="1:4" x14ac:dyDescent="0.25">
      <c r="A24561" t="s">
        <v>37725</v>
      </c>
      <c r="B24561" t="s">
        <v>37726</v>
      </c>
      <c r="C24561">
        <v>2</v>
      </c>
      <c r="D24561">
        <v>0</v>
      </c>
    </row>
    <row r="24562" spans="1:4" x14ac:dyDescent="0.25">
      <c r="A24562" t="s">
        <v>37727</v>
      </c>
      <c r="B24562" t="s">
        <v>37728</v>
      </c>
      <c r="C24562">
        <v>2</v>
      </c>
      <c r="D24562">
        <v>0</v>
      </c>
    </row>
    <row r="24563" spans="1:4" x14ac:dyDescent="0.25">
      <c r="A24563" t="s">
        <v>37727</v>
      </c>
      <c r="B24563" t="s">
        <v>37729</v>
      </c>
      <c r="C24563">
        <v>1</v>
      </c>
      <c r="D24563">
        <v>0</v>
      </c>
    </row>
    <row r="24564" spans="1:4" x14ac:dyDescent="0.25">
      <c r="A24564" t="s">
        <v>37727</v>
      </c>
      <c r="B24564" t="s">
        <v>37730</v>
      </c>
      <c r="C24564">
        <v>1</v>
      </c>
      <c r="D24564">
        <v>0</v>
      </c>
    </row>
    <row r="24565" spans="1:4" x14ac:dyDescent="0.25">
      <c r="A24565" t="s">
        <v>37731</v>
      </c>
      <c r="B24565" t="s">
        <v>37732</v>
      </c>
      <c r="C24565">
        <v>1</v>
      </c>
      <c r="D24565">
        <v>0</v>
      </c>
    </row>
    <row r="24566" spans="1:4" x14ac:dyDescent="0.25">
      <c r="A24566" t="s">
        <v>37731</v>
      </c>
      <c r="B24566" t="s">
        <v>37733</v>
      </c>
      <c r="C24566">
        <v>1</v>
      </c>
      <c r="D24566">
        <v>0</v>
      </c>
    </row>
    <row r="24567" spans="1:4" x14ac:dyDescent="0.25">
      <c r="A24567" t="s">
        <v>37731</v>
      </c>
      <c r="B24567" t="s">
        <v>37734</v>
      </c>
      <c r="C24567">
        <v>2</v>
      </c>
      <c r="D24567">
        <v>0</v>
      </c>
    </row>
    <row r="24568" spans="1:4" x14ac:dyDescent="0.25">
      <c r="A24568" t="s">
        <v>37735</v>
      </c>
      <c r="B24568" t="s">
        <v>37736</v>
      </c>
      <c r="C24568">
        <v>2</v>
      </c>
      <c r="D24568">
        <v>0</v>
      </c>
    </row>
    <row r="24569" spans="1:4" x14ac:dyDescent="0.25">
      <c r="A24569" t="s">
        <v>37735</v>
      </c>
      <c r="B24569" t="s">
        <v>37737</v>
      </c>
      <c r="C24569">
        <v>0</v>
      </c>
      <c r="D24569">
        <v>0</v>
      </c>
    </row>
    <row r="24570" spans="1:4" x14ac:dyDescent="0.25">
      <c r="A24570" t="s">
        <v>37735</v>
      </c>
      <c r="B24570" t="s">
        <v>37738</v>
      </c>
      <c r="C24570">
        <v>0</v>
      </c>
      <c r="D24570">
        <v>0</v>
      </c>
    </row>
    <row r="24571" spans="1:4" x14ac:dyDescent="0.25">
      <c r="A24571" t="s">
        <v>37739</v>
      </c>
      <c r="B24571" t="s">
        <v>37740</v>
      </c>
      <c r="C24571">
        <v>1</v>
      </c>
      <c r="D24571">
        <v>0</v>
      </c>
    </row>
    <row r="24572" spans="1:4" x14ac:dyDescent="0.25">
      <c r="A24572" t="s">
        <v>37739</v>
      </c>
      <c r="B24572" t="s">
        <v>37741</v>
      </c>
      <c r="C24572">
        <v>0</v>
      </c>
      <c r="D24572">
        <v>0</v>
      </c>
    </row>
    <row r="24573" spans="1:4" x14ac:dyDescent="0.25">
      <c r="A24573" t="s">
        <v>37739</v>
      </c>
      <c r="B24573" t="s">
        <v>14487</v>
      </c>
      <c r="C24573">
        <v>0</v>
      </c>
      <c r="D24573">
        <v>0</v>
      </c>
    </row>
    <row r="24574" spans="1:4" x14ac:dyDescent="0.25">
      <c r="A24574" t="s">
        <v>37742</v>
      </c>
      <c r="B24574" t="s">
        <v>37743</v>
      </c>
      <c r="C24574">
        <v>1</v>
      </c>
      <c r="D24574">
        <v>0</v>
      </c>
    </row>
    <row r="24575" spans="1:4" x14ac:dyDescent="0.25">
      <c r="A24575" t="s">
        <v>37742</v>
      </c>
      <c r="B24575" t="s">
        <v>37744</v>
      </c>
      <c r="C24575">
        <v>2</v>
      </c>
      <c r="D24575">
        <v>0</v>
      </c>
    </row>
    <row r="24576" spans="1:4" x14ac:dyDescent="0.25">
      <c r="A24576" t="s">
        <v>37745</v>
      </c>
      <c r="B24576" t="s">
        <v>12737</v>
      </c>
      <c r="C24576">
        <v>2</v>
      </c>
      <c r="D24576">
        <v>0</v>
      </c>
    </row>
    <row r="24577" spans="1:4" x14ac:dyDescent="0.25">
      <c r="A24577" t="s">
        <v>37745</v>
      </c>
      <c r="B24577" t="s">
        <v>1655</v>
      </c>
      <c r="C24577">
        <v>1</v>
      </c>
      <c r="D24577">
        <v>0</v>
      </c>
    </row>
    <row r="24578" spans="1:4" x14ac:dyDescent="0.25">
      <c r="A24578" t="s">
        <v>37745</v>
      </c>
      <c r="B24578" t="s">
        <v>37746</v>
      </c>
      <c r="C24578">
        <v>0</v>
      </c>
      <c r="D24578">
        <v>0</v>
      </c>
    </row>
    <row r="24579" spans="1:4" x14ac:dyDescent="0.25">
      <c r="A24579" t="s">
        <v>37747</v>
      </c>
      <c r="B24579" t="s">
        <v>1001</v>
      </c>
      <c r="C24579">
        <v>1</v>
      </c>
      <c r="D24579">
        <v>0</v>
      </c>
    </row>
    <row r="24580" spans="1:4" x14ac:dyDescent="0.25">
      <c r="A24580" t="s">
        <v>37748</v>
      </c>
      <c r="B24580" t="s">
        <v>37749</v>
      </c>
      <c r="C24580">
        <v>0</v>
      </c>
      <c r="D24580">
        <v>0</v>
      </c>
    </row>
    <row r="24581" spans="1:4" x14ac:dyDescent="0.25">
      <c r="A24581" t="s">
        <v>37750</v>
      </c>
      <c r="B24581" t="s">
        <v>398</v>
      </c>
      <c r="C24581">
        <v>0</v>
      </c>
      <c r="D24581">
        <v>0</v>
      </c>
    </row>
    <row r="24582" spans="1:4" x14ac:dyDescent="0.25">
      <c r="A24582" t="s">
        <v>37750</v>
      </c>
      <c r="B24582" t="s">
        <v>1769</v>
      </c>
      <c r="C24582">
        <v>1</v>
      </c>
      <c r="D24582">
        <v>0</v>
      </c>
    </row>
    <row r="24583" spans="1:4" x14ac:dyDescent="0.25">
      <c r="A24583" t="s">
        <v>37751</v>
      </c>
      <c r="B24583" t="s">
        <v>37752</v>
      </c>
      <c r="C24583">
        <v>1</v>
      </c>
      <c r="D24583">
        <v>0</v>
      </c>
    </row>
    <row r="24584" spans="1:4" x14ac:dyDescent="0.25">
      <c r="A24584" t="s">
        <v>37753</v>
      </c>
      <c r="B24584" t="s">
        <v>37754</v>
      </c>
      <c r="C24584">
        <v>2</v>
      </c>
      <c r="D24584">
        <v>0</v>
      </c>
    </row>
    <row r="24585" spans="1:4" x14ac:dyDescent="0.25">
      <c r="A24585" t="s">
        <v>37755</v>
      </c>
      <c r="B24585" t="s">
        <v>11845</v>
      </c>
      <c r="C24585">
        <v>1</v>
      </c>
      <c r="D24585">
        <v>0</v>
      </c>
    </row>
    <row r="24586" spans="1:4" x14ac:dyDescent="0.25">
      <c r="A24586" t="s">
        <v>37756</v>
      </c>
      <c r="B24586" t="s">
        <v>37757</v>
      </c>
      <c r="C24586">
        <v>0</v>
      </c>
      <c r="D24586">
        <v>0</v>
      </c>
    </row>
    <row r="24587" spans="1:4" x14ac:dyDescent="0.25">
      <c r="A24587" t="s">
        <v>37756</v>
      </c>
      <c r="B24587" t="s">
        <v>37758</v>
      </c>
      <c r="C24587">
        <v>0</v>
      </c>
      <c r="D24587">
        <v>0</v>
      </c>
    </row>
    <row r="24588" spans="1:4" x14ac:dyDescent="0.25">
      <c r="A24588" t="s">
        <v>37756</v>
      </c>
      <c r="B24588" t="s">
        <v>1294</v>
      </c>
      <c r="C24588">
        <v>1</v>
      </c>
      <c r="D24588">
        <v>0</v>
      </c>
    </row>
    <row r="24589" spans="1:4" x14ac:dyDescent="0.25">
      <c r="A24589" t="s">
        <v>37759</v>
      </c>
      <c r="B24589" t="s">
        <v>37760</v>
      </c>
      <c r="C24589">
        <v>1</v>
      </c>
      <c r="D24589">
        <v>0</v>
      </c>
    </row>
    <row r="24590" spans="1:4" x14ac:dyDescent="0.25">
      <c r="A24590" t="s">
        <v>37761</v>
      </c>
      <c r="B24590" t="s">
        <v>37762</v>
      </c>
      <c r="C24590">
        <v>1</v>
      </c>
      <c r="D24590">
        <v>0</v>
      </c>
    </row>
    <row r="24591" spans="1:4" x14ac:dyDescent="0.25">
      <c r="A24591" t="s">
        <v>37763</v>
      </c>
      <c r="B24591" t="s">
        <v>37764</v>
      </c>
      <c r="C24591">
        <v>0</v>
      </c>
      <c r="D24591">
        <v>0</v>
      </c>
    </row>
    <row r="24592" spans="1:4" x14ac:dyDescent="0.25">
      <c r="A24592" t="s">
        <v>37763</v>
      </c>
      <c r="B24592" t="s">
        <v>37765</v>
      </c>
      <c r="C24592">
        <v>2</v>
      </c>
      <c r="D24592">
        <v>0</v>
      </c>
    </row>
    <row r="24593" spans="1:4" x14ac:dyDescent="0.25">
      <c r="A24593" t="s">
        <v>37763</v>
      </c>
      <c r="B24593" t="s">
        <v>37766</v>
      </c>
      <c r="C24593">
        <v>2</v>
      </c>
      <c r="D24593">
        <v>0</v>
      </c>
    </row>
    <row r="24594" spans="1:4" x14ac:dyDescent="0.25">
      <c r="A24594" t="s">
        <v>37767</v>
      </c>
      <c r="B24594" t="s">
        <v>37768</v>
      </c>
      <c r="C24594">
        <v>1</v>
      </c>
      <c r="D24594">
        <v>0</v>
      </c>
    </row>
    <row r="24595" spans="1:4" x14ac:dyDescent="0.25">
      <c r="A24595" t="s">
        <v>37767</v>
      </c>
      <c r="B24595" t="s">
        <v>37769</v>
      </c>
      <c r="C24595">
        <v>1</v>
      </c>
      <c r="D24595">
        <v>0</v>
      </c>
    </row>
    <row r="24596" spans="1:4" x14ac:dyDescent="0.25">
      <c r="A24596" t="s">
        <v>37767</v>
      </c>
      <c r="B24596" t="s">
        <v>37770</v>
      </c>
      <c r="C24596">
        <v>2</v>
      </c>
      <c r="D24596">
        <v>0</v>
      </c>
    </row>
    <row r="24597" spans="1:4" x14ac:dyDescent="0.25">
      <c r="A24597" t="s">
        <v>37771</v>
      </c>
      <c r="B24597" t="s">
        <v>37772</v>
      </c>
      <c r="C24597">
        <v>0</v>
      </c>
      <c r="D24597">
        <v>0</v>
      </c>
    </row>
    <row r="24598" spans="1:4" x14ac:dyDescent="0.25">
      <c r="A24598" t="s">
        <v>37773</v>
      </c>
      <c r="B24598" t="s">
        <v>37774</v>
      </c>
      <c r="C24598">
        <v>0</v>
      </c>
      <c r="D24598">
        <v>0</v>
      </c>
    </row>
    <row r="24599" spans="1:4" x14ac:dyDescent="0.25">
      <c r="A24599" t="s">
        <v>37775</v>
      </c>
      <c r="B24599" t="s">
        <v>37776</v>
      </c>
      <c r="C24599">
        <v>1</v>
      </c>
      <c r="D24599">
        <v>0</v>
      </c>
    </row>
    <row r="24600" spans="1:4" x14ac:dyDescent="0.25">
      <c r="A24600" t="s">
        <v>37775</v>
      </c>
      <c r="B24600" t="s">
        <v>37777</v>
      </c>
      <c r="C24600">
        <v>0</v>
      </c>
      <c r="D24600">
        <v>0</v>
      </c>
    </row>
    <row r="24601" spans="1:4" x14ac:dyDescent="0.25">
      <c r="A24601" t="s">
        <v>37775</v>
      </c>
      <c r="B24601" t="s">
        <v>37778</v>
      </c>
      <c r="C24601">
        <v>1</v>
      </c>
      <c r="D24601">
        <v>0</v>
      </c>
    </row>
    <row r="24602" spans="1:4" x14ac:dyDescent="0.25">
      <c r="A24602" t="s">
        <v>37779</v>
      </c>
      <c r="B24602" t="s">
        <v>37780</v>
      </c>
      <c r="C24602">
        <v>1</v>
      </c>
      <c r="D24602">
        <v>0</v>
      </c>
    </row>
    <row r="24603" spans="1:4" x14ac:dyDescent="0.25">
      <c r="A24603" t="s">
        <v>37781</v>
      </c>
      <c r="B24603" t="s">
        <v>816</v>
      </c>
      <c r="C24603">
        <v>1</v>
      </c>
      <c r="D24603">
        <v>0</v>
      </c>
    </row>
    <row r="24604" spans="1:4" x14ac:dyDescent="0.25">
      <c r="A24604" t="s">
        <v>37782</v>
      </c>
      <c r="B24604" t="s">
        <v>37783</v>
      </c>
      <c r="C24604">
        <v>2</v>
      </c>
      <c r="D24604">
        <v>0</v>
      </c>
    </row>
    <row r="24605" spans="1:4" x14ac:dyDescent="0.25">
      <c r="A24605" t="s">
        <v>37782</v>
      </c>
      <c r="B24605" t="s">
        <v>37784</v>
      </c>
      <c r="C24605">
        <v>0</v>
      </c>
      <c r="D24605">
        <v>0</v>
      </c>
    </row>
    <row r="24606" spans="1:4" x14ac:dyDescent="0.25">
      <c r="A24606" t="s">
        <v>37785</v>
      </c>
      <c r="B24606" t="s">
        <v>37786</v>
      </c>
      <c r="C24606">
        <v>0</v>
      </c>
      <c r="D24606">
        <v>0</v>
      </c>
    </row>
    <row r="24607" spans="1:4" x14ac:dyDescent="0.25">
      <c r="A24607" t="s">
        <v>37787</v>
      </c>
      <c r="B24607" t="s">
        <v>33963</v>
      </c>
      <c r="C24607">
        <v>0</v>
      </c>
      <c r="D24607">
        <v>0</v>
      </c>
    </row>
    <row r="24608" spans="1:4" x14ac:dyDescent="0.25">
      <c r="A24608" t="s">
        <v>37788</v>
      </c>
      <c r="B24608" t="s">
        <v>37789</v>
      </c>
      <c r="C24608">
        <v>0</v>
      </c>
      <c r="D24608">
        <v>0</v>
      </c>
    </row>
    <row r="24609" spans="1:4" x14ac:dyDescent="0.25">
      <c r="A24609" t="s">
        <v>37790</v>
      </c>
      <c r="B24609" t="s">
        <v>37791</v>
      </c>
      <c r="C24609">
        <v>1</v>
      </c>
      <c r="D24609">
        <v>0</v>
      </c>
    </row>
    <row r="24610" spans="1:4" x14ac:dyDescent="0.25">
      <c r="A24610" t="s">
        <v>37792</v>
      </c>
      <c r="B24610" t="s">
        <v>14279</v>
      </c>
      <c r="C24610">
        <v>1</v>
      </c>
      <c r="D24610">
        <v>0</v>
      </c>
    </row>
    <row r="24611" spans="1:4" x14ac:dyDescent="0.25">
      <c r="A24611" t="s">
        <v>37793</v>
      </c>
      <c r="B24611" t="s">
        <v>37794</v>
      </c>
      <c r="C24611">
        <v>1</v>
      </c>
      <c r="D24611">
        <v>0</v>
      </c>
    </row>
    <row r="24612" spans="1:4" x14ac:dyDescent="0.25">
      <c r="A24612" t="s">
        <v>37793</v>
      </c>
      <c r="B24612" t="s">
        <v>37795</v>
      </c>
      <c r="C24612">
        <v>2</v>
      </c>
      <c r="D24612">
        <v>0</v>
      </c>
    </row>
    <row r="24613" spans="1:4" x14ac:dyDescent="0.25">
      <c r="A24613" t="s">
        <v>37793</v>
      </c>
      <c r="B24613" t="s">
        <v>37796</v>
      </c>
      <c r="C24613">
        <v>1</v>
      </c>
      <c r="D24613">
        <v>0</v>
      </c>
    </row>
    <row r="24614" spans="1:4" x14ac:dyDescent="0.25">
      <c r="A24614" t="s">
        <v>37797</v>
      </c>
      <c r="B24614" t="s">
        <v>969</v>
      </c>
      <c r="C24614">
        <v>0</v>
      </c>
      <c r="D24614">
        <v>0</v>
      </c>
    </row>
    <row r="24615" spans="1:4" x14ac:dyDescent="0.25">
      <c r="A24615" t="s">
        <v>37798</v>
      </c>
      <c r="B24615" t="s">
        <v>37799</v>
      </c>
      <c r="C24615">
        <v>2</v>
      </c>
      <c r="D24615">
        <v>0</v>
      </c>
    </row>
    <row r="24616" spans="1:4" x14ac:dyDescent="0.25">
      <c r="A24616" t="s">
        <v>37800</v>
      </c>
      <c r="B24616" t="s">
        <v>37801</v>
      </c>
      <c r="C24616">
        <v>2</v>
      </c>
      <c r="D24616">
        <v>0</v>
      </c>
    </row>
    <row r="24617" spans="1:4" x14ac:dyDescent="0.25">
      <c r="A24617" t="s">
        <v>37800</v>
      </c>
      <c r="B24617" t="s">
        <v>37802</v>
      </c>
      <c r="C24617">
        <v>0</v>
      </c>
      <c r="D24617">
        <v>0</v>
      </c>
    </row>
    <row r="24618" spans="1:4" x14ac:dyDescent="0.25">
      <c r="A24618" t="s">
        <v>37803</v>
      </c>
      <c r="B24618" t="s">
        <v>37804</v>
      </c>
      <c r="C24618">
        <v>1</v>
      </c>
      <c r="D24618">
        <v>0</v>
      </c>
    </row>
    <row r="24619" spans="1:4" x14ac:dyDescent="0.25">
      <c r="A24619" t="s">
        <v>37803</v>
      </c>
      <c r="B24619" t="s">
        <v>37805</v>
      </c>
      <c r="C24619">
        <v>0</v>
      </c>
      <c r="D24619">
        <v>0</v>
      </c>
    </row>
    <row r="24620" spans="1:4" x14ac:dyDescent="0.25">
      <c r="A24620" t="s">
        <v>37806</v>
      </c>
      <c r="B24620" t="s">
        <v>37807</v>
      </c>
      <c r="C24620">
        <v>1</v>
      </c>
      <c r="D24620">
        <v>0</v>
      </c>
    </row>
    <row r="24621" spans="1:4" x14ac:dyDescent="0.25">
      <c r="A24621" t="s">
        <v>37808</v>
      </c>
      <c r="B24621" t="s">
        <v>37809</v>
      </c>
      <c r="C24621">
        <v>0</v>
      </c>
      <c r="D24621">
        <v>0</v>
      </c>
    </row>
    <row r="24622" spans="1:4" x14ac:dyDescent="0.25">
      <c r="A24622" t="s">
        <v>37808</v>
      </c>
      <c r="B24622" t="s">
        <v>37810</v>
      </c>
      <c r="C24622">
        <v>0</v>
      </c>
      <c r="D24622">
        <v>0</v>
      </c>
    </row>
    <row r="24623" spans="1:4" x14ac:dyDescent="0.25">
      <c r="A24623" t="s">
        <v>37811</v>
      </c>
      <c r="B24623" t="s">
        <v>37812</v>
      </c>
      <c r="C24623">
        <v>0</v>
      </c>
      <c r="D24623">
        <v>0</v>
      </c>
    </row>
    <row r="24624" spans="1:4" x14ac:dyDescent="0.25">
      <c r="A24624" t="s">
        <v>37813</v>
      </c>
      <c r="B24624" t="s">
        <v>37814</v>
      </c>
      <c r="C24624">
        <v>1</v>
      </c>
      <c r="D24624">
        <v>0</v>
      </c>
    </row>
    <row r="24625" spans="1:4" x14ac:dyDescent="0.25">
      <c r="A24625" t="s">
        <v>37813</v>
      </c>
      <c r="B24625" t="s">
        <v>37815</v>
      </c>
      <c r="C24625">
        <v>2</v>
      </c>
      <c r="D24625">
        <v>0</v>
      </c>
    </row>
    <row r="24626" spans="1:4" x14ac:dyDescent="0.25">
      <c r="A24626" t="s">
        <v>37813</v>
      </c>
      <c r="B24626" t="s">
        <v>37816</v>
      </c>
      <c r="C24626">
        <v>1</v>
      </c>
      <c r="D24626">
        <v>0</v>
      </c>
    </row>
    <row r="24627" spans="1:4" x14ac:dyDescent="0.25">
      <c r="A24627" t="s">
        <v>37817</v>
      </c>
      <c r="B24627" t="s">
        <v>37818</v>
      </c>
      <c r="C24627">
        <v>1</v>
      </c>
      <c r="D24627">
        <v>0</v>
      </c>
    </row>
    <row r="24628" spans="1:4" x14ac:dyDescent="0.25">
      <c r="A24628" t="s">
        <v>37817</v>
      </c>
      <c r="B24628" t="s">
        <v>37819</v>
      </c>
      <c r="C24628">
        <v>0</v>
      </c>
      <c r="D24628">
        <v>0</v>
      </c>
    </row>
    <row r="24629" spans="1:4" x14ac:dyDescent="0.25">
      <c r="A24629" t="s">
        <v>37820</v>
      </c>
      <c r="B24629" t="s">
        <v>37821</v>
      </c>
      <c r="C24629">
        <v>1</v>
      </c>
      <c r="D24629">
        <v>0</v>
      </c>
    </row>
    <row r="24630" spans="1:4" x14ac:dyDescent="0.25">
      <c r="A24630" t="s">
        <v>37820</v>
      </c>
      <c r="B24630" t="s">
        <v>37822</v>
      </c>
      <c r="C24630">
        <v>1</v>
      </c>
      <c r="D24630">
        <v>0</v>
      </c>
    </row>
    <row r="24631" spans="1:4" x14ac:dyDescent="0.25">
      <c r="A24631" t="s">
        <v>37820</v>
      </c>
      <c r="B24631" t="s">
        <v>37823</v>
      </c>
      <c r="C24631">
        <v>1</v>
      </c>
      <c r="D24631">
        <v>0</v>
      </c>
    </row>
    <row r="24632" spans="1:4" x14ac:dyDescent="0.25">
      <c r="A24632" t="s">
        <v>37824</v>
      </c>
      <c r="B24632" t="s">
        <v>37825</v>
      </c>
      <c r="C24632">
        <v>0</v>
      </c>
      <c r="D24632">
        <v>0</v>
      </c>
    </row>
    <row r="24633" spans="1:4" x14ac:dyDescent="0.25">
      <c r="A24633" t="s">
        <v>37824</v>
      </c>
      <c r="B24633" t="s">
        <v>37826</v>
      </c>
      <c r="C24633">
        <v>0</v>
      </c>
      <c r="D24633">
        <v>0</v>
      </c>
    </row>
    <row r="24634" spans="1:4" x14ac:dyDescent="0.25">
      <c r="A24634" t="s">
        <v>37824</v>
      </c>
      <c r="B24634" t="s">
        <v>37827</v>
      </c>
      <c r="C24634">
        <v>0</v>
      </c>
      <c r="D24634">
        <v>0</v>
      </c>
    </row>
    <row r="24635" spans="1:4" x14ac:dyDescent="0.25">
      <c r="A24635" t="s">
        <v>37828</v>
      </c>
      <c r="B24635" t="s">
        <v>37829</v>
      </c>
      <c r="C24635">
        <v>1</v>
      </c>
      <c r="D24635">
        <v>0</v>
      </c>
    </row>
    <row r="24636" spans="1:4" x14ac:dyDescent="0.25">
      <c r="A24636" t="s">
        <v>37828</v>
      </c>
      <c r="B24636" t="s">
        <v>37830</v>
      </c>
      <c r="C24636">
        <v>1</v>
      </c>
      <c r="D24636">
        <v>0</v>
      </c>
    </row>
    <row r="24637" spans="1:4" x14ac:dyDescent="0.25">
      <c r="A24637" t="s">
        <v>37831</v>
      </c>
      <c r="B24637" t="s">
        <v>37832</v>
      </c>
      <c r="C24637">
        <v>2</v>
      </c>
      <c r="D24637">
        <v>0</v>
      </c>
    </row>
    <row r="24638" spans="1:4" x14ac:dyDescent="0.25">
      <c r="A24638" t="s">
        <v>37831</v>
      </c>
      <c r="B24638" t="s">
        <v>398</v>
      </c>
      <c r="C24638">
        <v>0</v>
      </c>
      <c r="D24638">
        <v>0</v>
      </c>
    </row>
    <row r="24639" spans="1:4" x14ac:dyDescent="0.25">
      <c r="A24639" t="s">
        <v>37831</v>
      </c>
      <c r="B24639" t="s">
        <v>1695</v>
      </c>
      <c r="C24639">
        <v>1</v>
      </c>
      <c r="D24639">
        <v>0</v>
      </c>
    </row>
    <row r="24640" spans="1:4" x14ac:dyDescent="0.25">
      <c r="A24640" t="s">
        <v>37833</v>
      </c>
      <c r="B24640" t="s">
        <v>37834</v>
      </c>
      <c r="C24640">
        <v>0</v>
      </c>
      <c r="D24640">
        <v>0</v>
      </c>
    </row>
    <row r="24641" spans="1:4" x14ac:dyDescent="0.25">
      <c r="A24641" t="s">
        <v>37833</v>
      </c>
      <c r="B24641" t="s">
        <v>37835</v>
      </c>
      <c r="C24641">
        <v>0</v>
      </c>
      <c r="D24641">
        <v>0</v>
      </c>
    </row>
    <row r="24642" spans="1:4" x14ac:dyDescent="0.25">
      <c r="A24642" t="s">
        <v>37833</v>
      </c>
      <c r="B24642" t="s">
        <v>37836</v>
      </c>
      <c r="C24642">
        <v>2</v>
      </c>
      <c r="D24642">
        <v>0</v>
      </c>
    </row>
    <row r="24643" spans="1:4" x14ac:dyDescent="0.25">
      <c r="A24643" t="s">
        <v>37837</v>
      </c>
      <c r="B24643" t="s">
        <v>37838</v>
      </c>
      <c r="C24643">
        <v>1</v>
      </c>
      <c r="D24643">
        <v>0</v>
      </c>
    </row>
    <row r="24644" spans="1:4" x14ac:dyDescent="0.25">
      <c r="A24644" t="s">
        <v>37839</v>
      </c>
      <c r="B24644" t="s">
        <v>37840</v>
      </c>
      <c r="C24644">
        <v>2</v>
      </c>
      <c r="D24644">
        <v>0</v>
      </c>
    </row>
    <row r="24645" spans="1:4" x14ac:dyDescent="0.25">
      <c r="A24645" t="s">
        <v>37839</v>
      </c>
      <c r="B24645" t="s">
        <v>37841</v>
      </c>
      <c r="C24645">
        <v>2</v>
      </c>
      <c r="D24645">
        <v>0</v>
      </c>
    </row>
    <row r="24646" spans="1:4" x14ac:dyDescent="0.25">
      <c r="A24646" t="s">
        <v>37839</v>
      </c>
      <c r="B24646" t="s">
        <v>37842</v>
      </c>
      <c r="C24646">
        <v>0</v>
      </c>
      <c r="D24646">
        <v>0</v>
      </c>
    </row>
    <row r="24647" spans="1:4" x14ac:dyDescent="0.25">
      <c r="A24647" t="s">
        <v>37843</v>
      </c>
      <c r="B24647" t="s">
        <v>37844</v>
      </c>
      <c r="C24647">
        <v>2</v>
      </c>
      <c r="D24647">
        <v>0</v>
      </c>
    </row>
    <row r="24648" spans="1:4" x14ac:dyDescent="0.25">
      <c r="A24648" t="s">
        <v>37843</v>
      </c>
      <c r="B24648" t="s">
        <v>37845</v>
      </c>
      <c r="C24648">
        <v>0</v>
      </c>
      <c r="D24648">
        <v>0</v>
      </c>
    </row>
    <row r="24649" spans="1:4" x14ac:dyDescent="0.25">
      <c r="A24649" t="s">
        <v>37843</v>
      </c>
      <c r="B24649" t="s">
        <v>37846</v>
      </c>
      <c r="C24649">
        <v>1</v>
      </c>
      <c r="D24649">
        <v>0</v>
      </c>
    </row>
    <row r="24650" spans="1:4" x14ac:dyDescent="0.25">
      <c r="A24650" t="s">
        <v>37847</v>
      </c>
      <c r="B24650" t="s">
        <v>37848</v>
      </c>
      <c r="C24650">
        <v>0</v>
      </c>
      <c r="D24650">
        <v>0</v>
      </c>
    </row>
    <row r="24651" spans="1:4" x14ac:dyDescent="0.25">
      <c r="A24651" t="s">
        <v>37847</v>
      </c>
      <c r="B24651" t="s">
        <v>37849</v>
      </c>
      <c r="C24651">
        <v>0</v>
      </c>
      <c r="D24651">
        <v>0</v>
      </c>
    </row>
    <row r="24652" spans="1:4" x14ac:dyDescent="0.25">
      <c r="A24652" t="s">
        <v>37850</v>
      </c>
      <c r="B24652" t="s">
        <v>37851</v>
      </c>
      <c r="C24652">
        <v>0</v>
      </c>
      <c r="D24652">
        <v>0</v>
      </c>
    </row>
    <row r="24653" spans="1:4" x14ac:dyDescent="0.25">
      <c r="A24653" t="s">
        <v>37850</v>
      </c>
      <c r="B24653" t="s">
        <v>37852</v>
      </c>
      <c r="C24653">
        <v>0</v>
      </c>
      <c r="D24653">
        <v>0</v>
      </c>
    </row>
    <row r="24654" spans="1:4" x14ac:dyDescent="0.25">
      <c r="A24654" t="s">
        <v>37853</v>
      </c>
      <c r="B24654" t="s">
        <v>1001</v>
      </c>
      <c r="C24654">
        <v>1</v>
      </c>
      <c r="D24654">
        <v>0</v>
      </c>
    </row>
    <row r="24655" spans="1:4" x14ac:dyDescent="0.25">
      <c r="A24655" t="s">
        <v>37853</v>
      </c>
      <c r="B24655" t="s">
        <v>37854</v>
      </c>
      <c r="C24655">
        <v>0</v>
      </c>
      <c r="D24655">
        <v>0</v>
      </c>
    </row>
    <row r="24656" spans="1:4" x14ac:dyDescent="0.25">
      <c r="A24656" t="s">
        <v>37853</v>
      </c>
      <c r="B24656" t="s">
        <v>37855</v>
      </c>
      <c r="C24656">
        <v>1</v>
      </c>
      <c r="D24656">
        <v>0</v>
      </c>
    </row>
    <row r="24657" spans="1:4" x14ac:dyDescent="0.25">
      <c r="A24657" t="s">
        <v>37856</v>
      </c>
      <c r="B24657" t="s">
        <v>37857</v>
      </c>
      <c r="C24657">
        <v>2</v>
      </c>
      <c r="D24657">
        <v>0</v>
      </c>
    </row>
    <row r="24658" spans="1:4" x14ac:dyDescent="0.25">
      <c r="A24658" t="s">
        <v>37856</v>
      </c>
      <c r="B24658" t="s">
        <v>37858</v>
      </c>
      <c r="C24658">
        <v>1</v>
      </c>
      <c r="D24658">
        <v>0</v>
      </c>
    </row>
    <row r="24659" spans="1:4" x14ac:dyDescent="0.25">
      <c r="A24659" t="s">
        <v>37856</v>
      </c>
      <c r="B24659" t="s">
        <v>37859</v>
      </c>
      <c r="C24659">
        <v>2</v>
      </c>
      <c r="D24659">
        <v>0</v>
      </c>
    </row>
    <row r="24660" spans="1:4" x14ac:dyDescent="0.25">
      <c r="A24660" t="s">
        <v>37860</v>
      </c>
      <c r="B24660" t="s">
        <v>37861</v>
      </c>
      <c r="C24660">
        <v>1</v>
      </c>
      <c r="D24660">
        <v>0</v>
      </c>
    </row>
    <row r="24661" spans="1:4" x14ac:dyDescent="0.25">
      <c r="A24661" t="s">
        <v>37862</v>
      </c>
      <c r="B24661" t="s">
        <v>37863</v>
      </c>
      <c r="C24661">
        <v>1</v>
      </c>
      <c r="D24661">
        <v>0</v>
      </c>
    </row>
    <row r="24662" spans="1:4" x14ac:dyDescent="0.25">
      <c r="A24662" t="s">
        <v>37864</v>
      </c>
      <c r="B24662" t="s">
        <v>37865</v>
      </c>
      <c r="C24662">
        <v>1</v>
      </c>
      <c r="D24662">
        <v>0</v>
      </c>
    </row>
    <row r="24663" spans="1:4" x14ac:dyDescent="0.25">
      <c r="A24663" t="s">
        <v>37864</v>
      </c>
      <c r="B24663" t="s">
        <v>37866</v>
      </c>
      <c r="C24663">
        <v>1</v>
      </c>
      <c r="D24663">
        <v>0</v>
      </c>
    </row>
    <row r="24664" spans="1:4" x14ac:dyDescent="0.25">
      <c r="A24664" t="s">
        <v>37867</v>
      </c>
      <c r="B24664" t="s">
        <v>37868</v>
      </c>
      <c r="C24664">
        <v>2</v>
      </c>
      <c r="D24664">
        <v>0</v>
      </c>
    </row>
    <row r="24665" spans="1:4" x14ac:dyDescent="0.25">
      <c r="A24665" t="s">
        <v>37867</v>
      </c>
      <c r="B24665" t="s">
        <v>37869</v>
      </c>
      <c r="C24665">
        <v>2</v>
      </c>
      <c r="D24665">
        <v>0</v>
      </c>
    </row>
    <row r="24666" spans="1:4" x14ac:dyDescent="0.25">
      <c r="A24666" t="s">
        <v>37870</v>
      </c>
      <c r="B24666" t="s">
        <v>30767</v>
      </c>
      <c r="C24666">
        <v>0</v>
      </c>
      <c r="D24666">
        <v>0</v>
      </c>
    </row>
    <row r="24667" spans="1:4" x14ac:dyDescent="0.25">
      <c r="A24667" t="s">
        <v>37870</v>
      </c>
      <c r="B24667" t="s">
        <v>951</v>
      </c>
      <c r="C24667">
        <v>1</v>
      </c>
      <c r="D24667">
        <v>0</v>
      </c>
    </row>
    <row r="24668" spans="1:4" x14ac:dyDescent="0.25">
      <c r="A24668" t="s">
        <v>37871</v>
      </c>
      <c r="B24668" t="s">
        <v>37872</v>
      </c>
      <c r="C24668">
        <v>1</v>
      </c>
      <c r="D24668">
        <v>0</v>
      </c>
    </row>
    <row r="24669" spans="1:4" x14ac:dyDescent="0.25">
      <c r="A24669" t="s">
        <v>37873</v>
      </c>
      <c r="B24669" t="s">
        <v>37874</v>
      </c>
      <c r="C24669">
        <v>1</v>
      </c>
      <c r="D24669">
        <v>0</v>
      </c>
    </row>
    <row r="24670" spans="1:4" x14ac:dyDescent="0.25">
      <c r="A24670" t="s">
        <v>37873</v>
      </c>
      <c r="B24670" t="s">
        <v>37875</v>
      </c>
      <c r="C24670">
        <v>0</v>
      </c>
      <c r="D24670">
        <v>0</v>
      </c>
    </row>
    <row r="24671" spans="1:4" x14ac:dyDescent="0.25">
      <c r="A24671" t="s">
        <v>37873</v>
      </c>
      <c r="B24671" t="s">
        <v>37876</v>
      </c>
      <c r="C24671">
        <v>0</v>
      </c>
      <c r="D24671">
        <v>0</v>
      </c>
    </row>
    <row r="24672" spans="1:4" x14ac:dyDescent="0.25">
      <c r="A24672" t="s">
        <v>37877</v>
      </c>
      <c r="B24672" t="s">
        <v>37878</v>
      </c>
      <c r="C24672">
        <v>2</v>
      </c>
      <c r="D24672">
        <v>0</v>
      </c>
    </row>
    <row r="24673" spans="1:4" x14ac:dyDescent="0.25">
      <c r="A24673" t="s">
        <v>37879</v>
      </c>
      <c r="B24673" t="s">
        <v>1567</v>
      </c>
      <c r="C24673">
        <v>0</v>
      </c>
      <c r="D24673">
        <v>0</v>
      </c>
    </row>
    <row r="24674" spans="1:4" x14ac:dyDescent="0.25">
      <c r="A24674" t="s">
        <v>37879</v>
      </c>
      <c r="B24674" t="s">
        <v>37880</v>
      </c>
      <c r="C24674">
        <v>2</v>
      </c>
      <c r="D24674">
        <v>0</v>
      </c>
    </row>
    <row r="24675" spans="1:4" x14ac:dyDescent="0.25">
      <c r="A24675" t="s">
        <v>37881</v>
      </c>
      <c r="B24675" t="s">
        <v>37882</v>
      </c>
      <c r="C24675">
        <v>0</v>
      </c>
      <c r="D24675">
        <v>0</v>
      </c>
    </row>
    <row r="24676" spans="1:4" x14ac:dyDescent="0.25">
      <c r="A24676" t="s">
        <v>37883</v>
      </c>
      <c r="B24676" t="s">
        <v>37884</v>
      </c>
      <c r="C24676">
        <v>2</v>
      </c>
      <c r="D24676">
        <v>0</v>
      </c>
    </row>
    <row r="24677" spans="1:4" x14ac:dyDescent="0.25">
      <c r="A24677" t="s">
        <v>37883</v>
      </c>
      <c r="B24677" t="s">
        <v>37885</v>
      </c>
      <c r="C24677">
        <v>1</v>
      </c>
      <c r="D24677">
        <v>0</v>
      </c>
    </row>
    <row r="24678" spans="1:4" x14ac:dyDescent="0.25">
      <c r="A24678" t="s">
        <v>37886</v>
      </c>
      <c r="B24678" t="s">
        <v>37887</v>
      </c>
      <c r="C24678">
        <v>1</v>
      </c>
      <c r="D24678">
        <v>0</v>
      </c>
    </row>
    <row r="24679" spans="1:4" x14ac:dyDescent="0.25">
      <c r="A24679" t="s">
        <v>37888</v>
      </c>
      <c r="B24679" t="s">
        <v>37889</v>
      </c>
      <c r="C24679">
        <v>1</v>
      </c>
      <c r="D24679">
        <v>0</v>
      </c>
    </row>
    <row r="24680" spans="1:4" x14ac:dyDescent="0.25">
      <c r="A24680" t="s">
        <v>37888</v>
      </c>
      <c r="B24680" t="s">
        <v>37890</v>
      </c>
      <c r="C24680">
        <v>2</v>
      </c>
      <c r="D24680">
        <v>0</v>
      </c>
    </row>
    <row r="24681" spans="1:4" x14ac:dyDescent="0.25">
      <c r="A24681" t="s">
        <v>37888</v>
      </c>
      <c r="B24681" t="s">
        <v>37891</v>
      </c>
      <c r="C24681">
        <v>1</v>
      </c>
      <c r="D24681">
        <v>0</v>
      </c>
    </row>
    <row r="24682" spans="1:4" x14ac:dyDescent="0.25">
      <c r="A24682" t="s">
        <v>37892</v>
      </c>
      <c r="B24682" t="s">
        <v>37893</v>
      </c>
      <c r="C24682">
        <v>0</v>
      </c>
      <c r="D24682">
        <v>0</v>
      </c>
    </row>
    <row r="24683" spans="1:4" x14ac:dyDescent="0.25">
      <c r="A24683" t="s">
        <v>37894</v>
      </c>
      <c r="B24683" t="s">
        <v>37895</v>
      </c>
      <c r="C24683">
        <v>1</v>
      </c>
      <c r="D24683">
        <v>0</v>
      </c>
    </row>
    <row r="24684" spans="1:4" x14ac:dyDescent="0.25">
      <c r="A24684" t="s">
        <v>37894</v>
      </c>
      <c r="B24684" t="s">
        <v>37896</v>
      </c>
      <c r="C24684">
        <v>0</v>
      </c>
      <c r="D24684">
        <v>0</v>
      </c>
    </row>
    <row r="24685" spans="1:4" x14ac:dyDescent="0.25">
      <c r="A24685" t="s">
        <v>37897</v>
      </c>
      <c r="B24685" t="s">
        <v>37898</v>
      </c>
      <c r="C24685">
        <v>2</v>
      </c>
      <c r="D24685">
        <v>0</v>
      </c>
    </row>
    <row r="24686" spans="1:4" x14ac:dyDescent="0.25">
      <c r="A24686" t="s">
        <v>37897</v>
      </c>
      <c r="B24686" t="s">
        <v>37899</v>
      </c>
      <c r="C24686">
        <v>1</v>
      </c>
      <c r="D24686">
        <v>0</v>
      </c>
    </row>
    <row r="24687" spans="1:4" x14ac:dyDescent="0.25">
      <c r="A24687" t="s">
        <v>37900</v>
      </c>
      <c r="B24687" t="s">
        <v>37901</v>
      </c>
      <c r="C24687">
        <v>2</v>
      </c>
      <c r="D24687">
        <v>0</v>
      </c>
    </row>
    <row r="24688" spans="1:4" x14ac:dyDescent="0.25">
      <c r="A24688" t="s">
        <v>37900</v>
      </c>
      <c r="B24688" t="s">
        <v>37902</v>
      </c>
      <c r="C24688">
        <v>1</v>
      </c>
      <c r="D24688">
        <v>0</v>
      </c>
    </row>
    <row r="24689" spans="1:4" x14ac:dyDescent="0.25">
      <c r="A24689" t="s">
        <v>37903</v>
      </c>
      <c r="B24689" t="s">
        <v>37904</v>
      </c>
      <c r="C24689">
        <v>0</v>
      </c>
      <c r="D24689">
        <v>0</v>
      </c>
    </row>
    <row r="24690" spans="1:4" x14ac:dyDescent="0.25">
      <c r="A24690" t="s">
        <v>37905</v>
      </c>
      <c r="B24690" t="s">
        <v>37906</v>
      </c>
      <c r="C24690">
        <v>0</v>
      </c>
      <c r="D24690">
        <v>0</v>
      </c>
    </row>
    <row r="24691" spans="1:4" x14ac:dyDescent="0.25">
      <c r="A24691" t="s">
        <v>37907</v>
      </c>
      <c r="B24691" t="s">
        <v>37908</v>
      </c>
      <c r="C24691">
        <v>2</v>
      </c>
      <c r="D24691">
        <v>0</v>
      </c>
    </row>
    <row r="24692" spans="1:4" x14ac:dyDescent="0.25">
      <c r="A24692" t="s">
        <v>37907</v>
      </c>
      <c r="B24692" t="s">
        <v>37909</v>
      </c>
      <c r="C24692">
        <v>0</v>
      </c>
      <c r="D24692">
        <v>0</v>
      </c>
    </row>
    <row r="24693" spans="1:4" x14ac:dyDescent="0.25">
      <c r="A24693" t="s">
        <v>37910</v>
      </c>
      <c r="B24693" t="s">
        <v>37911</v>
      </c>
      <c r="C24693">
        <v>0</v>
      </c>
      <c r="D24693">
        <v>0</v>
      </c>
    </row>
    <row r="24694" spans="1:4" x14ac:dyDescent="0.25">
      <c r="A24694" t="s">
        <v>37910</v>
      </c>
      <c r="B24694" t="s">
        <v>37912</v>
      </c>
      <c r="C24694">
        <v>0</v>
      </c>
      <c r="D24694">
        <v>0</v>
      </c>
    </row>
    <row r="24695" spans="1:4" x14ac:dyDescent="0.25">
      <c r="A24695" t="s">
        <v>37910</v>
      </c>
      <c r="B24695" t="s">
        <v>37913</v>
      </c>
      <c r="C24695">
        <v>0</v>
      </c>
      <c r="D24695">
        <v>0</v>
      </c>
    </row>
    <row r="24696" spans="1:4" x14ac:dyDescent="0.25">
      <c r="A24696" t="s">
        <v>37914</v>
      </c>
      <c r="B24696" t="s">
        <v>37915</v>
      </c>
      <c r="C24696">
        <v>1</v>
      </c>
      <c r="D24696">
        <v>0</v>
      </c>
    </row>
    <row r="24697" spans="1:4" x14ac:dyDescent="0.25">
      <c r="A24697" t="s">
        <v>37914</v>
      </c>
      <c r="B24697" t="s">
        <v>37916</v>
      </c>
      <c r="C24697">
        <v>0</v>
      </c>
      <c r="D24697">
        <v>0</v>
      </c>
    </row>
    <row r="24698" spans="1:4" x14ac:dyDescent="0.25">
      <c r="A24698" t="s">
        <v>37917</v>
      </c>
      <c r="B24698" t="s">
        <v>37918</v>
      </c>
      <c r="C24698">
        <v>1</v>
      </c>
      <c r="D24698">
        <v>0</v>
      </c>
    </row>
    <row r="24699" spans="1:4" x14ac:dyDescent="0.25">
      <c r="A24699" t="s">
        <v>37919</v>
      </c>
      <c r="B24699" t="s">
        <v>37920</v>
      </c>
      <c r="C24699">
        <v>1</v>
      </c>
      <c r="D24699">
        <v>0</v>
      </c>
    </row>
    <row r="24700" spans="1:4" x14ac:dyDescent="0.25">
      <c r="A24700" t="s">
        <v>37919</v>
      </c>
      <c r="B24700" t="s">
        <v>34908</v>
      </c>
      <c r="C24700">
        <v>0</v>
      </c>
      <c r="D24700">
        <v>0</v>
      </c>
    </row>
    <row r="24701" spans="1:4" x14ac:dyDescent="0.25">
      <c r="A24701" t="s">
        <v>37921</v>
      </c>
      <c r="B24701" t="s">
        <v>37922</v>
      </c>
      <c r="C24701">
        <v>2</v>
      </c>
      <c r="D24701">
        <v>0</v>
      </c>
    </row>
    <row r="24702" spans="1:4" x14ac:dyDescent="0.25">
      <c r="A24702" t="s">
        <v>37921</v>
      </c>
      <c r="B24702" t="s">
        <v>37923</v>
      </c>
      <c r="C24702">
        <v>0</v>
      </c>
      <c r="D24702">
        <v>0</v>
      </c>
    </row>
    <row r="24703" spans="1:4" x14ac:dyDescent="0.25">
      <c r="A24703" t="s">
        <v>37924</v>
      </c>
      <c r="B24703" t="s">
        <v>37925</v>
      </c>
      <c r="C24703">
        <v>2</v>
      </c>
      <c r="D24703">
        <v>0</v>
      </c>
    </row>
    <row r="24704" spans="1:4" x14ac:dyDescent="0.25">
      <c r="A24704" t="s">
        <v>37924</v>
      </c>
      <c r="B24704" t="s">
        <v>37926</v>
      </c>
      <c r="C24704">
        <v>1</v>
      </c>
      <c r="D24704">
        <v>0</v>
      </c>
    </row>
    <row r="24705" spans="1:4" x14ac:dyDescent="0.25">
      <c r="A24705" t="s">
        <v>37924</v>
      </c>
      <c r="B24705" t="s">
        <v>37927</v>
      </c>
      <c r="C24705">
        <v>1</v>
      </c>
      <c r="D24705">
        <v>0</v>
      </c>
    </row>
    <row r="24706" spans="1:4" x14ac:dyDescent="0.25">
      <c r="A24706" t="s">
        <v>37928</v>
      </c>
      <c r="B24706" t="s">
        <v>37929</v>
      </c>
      <c r="C24706">
        <v>2</v>
      </c>
      <c r="D24706">
        <v>0</v>
      </c>
    </row>
    <row r="24707" spans="1:4" x14ac:dyDescent="0.25">
      <c r="A24707" t="s">
        <v>37928</v>
      </c>
      <c r="B24707" t="s">
        <v>37930</v>
      </c>
      <c r="C24707">
        <v>1</v>
      </c>
      <c r="D24707">
        <v>0</v>
      </c>
    </row>
    <row r="24708" spans="1:4" x14ac:dyDescent="0.25">
      <c r="A24708" t="s">
        <v>37928</v>
      </c>
      <c r="B24708" t="s">
        <v>37931</v>
      </c>
      <c r="C24708">
        <v>1</v>
      </c>
      <c r="D24708">
        <v>0</v>
      </c>
    </row>
    <row r="24709" spans="1:4" x14ac:dyDescent="0.25">
      <c r="A24709" t="s">
        <v>37932</v>
      </c>
      <c r="B24709" t="s">
        <v>37933</v>
      </c>
      <c r="C24709">
        <v>2</v>
      </c>
      <c r="D24709">
        <v>0</v>
      </c>
    </row>
    <row r="24710" spans="1:4" x14ac:dyDescent="0.25">
      <c r="A24710" t="s">
        <v>37932</v>
      </c>
      <c r="B24710" t="s">
        <v>37934</v>
      </c>
      <c r="C24710">
        <v>2</v>
      </c>
      <c r="D24710">
        <v>0</v>
      </c>
    </row>
    <row r="24711" spans="1:4" x14ac:dyDescent="0.25">
      <c r="A24711" t="s">
        <v>37935</v>
      </c>
      <c r="B24711" t="s">
        <v>945</v>
      </c>
      <c r="C24711">
        <v>1</v>
      </c>
      <c r="D24711">
        <v>0</v>
      </c>
    </row>
    <row r="24712" spans="1:4" x14ac:dyDescent="0.25">
      <c r="A24712" t="s">
        <v>37936</v>
      </c>
      <c r="B24712" t="s">
        <v>37937</v>
      </c>
      <c r="C24712">
        <v>2</v>
      </c>
      <c r="D24712">
        <v>0</v>
      </c>
    </row>
    <row r="24713" spans="1:4" x14ac:dyDescent="0.25">
      <c r="A24713" t="s">
        <v>37936</v>
      </c>
      <c r="B24713" t="s">
        <v>37938</v>
      </c>
      <c r="C24713">
        <v>0</v>
      </c>
      <c r="D24713">
        <v>0</v>
      </c>
    </row>
    <row r="24714" spans="1:4" x14ac:dyDescent="0.25">
      <c r="A24714" t="s">
        <v>37936</v>
      </c>
      <c r="B24714" t="s">
        <v>37939</v>
      </c>
      <c r="C24714">
        <v>1</v>
      </c>
      <c r="D24714">
        <v>0</v>
      </c>
    </row>
    <row r="24715" spans="1:4" x14ac:dyDescent="0.25">
      <c r="A24715" t="s">
        <v>37940</v>
      </c>
      <c r="B24715" t="s">
        <v>37941</v>
      </c>
      <c r="C24715">
        <v>2</v>
      </c>
      <c r="D24715">
        <v>0</v>
      </c>
    </row>
    <row r="24716" spans="1:4" x14ac:dyDescent="0.25">
      <c r="A24716" t="s">
        <v>37940</v>
      </c>
      <c r="B24716" t="s">
        <v>37942</v>
      </c>
      <c r="C24716">
        <v>1</v>
      </c>
      <c r="D24716">
        <v>0</v>
      </c>
    </row>
    <row r="24717" spans="1:4" x14ac:dyDescent="0.25">
      <c r="A24717" t="s">
        <v>37943</v>
      </c>
      <c r="B24717" t="s">
        <v>3578</v>
      </c>
      <c r="C24717">
        <v>1</v>
      </c>
      <c r="D24717">
        <v>0</v>
      </c>
    </row>
    <row r="24718" spans="1:4" x14ac:dyDescent="0.25">
      <c r="A24718" t="s">
        <v>37943</v>
      </c>
      <c r="B24718" t="s">
        <v>5396</v>
      </c>
      <c r="C24718">
        <v>0</v>
      </c>
      <c r="D24718">
        <v>0</v>
      </c>
    </row>
    <row r="24719" spans="1:4" x14ac:dyDescent="0.25">
      <c r="A24719" t="s">
        <v>37944</v>
      </c>
      <c r="B24719" t="s">
        <v>37945</v>
      </c>
      <c r="C24719">
        <v>1</v>
      </c>
      <c r="D24719">
        <v>0</v>
      </c>
    </row>
    <row r="24720" spans="1:4" x14ac:dyDescent="0.25">
      <c r="A24720" t="s">
        <v>37946</v>
      </c>
      <c r="B24720" t="s">
        <v>37947</v>
      </c>
      <c r="C24720">
        <v>2</v>
      </c>
      <c r="D24720">
        <v>0</v>
      </c>
    </row>
    <row r="24721" spans="1:4" x14ac:dyDescent="0.25">
      <c r="A24721" t="s">
        <v>37946</v>
      </c>
      <c r="B24721" t="s">
        <v>37948</v>
      </c>
      <c r="C24721">
        <v>2</v>
      </c>
      <c r="D24721">
        <v>0</v>
      </c>
    </row>
    <row r="24722" spans="1:4" x14ac:dyDescent="0.25">
      <c r="A24722" t="s">
        <v>37946</v>
      </c>
      <c r="B24722" t="s">
        <v>37949</v>
      </c>
      <c r="C24722">
        <v>2</v>
      </c>
      <c r="D24722">
        <v>0</v>
      </c>
    </row>
    <row r="24723" spans="1:4" x14ac:dyDescent="0.25">
      <c r="A24723" t="s">
        <v>37950</v>
      </c>
      <c r="B24723" t="s">
        <v>37951</v>
      </c>
      <c r="C24723">
        <v>2</v>
      </c>
      <c r="D24723">
        <v>0</v>
      </c>
    </row>
    <row r="24724" spans="1:4" x14ac:dyDescent="0.25">
      <c r="A24724" t="s">
        <v>37952</v>
      </c>
      <c r="B24724" t="s">
        <v>37953</v>
      </c>
      <c r="C24724">
        <v>1</v>
      </c>
      <c r="D24724">
        <v>0</v>
      </c>
    </row>
    <row r="24725" spans="1:4" x14ac:dyDescent="0.25">
      <c r="A24725" t="s">
        <v>37952</v>
      </c>
      <c r="B24725" t="s">
        <v>37954</v>
      </c>
      <c r="C24725">
        <v>1</v>
      </c>
      <c r="D24725">
        <v>0</v>
      </c>
    </row>
    <row r="24726" spans="1:4" x14ac:dyDescent="0.25">
      <c r="A24726" t="s">
        <v>37952</v>
      </c>
      <c r="B24726" t="s">
        <v>37955</v>
      </c>
      <c r="C24726">
        <v>2</v>
      </c>
      <c r="D24726">
        <v>0</v>
      </c>
    </row>
    <row r="24727" spans="1:4" x14ac:dyDescent="0.25">
      <c r="A24727" t="s">
        <v>37956</v>
      </c>
      <c r="B24727" t="s">
        <v>37957</v>
      </c>
      <c r="C24727">
        <v>2</v>
      </c>
      <c r="D24727">
        <v>0</v>
      </c>
    </row>
    <row r="24728" spans="1:4" x14ac:dyDescent="0.25">
      <c r="A24728" t="s">
        <v>37956</v>
      </c>
      <c r="B24728" t="s">
        <v>37958</v>
      </c>
      <c r="C24728">
        <v>1</v>
      </c>
      <c r="D24728">
        <v>0</v>
      </c>
    </row>
    <row r="24729" spans="1:4" x14ac:dyDescent="0.25">
      <c r="A24729" t="s">
        <v>37956</v>
      </c>
      <c r="B24729" t="s">
        <v>37959</v>
      </c>
      <c r="C24729">
        <v>2</v>
      </c>
      <c r="D24729">
        <v>0</v>
      </c>
    </row>
    <row r="24730" spans="1:4" x14ac:dyDescent="0.25">
      <c r="A24730" t="s">
        <v>37960</v>
      </c>
      <c r="B24730" t="s">
        <v>8004</v>
      </c>
      <c r="C24730">
        <v>1</v>
      </c>
      <c r="D24730">
        <v>0</v>
      </c>
    </row>
    <row r="24731" spans="1:4" x14ac:dyDescent="0.25">
      <c r="A24731" t="s">
        <v>37961</v>
      </c>
      <c r="B24731" t="s">
        <v>37962</v>
      </c>
      <c r="C24731">
        <v>0</v>
      </c>
      <c r="D24731">
        <v>0</v>
      </c>
    </row>
    <row r="24732" spans="1:4" x14ac:dyDescent="0.25">
      <c r="A24732" t="s">
        <v>37963</v>
      </c>
      <c r="B24732" t="s">
        <v>37964</v>
      </c>
      <c r="C24732">
        <v>2</v>
      </c>
      <c r="D24732">
        <v>0</v>
      </c>
    </row>
    <row r="24733" spans="1:4" x14ac:dyDescent="0.25">
      <c r="A24733" t="s">
        <v>37965</v>
      </c>
      <c r="B24733" t="s">
        <v>37966</v>
      </c>
      <c r="C24733">
        <v>0</v>
      </c>
      <c r="D24733">
        <v>0</v>
      </c>
    </row>
    <row r="24734" spans="1:4" x14ac:dyDescent="0.25">
      <c r="A24734" t="s">
        <v>37967</v>
      </c>
      <c r="B24734" t="s">
        <v>37968</v>
      </c>
      <c r="C24734">
        <v>2</v>
      </c>
      <c r="D24734">
        <v>0</v>
      </c>
    </row>
    <row r="24735" spans="1:4" x14ac:dyDescent="0.25">
      <c r="A24735" t="s">
        <v>37967</v>
      </c>
      <c r="B24735" t="s">
        <v>37969</v>
      </c>
      <c r="C24735">
        <v>2</v>
      </c>
      <c r="D24735">
        <v>0</v>
      </c>
    </row>
    <row r="24736" spans="1:4" x14ac:dyDescent="0.25">
      <c r="A24736" t="s">
        <v>37967</v>
      </c>
      <c r="B24736" t="s">
        <v>37970</v>
      </c>
      <c r="C24736">
        <v>0</v>
      </c>
      <c r="D24736">
        <v>0</v>
      </c>
    </row>
    <row r="24737" spans="1:4" x14ac:dyDescent="0.25">
      <c r="A24737" t="s">
        <v>37971</v>
      </c>
      <c r="B24737" t="s">
        <v>37972</v>
      </c>
      <c r="C24737">
        <v>2</v>
      </c>
      <c r="D24737">
        <v>0</v>
      </c>
    </row>
    <row r="24738" spans="1:4" x14ac:dyDescent="0.25">
      <c r="A24738" t="s">
        <v>37971</v>
      </c>
      <c r="B24738" t="s">
        <v>37973</v>
      </c>
      <c r="C24738">
        <v>0</v>
      </c>
      <c r="D24738">
        <v>0</v>
      </c>
    </row>
    <row r="24739" spans="1:4" x14ac:dyDescent="0.25">
      <c r="A24739" t="s">
        <v>37974</v>
      </c>
      <c r="B24739" t="s">
        <v>37975</v>
      </c>
      <c r="C24739">
        <v>2</v>
      </c>
      <c r="D24739">
        <v>0</v>
      </c>
    </row>
    <row r="24740" spans="1:4" x14ac:dyDescent="0.25">
      <c r="A24740" t="s">
        <v>37974</v>
      </c>
      <c r="B24740" t="s">
        <v>3292</v>
      </c>
      <c r="C24740">
        <v>0</v>
      </c>
      <c r="D24740">
        <v>0</v>
      </c>
    </row>
    <row r="24741" spans="1:4" x14ac:dyDescent="0.25">
      <c r="A24741" t="s">
        <v>37974</v>
      </c>
      <c r="B24741" t="s">
        <v>37976</v>
      </c>
      <c r="C24741">
        <v>1</v>
      </c>
      <c r="D24741">
        <v>0</v>
      </c>
    </row>
    <row r="24742" spans="1:4" x14ac:dyDescent="0.25">
      <c r="A24742" t="s">
        <v>37977</v>
      </c>
      <c r="B24742" t="s">
        <v>37978</v>
      </c>
      <c r="C24742">
        <v>0</v>
      </c>
      <c r="D24742">
        <v>0</v>
      </c>
    </row>
    <row r="24743" spans="1:4" x14ac:dyDescent="0.25">
      <c r="A24743" t="s">
        <v>37979</v>
      </c>
      <c r="B24743" t="s">
        <v>37980</v>
      </c>
      <c r="C24743">
        <v>2</v>
      </c>
      <c r="D24743">
        <v>0</v>
      </c>
    </row>
    <row r="24744" spans="1:4" x14ac:dyDescent="0.25">
      <c r="A24744" t="s">
        <v>37979</v>
      </c>
      <c r="B24744" t="s">
        <v>37981</v>
      </c>
      <c r="C24744">
        <v>1</v>
      </c>
      <c r="D24744">
        <v>0</v>
      </c>
    </row>
    <row r="24745" spans="1:4" x14ac:dyDescent="0.25">
      <c r="A24745" t="s">
        <v>37979</v>
      </c>
      <c r="B24745" t="s">
        <v>37982</v>
      </c>
      <c r="C24745">
        <v>2</v>
      </c>
      <c r="D24745">
        <v>0</v>
      </c>
    </row>
    <row r="24746" spans="1:4" x14ac:dyDescent="0.25">
      <c r="A24746" t="s">
        <v>37983</v>
      </c>
      <c r="B24746" t="s">
        <v>20641</v>
      </c>
      <c r="C24746">
        <v>0</v>
      </c>
      <c r="D24746">
        <v>0</v>
      </c>
    </row>
    <row r="24747" spans="1:4" x14ac:dyDescent="0.25">
      <c r="A24747" t="s">
        <v>37984</v>
      </c>
      <c r="B24747" t="s">
        <v>37985</v>
      </c>
      <c r="C24747">
        <v>1</v>
      </c>
      <c r="D24747">
        <v>0</v>
      </c>
    </row>
    <row r="24748" spans="1:4" x14ac:dyDescent="0.25">
      <c r="A24748" t="s">
        <v>37984</v>
      </c>
      <c r="B24748" t="s">
        <v>797</v>
      </c>
      <c r="C24748">
        <v>0</v>
      </c>
      <c r="D24748">
        <v>0</v>
      </c>
    </row>
    <row r="24749" spans="1:4" x14ac:dyDescent="0.25">
      <c r="A24749" t="s">
        <v>37986</v>
      </c>
      <c r="B24749" t="s">
        <v>37987</v>
      </c>
      <c r="C24749">
        <v>1</v>
      </c>
      <c r="D24749">
        <v>0</v>
      </c>
    </row>
    <row r="24750" spans="1:4" x14ac:dyDescent="0.25">
      <c r="A24750" t="s">
        <v>37986</v>
      </c>
      <c r="B24750" t="s">
        <v>37988</v>
      </c>
      <c r="C24750">
        <v>1</v>
      </c>
      <c r="D24750">
        <v>0</v>
      </c>
    </row>
    <row r="24751" spans="1:4" x14ac:dyDescent="0.25">
      <c r="A24751" t="s">
        <v>37989</v>
      </c>
      <c r="B24751" t="s">
        <v>37990</v>
      </c>
      <c r="C24751">
        <v>1</v>
      </c>
      <c r="D24751">
        <v>0</v>
      </c>
    </row>
    <row r="24752" spans="1:4" x14ac:dyDescent="0.25">
      <c r="A24752" t="s">
        <v>37989</v>
      </c>
      <c r="B24752" t="s">
        <v>37991</v>
      </c>
      <c r="C24752">
        <v>0</v>
      </c>
      <c r="D24752">
        <v>0</v>
      </c>
    </row>
    <row r="24753" spans="1:4" x14ac:dyDescent="0.25">
      <c r="A24753" t="s">
        <v>37989</v>
      </c>
      <c r="B24753" t="s">
        <v>3048</v>
      </c>
      <c r="C24753">
        <v>0</v>
      </c>
      <c r="D24753">
        <v>0</v>
      </c>
    </row>
    <row r="24754" spans="1:4" x14ac:dyDescent="0.25">
      <c r="A24754" t="s">
        <v>37992</v>
      </c>
      <c r="B24754" t="s">
        <v>37993</v>
      </c>
      <c r="C24754">
        <v>1</v>
      </c>
      <c r="D24754">
        <v>0</v>
      </c>
    </row>
    <row r="24755" spans="1:4" x14ac:dyDescent="0.25">
      <c r="A24755" t="s">
        <v>37994</v>
      </c>
      <c r="B24755" t="s">
        <v>37995</v>
      </c>
      <c r="C24755">
        <v>1</v>
      </c>
      <c r="D24755">
        <v>0</v>
      </c>
    </row>
    <row r="24756" spans="1:4" x14ac:dyDescent="0.25">
      <c r="A24756" t="s">
        <v>37996</v>
      </c>
      <c r="B24756" t="s">
        <v>37997</v>
      </c>
      <c r="C24756">
        <v>0</v>
      </c>
      <c r="D24756">
        <v>0</v>
      </c>
    </row>
    <row r="24757" spans="1:4" x14ac:dyDescent="0.25">
      <c r="A24757" t="s">
        <v>37998</v>
      </c>
      <c r="B24757" t="s">
        <v>37999</v>
      </c>
      <c r="C24757">
        <v>1</v>
      </c>
      <c r="D24757">
        <v>0</v>
      </c>
    </row>
    <row r="24758" spans="1:4" x14ac:dyDescent="0.25">
      <c r="A24758" t="s">
        <v>37998</v>
      </c>
      <c r="B24758" t="s">
        <v>38000</v>
      </c>
      <c r="C24758">
        <v>1</v>
      </c>
      <c r="D24758">
        <v>0</v>
      </c>
    </row>
    <row r="24759" spans="1:4" x14ac:dyDescent="0.25">
      <c r="A24759" t="s">
        <v>38001</v>
      </c>
      <c r="B24759" t="s">
        <v>1294</v>
      </c>
      <c r="C24759">
        <v>1</v>
      </c>
      <c r="D24759">
        <v>0</v>
      </c>
    </row>
    <row r="24760" spans="1:4" x14ac:dyDescent="0.25">
      <c r="A24760" t="s">
        <v>38002</v>
      </c>
      <c r="B24760" t="s">
        <v>38003</v>
      </c>
      <c r="C24760">
        <v>0</v>
      </c>
      <c r="D24760">
        <v>0</v>
      </c>
    </row>
    <row r="24761" spans="1:4" x14ac:dyDescent="0.25">
      <c r="A24761" t="s">
        <v>38004</v>
      </c>
      <c r="B24761" t="s">
        <v>38005</v>
      </c>
      <c r="C24761">
        <v>0</v>
      </c>
      <c r="D24761">
        <v>0</v>
      </c>
    </row>
    <row r="24762" spans="1:4" x14ac:dyDescent="0.25">
      <c r="A24762" t="s">
        <v>38004</v>
      </c>
      <c r="B24762" t="s">
        <v>38006</v>
      </c>
      <c r="C24762">
        <v>1</v>
      </c>
      <c r="D24762">
        <v>0</v>
      </c>
    </row>
    <row r="24763" spans="1:4" x14ac:dyDescent="0.25">
      <c r="A24763" t="s">
        <v>38007</v>
      </c>
      <c r="B24763" t="s">
        <v>843</v>
      </c>
      <c r="C24763">
        <v>1</v>
      </c>
      <c r="D24763">
        <v>0</v>
      </c>
    </row>
    <row r="24764" spans="1:4" x14ac:dyDescent="0.25">
      <c r="A24764" t="s">
        <v>38008</v>
      </c>
      <c r="B24764" t="s">
        <v>38009</v>
      </c>
      <c r="C24764">
        <v>1</v>
      </c>
      <c r="D24764">
        <v>0</v>
      </c>
    </row>
    <row r="24765" spans="1:4" x14ac:dyDescent="0.25">
      <c r="A24765" t="s">
        <v>38008</v>
      </c>
      <c r="B24765" t="s">
        <v>38010</v>
      </c>
      <c r="C24765">
        <v>1</v>
      </c>
      <c r="D24765">
        <v>0</v>
      </c>
    </row>
    <row r="24766" spans="1:4" x14ac:dyDescent="0.25">
      <c r="A24766" t="s">
        <v>38008</v>
      </c>
      <c r="B24766" t="s">
        <v>38011</v>
      </c>
      <c r="C24766">
        <v>1</v>
      </c>
      <c r="D24766">
        <v>0</v>
      </c>
    </row>
    <row r="24767" spans="1:4" x14ac:dyDescent="0.25">
      <c r="A24767" t="s">
        <v>38012</v>
      </c>
      <c r="B24767" t="s">
        <v>38013</v>
      </c>
      <c r="C24767">
        <v>0</v>
      </c>
      <c r="D24767">
        <v>0</v>
      </c>
    </row>
    <row r="24768" spans="1:4" x14ac:dyDescent="0.25">
      <c r="A24768" t="s">
        <v>38012</v>
      </c>
      <c r="B24768" t="s">
        <v>38014</v>
      </c>
      <c r="C24768">
        <v>0</v>
      </c>
      <c r="D24768">
        <v>0</v>
      </c>
    </row>
    <row r="24769" spans="1:4" x14ac:dyDescent="0.25">
      <c r="A24769" t="s">
        <v>38012</v>
      </c>
      <c r="B24769" t="s">
        <v>38015</v>
      </c>
      <c r="C24769">
        <v>0</v>
      </c>
      <c r="D24769">
        <v>0</v>
      </c>
    </row>
    <row r="24770" spans="1:4" x14ac:dyDescent="0.25">
      <c r="A24770" t="s">
        <v>38016</v>
      </c>
      <c r="B24770" t="s">
        <v>38017</v>
      </c>
      <c r="C24770">
        <v>1</v>
      </c>
      <c r="D24770">
        <v>0</v>
      </c>
    </row>
    <row r="24771" spans="1:4" x14ac:dyDescent="0.25">
      <c r="A24771" t="s">
        <v>38016</v>
      </c>
      <c r="B24771" t="s">
        <v>38018</v>
      </c>
      <c r="C24771">
        <v>1</v>
      </c>
      <c r="D24771">
        <v>0</v>
      </c>
    </row>
    <row r="24772" spans="1:4" x14ac:dyDescent="0.25">
      <c r="A24772" t="s">
        <v>38019</v>
      </c>
      <c r="B24772" t="s">
        <v>38020</v>
      </c>
      <c r="C24772">
        <v>1</v>
      </c>
      <c r="D24772">
        <v>0</v>
      </c>
    </row>
    <row r="24773" spans="1:4" x14ac:dyDescent="0.25">
      <c r="A24773" t="s">
        <v>38021</v>
      </c>
      <c r="B24773" t="s">
        <v>38022</v>
      </c>
      <c r="C24773">
        <v>1</v>
      </c>
      <c r="D24773">
        <v>0</v>
      </c>
    </row>
    <row r="24774" spans="1:4" x14ac:dyDescent="0.25">
      <c r="A24774" t="s">
        <v>38021</v>
      </c>
      <c r="B24774" t="s">
        <v>38023</v>
      </c>
      <c r="C24774">
        <v>1</v>
      </c>
      <c r="D24774">
        <v>0</v>
      </c>
    </row>
    <row r="24775" spans="1:4" x14ac:dyDescent="0.25">
      <c r="A24775" t="s">
        <v>38021</v>
      </c>
      <c r="B24775" t="s">
        <v>38024</v>
      </c>
      <c r="C24775">
        <v>0</v>
      </c>
      <c r="D24775">
        <v>0</v>
      </c>
    </row>
    <row r="24776" spans="1:4" x14ac:dyDescent="0.25">
      <c r="A24776" t="s">
        <v>38025</v>
      </c>
      <c r="B24776" t="s">
        <v>38026</v>
      </c>
      <c r="C24776">
        <v>2</v>
      </c>
      <c r="D24776">
        <v>0</v>
      </c>
    </row>
    <row r="24777" spans="1:4" x14ac:dyDescent="0.25">
      <c r="A24777" t="s">
        <v>38025</v>
      </c>
      <c r="B24777" t="s">
        <v>38027</v>
      </c>
      <c r="C24777">
        <v>0</v>
      </c>
      <c r="D24777">
        <v>0</v>
      </c>
    </row>
    <row r="24778" spans="1:4" x14ac:dyDescent="0.25">
      <c r="A24778" t="s">
        <v>38025</v>
      </c>
      <c r="B24778" t="s">
        <v>38028</v>
      </c>
      <c r="C24778">
        <v>0</v>
      </c>
      <c r="D24778">
        <v>0</v>
      </c>
    </row>
    <row r="24779" spans="1:4" x14ac:dyDescent="0.25">
      <c r="A24779" t="s">
        <v>38029</v>
      </c>
      <c r="B24779" t="s">
        <v>38030</v>
      </c>
      <c r="C24779">
        <v>1</v>
      </c>
      <c r="D24779">
        <v>0</v>
      </c>
    </row>
    <row r="24780" spans="1:4" x14ac:dyDescent="0.25">
      <c r="A24780" t="s">
        <v>38029</v>
      </c>
      <c r="B24780" t="s">
        <v>38031</v>
      </c>
      <c r="C24780">
        <v>2</v>
      </c>
      <c r="D24780">
        <v>0</v>
      </c>
    </row>
    <row r="24781" spans="1:4" x14ac:dyDescent="0.25">
      <c r="A24781" t="s">
        <v>38029</v>
      </c>
      <c r="B24781" t="s">
        <v>38032</v>
      </c>
      <c r="C24781">
        <v>1</v>
      </c>
      <c r="D24781">
        <v>0</v>
      </c>
    </row>
    <row r="24782" spans="1:4" x14ac:dyDescent="0.25">
      <c r="A24782" t="s">
        <v>38033</v>
      </c>
      <c r="B24782" t="s">
        <v>38034</v>
      </c>
      <c r="C24782">
        <v>0</v>
      </c>
      <c r="D24782">
        <v>0</v>
      </c>
    </row>
    <row r="24783" spans="1:4" x14ac:dyDescent="0.25">
      <c r="A24783" t="s">
        <v>38033</v>
      </c>
      <c r="B24783" t="s">
        <v>38035</v>
      </c>
      <c r="C24783">
        <v>1</v>
      </c>
      <c r="D24783">
        <v>0</v>
      </c>
    </row>
    <row r="24784" spans="1:4" x14ac:dyDescent="0.25">
      <c r="A24784" t="s">
        <v>38036</v>
      </c>
      <c r="B24784" t="s">
        <v>398</v>
      </c>
      <c r="C24784">
        <v>0</v>
      </c>
      <c r="D24784">
        <v>0</v>
      </c>
    </row>
    <row r="24785" spans="1:4" x14ac:dyDescent="0.25">
      <c r="A24785" t="s">
        <v>38037</v>
      </c>
      <c r="B24785" t="s">
        <v>38038</v>
      </c>
      <c r="C24785">
        <v>0</v>
      </c>
      <c r="D24785">
        <v>0</v>
      </c>
    </row>
    <row r="24786" spans="1:4" x14ac:dyDescent="0.25">
      <c r="A24786" t="s">
        <v>38037</v>
      </c>
      <c r="B24786" t="s">
        <v>38039</v>
      </c>
      <c r="C24786">
        <v>0</v>
      </c>
      <c r="D24786">
        <v>0</v>
      </c>
    </row>
    <row r="24787" spans="1:4" x14ac:dyDescent="0.25">
      <c r="A24787" t="s">
        <v>38037</v>
      </c>
      <c r="B24787" t="s">
        <v>38040</v>
      </c>
      <c r="C24787">
        <v>0</v>
      </c>
      <c r="D24787">
        <v>0</v>
      </c>
    </row>
    <row r="24788" spans="1:4" x14ac:dyDescent="0.25">
      <c r="A24788" t="s">
        <v>38041</v>
      </c>
      <c r="B24788" t="s">
        <v>38042</v>
      </c>
      <c r="C24788">
        <v>0</v>
      </c>
      <c r="D24788">
        <v>0</v>
      </c>
    </row>
    <row r="24789" spans="1:4" x14ac:dyDescent="0.25">
      <c r="A24789" t="s">
        <v>38041</v>
      </c>
      <c r="B24789" t="s">
        <v>38043</v>
      </c>
      <c r="C24789">
        <v>2</v>
      </c>
      <c r="D24789">
        <v>0</v>
      </c>
    </row>
    <row r="24790" spans="1:4" x14ac:dyDescent="0.25">
      <c r="A24790" t="s">
        <v>38044</v>
      </c>
      <c r="B24790" t="s">
        <v>38045</v>
      </c>
      <c r="C24790">
        <v>0</v>
      </c>
      <c r="D24790">
        <v>0</v>
      </c>
    </row>
    <row r="24791" spans="1:4" x14ac:dyDescent="0.25">
      <c r="A24791" t="s">
        <v>38044</v>
      </c>
      <c r="B24791" t="s">
        <v>38046</v>
      </c>
      <c r="C24791">
        <v>1</v>
      </c>
      <c r="D24791">
        <v>0</v>
      </c>
    </row>
    <row r="24792" spans="1:4" x14ac:dyDescent="0.25">
      <c r="A24792" t="s">
        <v>38047</v>
      </c>
      <c r="B24792" t="s">
        <v>38048</v>
      </c>
      <c r="C24792">
        <v>2</v>
      </c>
      <c r="D24792">
        <v>0</v>
      </c>
    </row>
    <row r="24793" spans="1:4" x14ac:dyDescent="0.25">
      <c r="A24793" t="s">
        <v>38047</v>
      </c>
      <c r="B24793" t="s">
        <v>38049</v>
      </c>
      <c r="C24793">
        <v>2</v>
      </c>
      <c r="D24793">
        <v>0</v>
      </c>
    </row>
    <row r="24794" spans="1:4" x14ac:dyDescent="0.25">
      <c r="A24794" t="s">
        <v>38047</v>
      </c>
      <c r="B24794" t="s">
        <v>38050</v>
      </c>
      <c r="C24794">
        <v>0</v>
      </c>
      <c r="D24794">
        <v>0</v>
      </c>
    </row>
    <row r="24795" spans="1:4" x14ac:dyDescent="0.25">
      <c r="A24795" t="s">
        <v>38051</v>
      </c>
      <c r="B24795" t="s">
        <v>10173</v>
      </c>
      <c r="C24795">
        <v>1</v>
      </c>
      <c r="D24795">
        <v>0</v>
      </c>
    </row>
    <row r="24796" spans="1:4" x14ac:dyDescent="0.25">
      <c r="A24796" t="s">
        <v>38051</v>
      </c>
      <c r="B24796" t="s">
        <v>38052</v>
      </c>
      <c r="C24796">
        <v>1</v>
      </c>
      <c r="D24796">
        <v>0</v>
      </c>
    </row>
    <row r="24797" spans="1:4" x14ac:dyDescent="0.25">
      <c r="A24797" t="s">
        <v>38053</v>
      </c>
      <c r="B24797" t="s">
        <v>38054</v>
      </c>
      <c r="C24797">
        <v>0</v>
      </c>
      <c r="D24797">
        <v>0</v>
      </c>
    </row>
    <row r="24798" spans="1:4" x14ac:dyDescent="0.25">
      <c r="A24798" t="s">
        <v>38053</v>
      </c>
      <c r="B24798" t="s">
        <v>38055</v>
      </c>
      <c r="C24798">
        <v>0</v>
      </c>
      <c r="D24798">
        <v>0</v>
      </c>
    </row>
    <row r="24799" spans="1:4" x14ac:dyDescent="0.25">
      <c r="A24799" t="s">
        <v>38053</v>
      </c>
      <c r="B24799" t="s">
        <v>38056</v>
      </c>
      <c r="C24799">
        <v>0</v>
      </c>
      <c r="D24799">
        <v>0</v>
      </c>
    </row>
    <row r="24800" spans="1:4" x14ac:dyDescent="0.25">
      <c r="A24800" t="s">
        <v>38057</v>
      </c>
      <c r="B24800" t="s">
        <v>38058</v>
      </c>
      <c r="C24800">
        <v>1</v>
      </c>
      <c r="D24800">
        <v>0</v>
      </c>
    </row>
    <row r="24801" spans="1:4" x14ac:dyDescent="0.25">
      <c r="A24801" t="s">
        <v>38057</v>
      </c>
      <c r="B24801" t="s">
        <v>38059</v>
      </c>
      <c r="C24801">
        <v>1</v>
      </c>
      <c r="D24801">
        <v>0</v>
      </c>
    </row>
    <row r="24802" spans="1:4" x14ac:dyDescent="0.25">
      <c r="A24802" t="s">
        <v>38057</v>
      </c>
      <c r="B24802" t="s">
        <v>38060</v>
      </c>
      <c r="C24802">
        <v>0</v>
      </c>
      <c r="D24802">
        <v>0</v>
      </c>
    </row>
    <row r="24803" spans="1:4" x14ac:dyDescent="0.25">
      <c r="A24803" t="s">
        <v>38061</v>
      </c>
      <c r="B24803" t="s">
        <v>38062</v>
      </c>
      <c r="C24803">
        <v>1</v>
      </c>
      <c r="D24803">
        <v>0</v>
      </c>
    </row>
    <row r="24804" spans="1:4" x14ac:dyDescent="0.25">
      <c r="A24804" t="s">
        <v>38061</v>
      </c>
      <c r="B24804" t="s">
        <v>38063</v>
      </c>
      <c r="C24804">
        <v>1</v>
      </c>
      <c r="D24804">
        <v>0</v>
      </c>
    </row>
    <row r="24805" spans="1:4" x14ac:dyDescent="0.25">
      <c r="A24805" t="s">
        <v>38064</v>
      </c>
      <c r="B24805" t="s">
        <v>38065</v>
      </c>
      <c r="C24805">
        <v>1</v>
      </c>
      <c r="D24805">
        <v>0</v>
      </c>
    </row>
    <row r="24806" spans="1:4" x14ac:dyDescent="0.25">
      <c r="A24806" t="s">
        <v>38064</v>
      </c>
      <c r="B24806" t="s">
        <v>852</v>
      </c>
      <c r="C24806">
        <v>0</v>
      </c>
      <c r="D24806">
        <v>0</v>
      </c>
    </row>
    <row r="24807" spans="1:4" x14ac:dyDescent="0.25">
      <c r="A24807" t="s">
        <v>38064</v>
      </c>
      <c r="B24807" t="s">
        <v>1499</v>
      </c>
      <c r="C24807">
        <v>1</v>
      </c>
      <c r="D24807">
        <v>0</v>
      </c>
    </row>
    <row r="24808" spans="1:4" x14ac:dyDescent="0.25">
      <c r="A24808" t="s">
        <v>38066</v>
      </c>
      <c r="B24808" t="s">
        <v>38067</v>
      </c>
      <c r="C24808">
        <v>2</v>
      </c>
      <c r="D24808">
        <v>0</v>
      </c>
    </row>
    <row r="24809" spans="1:4" x14ac:dyDescent="0.25">
      <c r="A24809" t="s">
        <v>38066</v>
      </c>
      <c r="B24809" t="s">
        <v>38068</v>
      </c>
      <c r="C24809">
        <v>1</v>
      </c>
      <c r="D24809">
        <v>0</v>
      </c>
    </row>
    <row r="24810" spans="1:4" x14ac:dyDescent="0.25">
      <c r="A24810" t="s">
        <v>38069</v>
      </c>
      <c r="B24810" t="s">
        <v>38070</v>
      </c>
      <c r="C24810">
        <v>0</v>
      </c>
      <c r="D24810">
        <v>0</v>
      </c>
    </row>
    <row r="24811" spans="1:4" x14ac:dyDescent="0.25">
      <c r="A24811" t="s">
        <v>38069</v>
      </c>
      <c r="B24811" t="s">
        <v>38071</v>
      </c>
      <c r="C24811">
        <v>1</v>
      </c>
      <c r="D24811">
        <v>0</v>
      </c>
    </row>
    <row r="24812" spans="1:4" x14ac:dyDescent="0.25">
      <c r="A24812" t="s">
        <v>38069</v>
      </c>
      <c r="B24812" t="s">
        <v>1001</v>
      </c>
      <c r="C24812">
        <v>1</v>
      </c>
      <c r="D24812">
        <v>0</v>
      </c>
    </row>
    <row r="24813" spans="1:4" x14ac:dyDescent="0.25">
      <c r="A24813" t="s">
        <v>38072</v>
      </c>
      <c r="B24813" t="s">
        <v>398</v>
      </c>
      <c r="C24813">
        <v>0</v>
      </c>
      <c r="D24813">
        <v>0</v>
      </c>
    </row>
    <row r="24814" spans="1:4" x14ac:dyDescent="0.25">
      <c r="A24814" t="s">
        <v>38073</v>
      </c>
      <c r="B24814" t="s">
        <v>38074</v>
      </c>
      <c r="C24814">
        <v>0</v>
      </c>
      <c r="D24814">
        <v>0</v>
      </c>
    </row>
    <row r="24815" spans="1:4" x14ac:dyDescent="0.25">
      <c r="A24815" t="s">
        <v>38073</v>
      </c>
      <c r="B24815" t="s">
        <v>38075</v>
      </c>
      <c r="C24815">
        <v>2</v>
      </c>
      <c r="D24815">
        <v>0</v>
      </c>
    </row>
    <row r="24816" spans="1:4" x14ac:dyDescent="0.25">
      <c r="A24816" t="s">
        <v>38076</v>
      </c>
      <c r="B24816" t="s">
        <v>38077</v>
      </c>
      <c r="C24816">
        <v>0</v>
      </c>
      <c r="D24816">
        <v>0</v>
      </c>
    </row>
    <row r="24817" spans="1:4" x14ac:dyDescent="0.25">
      <c r="A24817" t="s">
        <v>38076</v>
      </c>
      <c r="B24817" t="s">
        <v>38078</v>
      </c>
      <c r="C24817">
        <v>0</v>
      </c>
      <c r="D24817">
        <v>0</v>
      </c>
    </row>
    <row r="24818" spans="1:4" x14ac:dyDescent="0.25">
      <c r="A24818" t="s">
        <v>38079</v>
      </c>
      <c r="B24818" t="s">
        <v>38080</v>
      </c>
      <c r="C24818">
        <v>1</v>
      </c>
      <c r="D24818">
        <v>0</v>
      </c>
    </row>
    <row r="24819" spans="1:4" x14ac:dyDescent="0.25">
      <c r="A24819" t="s">
        <v>38079</v>
      </c>
      <c r="B24819" t="s">
        <v>35537</v>
      </c>
      <c r="C24819">
        <v>1</v>
      </c>
      <c r="D24819">
        <v>0</v>
      </c>
    </row>
    <row r="24820" spans="1:4" x14ac:dyDescent="0.25">
      <c r="A24820" t="s">
        <v>38079</v>
      </c>
      <c r="B24820" t="s">
        <v>38081</v>
      </c>
      <c r="C24820">
        <v>0</v>
      </c>
      <c r="D24820">
        <v>0</v>
      </c>
    </row>
    <row r="24821" spans="1:4" x14ac:dyDescent="0.25">
      <c r="A24821" t="s">
        <v>38082</v>
      </c>
      <c r="B24821" t="s">
        <v>38083</v>
      </c>
      <c r="C24821">
        <v>0</v>
      </c>
      <c r="D24821">
        <v>0</v>
      </c>
    </row>
    <row r="24822" spans="1:4" x14ac:dyDescent="0.25">
      <c r="A24822" t="s">
        <v>38084</v>
      </c>
      <c r="B24822" t="s">
        <v>38085</v>
      </c>
      <c r="C24822">
        <v>1</v>
      </c>
      <c r="D24822">
        <v>0</v>
      </c>
    </row>
    <row r="24823" spans="1:4" x14ac:dyDescent="0.25">
      <c r="A24823" t="s">
        <v>38084</v>
      </c>
      <c r="B24823" t="s">
        <v>38086</v>
      </c>
      <c r="C24823">
        <v>2</v>
      </c>
      <c r="D24823">
        <v>0</v>
      </c>
    </row>
    <row r="24824" spans="1:4" x14ac:dyDescent="0.25">
      <c r="A24824" t="s">
        <v>38084</v>
      </c>
      <c r="B24824" t="s">
        <v>38087</v>
      </c>
      <c r="C24824">
        <v>2</v>
      </c>
      <c r="D24824">
        <v>0</v>
      </c>
    </row>
    <row r="24825" spans="1:4" x14ac:dyDescent="0.25">
      <c r="A24825" t="s">
        <v>38088</v>
      </c>
      <c r="B24825" t="s">
        <v>38089</v>
      </c>
      <c r="C24825">
        <v>1</v>
      </c>
      <c r="D24825">
        <v>0</v>
      </c>
    </row>
    <row r="24826" spans="1:4" x14ac:dyDescent="0.25">
      <c r="A24826" t="s">
        <v>38088</v>
      </c>
      <c r="B24826" t="s">
        <v>38090</v>
      </c>
      <c r="C24826">
        <v>1</v>
      </c>
      <c r="D24826">
        <v>0</v>
      </c>
    </row>
    <row r="24827" spans="1:4" x14ac:dyDescent="0.25">
      <c r="A24827" t="s">
        <v>38088</v>
      </c>
      <c r="B24827" t="s">
        <v>38091</v>
      </c>
      <c r="C24827">
        <v>1</v>
      </c>
      <c r="D24827">
        <v>0</v>
      </c>
    </row>
    <row r="24828" spans="1:4" x14ac:dyDescent="0.25">
      <c r="A24828" t="s">
        <v>38092</v>
      </c>
      <c r="B24828" t="s">
        <v>38093</v>
      </c>
      <c r="C24828">
        <v>1</v>
      </c>
      <c r="D24828">
        <v>0</v>
      </c>
    </row>
    <row r="24829" spans="1:4" x14ac:dyDescent="0.25">
      <c r="A24829" t="s">
        <v>38094</v>
      </c>
      <c r="B24829" t="s">
        <v>38095</v>
      </c>
      <c r="C24829">
        <v>1</v>
      </c>
      <c r="D24829">
        <v>0</v>
      </c>
    </row>
    <row r="24830" spans="1:4" x14ac:dyDescent="0.25">
      <c r="A24830" t="s">
        <v>38096</v>
      </c>
      <c r="B24830" t="s">
        <v>38097</v>
      </c>
      <c r="C24830">
        <v>1</v>
      </c>
      <c r="D24830">
        <v>0</v>
      </c>
    </row>
    <row r="24831" spans="1:4" x14ac:dyDescent="0.25">
      <c r="A24831" t="s">
        <v>38096</v>
      </c>
      <c r="B24831" t="s">
        <v>9003</v>
      </c>
      <c r="C24831">
        <v>0</v>
      </c>
      <c r="D24831">
        <v>0</v>
      </c>
    </row>
    <row r="24832" spans="1:4" x14ac:dyDescent="0.25">
      <c r="A24832" t="s">
        <v>38098</v>
      </c>
      <c r="B24832" t="s">
        <v>38099</v>
      </c>
      <c r="C24832">
        <v>1</v>
      </c>
      <c r="D24832">
        <v>0</v>
      </c>
    </row>
    <row r="24833" spans="1:4" x14ac:dyDescent="0.25">
      <c r="A24833" t="s">
        <v>38100</v>
      </c>
      <c r="B24833" t="s">
        <v>38101</v>
      </c>
      <c r="C24833">
        <v>2</v>
      </c>
      <c r="D24833">
        <v>0</v>
      </c>
    </row>
    <row r="24834" spans="1:4" x14ac:dyDescent="0.25">
      <c r="A24834" t="s">
        <v>38100</v>
      </c>
      <c r="B24834" t="s">
        <v>38102</v>
      </c>
      <c r="C24834">
        <v>2</v>
      </c>
      <c r="D24834">
        <v>0</v>
      </c>
    </row>
    <row r="24835" spans="1:4" x14ac:dyDescent="0.25">
      <c r="A24835" t="s">
        <v>38100</v>
      </c>
      <c r="B24835" t="s">
        <v>38103</v>
      </c>
      <c r="C24835">
        <v>0</v>
      </c>
      <c r="D24835">
        <v>0</v>
      </c>
    </row>
    <row r="24836" spans="1:4" x14ac:dyDescent="0.25">
      <c r="A24836" t="s">
        <v>38104</v>
      </c>
      <c r="B24836" t="s">
        <v>38105</v>
      </c>
      <c r="C24836">
        <v>1</v>
      </c>
      <c r="D24836">
        <v>0</v>
      </c>
    </row>
    <row r="24837" spans="1:4" x14ac:dyDescent="0.25">
      <c r="A24837" t="s">
        <v>38104</v>
      </c>
      <c r="B24837" t="s">
        <v>38106</v>
      </c>
      <c r="C24837">
        <v>1</v>
      </c>
      <c r="D24837">
        <v>0</v>
      </c>
    </row>
    <row r="24838" spans="1:4" x14ac:dyDescent="0.25">
      <c r="A24838" t="s">
        <v>38107</v>
      </c>
      <c r="B24838" t="s">
        <v>38108</v>
      </c>
      <c r="C24838">
        <v>0</v>
      </c>
      <c r="D24838">
        <v>0</v>
      </c>
    </row>
    <row r="24839" spans="1:4" x14ac:dyDescent="0.25">
      <c r="A24839" t="s">
        <v>38107</v>
      </c>
      <c r="B24839" t="s">
        <v>1170</v>
      </c>
      <c r="C24839">
        <v>0</v>
      </c>
      <c r="D24839">
        <v>0</v>
      </c>
    </row>
    <row r="24840" spans="1:4" x14ac:dyDescent="0.25">
      <c r="A24840" t="s">
        <v>38109</v>
      </c>
      <c r="B24840" t="s">
        <v>38110</v>
      </c>
      <c r="C24840">
        <v>1</v>
      </c>
      <c r="D24840">
        <v>0</v>
      </c>
    </row>
    <row r="24841" spans="1:4" x14ac:dyDescent="0.25">
      <c r="A24841" t="s">
        <v>38109</v>
      </c>
      <c r="B24841" t="s">
        <v>38111</v>
      </c>
      <c r="C24841">
        <v>1</v>
      </c>
      <c r="D24841">
        <v>0</v>
      </c>
    </row>
    <row r="24842" spans="1:4" x14ac:dyDescent="0.25">
      <c r="A24842" t="s">
        <v>38112</v>
      </c>
      <c r="B24842" t="s">
        <v>1629</v>
      </c>
      <c r="C24842">
        <v>1</v>
      </c>
      <c r="D24842">
        <v>0</v>
      </c>
    </row>
    <row r="24843" spans="1:4" x14ac:dyDescent="0.25">
      <c r="A24843" t="s">
        <v>38112</v>
      </c>
      <c r="B24843" t="s">
        <v>38113</v>
      </c>
      <c r="C24843">
        <v>0</v>
      </c>
      <c r="D24843">
        <v>0</v>
      </c>
    </row>
    <row r="24844" spans="1:4" x14ac:dyDescent="0.25">
      <c r="A24844" t="s">
        <v>38114</v>
      </c>
      <c r="B24844" t="s">
        <v>38115</v>
      </c>
      <c r="C24844">
        <v>1</v>
      </c>
      <c r="D24844">
        <v>0</v>
      </c>
    </row>
    <row r="24845" spans="1:4" x14ac:dyDescent="0.25">
      <c r="A24845" t="s">
        <v>38114</v>
      </c>
      <c r="B24845" t="s">
        <v>38116</v>
      </c>
      <c r="C24845">
        <v>1</v>
      </c>
      <c r="D24845">
        <v>0</v>
      </c>
    </row>
    <row r="24846" spans="1:4" x14ac:dyDescent="0.25">
      <c r="A24846" t="s">
        <v>38114</v>
      </c>
      <c r="B24846" t="s">
        <v>38117</v>
      </c>
      <c r="C24846">
        <v>2</v>
      </c>
      <c r="D24846">
        <v>0</v>
      </c>
    </row>
    <row r="24847" spans="1:4" x14ac:dyDescent="0.25">
      <c r="A24847" t="s">
        <v>38118</v>
      </c>
      <c r="B24847" t="s">
        <v>38119</v>
      </c>
      <c r="C24847">
        <v>0</v>
      </c>
      <c r="D24847">
        <v>0</v>
      </c>
    </row>
    <row r="24848" spans="1:4" x14ac:dyDescent="0.25">
      <c r="A24848" t="s">
        <v>38118</v>
      </c>
      <c r="B24848" t="s">
        <v>38120</v>
      </c>
      <c r="C24848">
        <v>1</v>
      </c>
      <c r="D24848">
        <v>0</v>
      </c>
    </row>
    <row r="24849" spans="1:4" x14ac:dyDescent="0.25">
      <c r="A24849" t="s">
        <v>38121</v>
      </c>
      <c r="B24849" t="s">
        <v>38122</v>
      </c>
      <c r="C24849">
        <v>1</v>
      </c>
      <c r="D24849">
        <v>0</v>
      </c>
    </row>
    <row r="24850" spans="1:4" x14ac:dyDescent="0.25">
      <c r="A24850" t="s">
        <v>38121</v>
      </c>
      <c r="B24850" t="s">
        <v>1001</v>
      </c>
      <c r="C24850">
        <v>1</v>
      </c>
      <c r="D24850">
        <v>0</v>
      </c>
    </row>
    <row r="24851" spans="1:4" x14ac:dyDescent="0.25">
      <c r="A24851" t="s">
        <v>38121</v>
      </c>
      <c r="B24851" t="s">
        <v>38123</v>
      </c>
      <c r="C24851">
        <v>0</v>
      </c>
      <c r="D24851">
        <v>0</v>
      </c>
    </row>
    <row r="24852" spans="1:4" x14ac:dyDescent="0.25">
      <c r="A24852" t="s">
        <v>38124</v>
      </c>
      <c r="B24852" t="s">
        <v>38125</v>
      </c>
      <c r="C24852">
        <v>0</v>
      </c>
      <c r="D24852">
        <v>0</v>
      </c>
    </row>
    <row r="24853" spans="1:4" x14ac:dyDescent="0.25">
      <c r="A24853" t="s">
        <v>38126</v>
      </c>
      <c r="B24853" t="s">
        <v>38127</v>
      </c>
      <c r="C24853">
        <v>0</v>
      </c>
      <c r="D24853">
        <v>0</v>
      </c>
    </row>
    <row r="24854" spans="1:4" x14ac:dyDescent="0.25">
      <c r="A24854" t="s">
        <v>38128</v>
      </c>
      <c r="B24854" t="s">
        <v>38129</v>
      </c>
      <c r="C24854">
        <v>0</v>
      </c>
      <c r="D24854">
        <v>0</v>
      </c>
    </row>
    <row r="24855" spans="1:4" x14ac:dyDescent="0.25">
      <c r="A24855" t="s">
        <v>38128</v>
      </c>
      <c r="B24855" t="s">
        <v>38130</v>
      </c>
      <c r="C24855">
        <v>2</v>
      </c>
      <c r="D24855">
        <v>0</v>
      </c>
    </row>
    <row r="24856" spans="1:4" x14ac:dyDescent="0.25">
      <c r="A24856" t="s">
        <v>38131</v>
      </c>
      <c r="B24856" t="s">
        <v>38132</v>
      </c>
      <c r="C24856">
        <v>1</v>
      </c>
      <c r="D24856">
        <v>0</v>
      </c>
    </row>
    <row r="24857" spans="1:4" x14ac:dyDescent="0.25">
      <c r="A24857" t="s">
        <v>38131</v>
      </c>
      <c r="B24857" t="s">
        <v>38133</v>
      </c>
      <c r="C24857">
        <v>1</v>
      </c>
      <c r="D24857">
        <v>0</v>
      </c>
    </row>
    <row r="24858" spans="1:4" x14ac:dyDescent="0.25">
      <c r="A24858" t="s">
        <v>38131</v>
      </c>
      <c r="B24858" t="s">
        <v>38134</v>
      </c>
      <c r="C24858">
        <v>1</v>
      </c>
      <c r="D24858">
        <v>0</v>
      </c>
    </row>
    <row r="24859" spans="1:4" x14ac:dyDescent="0.25">
      <c r="A24859" t="s">
        <v>38135</v>
      </c>
      <c r="B24859" t="s">
        <v>38136</v>
      </c>
      <c r="C24859">
        <v>2</v>
      </c>
      <c r="D24859">
        <v>0</v>
      </c>
    </row>
    <row r="24860" spans="1:4" x14ac:dyDescent="0.25">
      <c r="A24860" t="s">
        <v>38137</v>
      </c>
      <c r="B24860" t="s">
        <v>38138</v>
      </c>
      <c r="C24860">
        <v>1</v>
      </c>
      <c r="D24860">
        <v>0</v>
      </c>
    </row>
    <row r="24861" spans="1:4" x14ac:dyDescent="0.25">
      <c r="A24861" t="s">
        <v>38137</v>
      </c>
      <c r="B24861" t="s">
        <v>38139</v>
      </c>
      <c r="C24861">
        <v>2</v>
      </c>
      <c r="D24861">
        <v>0</v>
      </c>
    </row>
    <row r="24862" spans="1:4" x14ac:dyDescent="0.25">
      <c r="A24862" t="s">
        <v>38140</v>
      </c>
      <c r="B24862" t="s">
        <v>2267</v>
      </c>
      <c r="C24862">
        <v>0</v>
      </c>
      <c r="D24862">
        <v>0</v>
      </c>
    </row>
    <row r="24863" spans="1:4" x14ac:dyDescent="0.25">
      <c r="A24863" t="s">
        <v>38140</v>
      </c>
      <c r="B24863" t="s">
        <v>38141</v>
      </c>
      <c r="C24863">
        <v>2</v>
      </c>
      <c r="D24863">
        <v>0</v>
      </c>
    </row>
    <row r="24864" spans="1:4" x14ac:dyDescent="0.25">
      <c r="A24864" t="s">
        <v>38140</v>
      </c>
      <c r="B24864" t="s">
        <v>38142</v>
      </c>
      <c r="C24864">
        <v>0</v>
      </c>
      <c r="D24864">
        <v>0</v>
      </c>
    </row>
    <row r="24865" spans="1:4" x14ac:dyDescent="0.25">
      <c r="A24865" t="s">
        <v>38143</v>
      </c>
      <c r="B24865" t="s">
        <v>38144</v>
      </c>
      <c r="C24865">
        <v>0</v>
      </c>
      <c r="D24865">
        <v>0</v>
      </c>
    </row>
    <row r="24866" spans="1:4" x14ac:dyDescent="0.25">
      <c r="A24866" t="s">
        <v>38145</v>
      </c>
      <c r="B24866" t="s">
        <v>38146</v>
      </c>
      <c r="C24866">
        <v>1</v>
      </c>
      <c r="D24866">
        <v>0</v>
      </c>
    </row>
    <row r="24867" spans="1:4" x14ac:dyDescent="0.25">
      <c r="A24867" t="s">
        <v>38147</v>
      </c>
      <c r="B24867" t="s">
        <v>38148</v>
      </c>
      <c r="C24867">
        <v>0</v>
      </c>
      <c r="D24867">
        <v>0</v>
      </c>
    </row>
    <row r="24868" spans="1:4" x14ac:dyDescent="0.25">
      <c r="A24868" t="s">
        <v>38147</v>
      </c>
      <c r="B24868" t="s">
        <v>38149</v>
      </c>
      <c r="C24868">
        <v>1</v>
      </c>
      <c r="D24868">
        <v>0</v>
      </c>
    </row>
    <row r="24869" spans="1:4" x14ac:dyDescent="0.25">
      <c r="A24869" t="s">
        <v>38150</v>
      </c>
      <c r="B24869" t="s">
        <v>38151</v>
      </c>
      <c r="C24869">
        <v>2</v>
      </c>
      <c r="D24869">
        <v>0</v>
      </c>
    </row>
    <row r="24870" spans="1:4" x14ac:dyDescent="0.25">
      <c r="A24870" t="s">
        <v>38152</v>
      </c>
      <c r="B24870" t="s">
        <v>38153</v>
      </c>
      <c r="C24870">
        <v>2</v>
      </c>
      <c r="D24870">
        <v>0</v>
      </c>
    </row>
    <row r="24871" spans="1:4" x14ac:dyDescent="0.25">
      <c r="A24871" t="s">
        <v>38152</v>
      </c>
      <c r="B24871" t="s">
        <v>38154</v>
      </c>
      <c r="C24871">
        <v>1</v>
      </c>
      <c r="D24871">
        <v>0</v>
      </c>
    </row>
    <row r="24872" spans="1:4" x14ac:dyDescent="0.25">
      <c r="A24872" t="s">
        <v>38155</v>
      </c>
      <c r="B24872" t="s">
        <v>38156</v>
      </c>
      <c r="C24872">
        <v>0</v>
      </c>
      <c r="D24872">
        <v>0</v>
      </c>
    </row>
    <row r="24873" spans="1:4" x14ac:dyDescent="0.25">
      <c r="A24873" t="s">
        <v>38155</v>
      </c>
      <c r="B24873" t="s">
        <v>38157</v>
      </c>
      <c r="C24873">
        <v>2</v>
      </c>
      <c r="D24873">
        <v>0</v>
      </c>
    </row>
    <row r="24874" spans="1:4" x14ac:dyDescent="0.25">
      <c r="A24874" t="s">
        <v>38155</v>
      </c>
      <c r="B24874" t="s">
        <v>38158</v>
      </c>
      <c r="C24874">
        <v>0</v>
      </c>
      <c r="D24874">
        <v>0</v>
      </c>
    </row>
    <row r="24875" spans="1:4" x14ac:dyDescent="0.25">
      <c r="A24875" t="s">
        <v>38159</v>
      </c>
      <c r="B24875" t="s">
        <v>38160</v>
      </c>
      <c r="C24875">
        <v>1</v>
      </c>
      <c r="D24875">
        <v>0</v>
      </c>
    </row>
    <row r="24876" spans="1:4" x14ac:dyDescent="0.25">
      <c r="A24876" t="s">
        <v>38159</v>
      </c>
      <c r="B24876" t="s">
        <v>38161</v>
      </c>
      <c r="C24876">
        <v>1</v>
      </c>
      <c r="D24876">
        <v>0</v>
      </c>
    </row>
    <row r="24877" spans="1:4" x14ac:dyDescent="0.25">
      <c r="A24877" t="s">
        <v>38159</v>
      </c>
      <c r="B24877" t="s">
        <v>38162</v>
      </c>
      <c r="C24877">
        <v>2</v>
      </c>
      <c r="D24877">
        <v>0</v>
      </c>
    </row>
    <row r="24878" spans="1:4" x14ac:dyDescent="0.25">
      <c r="A24878" t="s">
        <v>38163</v>
      </c>
      <c r="B24878" t="s">
        <v>38164</v>
      </c>
      <c r="C24878">
        <v>0</v>
      </c>
      <c r="D24878">
        <v>0</v>
      </c>
    </row>
    <row r="24879" spans="1:4" x14ac:dyDescent="0.25">
      <c r="A24879" t="s">
        <v>38163</v>
      </c>
      <c r="B24879" t="s">
        <v>38165</v>
      </c>
      <c r="C24879">
        <v>2</v>
      </c>
      <c r="D24879">
        <v>0</v>
      </c>
    </row>
    <row r="24880" spans="1:4" x14ac:dyDescent="0.25">
      <c r="A24880" t="s">
        <v>38166</v>
      </c>
      <c r="B24880" t="s">
        <v>38167</v>
      </c>
      <c r="C24880">
        <v>1</v>
      </c>
      <c r="D24880">
        <v>0</v>
      </c>
    </row>
    <row r="24881" spans="1:4" x14ac:dyDescent="0.25">
      <c r="A24881" t="s">
        <v>38168</v>
      </c>
      <c r="B24881" t="s">
        <v>38169</v>
      </c>
      <c r="C24881">
        <v>1</v>
      </c>
      <c r="D24881">
        <v>0</v>
      </c>
    </row>
    <row r="24882" spans="1:4" x14ac:dyDescent="0.25">
      <c r="A24882" t="s">
        <v>38168</v>
      </c>
      <c r="B24882" t="s">
        <v>38170</v>
      </c>
      <c r="C24882">
        <v>1</v>
      </c>
      <c r="D24882">
        <v>0</v>
      </c>
    </row>
    <row r="24883" spans="1:4" x14ac:dyDescent="0.25">
      <c r="A24883" t="s">
        <v>38171</v>
      </c>
      <c r="B24883" t="s">
        <v>816</v>
      </c>
      <c r="C24883">
        <v>1</v>
      </c>
      <c r="D24883">
        <v>0</v>
      </c>
    </row>
    <row r="24884" spans="1:4" x14ac:dyDescent="0.25">
      <c r="A24884" t="s">
        <v>38172</v>
      </c>
      <c r="B24884" t="s">
        <v>38173</v>
      </c>
      <c r="C24884">
        <v>0</v>
      </c>
      <c r="D24884">
        <v>0</v>
      </c>
    </row>
    <row r="24885" spans="1:4" x14ac:dyDescent="0.25">
      <c r="A24885" t="s">
        <v>38172</v>
      </c>
      <c r="B24885" t="s">
        <v>38174</v>
      </c>
      <c r="C24885">
        <v>2</v>
      </c>
      <c r="D24885">
        <v>0</v>
      </c>
    </row>
    <row r="24886" spans="1:4" x14ac:dyDescent="0.25">
      <c r="A24886" t="s">
        <v>38172</v>
      </c>
      <c r="B24886" t="s">
        <v>38175</v>
      </c>
      <c r="C24886">
        <v>1</v>
      </c>
      <c r="D24886">
        <v>0</v>
      </c>
    </row>
    <row r="24887" spans="1:4" x14ac:dyDescent="0.25">
      <c r="A24887" t="s">
        <v>38176</v>
      </c>
      <c r="B24887" t="s">
        <v>38177</v>
      </c>
      <c r="C24887">
        <v>2</v>
      </c>
      <c r="D24887">
        <v>0</v>
      </c>
    </row>
    <row r="24888" spans="1:4" x14ac:dyDescent="0.25">
      <c r="A24888" t="s">
        <v>38178</v>
      </c>
      <c r="B24888" t="s">
        <v>38179</v>
      </c>
      <c r="C24888">
        <v>1</v>
      </c>
      <c r="D24888">
        <v>0</v>
      </c>
    </row>
    <row r="24889" spans="1:4" x14ac:dyDescent="0.25">
      <c r="A24889" t="s">
        <v>38178</v>
      </c>
      <c r="B24889" t="s">
        <v>38180</v>
      </c>
      <c r="C24889">
        <v>1</v>
      </c>
      <c r="D24889">
        <v>0</v>
      </c>
    </row>
    <row r="24890" spans="1:4" x14ac:dyDescent="0.25">
      <c r="A24890" t="s">
        <v>38181</v>
      </c>
      <c r="B24890" t="s">
        <v>398</v>
      </c>
      <c r="C24890">
        <v>0</v>
      </c>
      <c r="D24890">
        <v>0</v>
      </c>
    </row>
    <row r="24891" spans="1:4" x14ac:dyDescent="0.25">
      <c r="A24891" t="s">
        <v>38182</v>
      </c>
      <c r="B24891" t="s">
        <v>38183</v>
      </c>
      <c r="C24891">
        <v>0</v>
      </c>
      <c r="D24891">
        <v>0</v>
      </c>
    </row>
    <row r="24892" spans="1:4" x14ac:dyDescent="0.25">
      <c r="A24892" t="s">
        <v>38184</v>
      </c>
      <c r="B24892" t="s">
        <v>38185</v>
      </c>
      <c r="C24892">
        <v>0</v>
      </c>
      <c r="D24892">
        <v>0</v>
      </c>
    </row>
    <row r="24893" spans="1:4" x14ac:dyDescent="0.25">
      <c r="A24893" t="s">
        <v>38184</v>
      </c>
      <c r="B24893" t="s">
        <v>38186</v>
      </c>
      <c r="C24893">
        <v>2</v>
      </c>
      <c r="D24893">
        <v>0</v>
      </c>
    </row>
    <row r="24894" spans="1:4" x14ac:dyDescent="0.25">
      <c r="A24894" t="s">
        <v>38187</v>
      </c>
      <c r="B24894" t="s">
        <v>38188</v>
      </c>
      <c r="C24894">
        <v>2</v>
      </c>
      <c r="D24894">
        <v>0</v>
      </c>
    </row>
    <row r="24895" spans="1:4" x14ac:dyDescent="0.25">
      <c r="A24895" t="s">
        <v>38187</v>
      </c>
      <c r="B24895" t="s">
        <v>38189</v>
      </c>
      <c r="C24895">
        <v>1</v>
      </c>
      <c r="D24895">
        <v>0</v>
      </c>
    </row>
    <row r="24896" spans="1:4" x14ac:dyDescent="0.25">
      <c r="A24896" t="s">
        <v>38187</v>
      </c>
      <c r="B24896" t="s">
        <v>38190</v>
      </c>
      <c r="C24896">
        <v>1</v>
      </c>
      <c r="D24896">
        <v>0</v>
      </c>
    </row>
    <row r="24897" spans="1:4" x14ac:dyDescent="0.25">
      <c r="A24897" t="s">
        <v>38191</v>
      </c>
      <c r="B24897" t="s">
        <v>38192</v>
      </c>
      <c r="C24897">
        <v>1</v>
      </c>
      <c r="D24897">
        <v>0</v>
      </c>
    </row>
    <row r="24898" spans="1:4" x14ac:dyDescent="0.25">
      <c r="A24898" t="s">
        <v>38191</v>
      </c>
      <c r="B24898" t="s">
        <v>38193</v>
      </c>
      <c r="C24898">
        <v>1</v>
      </c>
      <c r="D24898">
        <v>0</v>
      </c>
    </row>
    <row r="24899" spans="1:4" x14ac:dyDescent="0.25">
      <c r="A24899" t="s">
        <v>38194</v>
      </c>
      <c r="B24899" t="s">
        <v>38195</v>
      </c>
      <c r="C24899">
        <v>2</v>
      </c>
      <c r="D24899">
        <v>0</v>
      </c>
    </row>
    <row r="24900" spans="1:4" x14ac:dyDescent="0.25">
      <c r="A24900" t="s">
        <v>38194</v>
      </c>
      <c r="B24900" t="s">
        <v>38196</v>
      </c>
      <c r="C24900">
        <v>2</v>
      </c>
      <c r="D24900">
        <v>0</v>
      </c>
    </row>
    <row r="24901" spans="1:4" x14ac:dyDescent="0.25">
      <c r="A24901" t="s">
        <v>38197</v>
      </c>
      <c r="B24901" t="s">
        <v>38198</v>
      </c>
      <c r="C24901">
        <v>0</v>
      </c>
      <c r="D24901">
        <v>0</v>
      </c>
    </row>
    <row r="24902" spans="1:4" x14ac:dyDescent="0.25">
      <c r="A24902" t="s">
        <v>38197</v>
      </c>
      <c r="B24902" t="s">
        <v>33714</v>
      </c>
      <c r="C24902">
        <v>0</v>
      </c>
      <c r="D24902">
        <v>0</v>
      </c>
    </row>
    <row r="24903" spans="1:4" x14ac:dyDescent="0.25">
      <c r="A24903" t="s">
        <v>38199</v>
      </c>
      <c r="B24903" t="s">
        <v>4247</v>
      </c>
      <c r="C24903">
        <v>0</v>
      </c>
      <c r="D24903">
        <v>0</v>
      </c>
    </row>
    <row r="24904" spans="1:4" x14ac:dyDescent="0.25">
      <c r="A24904" t="s">
        <v>38200</v>
      </c>
      <c r="B24904" t="s">
        <v>3807</v>
      </c>
      <c r="C24904">
        <v>0</v>
      </c>
      <c r="D24904">
        <v>0</v>
      </c>
    </row>
    <row r="24905" spans="1:4" x14ac:dyDescent="0.25">
      <c r="A24905" t="s">
        <v>38200</v>
      </c>
      <c r="B24905" t="s">
        <v>38201</v>
      </c>
      <c r="C24905">
        <v>2</v>
      </c>
      <c r="D24905">
        <v>0</v>
      </c>
    </row>
    <row r="24906" spans="1:4" x14ac:dyDescent="0.25">
      <c r="A24906" t="s">
        <v>38200</v>
      </c>
      <c r="B24906" t="s">
        <v>38202</v>
      </c>
      <c r="C24906">
        <v>1</v>
      </c>
      <c r="D24906">
        <v>0</v>
      </c>
    </row>
    <row r="24907" spans="1:4" x14ac:dyDescent="0.25">
      <c r="A24907" t="s">
        <v>38203</v>
      </c>
      <c r="B24907" t="s">
        <v>38204</v>
      </c>
      <c r="C24907">
        <v>1</v>
      </c>
      <c r="D24907">
        <v>0</v>
      </c>
    </row>
    <row r="24908" spans="1:4" x14ac:dyDescent="0.25">
      <c r="A24908" t="s">
        <v>38203</v>
      </c>
      <c r="B24908" t="s">
        <v>38205</v>
      </c>
      <c r="C24908">
        <v>0</v>
      </c>
      <c r="D24908">
        <v>0</v>
      </c>
    </row>
    <row r="24909" spans="1:4" x14ac:dyDescent="0.25">
      <c r="A24909" t="s">
        <v>38203</v>
      </c>
      <c r="B24909" t="s">
        <v>816</v>
      </c>
      <c r="C24909">
        <v>1</v>
      </c>
      <c r="D24909">
        <v>0</v>
      </c>
    </row>
    <row r="24910" spans="1:4" x14ac:dyDescent="0.25">
      <c r="A24910" t="s">
        <v>38206</v>
      </c>
      <c r="B24910" t="s">
        <v>969</v>
      </c>
      <c r="C24910">
        <v>0</v>
      </c>
      <c r="D24910">
        <v>0</v>
      </c>
    </row>
    <row r="24911" spans="1:4" x14ac:dyDescent="0.25">
      <c r="A24911" t="s">
        <v>38207</v>
      </c>
      <c r="B24911" t="s">
        <v>38208</v>
      </c>
      <c r="C24911">
        <v>1</v>
      </c>
      <c r="D24911">
        <v>0</v>
      </c>
    </row>
    <row r="24912" spans="1:4" x14ac:dyDescent="0.25">
      <c r="A24912" t="s">
        <v>38209</v>
      </c>
      <c r="B24912" t="s">
        <v>38210</v>
      </c>
      <c r="C24912">
        <v>2</v>
      </c>
      <c r="D24912">
        <v>0</v>
      </c>
    </row>
    <row r="24913" spans="1:4" x14ac:dyDescent="0.25">
      <c r="A24913" t="s">
        <v>38209</v>
      </c>
      <c r="B24913" t="s">
        <v>38211</v>
      </c>
      <c r="C24913">
        <v>2</v>
      </c>
      <c r="D24913">
        <v>0</v>
      </c>
    </row>
    <row r="24914" spans="1:4" x14ac:dyDescent="0.25">
      <c r="A24914" t="s">
        <v>38212</v>
      </c>
      <c r="B24914" t="s">
        <v>38213</v>
      </c>
      <c r="C24914">
        <v>1</v>
      </c>
      <c r="D24914">
        <v>0</v>
      </c>
    </row>
    <row r="24915" spans="1:4" x14ac:dyDescent="0.25">
      <c r="A24915" t="s">
        <v>38212</v>
      </c>
      <c r="B24915" t="s">
        <v>38214</v>
      </c>
      <c r="C24915">
        <v>0</v>
      </c>
      <c r="D24915">
        <v>0</v>
      </c>
    </row>
    <row r="24916" spans="1:4" x14ac:dyDescent="0.25">
      <c r="A24916" t="s">
        <v>38212</v>
      </c>
      <c r="B24916" t="s">
        <v>38215</v>
      </c>
      <c r="C24916">
        <v>0</v>
      </c>
      <c r="D24916">
        <v>0</v>
      </c>
    </row>
    <row r="24917" spans="1:4" x14ac:dyDescent="0.25">
      <c r="A24917" t="s">
        <v>38216</v>
      </c>
      <c r="B24917" t="s">
        <v>38217</v>
      </c>
      <c r="C24917">
        <v>2</v>
      </c>
      <c r="D24917">
        <v>0</v>
      </c>
    </row>
    <row r="24918" spans="1:4" x14ac:dyDescent="0.25">
      <c r="A24918" t="s">
        <v>38216</v>
      </c>
      <c r="B24918" t="s">
        <v>31420</v>
      </c>
      <c r="C24918">
        <v>1</v>
      </c>
      <c r="D24918">
        <v>0</v>
      </c>
    </row>
    <row r="24919" spans="1:4" x14ac:dyDescent="0.25">
      <c r="A24919" t="s">
        <v>38218</v>
      </c>
      <c r="B24919" t="s">
        <v>38219</v>
      </c>
      <c r="C24919">
        <v>0</v>
      </c>
      <c r="D24919">
        <v>0</v>
      </c>
    </row>
    <row r="24920" spans="1:4" x14ac:dyDescent="0.25">
      <c r="A24920" t="s">
        <v>38220</v>
      </c>
      <c r="B24920" t="s">
        <v>20641</v>
      </c>
      <c r="C24920">
        <v>0</v>
      </c>
      <c r="D24920">
        <v>0</v>
      </c>
    </row>
    <row r="24921" spans="1:4" x14ac:dyDescent="0.25">
      <c r="A24921" t="s">
        <v>38220</v>
      </c>
      <c r="B24921" t="s">
        <v>38221</v>
      </c>
      <c r="C24921">
        <v>1</v>
      </c>
      <c r="D24921">
        <v>0</v>
      </c>
    </row>
    <row r="24922" spans="1:4" x14ac:dyDescent="0.25">
      <c r="A24922" t="s">
        <v>38220</v>
      </c>
      <c r="B24922" t="s">
        <v>38222</v>
      </c>
      <c r="C24922">
        <v>0</v>
      </c>
      <c r="D24922">
        <v>0</v>
      </c>
    </row>
    <row r="24923" spans="1:4" x14ac:dyDescent="0.25">
      <c r="A24923" t="s">
        <v>38223</v>
      </c>
      <c r="B24923" t="s">
        <v>1499</v>
      </c>
      <c r="C24923">
        <v>1</v>
      </c>
      <c r="D24923">
        <v>0</v>
      </c>
    </row>
    <row r="24924" spans="1:4" x14ac:dyDescent="0.25">
      <c r="A24924" t="s">
        <v>38224</v>
      </c>
      <c r="B24924" t="s">
        <v>38225</v>
      </c>
      <c r="C24924">
        <v>2</v>
      </c>
      <c r="D24924">
        <v>0</v>
      </c>
    </row>
    <row r="24925" spans="1:4" x14ac:dyDescent="0.25">
      <c r="A24925" t="s">
        <v>38226</v>
      </c>
      <c r="B24925" t="s">
        <v>38227</v>
      </c>
      <c r="C24925">
        <v>0</v>
      </c>
      <c r="D24925">
        <v>0</v>
      </c>
    </row>
    <row r="24926" spans="1:4" x14ac:dyDescent="0.25">
      <c r="A24926" t="s">
        <v>38228</v>
      </c>
      <c r="B24926" t="s">
        <v>38229</v>
      </c>
      <c r="C24926">
        <v>1</v>
      </c>
      <c r="D24926">
        <v>0</v>
      </c>
    </row>
    <row r="24927" spans="1:4" x14ac:dyDescent="0.25">
      <c r="A24927" t="s">
        <v>38228</v>
      </c>
      <c r="B24927" t="s">
        <v>38230</v>
      </c>
      <c r="C24927">
        <v>1</v>
      </c>
      <c r="D24927">
        <v>0</v>
      </c>
    </row>
    <row r="24928" spans="1:4" x14ac:dyDescent="0.25">
      <c r="A24928" t="s">
        <v>38228</v>
      </c>
      <c r="B24928" t="s">
        <v>38231</v>
      </c>
      <c r="C24928">
        <v>1</v>
      </c>
      <c r="D24928">
        <v>0</v>
      </c>
    </row>
    <row r="24929" spans="1:4" x14ac:dyDescent="0.25">
      <c r="A24929" t="s">
        <v>38232</v>
      </c>
      <c r="B24929" t="s">
        <v>4422</v>
      </c>
      <c r="C24929">
        <v>1</v>
      </c>
      <c r="D24929">
        <v>0</v>
      </c>
    </row>
    <row r="24930" spans="1:4" x14ac:dyDescent="0.25">
      <c r="A24930" t="s">
        <v>38233</v>
      </c>
      <c r="B24930" t="s">
        <v>38234</v>
      </c>
      <c r="C24930">
        <v>2</v>
      </c>
      <c r="D24930">
        <v>0</v>
      </c>
    </row>
    <row r="24931" spans="1:4" x14ac:dyDescent="0.25">
      <c r="A24931" t="s">
        <v>38233</v>
      </c>
      <c r="B24931" t="s">
        <v>38235</v>
      </c>
      <c r="C24931">
        <v>1</v>
      </c>
      <c r="D24931">
        <v>0</v>
      </c>
    </row>
    <row r="24932" spans="1:4" x14ac:dyDescent="0.25">
      <c r="A24932" t="s">
        <v>38233</v>
      </c>
      <c r="B24932" t="s">
        <v>38236</v>
      </c>
      <c r="C24932">
        <v>2</v>
      </c>
      <c r="D24932">
        <v>0</v>
      </c>
    </row>
    <row r="24933" spans="1:4" x14ac:dyDescent="0.25">
      <c r="A24933" t="s">
        <v>38237</v>
      </c>
      <c r="B24933" t="s">
        <v>38238</v>
      </c>
      <c r="C24933">
        <v>2</v>
      </c>
      <c r="D24933">
        <v>0</v>
      </c>
    </row>
    <row r="24934" spans="1:4" x14ac:dyDescent="0.25">
      <c r="A24934" t="s">
        <v>38237</v>
      </c>
      <c r="B24934" t="s">
        <v>816</v>
      </c>
      <c r="C24934">
        <v>1</v>
      </c>
      <c r="D24934">
        <v>0</v>
      </c>
    </row>
    <row r="24935" spans="1:4" x14ac:dyDescent="0.25">
      <c r="A24935" t="s">
        <v>38239</v>
      </c>
      <c r="B24935" t="s">
        <v>38240</v>
      </c>
      <c r="C24935">
        <v>1</v>
      </c>
      <c r="D24935">
        <v>0</v>
      </c>
    </row>
    <row r="24936" spans="1:4" x14ac:dyDescent="0.25">
      <c r="A24936" t="s">
        <v>38241</v>
      </c>
      <c r="B24936" t="s">
        <v>38242</v>
      </c>
      <c r="C24936">
        <v>2</v>
      </c>
      <c r="D24936">
        <v>0</v>
      </c>
    </row>
    <row r="24937" spans="1:4" x14ac:dyDescent="0.25">
      <c r="A24937" t="s">
        <v>38241</v>
      </c>
      <c r="B24937" t="s">
        <v>38243</v>
      </c>
      <c r="C24937">
        <v>2</v>
      </c>
      <c r="D24937">
        <v>0</v>
      </c>
    </row>
    <row r="24938" spans="1:4" x14ac:dyDescent="0.25">
      <c r="A24938" t="s">
        <v>38241</v>
      </c>
      <c r="B24938" t="s">
        <v>38244</v>
      </c>
      <c r="C24938">
        <v>1</v>
      </c>
      <c r="D24938">
        <v>0</v>
      </c>
    </row>
    <row r="24939" spans="1:4" x14ac:dyDescent="0.25">
      <c r="A24939" t="s">
        <v>38245</v>
      </c>
      <c r="B24939" t="s">
        <v>38246</v>
      </c>
      <c r="C24939">
        <v>1</v>
      </c>
      <c r="D24939">
        <v>0</v>
      </c>
    </row>
    <row r="24940" spans="1:4" x14ac:dyDescent="0.25">
      <c r="A24940" t="s">
        <v>38247</v>
      </c>
      <c r="B24940" t="s">
        <v>38248</v>
      </c>
      <c r="C24940">
        <v>1</v>
      </c>
      <c r="D24940">
        <v>0</v>
      </c>
    </row>
    <row r="24941" spans="1:4" x14ac:dyDescent="0.25">
      <c r="A24941" t="s">
        <v>38249</v>
      </c>
      <c r="B24941" t="s">
        <v>38250</v>
      </c>
      <c r="C24941">
        <v>0</v>
      </c>
      <c r="D24941">
        <v>0</v>
      </c>
    </row>
    <row r="24942" spans="1:4" x14ac:dyDescent="0.25">
      <c r="A24942" t="s">
        <v>38251</v>
      </c>
      <c r="B24942" t="s">
        <v>38252</v>
      </c>
      <c r="C24942">
        <v>0</v>
      </c>
      <c r="D24942">
        <v>0</v>
      </c>
    </row>
    <row r="24943" spans="1:4" x14ac:dyDescent="0.25">
      <c r="A24943" t="s">
        <v>38253</v>
      </c>
      <c r="B24943" t="s">
        <v>38254</v>
      </c>
      <c r="C24943">
        <v>1</v>
      </c>
      <c r="D24943">
        <v>0</v>
      </c>
    </row>
    <row r="24944" spans="1:4" x14ac:dyDescent="0.25">
      <c r="A24944" t="s">
        <v>38253</v>
      </c>
      <c r="B24944" t="s">
        <v>38255</v>
      </c>
      <c r="C24944">
        <v>0</v>
      </c>
      <c r="D24944">
        <v>0</v>
      </c>
    </row>
    <row r="24945" spans="1:4" x14ac:dyDescent="0.25">
      <c r="A24945" t="s">
        <v>38256</v>
      </c>
      <c r="B24945" t="s">
        <v>38257</v>
      </c>
      <c r="C24945">
        <v>1</v>
      </c>
      <c r="D24945">
        <v>0</v>
      </c>
    </row>
    <row r="24946" spans="1:4" x14ac:dyDescent="0.25">
      <c r="A24946" t="s">
        <v>38256</v>
      </c>
      <c r="B24946" t="s">
        <v>38258</v>
      </c>
      <c r="C24946">
        <v>0</v>
      </c>
      <c r="D24946">
        <v>0</v>
      </c>
    </row>
    <row r="24947" spans="1:4" x14ac:dyDescent="0.25">
      <c r="A24947" t="s">
        <v>38259</v>
      </c>
      <c r="B24947" t="s">
        <v>38260</v>
      </c>
      <c r="C24947">
        <v>0</v>
      </c>
      <c r="D24947">
        <v>0</v>
      </c>
    </row>
    <row r="24948" spans="1:4" x14ac:dyDescent="0.25">
      <c r="A24948" t="s">
        <v>38259</v>
      </c>
      <c r="B24948" t="s">
        <v>38261</v>
      </c>
      <c r="C24948">
        <v>1</v>
      </c>
      <c r="D24948">
        <v>0</v>
      </c>
    </row>
    <row r="24949" spans="1:4" x14ac:dyDescent="0.25">
      <c r="A24949" t="s">
        <v>38259</v>
      </c>
      <c r="B24949" t="s">
        <v>38262</v>
      </c>
      <c r="C24949">
        <v>1</v>
      </c>
      <c r="D24949">
        <v>0</v>
      </c>
    </row>
    <row r="24950" spans="1:4" x14ac:dyDescent="0.25">
      <c r="A24950" t="s">
        <v>38263</v>
      </c>
      <c r="B24950" t="s">
        <v>38264</v>
      </c>
      <c r="C24950">
        <v>0</v>
      </c>
      <c r="D24950">
        <v>0</v>
      </c>
    </row>
    <row r="24951" spans="1:4" x14ac:dyDescent="0.25">
      <c r="A24951" t="s">
        <v>38265</v>
      </c>
      <c r="B24951" t="s">
        <v>38266</v>
      </c>
      <c r="C24951">
        <v>1</v>
      </c>
      <c r="D24951">
        <v>0</v>
      </c>
    </row>
    <row r="24952" spans="1:4" x14ac:dyDescent="0.25">
      <c r="A24952" t="s">
        <v>38265</v>
      </c>
      <c r="B24952" t="s">
        <v>38267</v>
      </c>
      <c r="C24952">
        <v>1</v>
      </c>
      <c r="D24952">
        <v>0</v>
      </c>
    </row>
    <row r="24953" spans="1:4" x14ac:dyDescent="0.25">
      <c r="A24953" t="s">
        <v>38265</v>
      </c>
      <c r="B24953" t="s">
        <v>38268</v>
      </c>
      <c r="C24953">
        <v>1</v>
      </c>
      <c r="D24953">
        <v>0</v>
      </c>
    </row>
    <row r="24954" spans="1:4" x14ac:dyDescent="0.25">
      <c r="A24954" t="s">
        <v>38269</v>
      </c>
      <c r="B24954" t="s">
        <v>38270</v>
      </c>
      <c r="C24954">
        <v>1</v>
      </c>
      <c r="D24954">
        <v>0</v>
      </c>
    </row>
    <row r="24955" spans="1:4" x14ac:dyDescent="0.25">
      <c r="A24955" t="s">
        <v>38271</v>
      </c>
      <c r="B24955" t="s">
        <v>38272</v>
      </c>
      <c r="C24955">
        <v>0</v>
      </c>
      <c r="D24955">
        <v>0</v>
      </c>
    </row>
    <row r="24956" spans="1:4" x14ac:dyDescent="0.25">
      <c r="A24956" t="s">
        <v>38271</v>
      </c>
      <c r="B24956" t="s">
        <v>38273</v>
      </c>
      <c r="C24956">
        <v>1</v>
      </c>
      <c r="D24956">
        <v>0</v>
      </c>
    </row>
    <row r="24957" spans="1:4" x14ac:dyDescent="0.25">
      <c r="A24957" t="s">
        <v>38271</v>
      </c>
      <c r="B24957" t="s">
        <v>38274</v>
      </c>
      <c r="C24957">
        <v>2</v>
      </c>
      <c r="D24957">
        <v>0</v>
      </c>
    </row>
    <row r="24958" spans="1:4" x14ac:dyDescent="0.25">
      <c r="A24958" t="s">
        <v>38275</v>
      </c>
      <c r="B24958" t="s">
        <v>38276</v>
      </c>
      <c r="C24958">
        <v>1</v>
      </c>
      <c r="D24958">
        <v>0</v>
      </c>
    </row>
    <row r="24959" spans="1:4" x14ac:dyDescent="0.25">
      <c r="A24959" t="s">
        <v>38277</v>
      </c>
      <c r="B24959" t="s">
        <v>38278</v>
      </c>
      <c r="C24959">
        <v>0</v>
      </c>
      <c r="D24959">
        <v>0</v>
      </c>
    </row>
    <row r="24960" spans="1:4" x14ac:dyDescent="0.25">
      <c r="A24960" t="s">
        <v>38277</v>
      </c>
      <c r="B24960" t="s">
        <v>38279</v>
      </c>
      <c r="C24960">
        <v>2</v>
      </c>
      <c r="D24960">
        <v>0</v>
      </c>
    </row>
    <row r="24961" spans="1:4" x14ac:dyDescent="0.25">
      <c r="A24961" t="s">
        <v>38277</v>
      </c>
      <c r="B24961" t="s">
        <v>38280</v>
      </c>
      <c r="C24961">
        <v>0</v>
      </c>
      <c r="D24961">
        <v>0</v>
      </c>
    </row>
    <row r="24962" spans="1:4" x14ac:dyDescent="0.25">
      <c r="A24962" t="s">
        <v>38281</v>
      </c>
      <c r="B24962" t="s">
        <v>38282</v>
      </c>
      <c r="C24962">
        <v>1</v>
      </c>
      <c r="D24962">
        <v>0</v>
      </c>
    </row>
    <row r="24963" spans="1:4" x14ac:dyDescent="0.25">
      <c r="A24963" t="s">
        <v>38283</v>
      </c>
      <c r="B24963" t="s">
        <v>38284</v>
      </c>
      <c r="C24963">
        <v>0</v>
      </c>
      <c r="D24963">
        <v>0</v>
      </c>
    </row>
    <row r="24964" spans="1:4" x14ac:dyDescent="0.25">
      <c r="A24964" t="s">
        <v>38285</v>
      </c>
      <c r="B24964" t="s">
        <v>38286</v>
      </c>
      <c r="C24964">
        <v>1</v>
      </c>
      <c r="D24964">
        <v>0</v>
      </c>
    </row>
    <row r="24965" spans="1:4" x14ac:dyDescent="0.25">
      <c r="A24965" t="s">
        <v>38285</v>
      </c>
      <c r="B24965" t="s">
        <v>38287</v>
      </c>
      <c r="C24965">
        <v>1</v>
      </c>
      <c r="D24965">
        <v>0</v>
      </c>
    </row>
    <row r="24966" spans="1:4" x14ac:dyDescent="0.25">
      <c r="A24966" t="s">
        <v>38288</v>
      </c>
      <c r="B24966" t="s">
        <v>38289</v>
      </c>
      <c r="C24966">
        <v>2</v>
      </c>
      <c r="D24966">
        <v>0</v>
      </c>
    </row>
    <row r="24967" spans="1:4" x14ac:dyDescent="0.25">
      <c r="A24967" t="s">
        <v>38290</v>
      </c>
      <c r="B24967" t="s">
        <v>38291</v>
      </c>
      <c r="C24967">
        <v>2</v>
      </c>
      <c r="D24967">
        <v>0</v>
      </c>
    </row>
    <row r="24968" spans="1:4" x14ac:dyDescent="0.25">
      <c r="A24968" t="s">
        <v>38290</v>
      </c>
      <c r="B24968" t="s">
        <v>38292</v>
      </c>
      <c r="C24968">
        <v>2</v>
      </c>
      <c r="D24968">
        <v>0</v>
      </c>
    </row>
    <row r="24969" spans="1:4" x14ac:dyDescent="0.25">
      <c r="A24969" t="s">
        <v>38290</v>
      </c>
      <c r="B24969" t="s">
        <v>38293</v>
      </c>
      <c r="C24969">
        <v>1</v>
      </c>
      <c r="D24969">
        <v>0</v>
      </c>
    </row>
    <row r="24970" spans="1:4" x14ac:dyDescent="0.25">
      <c r="A24970" t="s">
        <v>38294</v>
      </c>
      <c r="B24970" t="s">
        <v>38295</v>
      </c>
      <c r="C24970">
        <v>2</v>
      </c>
      <c r="D24970">
        <v>0</v>
      </c>
    </row>
    <row r="24971" spans="1:4" x14ac:dyDescent="0.25">
      <c r="A24971" t="s">
        <v>38296</v>
      </c>
      <c r="B24971" t="s">
        <v>38297</v>
      </c>
      <c r="C24971">
        <v>1</v>
      </c>
      <c r="D24971">
        <v>0</v>
      </c>
    </row>
    <row r="24972" spans="1:4" x14ac:dyDescent="0.25">
      <c r="A24972" t="s">
        <v>38296</v>
      </c>
      <c r="B24972" t="s">
        <v>38298</v>
      </c>
      <c r="C24972">
        <v>2</v>
      </c>
      <c r="D24972">
        <v>0</v>
      </c>
    </row>
    <row r="24973" spans="1:4" x14ac:dyDescent="0.25">
      <c r="A24973" t="s">
        <v>38296</v>
      </c>
      <c r="B24973" t="s">
        <v>38299</v>
      </c>
      <c r="C24973">
        <v>1</v>
      </c>
      <c r="D24973">
        <v>0</v>
      </c>
    </row>
    <row r="24974" spans="1:4" x14ac:dyDescent="0.25">
      <c r="A24974" t="s">
        <v>38300</v>
      </c>
      <c r="B24974" t="s">
        <v>38301</v>
      </c>
      <c r="C24974">
        <v>1</v>
      </c>
      <c r="D24974">
        <v>0</v>
      </c>
    </row>
    <row r="24975" spans="1:4" x14ac:dyDescent="0.25">
      <c r="A24975" t="s">
        <v>38300</v>
      </c>
      <c r="B24975" t="s">
        <v>38302</v>
      </c>
      <c r="C24975">
        <v>1</v>
      </c>
      <c r="D24975">
        <v>0</v>
      </c>
    </row>
    <row r="24976" spans="1:4" x14ac:dyDescent="0.25">
      <c r="A24976" t="s">
        <v>38303</v>
      </c>
      <c r="B24976" t="s">
        <v>38304</v>
      </c>
      <c r="C24976">
        <v>0</v>
      </c>
      <c r="D24976">
        <v>0</v>
      </c>
    </row>
    <row r="24977" spans="1:4" x14ac:dyDescent="0.25">
      <c r="A24977" t="s">
        <v>38303</v>
      </c>
      <c r="B24977" t="s">
        <v>38305</v>
      </c>
      <c r="C24977">
        <v>1</v>
      </c>
      <c r="D24977">
        <v>0</v>
      </c>
    </row>
    <row r="24978" spans="1:4" x14ac:dyDescent="0.25">
      <c r="A24978" t="s">
        <v>38306</v>
      </c>
      <c r="B24978" t="s">
        <v>38307</v>
      </c>
      <c r="C24978">
        <v>2</v>
      </c>
      <c r="D24978">
        <v>0</v>
      </c>
    </row>
    <row r="24979" spans="1:4" x14ac:dyDescent="0.25">
      <c r="A24979" t="s">
        <v>38306</v>
      </c>
      <c r="B24979" t="s">
        <v>38308</v>
      </c>
      <c r="C24979">
        <v>1</v>
      </c>
      <c r="D24979">
        <v>0</v>
      </c>
    </row>
    <row r="24980" spans="1:4" x14ac:dyDescent="0.25">
      <c r="A24980" t="s">
        <v>38306</v>
      </c>
      <c r="B24980" t="s">
        <v>38309</v>
      </c>
      <c r="C24980">
        <v>1</v>
      </c>
      <c r="D24980">
        <v>0</v>
      </c>
    </row>
    <row r="24981" spans="1:4" x14ac:dyDescent="0.25">
      <c r="A24981" t="s">
        <v>38310</v>
      </c>
      <c r="B24981" t="s">
        <v>38311</v>
      </c>
      <c r="C24981">
        <v>2</v>
      </c>
      <c r="D24981">
        <v>0</v>
      </c>
    </row>
    <row r="24982" spans="1:4" x14ac:dyDescent="0.25">
      <c r="A24982" t="s">
        <v>38312</v>
      </c>
      <c r="B24982" t="s">
        <v>30994</v>
      </c>
      <c r="C24982">
        <v>0</v>
      </c>
      <c r="D24982">
        <v>0</v>
      </c>
    </row>
    <row r="24983" spans="1:4" x14ac:dyDescent="0.25">
      <c r="A24983" t="s">
        <v>38312</v>
      </c>
      <c r="B24983" t="s">
        <v>38313</v>
      </c>
      <c r="C24983">
        <v>2</v>
      </c>
      <c r="D24983">
        <v>0</v>
      </c>
    </row>
    <row r="24984" spans="1:4" x14ac:dyDescent="0.25">
      <c r="A24984" t="s">
        <v>38312</v>
      </c>
      <c r="B24984" t="s">
        <v>38314</v>
      </c>
      <c r="C24984">
        <v>1</v>
      </c>
      <c r="D24984">
        <v>0</v>
      </c>
    </row>
    <row r="24985" spans="1:4" x14ac:dyDescent="0.25">
      <c r="A24985" t="s">
        <v>38315</v>
      </c>
      <c r="B24985" t="s">
        <v>38316</v>
      </c>
      <c r="C24985">
        <v>0</v>
      </c>
      <c r="D24985">
        <v>0</v>
      </c>
    </row>
    <row r="24986" spans="1:4" x14ac:dyDescent="0.25">
      <c r="A24986" t="s">
        <v>38315</v>
      </c>
      <c r="B24986" t="s">
        <v>38317</v>
      </c>
      <c r="C24986">
        <v>2</v>
      </c>
      <c r="D24986">
        <v>0</v>
      </c>
    </row>
    <row r="24987" spans="1:4" x14ac:dyDescent="0.25">
      <c r="A24987" t="s">
        <v>38315</v>
      </c>
      <c r="B24987" t="s">
        <v>38318</v>
      </c>
      <c r="C24987">
        <v>0</v>
      </c>
      <c r="D24987">
        <v>0</v>
      </c>
    </row>
    <row r="24988" spans="1:4" x14ac:dyDescent="0.25">
      <c r="A24988" t="s">
        <v>38319</v>
      </c>
      <c r="B24988" t="s">
        <v>38320</v>
      </c>
      <c r="C24988">
        <v>1</v>
      </c>
      <c r="D24988">
        <v>0</v>
      </c>
    </row>
    <row r="24989" spans="1:4" x14ac:dyDescent="0.25">
      <c r="A24989" t="s">
        <v>38321</v>
      </c>
      <c r="B24989" t="s">
        <v>38322</v>
      </c>
      <c r="C24989">
        <v>1</v>
      </c>
      <c r="D24989">
        <v>0</v>
      </c>
    </row>
    <row r="24990" spans="1:4" x14ac:dyDescent="0.25">
      <c r="A24990" t="s">
        <v>38321</v>
      </c>
      <c r="B24990" t="s">
        <v>38323</v>
      </c>
      <c r="C24990">
        <v>2</v>
      </c>
      <c r="D24990">
        <v>0</v>
      </c>
    </row>
    <row r="24991" spans="1:4" x14ac:dyDescent="0.25">
      <c r="A24991" t="s">
        <v>38324</v>
      </c>
      <c r="B24991" t="s">
        <v>38325</v>
      </c>
      <c r="C24991">
        <v>0</v>
      </c>
      <c r="D24991">
        <v>0</v>
      </c>
    </row>
    <row r="24992" spans="1:4" x14ac:dyDescent="0.25">
      <c r="A24992" t="s">
        <v>38324</v>
      </c>
      <c r="B24992" t="s">
        <v>38326</v>
      </c>
      <c r="C24992">
        <v>2</v>
      </c>
      <c r="D24992">
        <v>0</v>
      </c>
    </row>
    <row r="24993" spans="1:4" x14ac:dyDescent="0.25">
      <c r="A24993" t="s">
        <v>38324</v>
      </c>
      <c r="B24993" t="s">
        <v>38327</v>
      </c>
      <c r="C24993">
        <v>2</v>
      </c>
      <c r="D24993">
        <v>0</v>
      </c>
    </row>
    <row r="24994" spans="1:4" x14ac:dyDescent="0.25">
      <c r="A24994" t="s">
        <v>38328</v>
      </c>
      <c r="B24994" t="s">
        <v>38329</v>
      </c>
      <c r="C24994">
        <v>0</v>
      </c>
      <c r="D24994">
        <v>0</v>
      </c>
    </row>
    <row r="24995" spans="1:4" x14ac:dyDescent="0.25">
      <c r="A24995" t="s">
        <v>38330</v>
      </c>
      <c r="B24995" t="s">
        <v>38331</v>
      </c>
      <c r="C24995">
        <v>0</v>
      </c>
      <c r="D24995">
        <v>0</v>
      </c>
    </row>
    <row r="24996" spans="1:4" x14ac:dyDescent="0.25">
      <c r="A24996" t="s">
        <v>38330</v>
      </c>
      <c r="B24996" t="s">
        <v>38332</v>
      </c>
      <c r="C24996">
        <v>0</v>
      </c>
      <c r="D24996">
        <v>0</v>
      </c>
    </row>
    <row r="24997" spans="1:4" x14ac:dyDescent="0.25">
      <c r="A24997" t="s">
        <v>38333</v>
      </c>
      <c r="B24997" t="s">
        <v>38334</v>
      </c>
      <c r="C24997">
        <v>2</v>
      </c>
      <c r="D24997">
        <v>0</v>
      </c>
    </row>
    <row r="24998" spans="1:4" x14ac:dyDescent="0.25">
      <c r="A24998" t="s">
        <v>38333</v>
      </c>
      <c r="B24998" t="s">
        <v>38335</v>
      </c>
      <c r="C24998">
        <v>1</v>
      </c>
      <c r="D24998">
        <v>0</v>
      </c>
    </row>
    <row r="24999" spans="1:4" x14ac:dyDescent="0.25">
      <c r="A24999" t="s">
        <v>38336</v>
      </c>
      <c r="B24999" t="s">
        <v>38337</v>
      </c>
      <c r="C24999">
        <v>1</v>
      </c>
      <c r="D24999">
        <v>0</v>
      </c>
    </row>
    <row r="25000" spans="1:4" x14ac:dyDescent="0.25">
      <c r="A25000" t="s">
        <v>38338</v>
      </c>
      <c r="B25000" t="s">
        <v>38339</v>
      </c>
      <c r="C25000">
        <v>1</v>
      </c>
      <c r="D25000">
        <v>0</v>
      </c>
    </row>
    <row r="25001" spans="1:4" x14ac:dyDescent="0.25">
      <c r="A25001" t="s">
        <v>38338</v>
      </c>
      <c r="B25001" t="s">
        <v>38340</v>
      </c>
      <c r="C25001">
        <v>2</v>
      </c>
      <c r="D25001">
        <v>0</v>
      </c>
    </row>
    <row r="25002" spans="1:4" x14ac:dyDescent="0.25">
      <c r="A25002" t="s">
        <v>38341</v>
      </c>
      <c r="B25002" t="s">
        <v>38342</v>
      </c>
      <c r="C25002">
        <v>1</v>
      </c>
      <c r="D25002">
        <v>0</v>
      </c>
    </row>
    <row r="25003" spans="1:4" x14ac:dyDescent="0.25">
      <c r="A25003" t="s">
        <v>38341</v>
      </c>
      <c r="B25003" t="s">
        <v>38343</v>
      </c>
      <c r="C25003">
        <v>1</v>
      </c>
      <c r="D25003">
        <v>0</v>
      </c>
    </row>
    <row r="25004" spans="1:4" x14ac:dyDescent="0.25">
      <c r="A25004" t="s">
        <v>38344</v>
      </c>
      <c r="B25004" t="s">
        <v>38345</v>
      </c>
      <c r="C25004">
        <v>1</v>
      </c>
      <c r="D25004">
        <v>0</v>
      </c>
    </row>
    <row r="25005" spans="1:4" x14ac:dyDescent="0.25">
      <c r="A25005" t="s">
        <v>38346</v>
      </c>
      <c r="B25005" t="s">
        <v>38347</v>
      </c>
      <c r="C25005">
        <v>1</v>
      </c>
      <c r="D25005">
        <v>0</v>
      </c>
    </row>
    <row r="25006" spans="1:4" x14ac:dyDescent="0.25">
      <c r="A25006" t="s">
        <v>38346</v>
      </c>
      <c r="B25006" t="s">
        <v>38348</v>
      </c>
      <c r="C25006">
        <v>1</v>
      </c>
      <c r="D25006">
        <v>0</v>
      </c>
    </row>
    <row r="25007" spans="1:4" x14ac:dyDescent="0.25">
      <c r="A25007" t="s">
        <v>38349</v>
      </c>
      <c r="B25007" t="s">
        <v>38350</v>
      </c>
      <c r="C25007">
        <v>0</v>
      </c>
      <c r="D25007">
        <v>0</v>
      </c>
    </row>
    <row r="25008" spans="1:4" x14ac:dyDescent="0.25">
      <c r="A25008" t="s">
        <v>38351</v>
      </c>
      <c r="B25008" t="s">
        <v>1294</v>
      </c>
      <c r="C25008">
        <v>1</v>
      </c>
      <c r="D25008">
        <v>0</v>
      </c>
    </row>
    <row r="25009" spans="1:4" x14ac:dyDescent="0.25">
      <c r="A25009" t="s">
        <v>38352</v>
      </c>
      <c r="B25009" t="s">
        <v>38353</v>
      </c>
      <c r="C25009">
        <v>1</v>
      </c>
      <c r="D25009">
        <v>0</v>
      </c>
    </row>
    <row r="25010" spans="1:4" x14ac:dyDescent="0.25">
      <c r="A25010" t="s">
        <v>38352</v>
      </c>
      <c r="B25010" t="s">
        <v>38354</v>
      </c>
      <c r="C25010">
        <v>1</v>
      </c>
      <c r="D25010">
        <v>0</v>
      </c>
    </row>
    <row r="25011" spans="1:4" x14ac:dyDescent="0.25">
      <c r="A25011" t="s">
        <v>38355</v>
      </c>
      <c r="B25011" t="s">
        <v>38356</v>
      </c>
      <c r="C25011">
        <v>1</v>
      </c>
      <c r="D25011">
        <v>0</v>
      </c>
    </row>
    <row r="25012" spans="1:4" x14ac:dyDescent="0.25">
      <c r="A25012" t="s">
        <v>38357</v>
      </c>
      <c r="B25012" t="s">
        <v>38358</v>
      </c>
      <c r="C25012">
        <v>2</v>
      </c>
      <c r="D25012">
        <v>0</v>
      </c>
    </row>
    <row r="25013" spans="1:4" x14ac:dyDescent="0.25">
      <c r="A25013" t="s">
        <v>38357</v>
      </c>
      <c r="B25013" t="s">
        <v>38359</v>
      </c>
      <c r="C25013">
        <v>2</v>
      </c>
      <c r="D25013">
        <v>0</v>
      </c>
    </row>
    <row r="25014" spans="1:4" x14ac:dyDescent="0.25">
      <c r="A25014" t="s">
        <v>38360</v>
      </c>
      <c r="B25014" t="s">
        <v>38361</v>
      </c>
      <c r="C25014">
        <v>1</v>
      </c>
      <c r="D25014">
        <v>0</v>
      </c>
    </row>
    <row r="25015" spans="1:4" x14ac:dyDescent="0.25">
      <c r="A25015" t="s">
        <v>38360</v>
      </c>
      <c r="B25015" t="s">
        <v>38362</v>
      </c>
      <c r="C25015">
        <v>1</v>
      </c>
      <c r="D25015">
        <v>0</v>
      </c>
    </row>
    <row r="25016" spans="1:4" x14ac:dyDescent="0.25">
      <c r="A25016" t="s">
        <v>38360</v>
      </c>
      <c r="B25016" t="s">
        <v>38363</v>
      </c>
      <c r="C25016">
        <v>1</v>
      </c>
      <c r="D25016">
        <v>0</v>
      </c>
    </row>
    <row r="25017" spans="1:4" x14ac:dyDescent="0.25">
      <c r="A25017" t="s">
        <v>38364</v>
      </c>
      <c r="B25017" t="s">
        <v>38365</v>
      </c>
      <c r="C25017">
        <v>1</v>
      </c>
      <c r="D25017">
        <v>0</v>
      </c>
    </row>
    <row r="25018" spans="1:4" x14ac:dyDescent="0.25">
      <c r="A25018" t="s">
        <v>38364</v>
      </c>
      <c r="B25018" t="s">
        <v>38366</v>
      </c>
      <c r="C25018">
        <v>2</v>
      </c>
      <c r="D25018">
        <v>0</v>
      </c>
    </row>
    <row r="25019" spans="1:4" x14ac:dyDescent="0.25">
      <c r="A25019" t="s">
        <v>38364</v>
      </c>
      <c r="B25019" t="s">
        <v>9775</v>
      </c>
      <c r="C25019">
        <v>2</v>
      </c>
      <c r="D25019">
        <v>0</v>
      </c>
    </row>
    <row r="25020" spans="1:4" x14ac:dyDescent="0.25">
      <c r="A25020" t="s">
        <v>38367</v>
      </c>
      <c r="B25020" t="s">
        <v>38368</v>
      </c>
      <c r="C25020">
        <v>2</v>
      </c>
      <c r="D25020">
        <v>0</v>
      </c>
    </row>
    <row r="25021" spans="1:4" x14ac:dyDescent="0.25">
      <c r="A25021" t="s">
        <v>38367</v>
      </c>
      <c r="B25021" t="s">
        <v>38369</v>
      </c>
      <c r="C25021">
        <v>2</v>
      </c>
      <c r="D25021">
        <v>0</v>
      </c>
    </row>
    <row r="25022" spans="1:4" x14ac:dyDescent="0.25">
      <c r="A25022" t="s">
        <v>38367</v>
      </c>
      <c r="B25022" t="s">
        <v>38370</v>
      </c>
      <c r="C25022">
        <v>2</v>
      </c>
      <c r="D25022">
        <v>0</v>
      </c>
    </row>
    <row r="25023" spans="1:4" x14ac:dyDescent="0.25">
      <c r="A25023" t="s">
        <v>38371</v>
      </c>
      <c r="B25023" t="s">
        <v>38372</v>
      </c>
      <c r="C25023">
        <v>0</v>
      </c>
      <c r="D25023">
        <v>0</v>
      </c>
    </row>
    <row r="25024" spans="1:4" x14ac:dyDescent="0.25">
      <c r="A25024" t="s">
        <v>38373</v>
      </c>
      <c r="B25024" t="s">
        <v>38374</v>
      </c>
      <c r="C25024">
        <v>1</v>
      </c>
      <c r="D25024">
        <v>0</v>
      </c>
    </row>
    <row r="25025" spans="1:4" x14ac:dyDescent="0.25">
      <c r="A25025" t="s">
        <v>38373</v>
      </c>
      <c r="B25025" t="s">
        <v>38375</v>
      </c>
      <c r="C25025">
        <v>1</v>
      </c>
      <c r="D25025">
        <v>0</v>
      </c>
    </row>
    <row r="25026" spans="1:4" x14ac:dyDescent="0.25">
      <c r="A25026" t="s">
        <v>38376</v>
      </c>
      <c r="B25026" t="s">
        <v>38377</v>
      </c>
      <c r="C25026">
        <v>0</v>
      </c>
      <c r="D25026">
        <v>0</v>
      </c>
    </row>
    <row r="25027" spans="1:4" x14ac:dyDescent="0.25">
      <c r="A25027" t="s">
        <v>38378</v>
      </c>
      <c r="B25027" t="s">
        <v>38379</v>
      </c>
      <c r="C25027">
        <v>2</v>
      </c>
      <c r="D25027">
        <v>0</v>
      </c>
    </row>
    <row r="25028" spans="1:4" x14ac:dyDescent="0.25">
      <c r="A25028" t="s">
        <v>38378</v>
      </c>
      <c r="B25028" t="s">
        <v>38380</v>
      </c>
      <c r="C25028">
        <v>2</v>
      </c>
      <c r="D25028">
        <v>0</v>
      </c>
    </row>
    <row r="25029" spans="1:4" x14ac:dyDescent="0.25">
      <c r="A25029" t="s">
        <v>38378</v>
      </c>
      <c r="B25029" t="s">
        <v>38381</v>
      </c>
      <c r="C25029">
        <v>2</v>
      </c>
      <c r="D25029">
        <v>0</v>
      </c>
    </row>
    <row r="25030" spans="1:4" x14ac:dyDescent="0.25">
      <c r="A25030" t="s">
        <v>38382</v>
      </c>
      <c r="B25030" t="s">
        <v>38383</v>
      </c>
      <c r="C25030">
        <v>1</v>
      </c>
      <c r="D25030">
        <v>0</v>
      </c>
    </row>
    <row r="25031" spans="1:4" x14ac:dyDescent="0.25">
      <c r="A25031" t="s">
        <v>38382</v>
      </c>
      <c r="B25031" t="s">
        <v>38384</v>
      </c>
      <c r="C25031">
        <v>0</v>
      </c>
      <c r="D25031">
        <v>0</v>
      </c>
    </row>
    <row r="25032" spans="1:4" x14ac:dyDescent="0.25">
      <c r="A25032" t="s">
        <v>38385</v>
      </c>
      <c r="B25032" t="s">
        <v>816</v>
      </c>
      <c r="C25032">
        <v>1</v>
      </c>
      <c r="D25032">
        <v>0</v>
      </c>
    </row>
    <row r="25033" spans="1:4" x14ac:dyDescent="0.25">
      <c r="A25033" t="s">
        <v>38386</v>
      </c>
      <c r="B25033" t="s">
        <v>38387</v>
      </c>
      <c r="C25033">
        <v>1</v>
      </c>
      <c r="D25033">
        <v>0</v>
      </c>
    </row>
    <row r="25034" spans="1:4" x14ac:dyDescent="0.25">
      <c r="A25034" t="s">
        <v>38386</v>
      </c>
      <c r="B25034" t="s">
        <v>38388</v>
      </c>
      <c r="C25034">
        <v>1</v>
      </c>
      <c r="D25034">
        <v>0</v>
      </c>
    </row>
    <row r="25035" spans="1:4" x14ac:dyDescent="0.25">
      <c r="A25035" t="s">
        <v>38389</v>
      </c>
      <c r="B25035" t="s">
        <v>38390</v>
      </c>
      <c r="C25035">
        <v>2</v>
      </c>
      <c r="D25035">
        <v>0</v>
      </c>
    </row>
    <row r="25036" spans="1:4" x14ac:dyDescent="0.25">
      <c r="A25036" t="s">
        <v>38391</v>
      </c>
      <c r="B25036" t="s">
        <v>1769</v>
      </c>
      <c r="C25036">
        <v>1</v>
      </c>
      <c r="D25036">
        <v>0</v>
      </c>
    </row>
    <row r="25037" spans="1:4" x14ac:dyDescent="0.25">
      <c r="A25037" t="s">
        <v>38391</v>
      </c>
      <c r="B25037" t="s">
        <v>38392</v>
      </c>
      <c r="C25037">
        <v>1</v>
      </c>
      <c r="D25037">
        <v>0</v>
      </c>
    </row>
    <row r="25038" spans="1:4" x14ac:dyDescent="0.25">
      <c r="A25038" t="s">
        <v>38393</v>
      </c>
      <c r="B25038" t="s">
        <v>843</v>
      </c>
      <c r="C25038">
        <v>1</v>
      </c>
      <c r="D25038">
        <v>0</v>
      </c>
    </row>
    <row r="25039" spans="1:4" x14ac:dyDescent="0.25">
      <c r="A25039" t="s">
        <v>38394</v>
      </c>
      <c r="B25039" t="s">
        <v>38395</v>
      </c>
      <c r="C25039">
        <v>2</v>
      </c>
      <c r="D25039">
        <v>0</v>
      </c>
    </row>
    <row r="25040" spans="1:4" x14ac:dyDescent="0.25">
      <c r="A25040" t="s">
        <v>38396</v>
      </c>
      <c r="B25040" t="s">
        <v>38397</v>
      </c>
      <c r="C25040">
        <v>1</v>
      </c>
      <c r="D25040">
        <v>0</v>
      </c>
    </row>
    <row r="25041" spans="1:4" x14ac:dyDescent="0.25">
      <c r="A25041" t="s">
        <v>38396</v>
      </c>
      <c r="B25041" t="s">
        <v>38398</v>
      </c>
      <c r="C25041">
        <v>1</v>
      </c>
      <c r="D25041">
        <v>0</v>
      </c>
    </row>
    <row r="25042" spans="1:4" x14ac:dyDescent="0.25">
      <c r="A25042" t="s">
        <v>38396</v>
      </c>
      <c r="B25042" t="s">
        <v>38399</v>
      </c>
      <c r="C25042">
        <v>1</v>
      </c>
      <c r="D25042">
        <v>0</v>
      </c>
    </row>
    <row r="25043" spans="1:4" x14ac:dyDescent="0.25">
      <c r="A25043" t="s">
        <v>38400</v>
      </c>
      <c r="B25043" t="s">
        <v>16308</v>
      </c>
      <c r="C25043">
        <v>0</v>
      </c>
      <c r="D25043">
        <v>0</v>
      </c>
    </row>
    <row r="25044" spans="1:4" x14ac:dyDescent="0.25">
      <c r="A25044" t="s">
        <v>38400</v>
      </c>
      <c r="B25044" t="s">
        <v>38401</v>
      </c>
      <c r="C25044">
        <v>0</v>
      </c>
      <c r="D25044">
        <v>0</v>
      </c>
    </row>
    <row r="25045" spans="1:4" x14ac:dyDescent="0.25">
      <c r="A25045" t="s">
        <v>38400</v>
      </c>
      <c r="B25045" t="s">
        <v>38402</v>
      </c>
      <c r="C25045">
        <v>0</v>
      </c>
      <c r="D25045">
        <v>0</v>
      </c>
    </row>
    <row r="25046" spans="1:4" x14ac:dyDescent="0.25">
      <c r="A25046" t="s">
        <v>38403</v>
      </c>
      <c r="B25046" t="s">
        <v>38404</v>
      </c>
      <c r="C25046">
        <v>1</v>
      </c>
      <c r="D25046">
        <v>0</v>
      </c>
    </row>
    <row r="25047" spans="1:4" x14ac:dyDescent="0.25">
      <c r="A25047" t="s">
        <v>38405</v>
      </c>
      <c r="B25047" t="s">
        <v>38406</v>
      </c>
      <c r="C25047">
        <v>2</v>
      </c>
      <c r="D25047">
        <v>0</v>
      </c>
    </row>
    <row r="25048" spans="1:4" x14ac:dyDescent="0.25">
      <c r="A25048" t="s">
        <v>38405</v>
      </c>
      <c r="B25048" t="s">
        <v>38407</v>
      </c>
      <c r="C25048">
        <v>0</v>
      </c>
      <c r="D25048">
        <v>0</v>
      </c>
    </row>
    <row r="25049" spans="1:4" x14ac:dyDescent="0.25">
      <c r="A25049" t="s">
        <v>38405</v>
      </c>
      <c r="B25049" t="s">
        <v>38408</v>
      </c>
      <c r="C25049">
        <v>0</v>
      </c>
      <c r="D25049">
        <v>0</v>
      </c>
    </row>
    <row r="25050" spans="1:4" x14ac:dyDescent="0.25">
      <c r="A25050" t="s">
        <v>38409</v>
      </c>
      <c r="B25050" t="s">
        <v>2651</v>
      </c>
      <c r="C25050">
        <v>0</v>
      </c>
      <c r="D25050">
        <v>0</v>
      </c>
    </row>
    <row r="25051" spans="1:4" x14ac:dyDescent="0.25">
      <c r="A25051" t="s">
        <v>38410</v>
      </c>
      <c r="B25051" t="s">
        <v>38411</v>
      </c>
      <c r="C25051">
        <v>1</v>
      </c>
      <c r="D25051">
        <v>0</v>
      </c>
    </row>
    <row r="25052" spans="1:4" x14ac:dyDescent="0.25">
      <c r="A25052" t="s">
        <v>38410</v>
      </c>
      <c r="B25052" t="s">
        <v>38412</v>
      </c>
      <c r="C25052">
        <v>1</v>
      </c>
      <c r="D25052">
        <v>0</v>
      </c>
    </row>
    <row r="25053" spans="1:4" x14ac:dyDescent="0.25">
      <c r="A25053" t="s">
        <v>38410</v>
      </c>
      <c r="B25053" t="s">
        <v>38413</v>
      </c>
      <c r="C25053">
        <v>1</v>
      </c>
      <c r="D25053">
        <v>0</v>
      </c>
    </row>
    <row r="25054" spans="1:4" x14ac:dyDescent="0.25">
      <c r="A25054" t="s">
        <v>38414</v>
      </c>
      <c r="B25054" t="s">
        <v>38415</v>
      </c>
      <c r="C25054">
        <v>0</v>
      </c>
      <c r="D25054">
        <v>0</v>
      </c>
    </row>
    <row r="25055" spans="1:4" x14ac:dyDescent="0.25">
      <c r="A25055" t="s">
        <v>38414</v>
      </c>
      <c r="B25055" t="s">
        <v>38416</v>
      </c>
      <c r="C25055">
        <v>0</v>
      </c>
      <c r="D25055">
        <v>0</v>
      </c>
    </row>
    <row r="25056" spans="1:4" x14ac:dyDescent="0.25">
      <c r="A25056" t="s">
        <v>38414</v>
      </c>
      <c r="B25056" t="s">
        <v>38417</v>
      </c>
      <c r="C25056">
        <v>0</v>
      </c>
      <c r="D25056">
        <v>0</v>
      </c>
    </row>
    <row r="25057" spans="1:4" x14ac:dyDescent="0.25">
      <c r="A25057" t="s">
        <v>38418</v>
      </c>
      <c r="B25057" t="s">
        <v>38419</v>
      </c>
      <c r="C25057">
        <v>0</v>
      </c>
      <c r="D25057">
        <v>0</v>
      </c>
    </row>
    <row r="25058" spans="1:4" x14ac:dyDescent="0.25">
      <c r="A25058" t="s">
        <v>38418</v>
      </c>
      <c r="B25058" t="s">
        <v>38420</v>
      </c>
      <c r="C25058">
        <v>1</v>
      </c>
      <c r="D25058">
        <v>0</v>
      </c>
    </row>
    <row r="25059" spans="1:4" x14ac:dyDescent="0.25">
      <c r="A25059" t="s">
        <v>38418</v>
      </c>
      <c r="B25059" t="s">
        <v>38421</v>
      </c>
      <c r="C25059">
        <v>0</v>
      </c>
      <c r="D25059">
        <v>0</v>
      </c>
    </row>
    <row r="25060" spans="1:4" x14ac:dyDescent="0.25">
      <c r="A25060" t="s">
        <v>38422</v>
      </c>
      <c r="B25060" t="s">
        <v>38423</v>
      </c>
      <c r="C25060">
        <v>2</v>
      </c>
      <c r="D25060">
        <v>0</v>
      </c>
    </row>
    <row r="25061" spans="1:4" x14ac:dyDescent="0.25">
      <c r="A25061" t="s">
        <v>38422</v>
      </c>
      <c r="B25061" t="s">
        <v>38424</v>
      </c>
      <c r="C25061">
        <v>2</v>
      </c>
      <c r="D25061">
        <v>0</v>
      </c>
    </row>
    <row r="25062" spans="1:4" x14ac:dyDescent="0.25">
      <c r="A25062" t="s">
        <v>38422</v>
      </c>
      <c r="B25062" t="s">
        <v>38425</v>
      </c>
      <c r="C25062">
        <v>2</v>
      </c>
      <c r="D25062">
        <v>0</v>
      </c>
    </row>
    <row r="25063" spans="1:4" x14ac:dyDescent="0.25">
      <c r="A25063" t="s">
        <v>38426</v>
      </c>
      <c r="B25063" t="s">
        <v>38427</v>
      </c>
      <c r="C25063">
        <v>1</v>
      </c>
      <c r="D25063">
        <v>0</v>
      </c>
    </row>
    <row r="25064" spans="1:4" x14ac:dyDescent="0.25">
      <c r="A25064" t="s">
        <v>38428</v>
      </c>
      <c r="B25064" t="s">
        <v>38429</v>
      </c>
      <c r="C25064">
        <v>1</v>
      </c>
      <c r="D25064">
        <v>0</v>
      </c>
    </row>
    <row r="25065" spans="1:4" x14ac:dyDescent="0.25">
      <c r="A25065" t="s">
        <v>38428</v>
      </c>
      <c r="B25065" t="s">
        <v>38430</v>
      </c>
      <c r="C25065">
        <v>1</v>
      </c>
      <c r="D25065">
        <v>0</v>
      </c>
    </row>
    <row r="25066" spans="1:4" x14ac:dyDescent="0.25">
      <c r="A25066" t="s">
        <v>38428</v>
      </c>
      <c r="B25066" t="s">
        <v>38431</v>
      </c>
      <c r="C25066">
        <v>1</v>
      </c>
      <c r="D25066">
        <v>0</v>
      </c>
    </row>
    <row r="25067" spans="1:4" x14ac:dyDescent="0.25">
      <c r="A25067" t="s">
        <v>38432</v>
      </c>
      <c r="B25067" t="s">
        <v>38433</v>
      </c>
      <c r="C25067">
        <v>0</v>
      </c>
      <c r="D25067">
        <v>0</v>
      </c>
    </row>
    <row r="25068" spans="1:4" x14ac:dyDescent="0.25">
      <c r="A25068" t="s">
        <v>38432</v>
      </c>
      <c r="B25068" t="s">
        <v>2267</v>
      </c>
      <c r="C25068">
        <v>0</v>
      </c>
      <c r="D25068">
        <v>0</v>
      </c>
    </row>
    <row r="25069" spans="1:4" x14ac:dyDescent="0.25">
      <c r="A25069" t="s">
        <v>38432</v>
      </c>
      <c r="B25069" t="s">
        <v>38434</v>
      </c>
      <c r="C25069">
        <v>1</v>
      </c>
      <c r="D25069">
        <v>0</v>
      </c>
    </row>
    <row r="25070" spans="1:4" x14ac:dyDescent="0.25">
      <c r="A25070" t="s">
        <v>38435</v>
      </c>
      <c r="B25070" t="s">
        <v>38436</v>
      </c>
      <c r="C25070">
        <v>1</v>
      </c>
      <c r="D25070">
        <v>0</v>
      </c>
    </row>
    <row r="25071" spans="1:4" x14ac:dyDescent="0.25">
      <c r="A25071" t="s">
        <v>38437</v>
      </c>
      <c r="B25071" t="s">
        <v>38438</v>
      </c>
      <c r="C25071">
        <v>1</v>
      </c>
      <c r="D25071">
        <v>0</v>
      </c>
    </row>
    <row r="25072" spans="1:4" x14ac:dyDescent="0.25">
      <c r="A25072" t="s">
        <v>38437</v>
      </c>
      <c r="B25072" t="s">
        <v>38439</v>
      </c>
      <c r="C25072">
        <v>1</v>
      </c>
      <c r="D25072">
        <v>0</v>
      </c>
    </row>
    <row r="25073" spans="1:4" x14ac:dyDescent="0.25">
      <c r="A25073" t="s">
        <v>38437</v>
      </c>
      <c r="B25073" t="s">
        <v>38440</v>
      </c>
      <c r="C25073">
        <v>2</v>
      </c>
      <c r="D25073">
        <v>0</v>
      </c>
    </row>
    <row r="25074" spans="1:4" x14ac:dyDescent="0.25">
      <c r="A25074" t="s">
        <v>38441</v>
      </c>
      <c r="B25074" t="s">
        <v>38442</v>
      </c>
      <c r="C25074">
        <v>1</v>
      </c>
      <c r="D25074">
        <v>0</v>
      </c>
    </row>
    <row r="25075" spans="1:4" x14ac:dyDescent="0.25">
      <c r="A25075" t="s">
        <v>38443</v>
      </c>
      <c r="B25075" t="s">
        <v>38444</v>
      </c>
      <c r="C25075">
        <v>2</v>
      </c>
      <c r="D25075">
        <v>0</v>
      </c>
    </row>
    <row r="25076" spans="1:4" x14ac:dyDescent="0.25">
      <c r="A25076" t="s">
        <v>38445</v>
      </c>
      <c r="B25076" t="s">
        <v>38446</v>
      </c>
      <c r="C25076">
        <v>1</v>
      </c>
      <c r="D25076">
        <v>0</v>
      </c>
    </row>
    <row r="25077" spans="1:4" x14ac:dyDescent="0.25">
      <c r="A25077" t="s">
        <v>38445</v>
      </c>
      <c r="B25077" t="s">
        <v>38447</v>
      </c>
      <c r="C25077">
        <v>1</v>
      </c>
      <c r="D25077">
        <v>0</v>
      </c>
    </row>
    <row r="25078" spans="1:4" x14ac:dyDescent="0.25">
      <c r="A25078" t="s">
        <v>38448</v>
      </c>
      <c r="B25078" t="s">
        <v>38449</v>
      </c>
      <c r="C25078">
        <v>1</v>
      </c>
      <c r="D25078">
        <v>0</v>
      </c>
    </row>
    <row r="25079" spans="1:4" x14ac:dyDescent="0.25">
      <c r="A25079" t="s">
        <v>38448</v>
      </c>
      <c r="B25079" t="s">
        <v>38450</v>
      </c>
      <c r="C25079">
        <v>0</v>
      </c>
      <c r="D25079">
        <v>0</v>
      </c>
    </row>
    <row r="25080" spans="1:4" x14ac:dyDescent="0.25">
      <c r="A25080" t="s">
        <v>38448</v>
      </c>
      <c r="B25080" t="s">
        <v>38451</v>
      </c>
      <c r="C25080">
        <v>2</v>
      </c>
      <c r="D25080">
        <v>0</v>
      </c>
    </row>
    <row r="25081" spans="1:4" x14ac:dyDescent="0.25">
      <c r="A25081" t="s">
        <v>38452</v>
      </c>
      <c r="B25081" t="s">
        <v>38453</v>
      </c>
      <c r="C25081">
        <v>0</v>
      </c>
      <c r="D25081">
        <v>0</v>
      </c>
    </row>
    <row r="25082" spans="1:4" x14ac:dyDescent="0.25">
      <c r="A25082" t="s">
        <v>38452</v>
      </c>
      <c r="B25082" t="s">
        <v>38454</v>
      </c>
      <c r="C25082">
        <v>1</v>
      </c>
      <c r="D25082">
        <v>0</v>
      </c>
    </row>
    <row r="25083" spans="1:4" x14ac:dyDescent="0.25">
      <c r="A25083" t="s">
        <v>38455</v>
      </c>
      <c r="B25083" t="s">
        <v>852</v>
      </c>
      <c r="C25083">
        <v>0</v>
      </c>
      <c r="D25083">
        <v>0</v>
      </c>
    </row>
    <row r="25084" spans="1:4" x14ac:dyDescent="0.25">
      <c r="A25084" t="s">
        <v>38455</v>
      </c>
      <c r="B25084" t="s">
        <v>38456</v>
      </c>
      <c r="C25084">
        <v>0</v>
      </c>
      <c r="D25084">
        <v>0</v>
      </c>
    </row>
    <row r="25085" spans="1:4" x14ac:dyDescent="0.25">
      <c r="A25085" t="s">
        <v>38457</v>
      </c>
      <c r="B25085" t="s">
        <v>1387</v>
      </c>
      <c r="C25085">
        <v>1</v>
      </c>
      <c r="D25085">
        <v>0</v>
      </c>
    </row>
    <row r="25086" spans="1:4" x14ac:dyDescent="0.25">
      <c r="A25086" t="s">
        <v>38458</v>
      </c>
      <c r="B25086" t="s">
        <v>38459</v>
      </c>
      <c r="C25086">
        <v>0</v>
      </c>
      <c r="D25086">
        <v>0</v>
      </c>
    </row>
    <row r="25087" spans="1:4" x14ac:dyDescent="0.25">
      <c r="A25087" t="s">
        <v>38458</v>
      </c>
      <c r="B25087" t="s">
        <v>38460</v>
      </c>
      <c r="C25087">
        <v>2</v>
      </c>
      <c r="D25087">
        <v>0</v>
      </c>
    </row>
    <row r="25088" spans="1:4" x14ac:dyDescent="0.25">
      <c r="A25088" t="s">
        <v>38461</v>
      </c>
      <c r="B25088" t="s">
        <v>38462</v>
      </c>
      <c r="C25088">
        <v>2</v>
      </c>
      <c r="D25088">
        <v>0</v>
      </c>
    </row>
    <row r="25089" spans="1:4" x14ac:dyDescent="0.25">
      <c r="A25089" t="s">
        <v>38461</v>
      </c>
      <c r="B25089" t="s">
        <v>38463</v>
      </c>
      <c r="C25089">
        <v>0</v>
      </c>
      <c r="D25089">
        <v>0</v>
      </c>
    </row>
    <row r="25090" spans="1:4" x14ac:dyDescent="0.25">
      <c r="A25090" t="s">
        <v>38464</v>
      </c>
      <c r="B25090" t="s">
        <v>38465</v>
      </c>
      <c r="C25090">
        <v>2</v>
      </c>
      <c r="D25090">
        <v>0</v>
      </c>
    </row>
    <row r="25091" spans="1:4" x14ac:dyDescent="0.25">
      <c r="A25091" t="s">
        <v>38464</v>
      </c>
      <c r="B25091" t="s">
        <v>38466</v>
      </c>
      <c r="C25091">
        <v>0</v>
      </c>
      <c r="D25091">
        <v>0</v>
      </c>
    </row>
    <row r="25092" spans="1:4" x14ac:dyDescent="0.25">
      <c r="A25092" t="s">
        <v>38467</v>
      </c>
      <c r="B25092" t="s">
        <v>38468</v>
      </c>
      <c r="C25092">
        <v>0</v>
      </c>
      <c r="D25092">
        <v>0</v>
      </c>
    </row>
    <row r="25093" spans="1:4" x14ac:dyDescent="0.25">
      <c r="A25093" t="s">
        <v>38469</v>
      </c>
      <c r="B25093" t="s">
        <v>38470</v>
      </c>
      <c r="C25093">
        <v>1</v>
      </c>
      <c r="D25093">
        <v>0</v>
      </c>
    </row>
    <row r="25094" spans="1:4" x14ac:dyDescent="0.25">
      <c r="A25094" t="s">
        <v>38469</v>
      </c>
      <c r="B25094" t="s">
        <v>38471</v>
      </c>
      <c r="C25094">
        <v>0</v>
      </c>
      <c r="D25094">
        <v>0</v>
      </c>
    </row>
    <row r="25095" spans="1:4" x14ac:dyDescent="0.25">
      <c r="A25095" t="s">
        <v>38472</v>
      </c>
      <c r="B25095" t="s">
        <v>38473</v>
      </c>
      <c r="C25095">
        <v>1</v>
      </c>
      <c r="D25095">
        <v>0</v>
      </c>
    </row>
    <row r="25096" spans="1:4" x14ac:dyDescent="0.25">
      <c r="A25096" t="s">
        <v>38472</v>
      </c>
      <c r="B25096" t="s">
        <v>38474</v>
      </c>
      <c r="C25096">
        <v>1</v>
      </c>
      <c r="D25096">
        <v>0</v>
      </c>
    </row>
    <row r="25097" spans="1:4" x14ac:dyDescent="0.25">
      <c r="A25097" t="s">
        <v>38475</v>
      </c>
      <c r="B25097" t="s">
        <v>38476</v>
      </c>
      <c r="C25097">
        <v>0</v>
      </c>
      <c r="D25097">
        <v>0</v>
      </c>
    </row>
    <row r="25098" spans="1:4" x14ac:dyDescent="0.25">
      <c r="A25098" t="s">
        <v>38477</v>
      </c>
      <c r="B25098" t="s">
        <v>38478</v>
      </c>
      <c r="C25098">
        <v>1</v>
      </c>
      <c r="D25098">
        <v>0</v>
      </c>
    </row>
    <row r="25099" spans="1:4" x14ac:dyDescent="0.25">
      <c r="A25099" t="s">
        <v>38477</v>
      </c>
      <c r="B25099" t="s">
        <v>38479</v>
      </c>
      <c r="C25099">
        <v>1</v>
      </c>
      <c r="D25099">
        <v>0</v>
      </c>
    </row>
    <row r="25100" spans="1:4" x14ac:dyDescent="0.25">
      <c r="A25100" t="s">
        <v>38480</v>
      </c>
      <c r="B25100" t="s">
        <v>38481</v>
      </c>
      <c r="C25100">
        <v>2</v>
      </c>
      <c r="D25100">
        <v>0</v>
      </c>
    </row>
    <row r="25101" spans="1:4" x14ac:dyDescent="0.25">
      <c r="A25101" t="s">
        <v>38480</v>
      </c>
      <c r="B25101" t="s">
        <v>38482</v>
      </c>
      <c r="C25101">
        <v>2</v>
      </c>
      <c r="D25101">
        <v>0</v>
      </c>
    </row>
    <row r="25102" spans="1:4" x14ac:dyDescent="0.25">
      <c r="A25102" t="s">
        <v>38480</v>
      </c>
      <c r="B25102" t="s">
        <v>38483</v>
      </c>
      <c r="C25102">
        <v>0</v>
      </c>
      <c r="D25102">
        <v>0</v>
      </c>
    </row>
    <row r="25103" spans="1:4" x14ac:dyDescent="0.25">
      <c r="A25103" t="s">
        <v>38484</v>
      </c>
      <c r="B25103" t="s">
        <v>38485</v>
      </c>
      <c r="C25103">
        <v>0</v>
      </c>
      <c r="D25103">
        <v>0</v>
      </c>
    </row>
    <row r="25104" spans="1:4" x14ac:dyDescent="0.25">
      <c r="A25104" t="s">
        <v>38484</v>
      </c>
      <c r="B25104" t="s">
        <v>38486</v>
      </c>
      <c r="C25104">
        <v>0</v>
      </c>
      <c r="D25104">
        <v>0</v>
      </c>
    </row>
    <row r="25105" spans="1:4" x14ac:dyDescent="0.25">
      <c r="A25105" t="s">
        <v>38484</v>
      </c>
      <c r="B25105" t="s">
        <v>38487</v>
      </c>
      <c r="C25105">
        <v>0</v>
      </c>
      <c r="D25105">
        <v>0</v>
      </c>
    </row>
    <row r="25106" spans="1:4" x14ac:dyDescent="0.25">
      <c r="A25106" t="s">
        <v>38488</v>
      </c>
      <c r="B25106" t="s">
        <v>38489</v>
      </c>
      <c r="C25106">
        <v>1</v>
      </c>
      <c r="D25106">
        <v>0</v>
      </c>
    </row>
    <row r="25107" spans="1:4" x14ac:dyDescent="0.25">
      <c r="A25107" t="s">
        <v>38488</v>
      </c>
      <c r="B25107" t="s">
        <v>38490</v>
      </c>
      <c r="C25107">
        <v>0</v>
      </c>
      <c r="D25107">
        <v>0</v>
      </c>
    </row>
    <row r="25108" spans="1:4" x14ac:dyDescent="0.25">
      <c r="A25108" t="s">
        <v>38491</v>
      </c>
      <c r="B25108" t="s">
        <v>38492</v>
      </c>
      <c r="C25108">
        <v>2</v>
      </c>
      <c r="D25108">
        <v>0</v>
      </c>
    </row>
    <row r="25109" spans="1:4" x14ac:dyDescent="0.25">
      <c r="A25109" t="s">
        <v>38491</v>
      </c>
      <c r="B25109" t="s">
        <v>38493</v>
      </c>
      <c r="C25109">
        <v>1</v>
      </c>
      <c r="D25109">
        <v>0</v>
      </c>
    </row>
    <row r="25110" spans="1:4" x14ac:dyDescent="0.25">
      <c r="A25110" t="s">
        <v>38491</v>
      </c>
      <c r="B25110" t="s">
        <v>38494</v>
      </c>
      <c r="C25110">
        <v>1</v>
      </c>
      <c r="D25110">
        <v>0</v>
      </c>
    </row>
    <row r="25111" spans="1:4" x14ac:dyDescent="0.25">
      <c r="A25111" t="s">
        <v>38495</v>
      </c>
      <c r="B25111" t="s">
        <v>38496</v>
      </c>
      <c r="C25111">
        <v>2</v>
      </c>
      <c r="D25111">
        <v>0</v>
      </c>
    </row>
    <row r="25112" spans="1:4" x14ac:dyDescent="0.25">
      <c r="A25112" t="s">
        <v>38495</v>
      </c>
      <c r="B25112" t="s">
        <v>38497</v>
      </c>
      <c r="C25112">
        <v>2</v>
      </c>
      <c r="D25112">
        <v>0</v>
      </c>
    </row>
    <row r="25113" spans="1:4" x14ac:dyDescent="0.25">
      <c r="A25113" t="s">
        <v>38495</v>
      </c>
      <c r="B25113" t="s">
        <v>38498</v>
      </c>
      <c r="C25113">
        <v>2</v>
      </c>
      <c r="D25113">
        <v>0</v>
      </c>
    </row>
    <row r="25114" spans="1:4" x14ac:dyDescent="0.25">
      <c r="A25114" t="s">
        <v>38499</v>
      </c>
      <c r="B25114" t="s">
        <v>38500</v>
      </c>
      <c r="C25114">
        <v>0</v>
      </c>
      <c r="D25114">
        <v>0</v>
      </c>
    </row>
    <row r="25115" spans="1:4" x14ac:dyDescent="0.25">
      <c r="A25115" t="s">
        <v>38499</v>
      </c>
      <c r="B25115" t="s">
        <v>38501</v>
      </c>
      <c r="C25115">
        <v>0</v>
      </c>
      <c r="D25115">
        <v>0</v>
      </c>
    </row>
    <row r="25116" spans="1:4" x14ac:dyDescent="0.25">
      <c r="A25116" t="s">
        <v>38499</v>
      </c>
      <c r="B25116" t="s">
        <v>38502</v>
      </c>
      <c r="C25116">
        <v>0</v>
      </c>
      <c r="D25116">
        <v>0</v>
      </c>
    </row>
    <row r="25117" spans="1:4" x14ac:dyDescent="0.25">
      <c r="A25117" t="s">
        <v>38503</v>
      </c>
      <c r="B25117" t="s">
        <v>38504</v>
      </c>
      <c r="C25117">
        <v>1</v>
      </c>
      <c r="D25117">
        <v>0</v>
      </c>
    </row>
    <row r="25118" spans="1:4" x14ac:dyDescent="0.25">
      <c r="A25118" t="s">
        <v>38505</v>
      </c>
      <c r="B25118" t="s">
        <v>38506</v>
      </c>
      <c r="C25118">
        <v>1</v>
      </c>
      <c r="D25118">
        <v>0</v>
      </c>
    </row>
    <row r="25119" spans="1:4" x14ac:dyDescent="0.25">
      <c r="A25119" t="s">
        <v>38505</v>
      </c>
      <c r="B25119" t="s">
        <v>38507</v>
      </c>
      <c r="C25119">
        <v>0</v>
      </c>
      <c r="D25119">
        <v>0</v>
      </c>
    </row>
    <row r="25120" spans="1:4" x14ac:dyDescent="0.25">
      <c r="A25120" t="s">
        <v>38505</v>
      </c>
      <c r="B25120" t="s">
        <v>38508</v>
      </c>
      <c r="C25120">
        <v>1</v>
      </c>
      <c r="D25120">
        <v>0</v>
      </c>
    </row>
    <row r="25121" spans="1:4" x14ac:dyDescent="0.25">
      <c r="A25121" t="s">
        <v>38509</v>
      </c>
      <c r="B25121" t="s">
        <v>398</v>
      </c>
      <c r="C25121">
        <v>0</v>
      </c>
      <c r="D25121">
        <v>0</v>
      </c>
    </row>
    <row r="25122" spans="1:4" x14ac:dyDescent="0.25">
      <c r="A25122" t="s">
        <v>38509</v>
      </c>
      <c r="B25122" t="s">
        <v>843</v>
      </c>
      <c r="C25122">
        <v>1</v>
      </c>
      <c r="D25122">
        <v>0</v>
      </c>
    </row>
    <row r="25123" spans="1:4" x14ac:dyDescent="0.25">
      <c r="A25123" t="s">
        <v>38510</v>
      </c>
      <c r="B25123" t="s">
        <v>969</v>
      </c>
      <c r="C25123">
        <v>0</v>
      </c>
      <c r="D25123">
        <v>0</v>
      </c>
    </row>
    <row r="25124" spans="1:4" x14ac:dyDescent="0.25">
      <c r="A25124" t="s">
        <v>38510</v>
      </c>
      <c r="B25124" t="s">
        <v>38511</v>
      </c>
      <c r="C25124">
        <v>1</v>
      </c>
      <c r="D25124">
        <v>0</v>
      </c>
    </row>
    <row r="25125" spans="1:4" x14ac:dyDescent="0.25">
      <c r="A25125" t="s">
        <v>38510</v>
      </c>
      <c r="B25125" t="s">
        <v>38512</v>
      </c>
      <c r="C25125">
        <v>2</v>
      </c>
      <c r="D25125">
        <v>0</v>
      </c>
    </row>
    <row r="25126" spans="1:4" x14ac:dyDescent="0.25">
      <c r="A25126" t="s">
        <v>38513</v>
      </c>
      <c r="B25126" t="s">
        <v>38514</v>
      </c>
      <c r="C25126">
        <v>0</v>
      </c>
      <c r="D25126">
        <v>0</v>
      </c>
    </row>
    <row r="25127" spans="1:4" x14ac:dyDescent="0.25">
      <c r="A25127" t="s">
        <v>38513</v>
      </c>
      <c r="B25127" t="s">
        <v>38515</v>
      </c>
      <c r="C25127">
        <v>0</v>
      </c>
      <c r="D25127">
        <v>0</v>
      </c>
    </row>
    <row r="25128" spans="1:4" x14ac:dyDescent="0.25">
      <c r="A25128" t="s">
        <v>38513</v>
      </c>
      <c r="B25128" t="s">
        <v>38516</v>
      </c>
      <c r="C25128">
        <v>1</v>
      </c>
      <c r="D25128">
        <v>0</v>
      </c>
    </row>
    <row r="25129" spans="1:4" x14ac:dyDescent="0.25">
      <c r="A25129" t="s">
        <v>38517</v>
      </c>
      <c r="B25129" t="s">
        <v>38518</v>
      </c>
      <c r="C25129">
        <v>1</v>
      </c>
      <c r="D25129">
        <v>0</v>
      </c>
    </row>
    <row r="25130" spans="1:4" x14ac:dyDescent="0.25">
      <c r="A25130" t="s">
        <v>38519</v>
      </c>
      <c r="B25130" t="s">
        <v>17865</v>
      </c>
      <c r="C25130">
        <v>0</v>
      </c>
      <c r="D25130">
        <v>0</v>
      </c>
    </row>
    <row r="25131" spans="1:4" x14ac:dyDescent="0.25">
      <c r="A25131" t="s">
        <v>38520</v>
      </c>
      <c r="B25131" t="s">
        <v>398</v>
      </c>
      <c r="C25131">
        <v>0</v>
      </c>
      <c r="D25131">
        <v>0</v>
      </c>
    </row>
    <row r="25132" spans="1:4" x14ac:dyDescent="0.25">
      <c r="A25132" t="s">
        <v>38521</v>
      </c>
      <c r="B25132" t="s">
        <v>38522</v>
      </c>
      <c r="C25132">
        <v>0</v>
      </c>
      <c r="D25132">
        <v>0</v>
      </c>
    </row>
    <row r="25133" spans="1:4" x14ac:dyDescent="0.25">
      <c r="A25133" t="s">
        <v>38521</v>
      </c>
      <c r="B25133" t="s">
        <v>38523</v>
      </c>
      <c r="C25133">
        <v>1</v>
      </c>
      <c r="D25133">
        <v>0</v>
      </c>
    </row>
    <row r="25134" spans="1:4" x14ac:dyDescent="0.25">
      <c r="A25134" t="s">
        <v>38524</v>
      </c>
      <c r="B25134" t="s">
        <v>38525</v>
      </c>
      <c r="C25134">
        <v>1</v>
      </c>
      <c r="D25134">
        <v>0</v>
      </c>
    </row>
    <row r="25135" spans="1:4" x14ac:dyDescent="0.25">
      <c r="A25135" t="s">
        <v>38524</v>
      </c>
      <c r="B25135" t="s">
        <v>38526</v>
      </c>
      <c r="C25135">
        <v>1</v>
      </c>
      <c r="D25135">
        <v>0</v>
      </c>
    </row>
    <row r="25136" spans="1:4" x14ac:dyDescent="0.25">
      <c r="A25136" t="s">
        <v>38524</v>
      </c>
      <c r="B25136" t="s">
        <v>38527</v>
      </c>
      <c r="C25136">
        <v>1</v>
      </c>
      <c r="D25136">
        <v>0</v>
      </c>
    </row>
    <row r="25137" spans="1:4" x14ac:dyDescent="0.25">
      <c r="A25137" t="s">
        <v>38528</v>
      </c>
      <c r="B25137" t="s">
        <v>38529</v>
      </c>
      <c r="C25137">
        <v>1</v>
      </c>
      <c r="D25137">
        <v>0</v>
      </c>
    </row>
    <row r="25138" spans="1:4" x14ac:dyDescent="0.25">
      <c r="A25138" t="s">
        <v>38528</v>
      </c>
      <c r="B25138" t="s">
        <v>38530</v>
      </c>
      <c r="C25138">
        <v>1</v>
      </c>
      <c r="D25138">
        <v>0</v>
      </c>
    </row>
    <row r="25139" spans="1:4" x14ac:dyDescent="0.25">
      <c r="A25139" t="s">
        <v>38531</v>
      </c>
      <c r="B25139" t="s">
        <v>38532</v>
      </c>
      <c r="C25139">
        <v>1</v>
      </c>
      <c r="D25139">
        <v>0</v>
      </c>
    </row>
    <row r="25140" spans="1:4" x14ac:dyDescent="0.25">
      <c r="A25140" t="s">
        <v>38531</v>
      </c>
      <c r="B25140" t="s">
        <v>38533</v>
      </c>
      <c r="C25140">
        <v>1</v>
      </c>
      <c r="D25140">
        <v>0</v>
      </c>
    </row>
    <row r="25141" spans="1:4" x14ac:dyDescent="0.25">
      <c r="A25141" t="s">
        <v>38531</v>
      </c>
      <c r="B25141" t="s">
        <v>38534</v>
      </c>
      <c r="C25141">
        <v>0</v>
      </c>
      <c r="D25141">
        <v>0</v>
      </c>
    </row>
    <row r="25142" spans="1:4" x14ac:dyDescent="0.25">
      <c r="A25142" t="s">
        <v>38535</v>
      </c>
      <c r="B25142" t="s">
        <v>1499</v>
      </c>
      <c r="C25142">
        <v>1</v>
      </c>
      <c r="D25142">
        <v>0</v>
      </c>
    </row>
    <row r="25143" spans="1:4" x14ac:dyDescent="0.25">
      <c r="A25143" t="s">
        <v>38536</v>
      </c>
      <c r="B25143" t="s">
        <v>38537</v>
      </c>
      <c r="C25143">
        <v>2</v>
      </c>
      <c r="D25143">
        <v>0</v>
      </c>
    </row>
    <row r="25144" spans="1:4" x14ac:dyDescent="0.25">
      <c r="A25144" t="s">
        <v>38536</v>
      </c>
      <c r="B25144" t="s">
        <v>38538</v>
      </c>
      <c r="C25144">
        <v>0</v>
      </c>
      <c r="D25144">
        <v>0</v>
      </c>
    </row>
    <row r="25145" spans="1:4" x14ac:dyDescent="0.25">
      <c r="A25145" t="s">
        <v>38536</v>
      </c>
      <c r="B25145" t="s">
        <v>38539</v>
      </c>
      <c r="C25145">
        <v>2</v>
      </c>
      <c r="D25145">
        <v>0</v>
      </c>
    </row>
    <row r="25146" spans="1:4" x14ac:dyDescent="0.25">
      <c r="A25146" t="s">
        <v>38540</v>
      </c>
      <c r="B25146" t="s">
        <v>38541</v>
      </c>
      <c r="C25146">
        <v>1</v>
      </c>
      <c r="D25146">
        <v>0</v>
      </c>
    </row>
    <row r="25147" spans="1:4" x14ac:dyDescent="0.25">
      <c r="A25147" t="s">
        <v>38540</v>
      </c>
      <c r="B25147" t="s">
        <v>38542</v>
      </c>
      <c r="C25147">
        <v>2</v>
      </c>
      <c r="D25147">
        <v>0</v>
      </c>
    </row>
    <row r="25148" spans="1:4" x14ac:dyDescent="0.25">
      <c r="A25148" t="s">
        <v>38543</v>
      </c>
      <c r="B25148" t="s">
        <v>2061</v>
      </c>
      <c r="C25148">
        <v>0</v>
      </c>
      <c r="D25148">
        <v>0</v>
      </c>
    </row>
    <row r="25149" spans="1:4" x14ac:dyDescent="0.25">
      <c r="A25149" t="s">
        <v>38543</v>
      </c>
      <c r="B25149" t="s">
        <v>1294</v>
      </c>
      <c r="C25149">
        <v>1</v>
      </c>
      <c r="D25149">
        <v>0</v>
      </c>
    </row>
    <row r="25150" spans="1:4" x14ac:dyDescent="0.25">
      <c r="A25150" t="s">
        <v>38544</v>
      </c>
      <c r="B25150" t="s">
        <v>38545</v>
      </c>
      <c r="C25150">
        <v>2</v>
      </c>
      <c r="D25150">
        <v>0</v>
      </c>
    </row>
    <row r="25151" spans="1:4" x14ac:dyDescent="0.25">
      <c r="A25151" t="s">
        <v>38544</v>
      </c>
      <c r="B25151" t="s">
        <v>38546</v>
      </c>
      <c r="C25151">
        <v>2</v>
      </c>
      <c r="D25151">
        <v>0</v>
      </c>
    </row>
    <row r="25152" spans="1:4" x14ac:dyDescent="0.25">
      <c r="A25152" t="s">
        <v>38547</v>
      </c>
      <c r="B25152" t="s">
        <v>38548</v>
      </c>
      <c r="C25152">
        <v>1</v>
      </c>
      <c r="D25152">
        <v>0</v>
      </c>
    </row>
    <row r="25153" spans="1:4" x14ac:dyDescent="0.25">
      <c r="A25153" t="s">
        <v>38547</v>
      </c>
      <c r="B25153" t="s">
        <v>38549</v>
      </c>
      <c r="C25153">
        <v>1</v>
      </c>
      <c r="D25153">
        <v>0</v>
      </c>
    </row>
    <row r="25154" spans="1:4" x14ac:dyDescent="0.25">
      <c r="A25154" t="s">
        <v>38550</v>
      </c>
      <c r="B25154" t="s">
        <v>38551</v>
      </c>
      <c r="C25154">
        <v>0</v>
      </c>
      <c r="D25154">
        <v>0</v>
      </c>
    </row>
    <row r="25155" spans="1:4" x14ac:dyDescent="0.25">
      <c r="A25155" t="s">
        <v>38550</v>
      </c>
      <c r="B25155" t="s">
        <v>38552</v>
      </c>
      <c r="C25155">
        <v>1</v>
      </c>
      <c r="D25155">
        <v>0</v>
      </c>
    </row>
    <row r="25156" spans="1:4" x14ac:dyDescent="0.25">
      <c r="A25156" t="s">
        <v>38550</v>
      </c>
      <c r="B25156" t="s">
        <v>38553</v>
      </c>
      <c r="C25156">
        <v>0</v>
      </c>
      <c r="D25156">
        <v>0</v>
      </c>
    </row>
    <row r="25157" spans="1:4" x14ac:dyDescent="0.25">
      <c r="A25157" t="s">
        <v>38554</v>
      </c>
      <c r="B25157" t="s">
        <v>38555</v>
      </c>
      <c r="C25157">
        <v>0</v>
      </c>
      <c r="D25157">
        <v>0</v>
      </c>
    </row>
    <row r="25158" spans="1:4" x14ac:dyDescent="0.25">
      <c r="A25158" t="s">
        <v>38554</v>
      </c>
      <c r="B25158" t="s">
        <v>38556</v>
      </c>
      <c r="C25158">
        <v>0</v>
      </c>
      <c r="D25158">
        <v>0</v>
      </c>
    </row>
    <row r="25159" spans="1:4" x14ac:dyDescent="0.25">
      <c r="A25159" t="s">
        <v>38554</v>
      </c>
      <c r="B25159" t="s">
        <v>38557</v>
      </c>
      <c r="C25159">
        <v>0</v>
      </c>
      <c r="D25159">
        <v>0</v>
      </c>
    </row>
    <row r="25160" spans="1:4" x14ac:dyDescent="0.25">
      <c r="A25160" t="s">
        <v>38558</v>
      </c>
      <c r="B25160" t="s">
        <v>38559</v>
      </c>
      <c r="C25160">
        <v>1</v>
      </c>
      <c r="D25160">
        <v>0</v>
      </c>
    </row>
    <row r="25161" spans="1:4" x14ac:dyDescent="0.25">
      <c r="A25161" t="s">
        <v>38560</v>
      </c>
      <c r="B25161" t="s">
        <v>795</v>
      </c>
      <c r="C25161">
        <v>0</v>
      </c>
      <c r="D25161">
        <v>0</v>
      </c>
    </row>
    <row r="25162" spans="1:4" x14ac:dyDescent="0.25">
      <c r="A25162" t="s">
        <v>38560</v>
      </c>
      <c r="B25162" t="s">
        <v>38561</v>
      </c>
      <c r="C25162">
        <v>1</v>
      </c>
      <c r="D25162">
        <v>0</v>
      </c>
    </row>
    <row r="25163" spans="1:4" x14ac:dyDescent="0.25">
      <c r="A25163" t="s">
        <v>38562</v>
      </c>
      <c r="B25163" t="s">
        <v>38563</v>
      </c>
      <c r="C25163">
        <v>0</v>
      </c>
      <c r="D25163">
        <v>0</v>
      </c>
    </row>
    <row r="25164" spans="1:4" x14ac:dyDescent="0.25">
      <c r="A25164" t="s">
        <v>38562</v>
      </c>
      <c r="B25164" t="s">
        <v>32521</v>
      </c>
      <c r="C25164">
        <v>0</v>
      </c>
      <c r="D25164">
        <v>0</v>
      </c>
    </row>
    <row r="25165" spans="1:4" x14ac:dyDescent="0.25">
      <c r="A25165" t="s">
        <v>38562</v>
      </c>
      <c r="B25165" t="s">
        <v>38564</v>
      </c>
      <c r="C25165">
        <v>1</v>
      </c>
      <c r="D25165">
        <v>0</v>
      </c>
    </row>
    <row r="25166" spans="1:4" x14ac:dyDescent="0.25">
      <c r="A25166" t="s">
        <v>38565</v>
      </c>
      <c r="B25166" t="s">
        <v>38566</v>
      </c>
      <c r="C25166">
        <v>0</v>
      </c>
      <c r="D25166">
        <v>0</v>
      </c>
    </row>
    <row r="25167" spans="1:4" x14ac:dyDescent="0.25">
      <c r="A25167" t="s">
        <v>38567</v>
      </c>
      <c r="B25167" t="s">
        <v>38568</v>
      </c>
      <c r="C25167">
        <v>1</v>
      </c>
      <c r="D25167">
        <v>0</v>
      </c>
    </row>
    <row r="25168" spans="1:4" x14ac:dyDescent="0.25">
      <c r="A25168" t="s">
        <v>38567</v>
      </c>
      <c r="B25168" t="s">
        <v>38569</v>
      </c>
      <c r="C25168">
        <v>1</v>
      </c>
      <c r="D25168">
        <v>0</v>
      </c>
    </row>
    <row r="25169" spans="1:4" x14ac:dyDescent="0.25">
      <c r="A25169" t="s">
        <v>38570</v>
      </c>
      <c r="B25169" t="s">
        <v>38571</v>
      </c>
      <c r="C25169">
        <v>0</v>
      </c>
      <c r="D25169">
        <v>0</v>
      </c>
    </row>
    <row r="25170" spans="1:4" x14ac:dyDescent="0.25">
      <c r="A25170" t="s">
        <v>38572</v>
      </c>
      <c r="B25170" t="s">
        <v>38573</v>
      </c>
      <c r="C25170">
        <v>1</v>
      </c>
      <c r="D25170">
        <v>0</v>
      </c>
    </row>
    <row r="25171" spans="1:4" x14ac:dyDescent="0.25">
      <c r="A25171" t="s">
        <v>38574</v>
      </c>
      <c r="B25171" t="s">
        <v>843</v>
      </c>
      <c r="C25171">
        <v>1</v>
      </c>
      <c r="D25171">
        <v>0</v>
      </c>
    </row>
    <row r="25172" spans="1:4" x14ac:dyDescent="0.25">
      <c r="A25172" t="s">
        <v>38575</v>
      </c>
      <c r="B25172" t="s">
        <v>1769</v>
      </c>
      <c r="C25172">
        <v>1</v>
      </c>
      <c r="D25172">
        <v>0</v>
      </c>
    </row>
    <row r="25173" spans="1:4" x14ac:dyDescent="0.25">
      <c r="A25173" t="s">
        <v>38576</v>
      </c>
      <c r="B25173" t="s">
        <v>38577</v>
      </c>
      <c r="C25173">
        <v>2</v>
      </c>
      <c r="D25173">
        <v>0</v>
      </c>
    </row>
    <row r="25174" spans="1:4" x14ac:dyDescent="0.25">
      <c r="A25174" t="s">
        <v>38576</v>
      </c>
      <c r="B25174" t="s">
        <v>38578</v>
      </c>
      <c r="C25174">
        <v>0</v>
      </c>
      <c r="D25174">
        <v>0</v>
      </c>
    </row>
    <row r="25175" spans="1:4" x14ac:dyDescent="0.25">
      <c r="A25175" t="s">
        <v>38576</v>
      </c>
      <c r="B25175" t="s">
        <v>38579</v>
      </c>
      <c r="C25175">
        <v>0</v>
      </c>
      <c r="D25175">
        <v>0</v>
      </c>
    </row>
    <row r="25176" spans="1:4" x14ac:dyDescent="0.25">
      <c r="A25176" t="s">
        <v>38580</v>
      </c>
      <c r="B25176" t="s">
        <v>38581</v>
      </c>
      <c r="C25176">
        <v>1</v>
      </c>
      <c r="D25176">
        <v>0</v>
      </c>
    </row>
    <row r="25177" spans="1:4" x14ac:dyDescent="0.25">
      <c r="A25177" t="s">
        <v>38580</v>
      </c>
      <c r="B25177" t="s">
        <v>38582</v>
      </c>
      <c r="C25177">
        <v>2</v>
      </c>
      <c r="D25177">
        <v>0</v>
      </c>
    </row>
    <row r="25178" spans="1:4" x14ac:dyDescent="0.25">
      <c r="A25178" t="s">
        <v>38583</v>
      </c>
      <c r="B25178" t="s">
        <v>38584</v>
      </c>
      <c r="C25178">
        <v>1</v>
      </c>
      <c r="D25178">
        <v>0</v>
      </c>
    </row>
    <row r="25179" spans="1:4" x14ac:dyDescent="0.25">
      <c r="A25179" t="s">
        <v>38583</v>
      </c>
      <c r="B25179" t="s">
        <v>38585</v>
      </c>
      <c r="C25179">
        <v>2</v>
      </c>
      <c r="D25179">
        <v>0</v>
      </c>
    </row>
    <row r="25180" spans="1:4" x14ac:dyDescent="0.25">
      <c r="A25180" t="s">
        <v>38583</v>
      </c>
      <c r="B25180" t="s">
        <v>38586</v>
      </c>
      <c r="C25180">
        <v>1</v>
      </c>
      <c r="D25180">
        <v>0</v>
      </c>
    </row>
    <row r="25181" spans="1:4" x14ac:dyDescent="0.25">
      <c r="A25181" t="s">
        <v>38587</v>
      </c>
      <c r="B25181" t="s">
        <v>38588</v>
      </c>
      <c r="C25181">
        <v>2</v>
      </c>
      <c r="D25181">
        <v>0</v>
      </c>
    </row>
    <row r="25182" spans="1:4" x14ac:dyDescent="0.25">
      <c r="A25182" t="s">
        <v>38587</v>
      </c>
      <c r="B25182" t="s">
        <v>38589</v>
      </c>
      <c r="C25182">
        <v>1</v>
      </c>
      <c r="D25182">
        <v>0</v>
      </c>
    </row>
    <row r="25183" spans="1:4" x14ac:dyDescent="0.25">
      <c r="A25183" t="s">
        <v>38590</v>
      </c>
      <c r="B25183" t="s">
        <v>38591</v>
      </c>
      <c r="C25183">
        <v>1</v>
      </c>
      <c r="D25183">
        <v>0</v>
      </c>
    </row>
    <row r="25184" spans="1:4" x14ac:dyDescent="0.25">
      <c r="A25184" t="s">
        <v>38590</v>
      </c>
      <c r="B25184" t="s">
        <v>38592</v>
      </c>
      <c r="C25184">
        <v>1</v>
      </c>
      <c r="D25184">
        <v>0</v>
      </c>
    </row>
    <row r="25185" spans="1:4" x14ac:dyDescent="0.25">
      <c r="A25185" t="s">
        <v>38590</v>
      </c>
      <c r="B25185" t="s">
        <v>38593</v>
      </c>
      <c r="C25185">
        <v>2</v>
      </c>
      <c r="D25185">
        <v>0</v>
      </c>
    </row>
    <row r="25186" spans="1:4" x14ac:dyDescent="0.25">
      <c r="A25186" t="s">
        <v>38594</v>
      </c>
      <c r="B25186" t="s">
        <v>38595</v>
      </c>
      <c r="C25186">
        <v>0</v>
      </c>
      <c r="D25186">
        <v>0</v>
      </c>
    </row>
    <row r="25187" spans="1:4" x14ac:dyDescent="0.25">
      <c r="A25187" t="s">
        <v>38594</v>
      </c>
      <c r="B25187" t="s">
        <v>38596</v>
      </c>
      <c r="C25187">
        <v>0</v>
      </c>
      <c r="D25187">
        <v>0</v>
      </c>
    </row>
    <row r="25188" spans="1:4" x14ac:dyDescent="0.25">
      <c r="A25188" t="s">
        <v>38594</v>
      </c>
      <c r="B25188" t="s">
        <v>38597</v>
      </c>
      <c r="C25188">
        <v>0</v>
      </c>
      <c r="D25188">
        <v>0</v>
      </c>
    </row>
    <row r="25189" spans="1:4" x14ac:dyDescent="0.25">
      <c r="A25189" t="s">
        <v>38598</v>
      </c>
      <c r="B25189" t="s">
        <v>38599</v>
      </c>
      <c r="C25189">
        <v>1</v>
      </c>
      <c r="D25189">
        <v>0</v>
      </c>
    </row>
    <row r="25190" spans="1:4" x14ac:dyDescent="0.25">
      <c r="A25190" t="s">
        <v>38600</v>
      </c>
      <c r="B25190" t="s">
        <v>38601</v>
      </c>
      <c r="C25190">
        <v>1</v>
      </c>
      <c r="D25190">
        <v>0</v>
      </c>
    </row>
    <row r="25191" spans="1:4" x14ac:dyDescent="0.25">
      <c r="A25191" t="s">
        <v>38602</v>
      </c>
      <c r="B25191" t="s">
        <v>38603</v>
      </c>
      <c r="C25191">
        <v>2</v>
      </c>
      <c r="D25191">
        <v>0</v>
      </c>
    </row>
    <row r="25192" spans="1:4" x14ac:dyDescent="0.25">
      <c r="A25192" t="s">
        <v>38602</v>
      </c>
      <c r="B25192" t="s">
        <v>38604</v>
      </c>
      <c r="C25192">
        <v>2</v>
      </c>
      <c r="D25192">
        <v>0</v>
      </c>
    </row>
    <row r="25193" spans="1:4" x14ac:dyDescent="0.25">
      <c r="A25193" t="s">
        <v>38602</v>
      </c>
      <c r="B25193" t="s">
        <v>38605</v>
      </c>
      <c r="C25193">
        <v>0</v>
      </c>
      <c r="D25193">
        <v>0</v>
      </c>
    </row>
    <row r="25194" spans="1:4" x14ac:dyDescent="0.25">
      <c r="A25194" t="s">
        <v>38606</v>
      </c>
      <c r="B25194" t="s">
        <v>38607</v>
      </c>
      <c r="C25194">
        <v>2</v>
      </c>
      <c r="D25194">
        <v>0</v>
      </c>
    </row>
    <row r="25195" spans="1:4" x14ac:dyDescent="0.25">
      <c r="A25195" t="s">
        <v>38606</v>
      </c>
      <c r="B25195" t="s">
        <v>1001</v>
      </c>
      <c r="C25195">
        <v>1</v>
      </c>
      <c r="D25195">
        <v>0</v>
      </c>
    </row>
    <row r="25196" spans="1:4" x14ac:dyDescent="0.25">
      <c r="A25196" t="s">
        <v>38606</v>
      </c>
      <c r="B25196" t="s">
        <v>38608</v>
      </c>
      <c r="C25196">
        <v>2</v>
      </c>
      <c r="D25196">
        <v>0</v>
      </c>
    </row>
    <row r="25197" spans="1:4" x14ac:dyDescent="0.25">
      <c r="A25197" t="s">
        <v>38609</v>
      </c>
      <c r="B25197" t="s">
        <v>38610</v>
      </c>
      <c r="C25197">
        <v>1</v>
      </c>
      <c r="D25197">
        <v>0</v>
      </c>
    </row>
    <row r="25198" spans="1:4" x14ac:dyDescent="0.25">
      <c r="A25198" t="s">
        <v>38609</v>
      </c>
      <c r="B25198" t="s">
        <v>38611</v>
      </c>
      <c r="C25198">
        <v>1</v>
      </c>
      <c r="D25198">
        <v>0</v>
      </c>
    </row>
    <row r="25199" spans="1:4" x14ac:dyDescent="0.25">
      <c r="A25199" t="s">
        <v>38612</v>
      </c>
      <c r="B25199" t="s">
        <v>38613</v>
      </c>
      <c r="C25199">
        <v>0</v>
      </c>
      <c r="D25199">
        <v>0</v>
      </c>
    </row>
    <row r="25200" spans="1:4" x14ac:dyDescent="0.25">
      <c r="A25200" t="s">
        <v>38614</v>
      </c>
      <c r="B25200" t="s">
        <v>38615</v>
      </c>
      <c r="C25200">
        <v>0</v>
      </c>
      <c r="D25200">
        <v>0</v>
      </c>
    </row>
    <row r="25201" spans="1:4" x14ac:dyDescent="0.25">
      <c r="A25201" t="s">
        <v>38614</v>
      </c>
      <c r="B25201" t="s">
        <v>38616</v>
      </c>
      <c r="C25201">
        <v>2</v>
      </c>
      <c r="D25201">
        <v>0</v>
      </c>
    </row>
    <row r="25202" spans="1:4" x14ac:dyDescent="0.25">
      <c r="A25202" t="s">
        <v>38614</v>
      </c>
      <c r="B25202" t="s">
        <v>38617</v>
      </c>
      <c r="C25202">
        <v>1</v>
      </c>
      <c r="D25202">
        <v>0</v>
      </c>
    </row>
    <row r="25203" spans="1:4" x14ac:dyDescent="0.25">
      <c r="A25203" t="s">
        <v>38618</v>
      </c>
      <c r="B25203" t="s">
        <v>38619</v>
      </c>
      <c r="C25203">
        <v>1</v>
      </c>
      <c r="D25203">
        <v>0</v>
      </c>
    </row>
    <row r="25204" spans="1:4" x14ac:dyDescent="0.25">
      <c r="A25204" t="s">
        <v>38618</v>
      </c>
      <c r="B25204" t="s">
        <v>38620</v>
      </c>
      <c r="C25204">
        <v>1</v>
      </c>
      <c r="D25204">
        <v>0</v>
      </c>
    </row>
    <row r="25205" spans="1:4" x14ac:dyDescent="0.25">
      <c r="A25205" t="s">
        <v>38621</v>
      </c>
      <c r="B25205" t="s">
        <v>38622</v>
      </c>
      <c r="C25205">
        <v>1</v>
      </c>
      <c r="D25205">
        <v>0</v>
      </c>
    </row>
    <row r="25206" spans="1:4" x14ac:dyDescent="0.25">
      <c r="A25206" t="s">
        <v>38623</v>
      </c>
      <c r="B25206" t="s">
        <v>38624</v>
      </c>
      <c r="C25206">
        <v>1</v>
      </c>
      <c r="D25206">
        <v>0</v>
      </c>
    </row>
    <row r="25207" spans="1:4" x14ac:dyDescent="0.25">
      <c r="A25207" t="s">
        <v>38623</v>
      </c>
      <c r="B25207" t="s">
        <v>38625</v>
      </c>
      <c r="C25207">
        <v>1</v>
      </c>
      <c r="D25207">
        <v>0</v>
      </c>
    </row>
    <row r="25208" spans="1:4" x14ac:dyDescent="0.25">
      <c r="A25208" t="s">
        <v>38623</v>
      </c>
      <c r="B25208" t="s">
        <v>38626</v>
      </c>
      <c r="C25208">
        <v>1</v>
      </c>
      <c r="D25208">
        <v>0</v>
      </c>
    </row>
    <row r="25209" spans="1:4" x14ac:dyDescent="0.25">
      <c r="A25209" t="s">
        <v>38627</v>
      </c>
      <c r="B25209" t="s">
        <v>38628</v>
      </c>
      <c r="C25209">
        <v>1</v>
      </c>
      <c r="D25209">
        <v>0</v>
      </c>
    </row>
    <row r="25210" spans="1:4" x14ac:dyDescent="0.25">
      <c r="A25210" t="s">
        <v>38627</v>
      </c>
      <c r="B25210" t="s">
        <v>38629</v>
      </c>
      <c r="C25210">
        <v>0</v>
      </c>
      <c r="D25210">
        <v>0</v>
      </c>
    </row>
    <row r="25211" spans="1:4" x14ac:dyDescent="0.25">
      <c r="A25211" t="s">
        <v>38630</v>
      </c>
      <c r="B25211" t="s">
        <v>38631</v>
      </c>
      <c r="C25211">
        <v>0</v>
      </c>
      <c r="D25211">
        <v>0</v>
      </c>
    </row>
    <row r="25212" spans="1:4" x14ac:dyDescent="0.25">
      <c r="A25212" t="s">
        <v>38630</v>
      </c>
      <c r="B25212" t="s">
        <v>38632</v>
      </c>
      <c r="C25212">
        <v>1</v>
      </c>
      <c r="D25212">
        <v>0</v>
      </c>
    </row>
    <row r="25213" spans="1:4" x14ac:dyDescent="0.25">
      <c r="A25213" t="s">
        <v>38630</v>
      </c>
      <c r="B25213" t="s">
        <v>38633</v>
      </c>
      <c r="C25213">
        <v>2</v>
      </c>
      <c r="D25213">
        <v>0</v>
      </c>
    </row>
    <row r="25214" spans="1:4" x14ac:dyDescent="0.25">
      <c r="A25214" t="s">
        <v>38634</v>
      </c>
      <c r="B25214" t="s">
        <v>3195</v>
      </c>
      <c r="C25214">
        <v>1</v>
      </c>
      <c r="D25214">
        <v>0</v>
      </c>
    </row>
    <row r="25215" spans="1:4" x14ac:dyDescent="0.25">
      <c r="A25215" t="s">
        <v>38635</v>
      </c>
      <c r="B25215" t="s">
        <v>38636</v>
      </c>
      <c r="C25215">
        <v>0</v>
      </c>
      <c r="D25215">
        <v>0</v>
      </c>
    </row>
    <row r="25216" spans="1:4" x14ac:dyDescent="0.25">
      <c r="A25216" t="s">
        <v>38635</v>
      </c>
      <c r="B25216" t="s">
        <v>38637</v>
      </c>
      <c r="C25216">
        <v>2</v>
      </c>
      <c r="D25216">
        <v>0</v>
      </c>
    </row>
    <row r="25217" spans="1:4" x14ac:dyDescent="0.25">
      <c r="A25217" t="s">
        <v>38635</v>
      </c>
      <c r="B25217" t="s">
        <v>38638</v>
      </c>
      <c r="C25217">
        <v>1</v>
      </c>
      <c r="D25217">
        <v>0</v>
      </c>
    </row>
    <row r="25218" spans="1:4" x14ac:dyDescent="0.25">
      <c r="A25218" t="s">
        <v>38639</v>
      </c>
      <c r="B25218" t="s">
        <v>38640</v>
      </c>
      <c r="C25218">
        <v>1</v>
      </c>
      <c r="D25218">
        <v>0</v>
      </c>
    </row>
    <row r="25219" spans="1:4" x14ac:dyDescent="0.25">
      <c r="A25219" t="s">
        <v>38639</v>
      </c>
      <c r="B25219" t="s">
        <v>38641</v>
      </c>
      <c r="C25219">
        <v>0</v>
      </c>
      <c r="D25219">
        <v>0</v>
      </c>
    </row>
    <row r="25220" spans="1:4" x14ac:dyDescent="0.25">
      <c r="A25220" t="s">
        <v>38639</v>
      </c>
      <c r="B25220" t="s">
        <v>38642</v>
      </c>
      <c r="C25220">
        <v>2</v>
      </c>
      <c r="D25220">
        <v>0</v>
      </c>
    </row>
    <row r="25221" spans="1:4" x14ac:dyDescent="0.25">
      <c r="A25221" t="s">
        <v>38643</v>
      </c>
      <c r="B25221" t="s">
        <v>38644</v>
      </c>
      <c r="C25221">
        <v>0</v>
      </c>
      <c r="D25221">
        <v>0</v>
      </c>
    </row>
    <row r="25222" spans="1:4" x14ac:dyDescent="0.25">
      <c r="A25222" t="s">
        <v>38643</v>
      </c>
      <c r="B25222" t="s">
        <v>38645</v>
      </c>
      <c r="C25222">
        <v>1</v>
      </c>
      <c r="D25222">
        <v>0</v>
      </c>
    </row>
    <row r="25223" spans="1:4" x14ac:dyDescent="0.25">
      <c r="A25223" t="s">
        <v>38646</v>
      </c>
      <c r="B25223" t="s">
        <v>38647</v>
      </c>
      <c r="C25223">
        <v>1</v>
      </c>
      <c r="D25223">
        <v>0</v>
      </c>
    </row>
    <row r="25224" spans="1:4" x14ac:dyDescent="0.25">
      <c r="A25224" t="s">
        <v>38646</v>
      </c>
      <c r="B25224" t="s">
        <v>38648</v>
      </c>
      <c r="C25224">
        <v>2</v>
      </c>
      <c r="D25224">
        <v>0</v>
      </c>
    </row>
    <row r="25225" spans="1:4" x14ac:dyDescent="0.25">
      <c r="A25225" t="s">
        <v>38649</v>
      </c>
      <c r="B25225" t="s">
        <v>38650</v>
      </c>
      <c r="C25225">
        <v>0</v>
      </c>
      <c r="D25225">
        <v>0</v>
      </c>
    </row>
    <row r="25226" spans="1:4" x14ac:dyDescent="0.25">
      <c r="A25226" t="s">
        <v>38649</v>
      </c>
      <c r="B25226" t="s">
        <v>38651</v>
      </c>
      <c r="C25226">
        <v>1</v>
      </c>
      <c r="D25226">
        <v>0</v>
      </c>
    </row>
    <row r="25227" spans="1:4" x14ac:dyDescent="0.25">
      <c r="A25227" t="s">
        <v>38652</v>
      </c>
      <c r="B25227" t="s">
        <v>38653</v>
      </c>
      <c r="C25227">
        <v>0</v>
      </c>
      <c r="D25227">
        <v>0</v>
      </c>
    </row>
    <row r="25228" spans="1:4" x14ac:dyDescent="0.25">
      <c r="A25228" t="s">
        <v>38652</v>
      </c>
      <c r="B25228" t="s">
        <v>38654</v>
      </c>
      <c r="C25228">
        <v>0</v>
      </c>
      <c r="D25228">
        <v>0</v>
      </c>
    </row>
    <row r="25229" spans="1:4" x14ac:dyDescent="0.25">
      <c r="A25229" t="s">
        <v>38655</v>
      </c>
      <c r="B25229" t="s">
        <v>1001</v>
      </c>
      <c r="C25229">
        <v>1</v>
      </c>
      <c r="D25229">
        <v>0</v>
      </c>
    </row>
    <row r="25230" spans="1:4" x14ac:dyDescent="0.25">
      <c r="A25230" t="s">
        <v>38655</v>
      </c>
      <c r="B25230" t="s">
        <v>38656</v>
      </c>
      <c r="C25230">
        <v>1</v>
      </c>
      <c r="D25230">
        <v>0</v>
      </c>
    </row>
    <row r="25231" spans="1:4" x14ac:dyDescent="0.25">
      <c r="A25231" t="s">
        <v>38657</v>
      </c>
      <c r="B25231" t="s">
        <v>38658</v>
      </c>
      <c r="C25231">
        <v>1</v>
      </c>
      <c r="D25231">
        <v>0</v>
      </c>
    </row>
    <row r="25232" spans="1:4" x14ac:dyDescent="0.25">
      <c r="A25232" t="s">
        <v>38657</v>
      </c>
      <c r="B25232" t="s">
        <v>38659</v>
      </c>
      <c r="C25232">
        <v>1</v>
      </c>
      <c r="D25232">
        <v>0</v>
      </c>
    </row>
    <row r="25233" spans="1:4" x14ac:dyDescent="0.25">
      <c r="A25233" t="s">
        <v>38660</v>
      </c>
      <c r="B25233" t="s">
        <v>38661</v>
      </c>
      <c r="C25233">
        <v>0</v>
      </c>
      <c r="D25233">
        <v>0</v>
      </c>
    </row>
    <row r="25234" spans="1:4" x14ac:dyDescent="0.25">
      <c r="A25234" t="s">
        <v>38660</v>
      </c>
      <c r="B25234" t="s">
        <v>38662</v>
      </c>
      <c r="C25234">
        <v>0</v>
      </c>
      <c r="D25234">
        <v>0</v>
      </c>
    </row>
    <row r="25235" spans="1:4" x14ac:dyDescent="0.25">
      <c r="A25235" t="s">
        <v>38663</v>
      </c>
      <c r="B25235" t="s">
        <v>38664</v>
      </c>
      <c r="C25235">
        <v>1</v>
      </c>
      <c r="D25235">
        <v>0</v>
      </c>
    </row>
    <row r="25236" spans="1:4" x14ac:dyDescent="0.25">
      <c r="A25236" t="s">
        <v>38663</v>
      </c>
      <c r="B25236" t="s">
        <v>38665</v>
      </c>
      <c r="C25236">
        <v>0</v>
      </c>
      <c r="D25236">
        <v>0</v>
      </c>
    </row>
    <row r="25237" spans="1:4" x14ac:dyDescent="0.25">
      <c r="A25237" t="s">
        <v>38666</v>
      </c>
      <c r="B25237" t="s">
        <v>11044</v>
      </c>
      <c r="C25237">
        <v>0</v>
      </c>
      <c r="D25237">
        <v>0</v>
      </c>
    </row>
    <row r="25238" spans="1:4" x14ac:dyDescent="0.25">
      <c r="A25238" t="s">
        <v>38667</v>
      </c>
      <c r="B25238" t="s">
        <v>38668</v>
      </c>
      <c r="C25238">
        <v>0</v>
      </c>
      <c r="D25238">
        <v>0</v>
      </c>
    </row>
    <row r="25239" spans="1:4" x14ac:dyDescent="0.25">
      <c r="A25239" t="s">
        <v>38667</v>
      </c>
      <c r="B25239" t="s">
        <v>38669</v>
      </c>
      <c r="C25239">
        <v>1</v>
      </c>
      <c r="D25239">
        <v>0</v>
      </c>
    </row>
    <row r="25240" spans="1:4" x14ac:dyDescent="0.25">
      <c r="A25240" t="s">
        <v>38667</v>
      </c>
      <c r="B25240" t="s">
        <v>38670</v>
      </c>
      <c r="C25240">
        <v>1</v>
      </c>
      <c r="D25240">
        <v>0</v>
      </c>
    </row>
    <row r="25241" spans="1:4" x14ac:dyDescent="0.25">
      <c r="A25241" t="s">
        <v>38671</v>
      </c>
      <c r="B25241" t="s">
        <v>38672</v>
      </c>
      <c r="C25241">
        <v>1</v>
      </c>
      <c r="D25241">
        <v>0</v>
      </c>
    </row>
    <row r="25242" spans="1:4" x14ac:dyDescent="0.25">
      <c r="A25242" t="s">
        <v>38671</v>
      </c>
      <c r="B25242" t="s">
        <v>38673</v>
      </c>
      <c r="C25242">
        <v>1</v>
      </c>
      <c r="D25242">
        <v>0</v>
      </c>
    </row>
    <row r="25243" spans="1:4" x14ac:dyDescent="0.25">
      <c r="A25243" t="s">
        <v>38674</v>
      </c>
      <c r="B25243" t="s">
        <v>38675</v>
      </c>
      <c r="C25243">
        <v>1</v>
      </c>
      <c r="D25243">
        <v>0</v>
      </c>
    </row>
    <row r="25244" spans="1:4" x14ac:dyDescent="0.25">
      <c r="A25244" t="s">
        <v>38674</v>
      </c>
      <c r="B25244" t="s">
        <v>38676</v>
      </c>
      <c r="C25244">
        <v>1</v>
      </c>
      <c r="D25244">
        <v>0</v>
      </c>
    </row>
    <row r="25245" spans="1:4" x14ac:dyDescent="0.25">
      <c r="A25245" t="s">
        <v>38674</v>
      </c>
      <c r="B25245" t="s">
        <v>38677</v>
      </c>
      <c r="C25245">
        <v>1</v>
      </c>
      <c r="D25245">
        <v>0</v>
      </c>
    </row>
    <row r="25246" spans="1:4" x14ac:dyDescent="0.25">
      <c r="A25246" t="s">
        <v>38678</v>
      </c>
      <c r="B25246" t="s">
        <v>38679</v>
      </c>
      <c r="C25246">
        <v>0</v>
      </c>
      <c r="D25246">
        <v>0</v>
      </c>
    </row>
    <row r="25247" spans="1:4" x14ac:dyDescent="0.25">
      <c r="A25247" t="s">
        <v>38680</v>
      </c>
      <c r="B25247" t="s">
        <v>38681</v>
      </c>
      <c r="C25247">
        <v>0</v>
      </c>
      <c r="D25247">
        <v>0</v>
      </c>
    </row>
    <row r="25248" spans="1:4" x14ac:dyDescent="0.25">
      <c r="A25248" t="s">
        <v>38680</v>
      </c>
      <c r="B25248" t="s">
        <v>38682</v>
      </c>
      <c r="C25248">
        <v>0</v>
      </c>
      <c r="D25248">
        <v>0</v>
      </c>
    </row>
    <row r="25249" spans="1:4" x14ac:dyDescent="0.25">
      <c r="A25249" t="s">
        <v>38680</v>
      </c>
      <c r="B25249" t="s">
        <v>38683</v>
      </c>
      <c r="C25249">
        <v>1</v>
      </c>
      <c r="D25249">
        <v>0</v>
      </c>
    </row>
    <row r="25250" spans="1:4" x14ac:dyDescent="0.25">
      <c r="A25250" t="s">
        <v>38684</v>
      </c>
      <c r="B25250" t="s">
        <v>38685</v>
      </c>
      <c r="C25250">
        <v>0</v>
      </c>
      <c r="D25250">
        <v>0</v>
      </c>
    </row>
    <row r="25251" spans="1:4" x14ac:dyDescent="0.25">
      <c r="A25251" t="s">
        <v>38684</v>
      </c>
      <c r="B25251" t="s">
        <v>38686</v>
      </c>
      <c r="C25251">
        <v>0</v>
      </c>
      <c r="D25251">
        <v>0</v>
      </c>
    </row>
    <row r="25252" spans="1:4" x14ac:dyDescent="0.25">
      <c r="A25252" t="s">
        <v>38684</v>
      </c>
      <c r="B25252" t="s">
        <v>38687</v>
      </c>
      <c r="C25252">
        <v>0</v>
      </c>
      <c r="D25252">
        <v>0</v>
      </c>
    </row>
    <row r="25253" spans="1:4" x14ac:dyDescent="0.25">
      <c r="A25253" t="s">
        <v>38688</v>
      </c>
      <c r="B25253" t="s">
        <v>38689</v>
      </c>
      <c r="C25253">
        <v>1</v>
      </c>
      <c r="D25253">
        <v>0</v>
      </c>
    </row>
    <row r="25254" spans="1:4" x14ac:dyDescent="0.25">
      <c r="A25254" t="s">
        <v>38690</v>
      </c>
      <c r="B25254" t="s">
        <v>1090</v>
      </c>
      <c r="C25254">
        <v>1</v>
      </c>
      <c r="D25254">
        <v>0</v>
      </c>
    </row>
    <row r="25255" spans="1:4" x14ac:dyDescent="0.25">
      <c r="A25255" t="s">
        <v>38690</v>
      </c>
      <c r="B25255" t="s">
        <v>38691</v>
      </c>
      <c r="C25255">
        <v>2</v>
      </c>
      <c r="D25255">
        <v>0</v>
      </c>
    </row>
    <row r="25256" spans="1:4" x14ac:dyDescent="0.25">
      <c r="A25256" t="s">
        <v>38690</v>
      </c>
      <c r="B25256" t="s">
        <v>38692</v>
      </c>
      <c r="C25256">
        <v>0</v>
      </c>
      <c r="D25256">
        <v>0</v>
      </c>
    </row>
    <row r="25257" spans="1:4" x14ac:dyDescent="0.25">
      <c r="A25257" t="s">
        <v>38693</v>
      </c>
      <c r="B25257" t="s">
        <v>38694</v>
      </c>
      <c r="C25257">
        <v>0</v>
      </c>
      <c r="D25257">
        <v>0</v>
      </c>
    </row>
    <row r="25258" spans="1:4" x14ac:dyDescent="0.25">
      <c r="A25258" t="s">
        <v>38693</v>
      </c>
      <c r="B25258" t="s">
        <v>38695</v>
      </c>
      <c r="C25258">
        <v>0</v>
      </c>
      <c r="D25258">
        <v>0</v>
      </c>
    </row>
    <row r="25259" spans="1:4" x14ac:dyDescent="0.25">
      <c r="A25259" t="s">
        <v>38696</v>
      </c>
      <c r="B25259" t="s">
        <v>969</v>
      </c>
      <c r="C25259">
        <v>0</v>
      </c>
      <c r="D25259">
        <v>0</v>
      </c>
    </row>
    <row r="25260" spans="1:4" x14ac:dyDescent="0.25">
      <c r="A25260" t="s">
        <v>38696</v>
      </c>
      <c r="B25260" t="s">
        <v>38697</v>
      </c>
      <c r="C25260">
        <v>1</v>
      </c>
      <c r="D25260">
        <v>0</v>
      </c>
    </row>
    <row r="25261" spans="1:4" x14ac:dyDescent="0.25">
      <c r="A25261" t="s">
        <v>38698</v>
      </c>
      <c r="B25261" t="s">
        <v>38699</v>
      </c>
      <c r="C25261">
        <v>1</v>
      </c>
      <c r="D25261">
        <v>0</v>
      </c>
    </row>
    <row r="25262" spans="1:4" x14ac:dyDescent="0.25">
      <c r="A25262" t="s">
        <v>38698</v>
      </c>
      <c r="B25262" t="s">
        <v>38700</v>
      </c>
      <c r="C25262">
        <v>1</v>
      </c>
      <c r="D25262">
        <v>0</v>
      </c>
    </row>
    <row r="25263" spans="1:4" x14ac:dyDescent="0.25">
      <c r="A25263" t="s">
        <v>38701</v>
      </c>
      <c r="B25263" t="s">
        <v>38702</v>
      </c>
      <c r="C25263">
        <v>0</v>
      </c>
      <c r="D25263">
        <v>0</v>
      </c>
    </row>
    <row r="25264" spans="1:4" x14ac:dyDescent="0.25">
      <c r="A25264" t="s">
        <v>38701</v>
      </c>
      <c r="B25264" t="s">
        <v>38703</v>
      </c>
      <c r="C25264">
        <v>2</v>
      </c>
      <c r="D25264">
        <v>0</v>
      </c>
    </row>
    <row r="25265" spans="1:4" x14ac:dyDescent="0.25">
      <c r="A25265" t="s">
        <v>38701</v>
      </c>
      <c r="B25265" t="s">
        <v>38704</v>
      </c>
      <c r="C25265">
        <v>2</v>
      </c>
      <c r="D25265">
        <v>0</v>
      </c>
    </row>
    <row r="25266" spans="1:4" x14ac:dyDescent="0.25">
      <c r="A25266" t="s">
        <v>38705</v>
      </c>
      <c r="B25266" t="s">
        <v>38706</v>
      </c>
      <c r="C25266">
        <v>0</v>
      </c>
      <c r="D25266">
        <v>0</v>
      </c>
    </row>
    <row r="25267" spans="1:4" x14ac:dyDescent="0.25">
      <c r="A25267" t="s">
        <v>38707</v>
      </c>
      <c r="B25267" t="s">
        <v>38708</v>
      </c>
      <c r="C25267">
        <v>0</v>
      </c>
      <c r="D25267">
        <v>0</v>
      </c>
    </row>
    <row r="25268" spans="1:4" x14ac:dyDescent="0.25">
      <c r="A25268" t="s">
        <v>38707</v>
      </c>
      <c r="B25268" t="s">
        <v>38709</v>
      </c>
      <c r="C25268">
        <v>0</v>
      </c>
      <c r="D25268">
        <v>0</v>
      </c>
    </row>
    <row r="25269" spans="1:4" x14ac:dyDescent="0.25">
      <c r="A25269" t="s">
        <v>38710</v>
      </c>
      <c r="B25269" t="s">
        <v>38711</v>
      </c>
      <c r="C25269">
        <v>0</v>
      </c>
      <c r="D25269">
        <v>0</v>
      </c>
    </row>
    <row r="25270" spans="1:4" x14ac:dyDescent="0.25">
      <c r="A25270" t="s">
        <v>38710</v>
      </c>
      <c r="B25270" t="s">
        <v>38712</v>
      </c>
      <c r="C25270">
        <v>1</v>
      </c>
      <c r="D25270">
        <v>0</v>
      </c>
    </row>
    <row r="25271" spans="1:4" x14ac:dyDescent="0.25">
      <c r="A25271" t="s">
        <v>38713</v>
      </c>
      <c r="B25271" t="s">
        <v>38714</v>
      </c>
      <c r="C25271">
        <v>2</v>
      </c>
      <c r="D25271">
        <v>0</v>
      </c>
    </row>
    <row r="25272" spans="1:4" x14ac:dyDescent="0.25">
      <c r="A25272" t="s">
        <v>38713</v>
      </c>
      <c r="B25272" t="s">
        <v>38715</v>
      </c>
      <c r="C25272">
        <v>1</v>
      </c>
      <c r="D25272">
        <v>0</v>
      </c>
    </row>
    <row r="25273" spans="1:4" x14ac:dyDescent="0.25">
      <c r="A25273" t="s">
        <v>38716</v>
      </c>
      <c r="B25273" t="s">
        <v>38717</v>
      </c>
      <c r="C25273">
        <v>0</v>
      </c>
      <c r="D25273">
        <v>0</v>
      </c>
    </row>
    <row r="25274" spans="1:4" x14ac:dyDescent="0.25">
      <c r="A25274" t="s">
        <v>38718</v>
      </c>
      <c r="B25274" t="s">
        <v>1090</v>
      </c>
      <c r="C25274">
        <v>1</v>
      </c>
      <c r="D25274">
        <v>0</v>
      </c>
    </row>
    <row r="25275" spans="1:4" x14ac:dyDescent="0.25">
      <c r="A25275" t="s">
        <v>38719</v>
      </c>
      <c r="B25275" t="s">
        <v>38720</v>
      </c>
      <c r="C25275">
        <v>0</v>
      </c>
      <c r="D25275">
        <v>0</v>
      </c>
    </row>
    <row r="25276" spans="1:4" x14ac:dyDescent="0.25">
      <c r="A25276" t="s">
        <v>38721</v>
      </c>
      <c r="B25276" t="s">
        <v>38722</v>
      </c>
      <c r="C25276">
        <v>0</v>
      </c>
      <c r="D25276">
        <v>0</v>
      </c>
    </row>
    <row r="25277" spans="1:4" x14ac:dyDescent="0.25">
      <c r="A25277" t="s">
        <v>38721</v>
      </c>
      <c r="B25277" t="s">
        <v>38723</v>
      </c>
      <c r="C25277">
        <v>1</v>
      </c>
      <c r="D25277">
        <v>0</v>
      </c>
    </row>
    <row r="25278" spans="1:4" x14ac:dyDescent="0.25">
      <c r="A25278" t="s">
        <v>38721</v>
      </c>
      <c r="B25278" t="s">
        <v>38724</v>
      </c>
      <c r="C25278">
        <v>1</v>
      </c>
      <c r="D25278">
        <v>0</v>
      </c>
    </row>
    <row r="25279" spans="1:4" x14ac:dyDescent="0.25">
      <c r="A25279" t="s">
        <v>38725</v>
      </c>
      <c r="B25279" t="s">
        <v>38726</v>
      </c>
      <c r="C25279">
        <v>2</v>
      </c>
      <c r="D25279">
        <v>0</v>
      </c>
    </row>
    <row r="25280" spans="1:4" x14ac:dyDescent="0.25">
      <c r="A25280" t="s">
        <v>38725</v>
      </c>
      <c r="B25280" t="s">
        <v>38727</v>
      </c>
      <c r="C25280">
        <v>0</v>
      </c>
      <c r="D25280">
        <v>0</v>
      </c>
    </row>
    <row r="25281" spans="1:4" x14ac:dyDescent="0.25">
      <c r="A25281" t="s">
        <v>38725</v>
      </c>
      <c r="B25281" t="s">
        <v>38728</v>
      </c>
      <c r="C25281">
        <v>0</v>
      </c>
      <c r="D25281">
        <v>0</v>
      </c>
    </row>
    <row r="25282" spans="1:4" x14ac:dyDescent="0.25">
      <c r="A25282" t="s">
        <v>38729</v>
      </c>
      <c r="B25282" t="s">
        <v>38730</v>
      </c>
      <c r="C25282">
        <v>1</v>
      </c>
      <c r="D25282">
        <v>0</v>
      </c>
    </row>
    <row r="25283" spans="1:4" x14ac:dyDescent="0.25">
      <c r="A25283" t="s">
        <v>38731</v>
      </c>
      <c r="B25283" t="s">
        <v>38732</v>
      </c>
      <c r="C25283">
        <v>1</v>
      </c>
      <c r="D25283">
        <v>0</v>
      </c>
    </row>
    <row r="25284" spans="1:4" x14ac:dyDescent="0.25">
      <c r="A25284" t="s">
        <v>38731</v>
      </c>
      <c r="B25284" t="s">
        <v>38733</v>
      </c>
      <c r="C25284">
        <v>0</v>
      </c>
      <c r="D25284">
        <v>0</v>
      </c>
    </row>
    <row r="25285" spans="1:4" x14ac:dyDescent="0.25">
      <c r="A25285" t="s">
        <v>38734</v>
      </c>
      <c r="B25285" t="s">
        <v>38735</v>
      </c>
      <c r="C25285">
        <v>2</v>
      </c>
      <c r="D25285">
        <v>0</v>
      </c>
    </row>
    <row r="25286" spans="1:4" x14ac:dyDescent="0.25">
      <c r="A25286" t="s">
        <v>38734</v>
      </c>
      <c r="B25286" t="s">
        <v>3048</v>
      </c>
      <c r="C25286">
        <v>0</v>
      </c>
      <c r="D25286">
        <v>0</v>
      </c>
    </row>
    <row r="25287" spans="1:4" x14ac:dyDescent="0.25">
      <c r="A25287" t="s">
        <v>38734</v>
      </c>
      <c r="B25287" t="s">
        <v>38736</v>
      </c>
      <c r="C25287">
        <v>2</v>
      </c>
      <c r="D25287">
        <v>0</v>
      </c>
    </row>
    <row r="25288" spans="1:4" x14ac:dyDescent="0.25">
      <c r="A25288" t="s">
        <v>38737</v>
      </c>
      <c r="B25288" t="s">
        <v>1001</v>
      </c>
      <c r="C25288">
        <v>1</v>
      </c>
      <c r="D25288">
        <v>0</v>
      </c>
    </row>
    <row r="25289" spans="1:4" x14ac:dyDescent="0.25">
      <c r="A25289" t="s">
        <v>38738</v>
      </c>
      <c r="B25289" t="s">
        <v>38739</v>
      </c>
      <c r="C25289">
        <v>0</v>
      </c>
      <c r="D25289">
        <v>0</v>
      </c>
    </row>
    <row r="25290" spans="1:4" x14ac:dyDescent="0.25">
      <c r="A25290" t="s">
        <v>38740</v>
      </c>
      <c r="B25290" t="s">
        <v>38741</v>
      </c>
      <c r="C25290">
        <v>0</v>
      </c>
      <c r="D25290">
        <v>0</v>
      </c>
    </row>
    <row r="25291" spans="1:4" x14ac:dyDescent="0.25">
      <c r="A25291" t="s">
        <v>38740</v>
      </c>
      <c r="B25291" t="s">
        <v>38742</v>
      </c>
      <c r="C25291">
        <v>1</v>
      </c>
      <c r="D25291">
        <v>0</v>
      </c>
    </row>
    <row r="25292" spans="1:4" x14ac:dyDescent="0.25">
      <c r="A25292" t="s">
        <v>38740</v>
      </c>
      <c r="B25292" t="s">
        <v>38743</v>
      </c>
      <c r="C25292">
        <v>1</v>
      </c>
      <c r="D25292">
        <v>0</v>
      </c>
    </row>
    <row r="25293" spans="1:4" x14ac:dyDescent="0.25">
      <c r="A25293" t="s">
        <v>38744</v>
      </c>
      <c r="B25293" t="s">
        <v>38745</v>
      </c>
      <c r="C25293">
        <v>1</v>
      </c>
      <c r="D25293">
        <v>0</v>
      </c>
    </row>
    <row r="25294" spans="1:4" x14ac:dyDescent="0.25">
      <c r="A25294" t="s">
        <v>38744</v>
      </c>
      <c r="B25294" t="s">
        <v>38746</v>
      </c>
      <c r="C25294">
        <v>0</v>
      </c>
      <c r="D25294">
        <v>0</v>
      </c>
    </row>
    <row r="25295" spans="1:4" x14ac:dyDescent="0.25">
      <c r="A25295" t="s">
        <v>38747</v>
      </c>
      <c r="B25295" t="s">
        <v>38748</v>
      </c>
      <c r="C25295">
        <v>0</v>
      </c>
      <c r="D25295">
        <v>0</v>
      </c>
    </row>
    <row r="25296" spans="1:4" x14ac:dyDescent="0.25">
      <c r="A25296" t="s">
        <v>38747</v>
      </c>
      <c r="B25296" t="s">
        <v>38749</v>
      </c>
      <c r="C25296">
        <v>2</v>
      </c>
      <c r="D25296">
        <v>0</v>
      </c>
    </row>
    <row r="25297" spans="1:4" x14ac:dyDescent="0.25">
      <c r="A25297" t="s">
        <v>38747</v>
      </c>
      <c r="B25297" t="s">
        <v>38750</v>
      </c>
      <c r="C25297">
        <v>0</v>
      </c>
      <c r="D25297">
        <v>0</v>
      </c>
    </row>
    <row r="25298" spans="1:4" x14ac:dyDescent="0.25">
      <c r="A25298" t="s">
        <v>38751</v>
      </c>
      <c r="B25298" t="s">
        <v>38752</v>
      </c>
      <c r="C25298">
        <v>1</v>
      </c>
      <c r="D25298">
        <v>0</v>
      </c>
    </row>
    <row r="25299" spans="1:4" x14ac:dyDescent="0.25">
      <c r="A25299" t="s">
        <v>38751</v>
      </c>
      <c r="B25299" t="s">
        <v>38753</v>
      </c>
      <c r="C25299">
        <v>0</v>
      </c>
      <c r="D25299">
        <v>0</v>
      </c>
    </row>
    <row r="25300" spans="1:4" x14ac:dyDescent="0.25">
      <c r="A25300" t="s">
        <v>38754</v>
      </c>
      <c r="B25300" t="s">
        <v>38755</v>
      </c>
      <c r="C25300">
        <v>0</v>
      </c>
      <c r="D25300">
        <v>0</v>
      </c>
    </row>
    <row r="25301" spans="1:4" x14ac:dyDescent="0.25">
      <c r="A25301" t="s">
        <v>38756</v>
      </c>
      <c r="B25301" t="s">
        <v>38757</v>
      </c>
      <c r="C25301">
        <v>0</v>
      </c>
      <c r="D25301">
        <v>0</v>
      </c>
    </row>
    <row r="25302" spans="1:4" x14ac:dyDescent="0.25">
      <c r="A25302" t="s">
        <v>38758</v>
      </c>
      <c r="B25302" t="s">
        <v>38759</v>
      </c>
      <c r="C25302">
        <v>2</v>
      </c>
      <c r="D25302">
        <v>0</v>
      </c>
    </row>
    <row r="25303" spans="1:4" x14ac:dyDescent="0.25">
      <c r="A25303" t="s">
        <v>38758</v>
      </c>
      <c r="B25303" t="s">
        <v>38760</v>
      </c>
      <c r="C25303">
        <v>2</v>
      </c>
      <c r="D25303">
        <v>0</v>
      </c>
    </row>
    <row r="25304" spans="1:4" x14ac:dyDescent="0.25">
      <c r="A25304" t="s">
        <v>38758</v>
      </c>
      <c r="B25304" t="s">
        <v>38761</v>
      </c>
      <c r="C25304">
        <v>2</v>
      </c>
      <c r="D25304">
        <v>0</v>
      </c>
    </row>
    <row r="25305" spans="1:4" x14ac:dyDescent="0.25">
      <c r="A25305" t="s">
        <v>38762</v>
      </c>
      <c r="B25305" t="s">
        <v>38763</v>
      </c>
      <c r="C25305">
        <v>0</v>
      </c>
      <c r="D25305">
        <v>0</v>
      </c>
    </row>
    <row r="25306" spans="1:4" x14ac:dyDescent="0.25">
      <c r="A25306" t="s">
        <v>38762</v>
      </c>
      <c r="B25306" t="s">
        <v>38764</v>
      </c>
      <c r="C25306">
        <v>0</v>
      </c>
      <c r="D25306">
        <v>0</v>
      </c>
    </row>
    <row r="25307" spans="1:4" x14ac:dyDescent="0.25">
      <c r="A25307" t="s">
        <v>38765</v>
      </c>
      <c r="B25307" t="s">
        <v>38766</v>
      </c>
      <c r="C25307">
        <v>0</v>
      </c>
      <c r="D25307">
        <v>0</v>
      </c>
    </row>
    <row r="25308" spans="1:4" x14ac:dyDescent="0.25">
      <c r="A25308" t="s">
        <v>38767</v>
      </c>
      <c r="B25308" t="s">
        <v>38768</v>
      </c>
      <c r="C25308">
        <v>1</v>
      </c>
      <c r="D25308">
        <v>0</v>
      </c>
    </row>
    <row r="25309" spans="1:4" x14ac:dyDescent="0.25">
      <c r="A25309" t="s">
        <v>38769</v>
      </c>
      <c r="B25309" t="s">
        <v>38770</v>
      </c>
      <c r="C25309">
        <v>1</v>
      </c>
      <c r="D25309">
        <v>0</v>
      </c>
    </row>
    <row r="25310" spans="1:4" x14ac:dyDescent="0.25">
      <c r="A25310" t="s">
        <v>38769</v>
      </c>
      <c r="B25310" t="s">
        <v>969</v>
      </c>
      <c r="C25310">
        <v>0</v>
      </c>
      <c r="D25310">
        <v>0</v>
      </c>
    </row>
    <row r="25311" spans="1:4" x14ac:dyDescent="0.25">
      <c r="A25311" t="s">
        <v>38771</v>
      </c>
      <c r="B25311" t="s">
        <v>38772</v>
      </c>
      <c r="C25311">
        <v>0</v>
      </c>
      <c r="D25311">
        <v>0</v>
      </c>
    </row>
    <row r="25312" spans="1:4" x14ac:dyDescent="0.25">
      <c r="A25312" t="s">
        <v>38771</v>
      </c>
      <c r="B25312" t="s">
        <v>38773</v>
      </c>
      <c r="C25312">
        <v>2</v>
      </c>
      <c r="D25312">
        <v>0</v>
      </c>
    </row>
    <row r="25313" spans="1:4" x14ac:dyDescent="0.25">
      <c r="A25313" t="s">
        <v>38771</v>
      </c>
      <c r="B25313" t="s">
        <v>38774</v>
      </c>
      <c r="C25313">
        <v>2</v>
      </c>
      <c r="D25313">
        <v>0</v>
      </c>
    </row>
    <row r="25314" spans="1:4" x14ac:dyDescent="0.25">
      <c r="A25314" t="s">
        <v>38775</v>
      </c>
      <c r="B25314" t="s">
        <v>38776</v>
      </c>
      <c r="C25314">
        <v>0</v>
      </c>
      <c r="D25314">
        <v>0</v>
      </c>
    </row>
    <row r="25315" spans="1:4" x14ac:dyDescent="0.25">
      <c r="A25315" t="s">
        <v>38775</v>
      </c>
      <c r="B25315" t="s">
        <v>38777</v>
      </c>
      <c r="C25315">
        <v>1</v>
      </c>
      <c r="D25315">
        <v>0</v>
      </c>
    </row>
    <row r="25316" spans="1:4" x14ac:dyDescent="0.25">
      <c r="A25316" t="s">
        <v>38775</v>
      </c>
      <c r="B25316" t="s">
        <v>38778</v>
      </c>
      <c r="C25316">
        <v>0</v>
      </c>
      <c r="D25316">
        <v>0</v>
      </c>
    </row>
    <row r="25317" spans="1:4" x14ac:dyDescent="0.25">
      <c r="A25317" t="s">
        <v>38779</v>
      </c>
      <c r="B25317" t="s">
        <v>38780</v>
      </c>
      <c r="C25317">
        <v>0</v>
      </c>
      <c r="D25317">
        <v>0</v>
      </c>
    </row>
    <row r="25318" spans="1:4" x14ac:dyDescent="0.25">
      <c r="A25318" t="s">
        <v>38779</v>
      </c>
      <c r="B25318" t="s">
        <v>38781</v>
      </c>
      <c r="C25318">
        <v>1</v>
      </c>
      <c r="D25318">
        <v>0</v>
      </c>
    </row>
    <row r="25319" spans="1:4" x14ac:dyDescent="0.25">
      <c r="A25319" t="s">
        <v>38782</v>
      </c>
      <c r="B25319" t="s">
        <v>4910</v>
      </c>
      <c r="C25319">
        <v>1</v>
      </c>
      <c r="D25319">
        <v>0</v>
      </c>
    </row>
    <row r="25320" spans="1:4" x14ac:dyDescent="0.25">
      <c r="A25320" t="s">
        <v>38783</v>
      </c>
      <c r="B25320" t="s">
        <v>38784</v>
      </c>
      <c r="C25320">
        <v>2</v>
      </c>
      <c r="D25320">
        <v>0</v>
      </c>
    </row>
    <row r="25321" spans="1:4" x14ac:dyDescent="0.25">
      <c r="A25321" t="s">
        <v>38783</v>
      </c>
      <c r="B25321" t="s">
        <v>4349</v>
      </c>
      <c r="C25321">
        <v>0</v>
      </c>
      <c r="D25321">
        <v>0</v>
      </c>
    </row>
    <row r="25322" spans="1:4" x14ac:dyDescent="0.25">
      <c r="A25322" t="s">
        <v>38783</v>
      </c>
      <c r="B25322" t="s">
        <v>38785</v>
      </c>
      <c r="C25322">
        <v>1</v>
      </c>
      <c r="D25322">
        <v>0</v>
      </c>
    </row>
    <row r="25323" spans="1:4" x14ac:dyDescent="0.25">
      <c r="A25323" t="s">
        <v>38786</v>
      </c>
      <c r="B25323" t="s">
        <v>38787</v>
      </c>
      <c r="C25323">
        <v>0</v>
      </c>
      <c r="D25323">
        <v>0</v>
      </c>
    </row>
    <row r="25324" spans="1:4" x14ac:dyDescent="0.25">
      <c r="A25324" t="s">
        <v>38788</v>
      </c>
      <c r="B25324" t="s">
        <v>38789</v>
      </c>
      <c r="C25324">
        <v>0</v>
      </c>
      <c r="D25324">
        <v>0</v>
      </c>
    </row>
    <row r="25325" spans="1:4" x14ac:dyDescent="0.25">
      <c r="A25325" t="s">
        <v>38788</v>
      </c>
      <c r="B25325" t="s">
        <v>38790</v>
      </c>
      <c r="C25325">
        <v>1</v>
      </c>
      <c r="D25325">
        <v>0</v>
      </c>
    </row>
    <row r="25326" spans="1:4" x14ac:dyDescent="0.25">
      <c r="A25326" t="s">
        <v>38791</v>
      </c>
      <c r="B25326" t="s">
        <v>38792</v>
      </c>
      <c r="C25326">
        <v>1</v>
      </c>
      <c r="D25326">
        <v>0</v>
      </c>
    </row>
    <row r="25327" spans="1:4" x14ac:dyDescent="0.25">
      <c r="A25327" t="s">
        <v>38791</v>
      </c>
      <c r="B25327" t="s">
        <v>38793</v>
      </c>
      <c r="C25327">
        <v>1</v>
      </c>
      <c r="D25327">
        <v>0</v>
      </c>
    </row>
    <row r="25328" spans="1:4" x14ac:dyDescent="0.25">
      <c r="A25328" t="s">
        <v>38791</v>
      </c>
      <c r="B25328" t="s">
        <v>38794</v>
      </c>
      <c r="C25328">
        <v>1</v>
      </c>
      <c r="D25328">
        <v>0</v>
      </c>
    </row>
    <row r="25329" spans="1:4" x14ac:dyDescent="0.25">
      <c r="A25329" t="s">
        <v>38795</v>
      </c>
      <c r="B25329" t="s">
        <v>38796</v>
      </c>
      <c r="C25329">
        <v>2</v>
      </c>
      <c r="D25329">
        <v>0</v>
      </c>
    </row>
    <row r="25330" spans="1:4" x14ac:dyDescent="0.25">
      <c r="A25330" t="s">
        <v>38795</v>
      </c>
      <c r="B25330" t="s">
        <v>38797</v>
      </c>
      <c r="C25330">
        <v>0</v>
      </c>
      <c r="D25330">
        <v>0</v>
      </c>
    </row>
    <row r="25331" spans="1:4" x14ac:dyDescent="0.25">
      <c r="A25331" t="s">
        <v>38798</v>
      </c>
      <c r="B25331" t="s">
        <v>32186</v>
      </c>
      <c r="C25331">
        <v>0</v>
      </c>
      <c r="D25331">
        <v>0</v>
      </c>
    </row>
    <row r="25332" spans="1:4" x14ac:dyDescent="0.25">
      <c r="A25332" t="s">
        <v>38799</v>
      </c>
      <c r="B25332" t="s">
        <v>38800</v>
      </c>
      <c r="C25332">
        <v>1</v>
      </c>
      <c r="D25332">
        <v>0</v>
      </c>
    </row>
    <row r="25333" spans="1:4" x14ac:dyDescent="0.25">
      <c r="A25333" t="s">
        <v>38799</v>
      </c>
      <c r="B25333" t="s">
        <v>38801</v>
      </c>
      <c r="C25333">
        <v>1</v>
      </c>
      <c r="D25333">
        <v>0</v>
      </c>
    </row>
    <row r="25334" spans="1:4" x14ac:dyDescent="0.25">
      <c r="A25334" t="s">
        <v>38802</v>
      </c>
      <c r="B25334" t="s">
        <v>1097</v>
      </c>
      <c r="C25334">
        <v>1</v>
      </c>
      <c r="D25334">
        <v>0</v>
      </c>
    </row>
    <row r="25335" spans="1:4" x14ac:dyDescent="0.25">
      <c r="A25335" t="s">
        <v>38803</v>
      </c>
      <c r="B25335" t="s">
        <v>38804</v>
      </c>
      <c r="C25335">
        <v>2</v>
      </c>
      <c r="D25335">
        <v>0</v>
      </c>
    </row>
    <row r="25336" spans="1:4" x14ac:dyDescent="0.25">
      <c r="A25336" t="s">
        <v>38805</v>
      </c>
      <c r="B25336" t="s">
        <v>4894</v>
      </c>
      <c r="C25336">
        <v>0</v>
      </c>
      <c r="D25336">
        <v>0</v>
      </c>
    </row>
    <row r="25337" spans="1:4" x14ac:dyDescent="0.25">
      <c r="A25337" t="s">
        <v>38805</v>
      </c>
      <c r="B25337" t="s">
        <v>38806</v>
      </c>
      <c r="C25337">
        <v>1</v>
      </c>
      <c r="D25337">
        <v>0</v>
      </c>
    </row>
    <row r="25338" spans="1:4" x14ac:dyDescent="0.25">
      <c r="A25338" t="s">
        <v>38805</v>
      </c>
      <c r="B25338" t="s">
        <v>38807</v>
      </c>
      <c r="C25338">
        <v>1</v>
      </c>
      <c r="D25338">
        <v>0</v>
      </c>
    </row>
    <row r="25339" spans="1:4" x14ac:dyDescent="0.25">
      <c r="A25339" t="s">
        <v>38808</v>
      </c>
      <c r="B25339" t="s">
        <v>38809</v>
      </c>
      <c r="C25339">
        <v>0</v>
      </c>
      <c r="D25339">
        <v>0</v>
      </c>
    </row>
    <row r="25340" spans="1:4" x14ac:dyDescent="0.25">
      <c r="A25340" t="s">
        <v>38808</v>
      </c>
      <c r="B25340" t="s">
        <v>38810</v>
      </c>
      <c r="C25340">
        <v>1</v>
      </c>
      <c r="D25340">
        <v>0</v>
      </c>
    </row>
    <row r="25341" spans="1:4" x14ac:dyDescent="0.25">
      <c r="A25341" t="s">
        <v>38811</v>
      </c>
      <c r="B25341" t="s">
        <v>38812</v>
      </c>
      <c r="C25341">
        <v>0</v>
      </c>
      <c r="D25341">
        <v>0</v>
      </c>
    </row>
    <row r="25342" spans="1:4" x14ac:dyDescent="0.25">
      <c r="A25342" t="s">
        <v>38811</v>
      </c>
      <c r="B25342" t="s">
        <v>38813</v>
      </c>
      <c r="C25342">
        <v>1</v>
      </c>
      <c r="D25342">
        <v>0</v>
      </c>
    </row>
    <row r="25343" spans="1:4" x14ac:dyDescent="0.25">
      <c r="A25343" t="s">
        <v>38814</v>
      </c>
      <c r="B25343" t="s">
        <v>38815</v>
      </c>
      <c r="C25343">
        <v>0</v>
      </c>
      <c r="D25343">
        <v>0</v>
      </c>
    </row>
    <row r="25344" spans="1:4" x14ac:dyDescent="0.25">
      <c r="A25344" t="s">
        <v>38816</v>
      </c>
      <c r="B25344" t="s">
        <v>38817</v>
      </c>
      <c r="C25344">
        <v>1</v>
      </c>
      <c r="D25344">
        <v>0</v>
      </c>
    </row>
    <row r="25345" spans="1:4" x14ac:dyDescent="0.25">
      <c r="A25345" t="s">
        <v>38816</v>
      </c>
      <c r="B25345" t="s">
        <v>38818</v>
      </c>
      <c r="C25345">
        <v>1</v>
      </c>
      <c r="D25345">
        <v>0</v>
      </c>
    </row>
    <row r="25346" spans="1:4" x14ac:dyDescent="0.25">
      <c r="A25346" t="s">
        <v>38816</v>
      </c>
      <c r="B25346" t="s">
        <v>38819</v>
      </c>
      <c r="C25346">
        <v>1</v>
      </c>
      <c r="D25346">
        <v>0</v>
      </c>
    </row>
    <row r="25347" spans="1:4" x14ac:dyDescent="0.25">
      <c r="A25347" t="s">
        <v>38820</v>
      </c>
      <c r="B25347" t="s">
        <v>38821</v>
      </c>
      <c r="C25347">
        <v>0</v>
      </c>
      <c r="D25347">
        <v>0</v>
      </c>
    </row>
    <row r="25348" spans="1:4" x14ac:dyDescent="0.25">
      <c r="A25348" t="s">
        <v>38822</v>
      </c>
      <c r="B25348" t="s">
        <v>38823</v>
      </c>
      <c r="C25348">
        <v>0</v>
      </c>
      <c r="D25348">
        <v>0</v>
      </c>
    </row>
    <row r="25349" spans="1:4" x14ac:dyDescent="0.25">
      <c r="A25349" t="s">
        <v>38822</v>
      </c>
      <c r="B25349" t="s">
        <v>38824</v>
      </c>
      <c r="C25349">
        <v>1</v>
      </c>
      <c r="D25349">
        <v>0</v>
      </c>
    </row>
    <row r="25350" spans="1:4" x14ac:dyDescent="0.25">
      <c r="A25350" t="s">
        <v>38825</v>
      </c>
      <c r="B25350" t="s">
        <v>38826</v>
      </c>
      <c r="C25350">
        <v>0</v>
      </c>
      <c r="D25350">
        <v>0</v>
      </c>
    </row>
    <row r="25351" spans="1:4" x14ac:dyDescent="0.25">
      <c r="A25351" t="s">
        <v>38825</v>
      </c>
      <c r="B25351" t="s">
        <v>38827</v>
      </c>
      <c r="C25351">
        <v>1</v>
      </c>
      <c r="D25351">
        <v>0</v>
      </c>
    </row>
    <row r="25352" spans="1:4" x14ac:dyDescent="0.25">
      <c r="A25352" t="s">
        <v>38825</v>
      </c>
      <c r="B25352" t="s">
        <v>1001</v>
      </c>
      <c r="C25352">
        <v>1</v>
      </c>
      <c r="D25352">
        <v>0</v>
      </c>
    </row>
    <row r="25353" spans="1:4" x14ac:dyDescent="0.25">
      <c r="A25353" t="s">
        <v>38828</v>
      </c>
      <c r="B25353" t="s">
        <v>38829</v>
      </c>
      <c r="C25353">
        <v>0</v>
      </c>
      <c r="D25353">
        <v>0</v>
      </c>
    </row>
    <row r="25354" spans="1:4" x14ac:dyDescent="0.25">
      <c r="A25354" t="s">
        <v>38828</v>
      </c>
      <c r="B25354" t="s">
        <v>38830</v>
      </c>
      <c r="C25354">
        <v>0</v>
      </c>
      <c r="D25354">
        <v>0</v>
      </c>
    </row>
    <row r="25355" spans="1:4" x14ac:dyDescent="0.25">
      <c r="A25355" t="s">
        <v>38828</v>
      </c>
      <c r="B25355" t="s">
        <v>38831</v>
      </c>
      <c r="C25355">
        <v>0</v>
      </c>
      <c r="D25355">
        <v>0</v>
      </c>
    </row>
    <row r="25356" spans="1:4" x14ac:dyDescent="0.25">
      <c r="A25356" t="s">
        <v>38832</v>
      </c>
      <c r="B25356" t="s">
        <v>38833</v>
      </c>
      <c r="C25356">
        <v>2</v>
      </c>
      <c r="D25356">
        <v>0</v>
      </c>
    </row>
    <row r="25357" spans="1:4" x14ac:dyDescent="0.25">
      <c r="A25357" t="s">
        <v>38832</v>
      </c>
      <c r="B25357" t="s">
        <v>38834</v>
      </c>
      <c r="C25357">
        <v>0</v>
      </c>
      <c r="D25357">
        <v>0</v>
      </c>
    </row>
    <row r="25358" spans="1:4" x14ac:dyDescent="0.25">
      <c r="A25358" t="s">
        <v>38832</v>
      </c>
      <c r="B25358" t="s">
        <v>38835</v>
      </c>
      <c r="C25358">
        <v>2</v>
      </c>
      <c r="D25358">
        <v>0</v>
      </c>
    </row>
    <row r="25359" spans="1:4" x14ac:dyDescent="0.25">
      <c r="A25359" t="s">
        <v>38836</v>
      </c>
      <c r="B25359" t="s">
        <v>38837</v>
      </c>
      <c r="C25359">
        <v>1</v>
      </c>
      <c r="D25359">
        <v>0</v>
      </c>
    </row>
    <row r="25360" spans="1:4" x14ac:dyDescent="0.25">
      <c r="A25360" t="s">
        <v>38836</v>
      </c>
      <c r="B25360" t="s">
        <v>38838</v>
      </c>
      <c r="C25360">
        <v>2</v>
      </c>
      <c r="D25360">
        <v>0</v>
      </c>
    </row>
    <row r="25361" spans="1:4" x14ac:dyDescent="0.25">
      <c r="A25361" t="s">
        <v>38836</v>
      </c>
      <c r="B25361" t="s">
        <v>38839</v>
      </c>
      <c r="C25361">
        <v>2</v>
      </c>
      <c r="D25361">
        <v>0</v>
      </c>
    </row>
    <row r="25362" spans="1:4" x14ac:dyDescent="0.25">
      <c r="A25362" t="s">
        <v>38840</v>
      </c>
      <c r="B25362" t="s">
        <v>38841</v>
      </c>
      <c r="C25362">
        <v>1</v>
      </c>
      <c r="D25362">
        <v>0</v>
      </c>
    </row>
    <row r="25363" spans="1:4" x14ac:dyDescent="0.25">
      <c r="A25363" t="s">
        <v>38840</v>
      </c>
      <c r="B25363" t="s">
        <v>38842</v>
      </c>
      <c r="C25363">
        <v>1</v>
      </c>
      <c r="D25363">
        <v>0</v>
      </c>
    </row>
    <row r="25364" spans="1:4" x14ac:dyDescent="0.25">
      <c r="A25364" t="s">
        <v>38840</v>
      </c>
      <c r="B25364" t="s">
        <v>38843</v>
      </c>
      <c r="C25364">
        <v>0</v>
      </c>
      <c r="D25364">
        <v>0</v>
      </c>
    </row>
    <row r="25365" spans="1:4" x14ac:dyDescent="0.25">
      <c r="A25365" t="s">
        <v>38844</v>
      </c>
      <c r="B25365" t="s">
        <v>5244</v>
      </c>
      <c r="C25365">
        <v>0</v>
      </c>
      <c r="D25365">
        <v>0</v>
      </c>
    </row>
    <row r="25366" spans="1:4" x14ac:dyDescent="0.25">
      <c r="A25366" t="s">
        <v>38845</v>
      </c>
      <c r="B25366" t="s">
        <v>38846</v>
      </c>
      <c r="C25366">
        <v>0</v>
      </c>
      <c r="D25366">
        <v>0</v>
      </c>
    </row>
    <row r="25367" spans="1:4" x14ac:dyDescent="0.25">
      <c r="A25367" t="s">
        <v>38845</v>
      </c>
      <c r="B25367" t="s">
        <v>969</v>
      </c>
      <c r="C25367">
        <v>0</v>
      </c>
      <c r="D25367">
        <v>0</v>
      </c>
    </row>
    <row r="25368" spans="1:4" x14ac:dyDescent="0.25">
      <c r="A25368" t="s">
        <v>38847</v>
      </c>
      <c r="B25368" t="s">
        <v>38848</v>
      </c>
      <c r="C25368">
        <v>0</v>
      </c>
      <c r="D25368">
        <v>0</v>
      </c>
    </row>
    <row r="25369" spans="1:4" x14ac:dyDescent="0.25">
      <c r="A25369" t="s">
        <v>38847</v>
      </c>
      <c r="B25369" t="s">
        <v>38849</v>
      </c>
      <c r="C25369">
        <v>0</v>
      </c>
      <c r="D25369">
        <v>0</v>
      </c>
    </row>
    <row r="25370" spans="1:4" x14ac:dyDescent="0.25">
      <c r="A25370" t="s">
        <v>38850</v>
      </c>
      <c r="B25370" t="s">
        <v>38851</v>
      </c>
      <c r="C25370">
        <v>0</v>
      </c>
      <c r="D25370">
        <v>0</v>
      </c>
    </row>
    <row r="25371" spans="1:4" x14ac:dyDescent="0.25">
      <c r="A25371" t="s">
        <v>38852</v>
      </c>
      <c r="B25371" t="s">
        <v>38853</v>
      </c>
      <c r="C25371">
        <v>0</v>
      </c>
      <c r="D25371">
        <v>0</v>
      </c>
    </row>
    <row r="25372" spans="1:4" x14ac:dyDescent="0.25">
      <c r="A25372" t="s">
        <v>38854</v>
      </c>
      <c r="B25372" t="s">
        <v>38855</v>
      </c>
      <c r="C25372">
        <v>1</v>
      </c>
      <c r="D25372">
        <v>0</v>
      </c>
    </row>
    <row r="25373" spans="1:4" x14ac:dyDescent="0.25">
      <c r="A25373" t="s">
        <v>38854</v>
      </c>
      <c r="B25373" t="s">
        <v>38856</v>
      </c>
      <c r="C25373">
        <v>1</v>
      </c>
      <c r="D25373">
        <v>0</v>
      </c>
    </row>
    <row r="25374" spans="1:4" x14ac:dyDescent="0.25">
      <c r="A25374" t="s">
        <v>38854</v>
      </c>
      <c r="B25374" t="s">
        <v>38857</v>
      </c>
      <c r="C25374">
        <v>2</v>
      </c>
      <c r="D25374">
        <v>0</v>
      </c>
    </row>
    <row r="25375" spans="1:4" x14ac:dyDescent="0.25">
      <c r="A25375" t="s">
        <v>38858</v>
      </c>
      <c r="B25375" t="s">
        <v>923</v>
      </c>
      <c r="C25375">
        <v>0</v>
      </c>
      <c r="D25375">
        <v>0</v>
      </c>
    </row>
    <row r="25376" spans="1:4" x14ac:dyDescent="0.25">
      <c r="A25376" t="s">
        <v>38859</v>
      </c>
      <c r="B25376" t="s">
        <v>38860</v>
      </c>
      <c r="C25376">
        <v>0</v>
      </c>
      <c r="D25376">
        <v>0</v>
      </c>
    </row>
    <row r="25377" spans="1:4" x14ac:dyDescent="0.25">
      <c r="A25377" t="s">
        <v>38861</v>
      </c>
      <c r="B25377" t="s">
        <v>38862</v>
      </c>
      <c r="C25377">
        <v>1</v>
      </c>
      <c r="D25377">
        <v>0</v>
      </c>
    </row>
    <row r="25378" spans="1:4" x14ac:dyDescent="0.25">
      <c r="A25378" t="s">
        <v>38861</v>
      </c>
      <c r="B25378" t="s">
        <v>38863</v>
      </c>
      <c r="C25378">
        <v>0</v>
      </c>
      <c r="D25378">
        <v>0</v>
      </c>
    </row>
    <row r="25379" spans="1:4" x14ac:dyDescent="0.25">
      <c r="A25379" t="s">
        <v>38861</v>
      </c>
      <c r="B25379" t="s">
        <v>969</v>
      </c>
      <c r="C25379">
        <v>0</v>
      </c>
      <c r="D25379">
        <v>0</v>
      </c>
    </row>
    <row r="25380" spans="1:4" x14ac:dyDescent="0.25">
      <c r="A25380" t="s">
        <v>38864</v>
      </c>
      <c r="B25380" t="s">
        <v>38865</v>
      </c>
      <c r="C25380">
        <v>1</v>
      </c>
      <c r="D25380">
        <v>0</v>
      </c>
    </row>
    <row r="25381" spans="1:4" x14ac:dyDescent="0.25">
      <c r="A25381" t="s">
        <v>38864</v>
      </c>
      <c r="B25381" t="s">
        <v>38866</v>
      </c>
      <c r="C25381">
        <v>1</v>
      </c>
      <c r="D25381">
        <v>0</v>
      </c>
    </row>
    <row r="25382" spans="1:4" x14ac:dyDescent="0.25">
      <c r="A25382" t="s">
        <v>38864</v>
      </c>
      <c r="B25382" t="s">
        <v>38867</v>
      </c>
      <c r="C25382">
        <v>1</v>
      </c>
      <c r="D25382">
        <v>0</v>
      </c>
    </row>
    <row r="25383" spans="1:4" x14ac:dyDescent="0.25">
      <c r="A25383" t="s">
        <v>38868</v>
      </c>
      <c r="B25383" t="s">
        <v>38869</v>
      </c>
      <c r="C25383">
        <v>1</v>
      </c>
      <c r="D25383">
        <v>0</v>
      </c>
    </row>
    <row r="25384" spans="1:4" x14ac:dyDescent="0.25">
      <c r="A25384" t="s">
        <v>38868</v>
      </c>
      <c r="B25384" t="s">
        <v>38870</v>
      </c>
      <c r="C25384">
        <v>1</v>
      </c>
      <c r="D25384">
        <v>0</v>
      </c>
    </row>
    <row r="25385" spans="1:4" x14ac:dyDescent="0.25">
      <c r="A25385" t="s">
        <v>38868</v>
      </c>
      <c r="B25385" t="s">
        <v>38871</v>
      </c>
      <c r="C25385">
        <v>2</v>
      </c>
      <c r="D25385">
        <v>0</v>
      </c>
    </row>
    <row r="25386" spans="1:4" x14ac:dyDescent="0.25">
      <c r="A25386" t="s">
        <v>38872</v>
      </c>
      <c r="B25386" t="s">
        <v>38873</v>
      </c>
      <c r="C25386">
        <v>1</v>
      </c>
      <c r="D25386">
        <v>0</v>
      </c>
    </row>
    <row r="25387" spans="1:4" x14ac:dyDescent="0.25">
      <c r="A25387" t="s">
        <v>38872</v>
      </c>
      <c r="B25387" t="s">
        <v>38874</v>
      </c>
      <c r="C25387">
        <v>2</v>
      </c>
      <c r="D25387">
        <v>0</v>
      </c>
    </row>
    <row r="25388" spans="1:4" x14ac:dyDescent="0.25">
      <c r="A25388" t="s">
        <v>38875</v>
      </c>
      <c r="B25388" t="s">
        <v>38876</v>
      </c>
      <c r="C25388">
        <v>1</v>
      </c>
      <c r="D25388">
        <v>0</v>
      </c>
    </row>
    <row r="25389" spans="1:4" x14ac:dyDescent="0.25">
      <c r="A25389" t="s">
        <v>38875</v>
      </c>
      <c r="B25389" t="s">
        <v>38877</v>
      </c>
      <c r="C25389">
        <v>0</v>
      </c>
      <c r="D25389">
        <v>0</v>
      </c>
    </row>
    <row r="25390" spans="1:4" x14ac:dyDescent="0.25">
      <c r="A25390" t="s">
        <v>38875</v>
      </c>
      <c r="B25390" t="s">
        <v>38878</v>
      </c>
      <c r="C25390">
        <v>0</v>
      </c>
      <c r="D25390">
        <v>0</v>
      </c>
    </row>
    <row r="25391" spans="1:4" x14ac:dyDescent="0.25">
      <c r="A25391" t="s">
        <v>38879</v>
      </c>
      <c r="B25391" t="s">
        <v>38880</v>
      </c>
      <c r="C25391">
        <v>0</v>
      </c>
      <c r="D25391">
        <v>0</v>
      </c>
    </row>
    <row r="25392" spans="1:4" x14ac:dyDescent="0.25">
      <c r="A25392" t="s">
        <v>38879</v>
      </c>
      <c r="B25392" t="s">
        <v>38881</v>
      </c>
      <c r="C25392">
        <v>2</v>
      </c>
      <c r="D25392">
        <v>0</v>
      </c>
    </row>
    <row r="25393" spans="1:4" x14ac:dyDescent="0.25">
      <c r="A25393" t="s">
        <v>38879</v>
      </c>
      <c r="B25393" t="s">
        <v>38882</v>
      </c>
      <c r="C25393">
        <v>2</v>
      </c>
      <c r="D25393">
        <v>0</v>
      </c>
    </row>
    <row r="25394" spans="1:4" x14ac:dyDescent="0.25">
      <c r="A25394" t="s">
        <v>38883</v>
      </c>
      <c r="B25394" t="s">
        <v>38884</v>
      </c>
      <c r="C25394">
        <v>1</v>
      </c>
      <c r="D25394">
        <v>0</v>
      </c>
    </row>
    <row r="25395" spans="1:4" x14ac:dyDescent="0.25">
      <c r="A25395" t="s">
        <v>38883</v>
      </c>
      <c r="B25395" t="s">
        <v>38885</v>
      </c>
      <c r="C25395">
        <v>2</v>
      </c>
      <c r="D25395">
        <v>0</v>
      </c>
    </row>
    <row r="25396" spans="1:4" x14ac:dyDescent="0.25">
      <c r="A25396" t="s">
        <v>38886</v>
      </c>
      <c r="B25396" t="s">
        <v>38887</v>
      </c>
      <c r="C25396">
        <v>1</v>
      </c>
      <c r="D25396">
        <v>0</v>
      </c>
    </row>
    <row r="25397" spans="1:4" x14ac:dyDescent="0.25">
      <c r="A25397" t="s">
        <v>38886</v>
      </c>
      <c r="B25397" t="s">
        <v>38888</v>
      </c>
      <c r="C25397">
        <v>1</v>
      </c>
      <c r="D25397">
        <v>0</v>
      </c>
    </row>
    <row r="25398" spans="1:4" x14ac:dyDescent="0.25">
      <c r="A25398" t="s">
        <v>38889</v>
      </c>
      <c r="B25398" t="s">
        <v>38890</v>
      </c>
      <c r="C25398">
        <v>0</v>
      </c>
      <c r="D25398">
        <v>0</v>
      </c>
    </row>
    <row r="25399" spans="1:4" x14ac:dyDescent="0.25">
      <c r="A25399" t="s">
        <v>38889</v>
      </c>
      <c r="B25399" t="s">
        <v>38891</v>
      </c>
      <c r="C25399">
        <v>0</v>
      </c>
      <c r="D25399">
        <v>0</v>
      </c>
    </row>
    <row r="25400" spans="1:4" x14ac:dyDescent="0.25">
      <c r="A25400" t="s">
        <v>38892</v>
      </c>
      <c r="B25400" t="s">
        <v>38893</v>
      </c>
      <c r="C25400">
        <v>0</v>
      </c>
      <c r="D25400">
        <v>0</v>
      </c>
    </row>
    <row r="25401" spans="1:4" x14ac:dyDescent="0.25">
      <c r="A25401" t="s">
        <v>38892</v>
      </c>
      <c r="B25401" t="s">
        <v>38894</v>
      </c>
      <c r="C25401">
        <v>1</v>
      </c>
      <c r="D25401">
        <v>0</v>
      </c>
    </row>
    <row r="25402" spans="1:4" x14ac:dyDescent="0.25">
      <c r="A25402" t="s">
        <v>38892</v>
      </c>
      <c r="B25402" t="s">
        <v>38895</v>
      </c>
      <c r="C25402">
        <v>0</v>
      </c>
      <c r="D25402">
        <v>0</v>
      </c>
    </row>
    <row r="25403" spans="1:4" x14ac:dyDescent="0.25">
      <c r="A25403" t="s">
        <v>38896</v>
      </c>
      <c r="B25403" t="s">
        <v>7397</v>
      </c>
      <c r="C25403">
        <v>0</v>
      </c>
      <c r="D25403">
        <v>0</v>
      </c>
    </row>
    <row r="25404" spans="1:4" x14ac:dyDescent="0.25">
      <c r="A25404" t="s">
        <v>38897</v>
      </c>
      <c r="B25404" t="s">
        <v>38898</v>
      </c>
      <c r="C25404">
        <v>1</v>
      </c>
      <c r="D25404">
        <v>0</v>
      </c>
    </row>
    <row r="25405" spans="1:4" x14ac:dyDescent="0.25">
      <c r="A25405" t="s">
        <v>38897</v>
      </c>
      <c r="B25405" t="s">
        <v>38899</v>
      </c>
      <c r="C25405">
        <v>1</v>
      </c>
      <c r="D25405">
        <v>0</v>
      </c>
    </row>
    <row r="25406" spans="1:4" x14ac:dyDescent="0.25">
      <c r="A25406" t="s">
        <v>38897</v>
      </c>
      <c r="B25406" t="s">
        <v>38900</v>
      </c>
      <c r="C25406">
        <v>0</v>
      </c>
      <c r="D25406">
        <v>0</v>
      </c>
    </row>
    <row r="25407" spans="1:4" x14ac:dyDescent="0.25">
      <c r="A25407" t="s">
        <v>38901</v>
      </c>
      <c r="B25407" t="s">
        <v>38902</v>
      </c>
      <c r="C25407">
        <v>1</v>
      </c>
      <c r="D25407">
        <v>0</v>
      </c>
    </row>
    <row r="25408" spans="1:4" x14ac:dyDescent="0.25">
      <c r="A25408" t="s">
        <v>38901</v>
      </c>
      <c r="B25408" t="s">
        <v>38903</v>
      </c>
      <c r="C25408">
        <v>2</v>
      </c>
      <c r="D25408">
        <v>0</v>
      </c>
    </row>
    <row r="25409" spans="1:4" x14ac:dyDescent="0.25">
      <c r="A25409" t="s">
        <v>38901</v>
      </c>
      <c r="B25409" t="s">
        <v>38904</v>
      </c>
      <c r="C25409">
        <v>0</v>
      </c>
      <c r="D25409">
        <v>0</v>
      </c>
    </row>
    <row r="25410" spans="1:4" x14ac:dyDescent="0.25">
      <c r="A25410" t="s">
        <v>38905</v>
      </c>
      <c r="B25410" t="s">
        <v>38906</v>
      </c>
      <c r="C25410">
        <v>0</v>
      </c>
      <c r="D25410">
        <v>0</v>
      </c>
    </row>
    <row r="25411" spans="1:4" x14ac:dyDescent="0.25">
      <c r="A25411" t="s">
        <v>38905</v>
      </c>
      <c r="B25411" t="s">
        <v>38907</v>
      </c>
      <c r="C25411">
        <v>2</v>
      </c>
      <c r="D25411">
        <v>0</v>
      </c>
    </row>
    <row r="25412" spans="1:4" x14ac:dyDescent="0.25">
      <c r="A25412" t="s">
        <v>38905</v>
      </c>
      <c r="B25412" t="s">
        <v>38908</v>
      </c>
      <c r="C25412">
        <v>2</v>
      </c>
      <c r="D25412">
        <v>0</v>
      </c>
    </row>
    <row r="25413" spans="1:4" x14ac:dyDescent="0.25">
      <c r="A25413" t="s">
        <v>38909</v>
      </c>
      <c r="B25413" t="s">
        <v>38910</v>
      </c>
      <c r="C25413">
        <v>0</v>
      </c>
      <c r="D25413">
        <v>0</v>
      </c>
    </row>
    <row r="25414" spans="1:4" x14ac:dyDescent="0.25">
      <c r="A25414" t="s">
        <v>38911</v>
      </c>
      <c r="B25414" t="s">
        <v>38912</v>
      </c>
      <c r="C25414">
        <v>1</v>
      </c>
      <c r="D25414">
        <v>0</v>
      </c>
    </row>
    <row r="25415" spans="1:4" x14ac:dyDescent="0.25">
      <c r="A25415" t="s">
        <v>38913</v>
      </c>
      <c r="B25415" t="s">
        <v>843</v>
      </c>
      <c r="C25415">
        <v>1</v>
      </c>
      <c r="D25415">
        <v>0</v>
      </c>
    </row>
    <row r="25416" spans="1:4" x14ac:dyDescent="0.25">
      <c r="A25416" t="s">
        <v>38914</v>
      </c>
      <c r="B25416" t="s">
        <v>38915</v>
      </c>
      <c r="C25416">
        <v>1</v>
      </c>
      <c r="D25416">
        <v>0</v>
      </c>
    </row>
    <row r="25417" spans="1:4" x14ac:dyDescent="0.25">
      <c r="A25417" t="s">
        <v>38916</v>
      </c>
      <c r="B25417" t="s">
        <v>38917</v>
      </c>
      <c r="C25417">
        <v>0</v>
      </c>
      <c r="D25417">
        <v>0</v>
      </c>
    </row>
    <row r="25418" spans="1:4" x14ac:dyDescent="0.25">
      <c r="A25418" t="s">
        <v>38918</v>
      </c>
      <c r="B25418" t="s">
        <v>38919</v>
      </c>
      <c r="C25418">
        <v>2</v>
      </c>
      <c r="D25418">
        <v>0</v>
      </c>
    </row>
    <row r="25419" spans="1:4" x14ac:dyDescent="0.25">
      <c r="A25419" t="s">
        <v>38920</v>
      </c>
      <c r="B25419" t="s">
        <v>38921</v>
      </c>
      <c r="C25419">
        <v>1</v>
      </c>
      <c r="D25419">
        <v>0</v>
      </c>
    </row>
    <row r="25420" spans="1:4" x14ac:dyDescent="0.25">
      <c r="A25420" t="s">
        <v>38920</v>
      </c>
      <c r="B25420" t="s">
        <v>38922</v>
      </c>
      <c r="C25420">
        <v>1</v>
      </c>
      <c r="D25420">
        <v>0</v>
      </c>
    </row>
    <row r="25421" spans="1:4" x14ac:dyDescent="0.25">
      <c r="A25421" t="s">
        <v>38920</v>
      </c>
      <c r="B25421" t="s">
        <v>38923</v>
      </c>
      <c r="C25421">
        <v>1</v>
      </c>
      <c r="D25421">
        <v>0</v>
      </c>
    </row>
    <row r="25422" spans="1:4" x14ac:dyDescent="0.25">
      <c r="A25422" t="s">
        <v>38924</v>
      </c>
      <c r="B25422" t="s">
        <v>38925</v>
      </c>
      <c r="C25422">
        <v>0</v>
      </c>
      <c r="D25422">
        <v>0</v>
      </c>
    </row>
    <row r="25423" spans="1:4" x14ac:dyDescent="0.25">
      <c r="A25423" t="s">
        <v>38924</v>
      </c>
      <c r="B25423" t="s">
        <v>38926</v>
      </c>
      <c r="C25423">
        <v>0</v>
      </c>
      <c r="D25423">
        <v>0</v>
      </c>
    </row>
    <row r="25424" spans="1:4" x14ac:dyDescent="0.25">
      <c r="A25424" t="s">
        <v>38927</v>
      </c>
      <c r="B25424" t="s">
        <v>38928</v>
      </c>
      <c r="C25424">
        <v>1</v>
      </c>
      <c r="D25424">
        <v>0</v>
      </c>
    </row>
    <row r="25425" spans="1:4" x14ac:dyDescent="0.25">
      <c r="A25425" t="s">
        <v>38929</v>
      </c>
      <c r="B25425" t="s">
        <v>38930</v>
      </c>
      <c r="C25425">
        <v>0</v>
      </c>
      <c r="D25425">
        <v>0</v>
      </c>
    </row>
    <row r="25426" spans="1:4" x14ac:dyDescent="0.25">
      <c r="A25426" t="s">
        <v>38931</v>
      </c>
      <c r="B25426" t="s">
        <v>38932</v>
      </c>
      <c r="C25426">
        <v>1</v>
      </c>
      <c r="D25426">
        <v>0</v>
      </c>
    </row>
    <row r="25427" spans="1:4" x14ac:dyDescent="0.25">
      <c r="A25427" t="s">
        <v>38931</v>
      </c>
      <c r="B25427" t="s">
        <v>38933</v>
      </c>
      <c r="C25427">
        <v>2</v>
      </c>
      <c r="D25427">
        <v>0</v>
      </c>
    </row>
    <row r="25428" spans="1:4" x14ac:dyDescent="0.25">
      <c r="A25428" t="s">
        <v>38934</v>
      </c>
      <c r="B25428" t="s">
        <v>38935</v>
      </c>
      <c r="C25428">
        <v>1</v>
      </c>
      <c r="D25428">
        <v>0</v>
      </c>
    </row>
    <row r="25429" spans="1:4" x14ac:dyDescent="0.25">
      <c r="A25429" t="s">
        <v>38936</v>
      </c>
      <c r="B25429" t="s">
        <v>38937</v>
      </c>
      <c r="C25429">
        <v>2</v>
      </c>
      <c r="D25429">
        <v>0</v>
      </c>
    </row>
    <row r="25430" spans="1:4" x14ac:dyDescent="0.25">
      <c r="A25430" t="s">
        <v>38938</v>
      </c>
      <c r="B25430" t="s">
        <v>38939</v>
      </c>
      <c r="C25430">
        <v>1</v>
      </c>
      <c r="D25430">
        <v>0</v>
      </c>
    </row>
    <row r="25431" spans="1:4" x14ac:dyDescent="0.25">
      <c r="A25431" t="s">
        <v>38940</v>
      </c>
      <c r="B25431" t="s">
        <v>38941</v>
      </c>
      <c r="C25431">
        <v>2</v>
      </c>
      <c r="D25431">
        <v>0</v>
      </c>
    </row>
    <row r="25432" spans="1:4" x14ac:dyDescent="0.25">
      <c r="A25432" t="s">
        <v>38942</v>
      </c>
      <c r="B25432" t="s">
        <v>38943</v>
      </c>
      <c r="C25432">
        <v>1</v>
      </c>
      <c r="D25432">
        <v>0</v>
      </c>
    </row>
    <row r="25433" spans="1:4" x14ac:dyDescent="0.25">
      <c r="A25433" t="s">
        <v>38942</v>
      </c>
      <c r="B25433" t="s">
        <v>38944</v>
      </c>
      <c r="C25433">
        <v>1</v>
      </c>
      <c r="D25433">
        <v>0</v>
      </c>
    </row>
    <row r="25434" spans="1:4" x14ac:dyDescent="0.25">
      <c r="A25434" t="s">
        <v>38942</v>
      </c>
      <c r="B25434" t="s">
        <v>38945</v>
      </c>
      <c r="C25434">
        <v>1</v>
      </c>
      <c r="D25434">
        <v>0</v>
      </c>
    </row>
    <row r="25435" spans="1:4" x14ac:dyDescent="0.25">
      <c r="A25435" t="s">
        <v>38946</v>
      </c>
      <c r="B25435" t="s">
        <v>38947</v>
      </c>
      <c r="C25435">
        <v>0</v>
      </c>
      <c r="D25435">
        <v>0</v>
      </c>
    </row>
    <row r="25436" spans="1:4" x14ac:dyDescent="0.25">
      <c r="A25436" t="s">
        <v>38948</v>
      </c>
      <c r="B25436" t="s">
        <v>38949</v>
      </c>
      <c r="C25436">
        <v>1</v>
      </c>
      <c r="D25436">
        <v>0</v>
      </c>
    </row>
    <row r="25437" spans="1:4" x14ac:dyDescent="0.25">
      <c r="A25437" t="s">
        <v>38950</v>
      </c>
      <c r="B25437" t="s">
        <v>1001</v>
      </c>
      <c r="C25437">
        <v>1</v>
      </c>
      <c r="D25437">
        <v>0</v>
      </c>
    </row>
    <row r="25438" spans="1:4" x14ac:dyDescent="0.25">
      <c r="A25438" t="s">
        <v>38950</v>
      </c>
      <c r="B25438" t="s">
        <v>33825</v>
      </c>
      <c r="C25438">
        <v>0</v>
      </c>
      <c r="D25438">
        <v>0</v>
      </c>
    </row>
    <row r="25439" spans="1:4" x14ac:dyDescent="0.25">
      <c r="A25439" t="s">
        <v>38951</v>
      </c>
      <c r="B25439" t="s">
        <v>38952</v>
      </c>
      <c r="C25439">
        <v>1</v>
      </c>
      <c r="D25439">
        <v>0</v>
      </c>
    </row>
    <row r="25440" spans="1:4" x14ac:dyDescent="0.25">
      <c r="A25440" t="s">
        <v>38951</v>
      </c>
      <c r="B25440" t="s">
        <v>38953</v>
      </c>
      <c r="C25440">
        <v>0</v>
      </c>
      <c r="D25440">
        <v>0</v>
      </c>
    </row>
    <row r="25441" spans="1:4" x14ac:dyDescent="0.25">
      <c r="A25441" t="s">
        <v>38954</v>
      </c>
      <c r="B25441" t="s">
        <v>38955</v>
      </c>
      <c r="C25441">
        <v>0</v>
      </c>
      <c r="D25441">
        <v>0</v>
      </c>
    </row>
    <row r="25442" spans="1:4" x14ac:dyDescent="0.25">
      <c r="A25442" t="s">
        <v>38956</v>
      </c>
      <c r="B25442" t="s">
        <v>38957</v>
      </c>
      <c r="C25442">
        <v>0</v>
      </c>
      <c r="D25442">
        <v>0</v>
      </c>
    </row>
    <row r="25443" spans="1:4" x14ac:dyDescent="0.25">
      <c r="A25443" t="s">
        <v>38956</v>
      </c>
      <c r="B25443" t="s">
        <v>38958</v>
      </c>
      <c r="C25443">
        <v>2</v>
      </c>
      <c r="D25443">
        <v>0</v>
      </c>
    </row>
    <row r="25444" spans="1:4" x14ac:dyDescent="0.25">
      <c r="A25444" t="s">
        <v>38959</v>
      </c>
      <c r="B25444" t="s">
        <v>38960</v>
      </c>
      <c r="C25444">
        <v>0</v>
      </c>
      <c r="D25444">
        <v>0</v>
      </c>
    </row>
    <row r="25445" spans="1:4" x14ac:dyDescent="0.25">
      <c r="A25445" t="s">
        <v>38959</v>
      </c>
      <c r="B25445" t="s">
        <v>38961</v>
      </c>
      <c r="C25445">
        <v>0</v>
      </c>
      <c r="D25445">
        <v>0</v>
      </c>
    </row>
    <row r="25446" spans="1:4" x14ac:dyDescent="0.25">
      <c r="A25446" t="s">
        <v>38959</v>
      </c>
      <c r="B25446" t="s">
        <v>38962</v>
      </c>
      <c r="C25446">
        <v>1</v>
      </c>
      <c r="D25446">
        <v>0</v>
      </c>
    </row>
    <row r="25447" spans="1:4" x14ac:dyDescent="0.25">
      <c r="A25447" t="s">
        <v>38963</v>
      </c>
      <c r="B25447" t="s">
        <v>38964</v>
      </c>
      <c r="C25447">
        <v>1</v>
      </c>
      <c r="D25447">
        <v>0</v>
      </c>
    </row>
    <row r="25448" spans="1:4" x14ac:dyDescent="0.25">
      <c r="A25448" t="s">
        <v>38965</v>
      </c>
      <c r="B25448" t="s">
        <v>10120</v>
      </c>
      <c r="C25448">
        <v>1</v>
      </c>
      <c r="D25448">
        <v>0</v>
      </c>
    </row>
    <row r="25449" spans="1:4" x14ac:dyDescent="0.25">
      <c r="A25449" t="s">
        <v>38965</v>
      </c>
      <c r="B25449" t="s">
        <v>38966</v>
      </c>
      <c r="C25449">
        <v>1</v>
      </c>
      <c r="D25449">
        <v>0</v>
      </c>
    </row>
    <row r="25450" spans="1:4" x14ac:dyDescent="0.25">
      <c r="A25450" t="s">
        <v>38967</v>
      </c>
      <c r="B25450" t="s">
        <v>38968</v>
      </c>
      <c r="C25450">
        <v>0</v>
      </c>
      <c r="D25450">
        <v>0</v>
      </c>
    </row>
    <row r="25451" spans="1:4" x14ac:dyDescent="0.25">
      <c r="A25451" t="s">
        <v>38969</v>
      </c>
      <c r="B25451" t="s">
        <v>1526</v>
      </c>
      <c r="C25451">
        <v>1</v>
      </c>
      <c r="D25451">
        <v>0</v>
      </c>
    </row>
    <row r="25452" spans="1:4" x14ac:dyDescent="0.25">
      <c r="A25452" t="s">
        <v>38969</v>
      </c>
      <c r="B25452" t="s">
        <v>38970</v>
      </c>
      <c r="C25452">
        <v>1</v>
      </c>
      <c r="D25452">
        <v>0</v>
      </c>
    </row>
    <row r="25453" spans="1:4" x14ac:dyDescent="0.25">
      <c r="A25453" t="s">
        <v>38971</v>
      </c>
      <c r="B25453" t="s">
        <v>38972</v>
      </c>
      <c r="C25453">
        <v>1</v>
      </c>
      <c r="D25453">
        <v>0</v>
      </c>
    </row>
    <row r="25454" spans="1:4" x14ac:dyDescent="0.25">
      <c r="A25454" t="s">
        <v>38973</v>
      </c>
      <c r="B25454" t="s">
        <v>38974</v>
      </c>
      <c r="C25454">
        <v>1</v>
      </c>
      <c r="D25454">
        <v>0</v>
      </c>
    </row>
    <row r="25455" spans="1:4" x14ac:dyDescent="0.25">
      <c r="A25455" t="s">
        <v>38975</v>
      </c>
      <c r="B25455" t="s">
        <v>4454</v>
      </c>
      <c r="C25455">
        <v>1</v>
      </c>
      <c r="D25455">
        <v>0</v>
      </c>
    </row>
    <row r="25456" spans="1:4" x14ac:dyDescent="0.25">
      <c r="A25456" t="s">
        <v>38976</v>
      </c>
      <c r="B25456" t="s">
        <v>852</v>
      </c>
      <c r="C25456">
        <v>0</v>
      </c>
      <c r="D25456">
        <v>0</v>
      </c>
    </row>
    <row r="25457" spans="1:4" x14ac:dyDescent="0.25">
      <c r="A25457" t="s">
        <v>38977</v>
      </c>
      <c r="B25457" t="s">
        <v>38978</v>
      </c>
      <c r="C25457">
        <v>1</v>
      </c>
      <c r="D25457">
        <v>0</v>
      </c>
    </row>
    <row r="25458" spans="1:4" x14ac:dyDescent="0.25">
      <c r="A25458" t="s">
        <v>38977</v>
      </c>
      <c r="B25458" t="s">
        <v>38979</v>
      </c>
      <c r="C25458">
        <v>2</v>
      </c>
      <c r="D25458">
        <v>0</v>
      </c>
    </row>
    <row r="25459" spans="1:4" x14ac:dyDescent="0.25">
      <c r="A25459" t="s">
        <v>38977</v>
      </c>
      <c r="B25459" t="s">
        <v>38980</v>
      </c>
      <c r="C25459">
        <v>1</v>
      </c>
      <c r="D25459">
        <v>0</v>
      </c>
    </row>
    <row r="25460" spans="1:4" x14ac:dyDescent="0.25">
      <c r="A25460" t="s">
        <v>38981</v>
      </c>
      <c r="B25460" t="s">
        <v>38982</v>
      </c>
      <c r="C25460">
        <v>0</v>
      </c>
      <c r="D25460">
        <v>0</v>
      </c>
    </row>
    <row r="25461" spans="1:4" x14ac:dyDescent="0.25">
      <c r="A25461" t="s">
        <v>38981</v>
      </c>
      <c r="B25461" t="s">
        <v>38983</v>
      </c>
      <c r="C25461">
        <v>2</v>
      </c>
      <c r="D25461">
        <v>0</v>
      </c>
    </row>
    <row r="25462" spans="1:4" x14ac:dyDescent="0.25">
      <c r="A25462" t="s">
        <v>38984</v>
      </c>
      <c r="B25462" t="s">
        <v>38985</v>
      </c>
      <c r="C25462">
        <v>1</v>
      </c>
      <c r="D25462">
        <v>0</v>
      </c>
    </row>
    <row r="25463" spans="1:4" x14ac:dyDescent="0.25">
      <c r="A25463" t="s">
        <v>38984</v>
      </c>
      <c r="B25463" t="s">
        <v>38986</v>
      </c>
      <c r="C25463">
        <v>1</v>
      </c>
      <c r="D25463">
        <v>0</v>
      </c>
    </row>
    <row r="25464" spans="1:4" x14ac:dyDescent="0.25">
      <c r="A25464" t="s">
        <v>38984</v>
      </c>
      <c r="B25464" t="s">
        <v>10659</v>
      </c>
      <c r="C25464">
        <v>1</v>
      </c>
      <c r="D25464">
        <v>0</v>
      </c>
    </row>
    <row r="25465" spans="1:4" x14ac:dyDescent="0.25">
      <c r="A25465" t="s">
        <v>38987</v>
      </c>
      <c r="B25465" t="s">
        <v>843</v>
      </c>
      <c r="C25465">
        <v>1</v>
      </c>
      <c r="D25465">
        <v>0</v>
      </c>
    </row>
    <row r="25466" spans="1:4" x14ac:dyDescent="0.25">
      <c r="A25466" t="s">
        <v>38988</v>
      </c>
      <c r="B25466" t="s">
        <v>1101</v>
      </c>
      <c r="C25466">
        <v>1</v>
      </c>
      <c r="D25466">
        <v>0</v>
      </c>
    </row>
    <row r="25467" spans="1:4" x14ac:dyDescent="0.25">
      <c r="A25467" t="s">
        <v>38988</v>
      </c>
      <c r="B25467" t="s">
        <v>38989</v>
      </c>
      <c r="C25467">
        <v>1</v>
      </c>
      <c r="D25467">
        <v>0</v>
      </c>
    </row>
    <row r="25468" spans="1:4" x14ac:dyDescent="0.25">
      <c r="A25468" t="s">
        <v>38988</v>
      </c>
      <c r="B25468" t="s">
        <v>38990</v>
      </c>
      <c r="C25468">
        <v>2</v>
      </c>
      <c r="D25468">
        <v>0</v>
      </c>
    </row>
    <row r="25469" spans="1:4" x14ac:dyDescent="0.25">
      <c r="A25469" t="s">
        <v>38991</v>
      </c>
      <c r="B25469" t="s">
        <v>38992</v>
      </c>
      <c r="C25469">
        <v>1</v>
      </c>
      <c r="D25469">
        <v>0</v>
      </c>
    </row>
    <row r="25470" spans="1:4" x14ac:dyDescent="0.25">
      <c r="A25470" t="s">
        <v>38991</v>
      </c>
      <c r="B25470" t="s">
        <v>38993</v>
      </c>
      <c r="C25470">
        <v>1</v>
      </c>
      <c r="D25470">
        <v>0</v>
      </c>
    </row>
    <row r="25471" spans="1:4" x14ac:dyDescent="0.25">
      <c r="A25471" t="s">
        <v>38994</v>
      </c>
      <c r="B25471" t="s">
        <v>38995</v>
      </c>
      <c r="C25471">
        <v>1</v>
      </c>
      <c r="D25471">
        <v>0</v>
      </c>
    </row>
    <row r="25472" spans="1:4" x14ac:dyDescent="0.25">
      <c r="A25472" t="s">
        <v>38996</v>
      </c>
      <c r="B25472" t="s">
        <v>38997</v>
      </c>
      <c r="C25472">
        <v>1</v>
      </c>
      <c r="D25472">
        <v>0</v>
      </c>
    </row>
    <row r="25473" spans="1:4" x14ac:dyDescent="0.25">
      <c r="A25473" t="s">
        <v>38996</v>
      </c>
      <c r="B25473" t="s">
        <v>38998</v>
      </c>
      <c r="C25473">
        <v>0</v>
      </c>
      <c r="D25473">
        <v>0</v>
      </c>
    </row>
    <row r="25474" spans="1:4" x14ac:dyDescent="0.25">
      <c r="A25474" t="s">
        <v>38996</v>
      </c>
      <c r="B25474" t="s">
        <v>38999</v>
      </c>
      <c r="C25474">
        <v>1</v>
      </c>
      <c r="D25474">
        <v>0</v>
      </c>
    </row>
    <row r="25475" spans="1:4" x14ac:dyDescent="0.25">
      <c r="A25475" t="s">
        <v>39000</v>
      </c>
      <c r="B25475" t="s">
        <v>39001</v>
      </c>
      <c r="C25475">
        <v>0</v>
      </c>
      <c r="D25475">
        <v>0</v>
      </c>
    </row>
    <row r="25476" spans="1:4" x14ac:dyDescent="0.25">
      <c r="A25476" t="s">
        <v>39000</v>
      </c>
      <c r="B25476" t="s">
        <v>39002</v>
      </c>
      <c r="C25476">
        <v>0</v>
      </c>
      <c r="D25476">
        <v>0</v>
      </c>
    </row>
    <row r="25477" spans="1:4" x14ac:dyDescent="0.25">
      <c r="A25477" t="s">
        <v>39003</v>
      </c>
      <c r="B25477" t="s">
        <v>39004</v>
      </c>
      <c r="C25477">
        <v>0</v>
      </c>
      <c r="D25477">
        <v>0</v>
      </c>
    </row>
    <row r="25478" spans="1:4" x14ac:dyDescent="0.25">
      <c r="A25478" t="s">
        <v>39003</v>
      </c>
      <c r="B25478" t="s">
        <v>39005</v>
      </c>
      <c r="C25478">
        <v>0</v>
      </c>
      <c r="D25478">
        <v>0</v>
      </c>
    </row>
    <row r="25479" spans="1:4" x14ac:dyDescent="0.25">
      <c r="A25479" t="s">
        <v>39003</v>
      </c>
      <c r="B25479" t="s">
        <v>35859</v>
      </c>
      <c r="C25479">
        <v>0</v>
      </c>
      <c r="D25479">
        <v>0</v>
      </c>
    </row>
    <row r="25480" spans="1:4" x14ac:dyDescent="0.25">
      <c r="A25480" t="s">
        <v>39006</v>
      </c>
      <c r="B25480" t="s">
        <v>39007</v>
      </c>
      <c r="C25480">
        <v>2</v>
      </c>
      <c r="D25480">
        <v>0</v>
      </c>
    </row>
    <row r="25481" spans="1:4" x14ac:dyDescent="0.25">
      <c r="A25481" t="s">
        <v>39008</v>
      </c>
      <c r="B25481" t="s">
        <v>15536</v>
      </c>
      <c r="C25481">
        <v>0</v>
      </c>
      <c r="D25481">
        <v>0</v>
      </c>
    </row>
    <row r="25482" spans="1:4" x14ac:dyDescent="0.25">
      <c r="A25482" t="s">
        <v>39009</v>
      </c>
      <c r="B25482" t="s">
        <v>39010</v>
      </c>
      <c r="C25482">
        <v>0</v>
      </c>
      <c r="D25482">
        <v>0</v>
      </c>
    </row>
    <row r="25483" spans="1:4" x14ac:dyDescent="0.25">
      <c r="A25483" t="s">
        <v>39009</v>
      </c>
      <c r="B25483" t="s">
        <v>39011</v>
      </c>
      <c r="C25483">
        <v>1</v>
      </c>
      <c r="D25483">
        <v>0</v>
      </c>
    </row>
    <row r="25484" spans="1:4" x14ac:dyDescent="0.25">
      <c r="A25484" t="s">
        <v>39012</v>
      </c>
      <c r="B25484" t="s">
        <v>39013</v>
      </c>
      <c r="C25484">
        <v>0</v>
      </c>
      <c r="D25484">
        <v>0</v>
      </c>
    </row>
    <row r="25485" spans="1:4" x14ac:dyDescent="0.25">
      <c r="A25485" t="s">
        <v>39012</v>
      </c>
      <c r="B25485" t="s">
        <v>39014</v>
      </c>
      <c r="C25485">
        <v>1</v>
      </c>
      <c r="D25485">
        <v>0</v>
      </c>
    </row>
    <row r="25486" spans="1:4" x14ac:dyDescent="0.25">
      <c r="A25486" t="s">
        <v>39012</v>
      </c>
      <c r="B25486" t="s">
        <v>39015</v>
      </c>
      <c r="C25486">
        <v>2</v>
      </c>
      <c r="D25486">
        <v>0</v>
      </c>
    </row>
    <row r="25487" spans="1:4" x14ac:dyDescent="0.25">
      <c r="A25487" t="s">
        <v>39016</v>
      </c>
      <c r="B25487" t="s">
        <v>39017</v>
      </c>
      <c r="C25487">
        <v>1</v>
      </c>
      <c r="D25487">
        <v>0</v>
      </c>
    </row>
    <row r="25488" spans="1:4" x14ac:dyDescent="0.25">
      <c r="A25488" t="s">
        <v>39018</v>
      </c>
      <c r="B25488" t="s">
        <v>39019</v>
      </c>
      <c r="C25488">
        <v>0</v>
      </c>
      <c r="D25488">
        <v>0</v>
      </c>
    </row>
    <row r="25489" spans="1:4" x14ac:dyDescent="0.25">
      <c r="A25489" t="s">
        <v>39020</v>
      </c>
      <c r="B25489" t="s">
        <v>39021</v>
      </c>
      <c r="C25489">
        <v>2</v>
      </c>
      <c r="D25489">
        <v>0</v>
      </c>
    </row>
    <row r="25490" spans="1:4" x14ac:dyDescent="0.25">
      <c r="A25490" t="s">
        <v>39022</v>
      </c>
      <c r="B25490" t="s">
        <v>39023</v>
      </c>
      <c r="C25490">
        <v>1</v>
      </c>
      <c r="D25490">
        <v>0</v>
      </c>
    </row>
    <row r="25491" spans="1:4" x14ac:dyDescent="0.25">
      <c r="A25491" t="s">
        <v>39024</v>
      </c>
      <c r="B25491" t="s">
        <v>39025</v>
      </c>
      <c r="C25491">
        <v>1</v>
      </c>
      <c r="D25491">
        <v>0</v>
      </c>
    </row>
    <row r="25492" spans="1:4" x14ac:dyDescent="0.25">
      <c r="A25492" t="s">
        <v>39024</v>
      </c>
      <c r="B25492" t="s">
        <v>39026</v>
      </c>
      <c r="C25492">
        <v>0</v>
      </c>
      <c r="D25492">
        <v>0</v>
      </c>
    </row>
    <row r="25493" spans="1:4" x14ac:dyDescent="0.25">
      <c r="A25493" t="s">
        <v>39024</v>
      </c>
      <c r="B25493" t="s">
        <v>39027</v>
      </c>
      <c r="C25493">
        <v>1</v>
      </c>
      <c r="D25493">
        <v>0</v>
      </c>
    </row>
    <row r="25494" spans="1:4" x14ac:dyDescent="0.25">
      <c r="A25494" t="s">
        <v>39028</v>
      </c>
      <c r="B25494" t="s">
        <v>39029</v>
      </c>
      <c r="C25494">
        <v>0</v>
      </c>
      <c r="D25494">
        <v>0</v>
      </c>
    </row>
    <row r="25495" spans="1:4" x14ac:dyDescent="0.25">
      <c r="A25495" t="s">
        <v>39028</v>
      </c>
      <c r="B25495" t="s">
        <v>39030</v>
      </c>
      <c r="C25495">
        <v>1</v>
      </c>
      <c r="D25495">
        <v>0</v>
      </c>
    </row>
    <row r="25496" spans="1:4" x14ac:dyDescent="0.25">
      <c r="A25496" t="s">
        <v>39031</v>
      </c>
      <c r="B25496" t="s">
        <v>39032</v>
      </c>
      <c r="C25496">
        <v>2</v>
      </c>
      <c r="D25496">
        <v>0</v>
      </c>
    </row>
    <row r="25497" spans="1:4" x14ac:dyDescent="0.25">
      <c r="A25497" t="s">
        <v>39031</v>
      </c>
      <c r="B25497" t="s">
        <v>39033</v>
      </c>
      <c r="C25497">
        <v>1</v>
      </c>
      <c r="D25497">
        <v>0</v>
      </c>
    </row>
    <row r="25498" spans="1:4" x14ac:dyDescent="0.25">
      <c r="A25498" t="s">
        <v>39031</v>
      </c>
      <c r="B25498" t="s">
        <v>39034</v>
      </c>
      <c r="C25498">
        <v>0</v>
      </c>
      <c r="D25498">
        <v>0</v>
      </c>
    </row>
    <row r="25499" spans="1:4" x14ac:dyDescent="0.25">
      <c r="A25499" t="s">
        <v>39035</v>
      </c>
      <c r="B25499" t="s">
        <v>39036</v>
      </c>
      <c r="C25499">
        <v>2</v>
      </c>
      <c r="D25499">
        <v>0</v>
      </c>
    </row>
    <row r="25500" spans="1:4" x14ac:dyDescent="0.25">
      <c r="A25500" t="s">
        <v>39035</v>
      </c>
      <c r="B25500" t="s">
        <v>39037</v>
      </c>
      <c r="C25500">
        <v>0</v>
      </c>
      <c r="D25500">
        <v>0</v>
      </c>
    </row>
    <row r="25501" spans="1:4" x14ac:dyDescent="0.25">
      <c r="A25501" t="s">
        <v>39035</v>
      </c>
      <c r="B25501" t="s">
        <v>39038</v>
      </c>
      <c r="C25501">
        <v>1</v>
      </c>
      <c r="D25501">
        <v>0</v>
      </c>
    </row>
    <row r="25502" spans="1:4" x14ac:dyDescent="0.25">
      <c r="A25502" t="s">
        <v>39039</v>
      </c>
      <c r="B25502" t="s">
        <v>39040</v>
      </c>
      <c r="C25502">
        <v>2</v>
      </c>
      <c r="D25502">
        <v>0</v>
      </c>
    </row>
    <row r="25503" spans="1:4" x14ac:dyDescent="0.25">
      <c r="A25503" t="s">
        <v>39039</v>
      </c>
      <c r="B25503" t="s">
        <v>39041</v>
      </c>
      <c r="C25503">
        <v>1</v>
      </c>
      <c r="D25503">
        <v>0</v>
      </c>
    </row>
    <row r="25504" spans="1:4" x14ac:dyDescent="0.25">
      <c r="A25504" t="s">
        <v>39042</v>
      </c>
      <c r="B25504" t="s">
        <v>39043</v>
      </c>
      <c r="C25504">
        <v>0</v>
      </c>
      <c r="D25504">
        <v>0</v>
      </c>
    </row>
    <row r="25505" spans="1:4" x14ac:dyDescent="0.25">
      <c r="A25505" t="s">
        <v>39042</v>
      </c>
      <c r="B25505" t="s">
        <v>39044</v>
      </c>
      <c r="C25505">
        <v>2</v>
      </c>
      <c r="D25505">
        <v>0</v>
      </c>
    </row>
    <row r="25506" spans="1:4" x14ac:dyDescent="0.25">
      <c r="A25506" t="s">
        <v>39045</v>
      </c>
      <c r="B25506" t="s">
        <v>39046</v>
      </c>
      <c r="C25506">
        <v>0</v>
      </c>
      <c r="D25506">
        <v>0</v>
      </c>
    </row>
    <row r="25507" spans="1:4" x14ac:dyDescent="0.25">
      <c r="A25507" t="s">
        <v>39045</v>
      </c>
      <c r="B25507" t="s">
        <v>39047</v>
      </c>
      <c r="C25507">
        <v>0</v>
      </c>
      <c r="D25507">
        <v>0</v>
      </c>
    </row>
    <row r="25508" spans="1:4" x14ac:dyDescent="0.25">
      <c r="A25508" t="s">
        <v>39045</v>
      </c>
      <c r="B25508" t="s">
        <v>39048</v>
      </c>
      <c r="C25508">
        <v>0</v>
      </c>
      <c r="D25508">
        <v>0</v>
      </c>
    </row>
    <row r="25509" spans="1:4" x14ac:dyDescent="0.25">
      <c r="A25509" t="s">
        <v>39049</v>
      </c>
      <c r="B25509" t="s">
        <v>39050</v>
      </c>
      <c r="C25509">
        <v>0</v>
      </c>
      <c r="D25509">
        <v>0</v>
      </c>
    </row>
    <row r="25510" spans="1:4" x14ac:dyDescent="0.25">
      <c r="A25510" t="s">
        <v>39051</v>
      </c>
      <c r="B25510" t="s">
        <v>39052</v>
      </c>
      <c r="C25510">
        <v>0</v>
      </c>
      <c r="D25510">
        <v>0</v>
      </c>
    </row>
    <row r="25511" spans="1:4" x14ac:dyDescent="0.25">
      <c r="A25511" t="s">
        <v>39051</v>
      </c>
      <c r="B25511" t="s">
        <v>39053</v>
      </c>
      <c r="C25511">
        <v>1</v>
      </c>
      <c r="D25511">
        <v>0</v>
      </c>
    </row>
    <row r="25512" spans="1:4" x14ac:dyDescent="0.25">
      <c r="A25512" t="s">
        <v>39054</v>
      </c>
      <c r="B25512" t="s">
        <v>39055</v>
      </c>
      <c r="C25512">
        <v>0</v>
      </c>
      <c r="D25512">
        <v>0</v>
      </c>
    </row>
    <row r="25513" spans="1:4" x14ac:dyDescent="0.25">
      <c r="A25513" t="s">
        <v>39054</v>
      </c>
      <c r="B25513" t="s">
        <v>39056</v>
      </c>
      <c r="C25513">
        <v>1</v>
      </c>
      <c r="D25513">
        <v>0</v>
      </c>
    </row>
    <row r="25514" spans="1:4" x14ac:dyDescent="0.25">
      <c r="A25514" t="s">
        <v>39054</v>
      </c>
      <c r="B25514" t="s">
        <v>39057</v>
      </c>
      <c r="C25514">
        <v>1</v>
      </c>
      <c r="D25514">
        <v>0</v>
      </c>
    </row>
    <row r="25515" spans="1:4" x14ac:dyDescent="0.25">
      <c r="A25515" t="s">
        <v>39058</v>
      </c>
      <c r="B25515" t="s">
        <v>39059</v>
      </c>
      <c r="C25515">
        <v>0</v>
      </c>
      <c r="D25515">
        <v>0</v>
      </c>
    </row>
    <row r="25516" spans="1:4" x14ac:dyDescent="0.25">
      <c r="A25516" t="s">
        <v>39060</v>
      </c>
      <c r="B25516" t="s">
        <v>5244</v>
      </c>
      <c r="C25516">
        <v>0</v>
      </c>
      <c r="D25516">
        <v>0</v>
      </c>
    </row>
    <row r="25517" spans="1:4" x14ac:dyDescent="0.25">
      <c r="A25517" t="s">
        <v>39061</v>
      </c>
      <c r="B25517" t="s">
        <v>39062</v>
      </c>
      <c r="C25517">
        <v>1</v>
      </c>
      <c r="D25517">
        <v>0</v>
      </c>
    </row>
    <row r="25518" spans="1:4" x14ac:dyDescent="0.25">
      <c r="A25518" t="s">
        <v>39061</v>
      </c>
      <c r="B25518" t="s">
        <v>39063</v>
      </c>
      <c r="C25518">
        <v>0</v>
      </c>
      <c r="D25518">
        <v>0</v>
      </c>
    </row>
    <row r="25519" spans="1:4" x14ac:dyDescent="0.25">
      <c r="A25519" t="s">
        <v>39061</v>
      </c>
      <c r="B25519" t="s">
        <v>39064</v>
      </c>
      <c r="C25519">
        <v>1</v>
      </c>
      <c r="D25519">
        <v>0</v>
      </c>
    </row>
    <row r="25520" spans="1:4" x14ac:dyDescent="0.25">
      <c r="A25520" t="s">
        <v>39065</v>
      </c>
      <c r="B25520" t="s">
        <v>39066</v>
      </c>
      <c r="C25520">
        <v>2</v>
      </c>
      <c r="D25520">
        <v>0</v>
      </c>
    </row>
    <row r="25521" spans="1:4" x14ac:dyDescent="0.25">
      <c r="A25521" t="s">
        <v>39065</v>
      </c>
      <c r="B25521" t="s">
        <v>39067</v>
      </c>
      <c r="C25521">
        <v>2</v>
      </c>
      <c r="D25521">
        <v>0</v>
      </c>
    </row>
    <row r="25522" spans="1:4" x14ac:dyDescent="0.25">
      <c r="A25522" t="s">
        <v>39068</v>
      </c>
      <c r="B25522" t="s">
        <v>39069</v>
      </c>
      <c r="C25522">
        <v>1</v>
      </c>
      <c r="D25522">
        <v>0</v>
      </c>
    </row>
    <row r="25523" spans="1:4" x14ac:dyDescent="0.25">
      <c r="A25523" t="s">
        <v>39070</v>
      </c>
      <c r="B25523" t="s">
        <v>39071</v>
      </c>
      <c r="C25523">
        <v>1</v>
      </c>
      <c r="D25523">
        <v>0</v>
      </c>
    </row>
    <row r="25524" spans="1:4" x14ac:dyDescent="0.25">
      <c r="A25524" t="s">
        <v>39070</v>
      </c>
      <c r="B25524" t="s">
        <v>39072</v>
      </c>
      <c r="C25524">
        <v>0</v>
      </c>
      <c r="D25524">
        <v>0</v>
      </c>
    </row>
    <row r="25525" spans="1:4" x14ac:dyDescent="0.25">
      <c r="A25525" t="s">
        <v>39073</v>
      </c>
      <c r="B25525" t="s">
        <v>39074</v>
      </c>
      <c r="C25525">
        <v>0</v>
      </c>
      <c r="D25525">
        <v>0</v>
      </c>
    </row>
    <row r="25526" spans="1:4" x14ac:dyDescent="0.25">
      <c r="A25526" t="s">
        <v>39073</v>
      </c>
      <c r="B25526" t="s">
        <v>39075</v>
      </c>
      <c r="C25526">
        <v>1</v>
      </c>
      <c r="D25526">
        <v>0</v>
      </c>
    </row>
    <row r="25527" spans="1:4" x14ac:dyDescent="0.25">
      <c r="A25527" t="s">
        <v>39076</v>
      </c>
      <c r="B25527" t="s">
        <v>39077</v>
      </c>
      <c r="C25527">
        <v>1</v>
      </c>
      <c r="D25527">
        <v>0</v>
      </c>
    </row>
    <row r="25528" spans="1:4" x14ac:dyDescent="0.25">
      <c r="A25528" t="s">
        <v>39078</v>
      </c>
      <c r="B25528" t="s">
        <v>39079</v>
      </c>
      <c r="C25528">
        <v>2</v>
      </c>
      <c r="D25528">
        <v>0</v>
      </c>
    </row>
    <row r="25529" spans="1:4" x14ac:dyDescent="0.25">
      <c r="A25529" t="s">
        <v>39080</v>
      </c>
      <c r="B25529" t="s">
        <v>1526</v>
      </c>
      <c r="C25529">
        <v>1</v>
      </c>
      <c r="D25529">
        <v>0</v>
      </c>
    </row>
    <row r="25530" spans="1:4" x14ac:dyDescent="0.25">
      <c r="A25530" t="s">
        <v>39081</v>
      </c>
      <c r="B25530" t="s">
        <v>39082</v>
      </c>
      <c r="C25530">
        <v>0</v>
      </c>
      <c r="D25530">
        <v>0</v>
      </c>
    </row>
    <row r="25531" spans="1:4" x14ac:dyDescent="0.25">
      <c r="A25531" t="s">
        <v>39083</v>
      </c>
      <c r="B25531" t="s">
        <v>39084</v>
      </c>
      <c r="C25531">
        <v>1</v>
      </c>
      <c r="D25531">
        <v>0</v>
      </c>
    </row>
    <row r="25532" spans="1:4" x14ac:dyDescent="0.25">
      <c r="A25532" t="s">
        <v>39083</v>
      </c>
      <c r="B25532" t="s">
        <v>39085</v>
      </c>
      <c r="C25532">
        <v>2</v>
      </c>
      <c r="D25532">
        <v>0</v>
      </c>
    </row>
    <row r="25533" spans="1:4" x14ac:dyDescent="0.25">
      <c r="A25533" t="s">
        <v>39083</v>
      </c>
      <c r="B25533" t="s">
        <v>39086</v>
      </c>
      <c r="C25533">
        <v>1</v>
      </c>
      <c r="D25533">
        <v>0</v>
      </c>
    </row>
    <row r="25534" spans="1:4" x14ac:dyDescent="0.25">
      <c r="A25534" t="s">
        <v>39087</v>
      </c>
      <c r="B25534" t="s">
        <v>39088</v>
      </c>
      <c r="C25534">
        <v>0</v>
      </c>
      <c r="D25534">
        <v>0</v>
      </c>
    </row>
    <row r="25535" spans="1:4" x14ac:dyDescent="0.25">
      <c r="A25535" t="s">
        <v>39087</v>
      </c>
      <c r="B25535" t="s">
        <v>39089</v>
      </c>
      <c r="C25535">
        <v>0</v>
      </c>
      <c r="D25535">
        <v>0</v>
      </c>
    </row>
    <row r="25536" spans="1:4" x14ac:dyDescent="0.25">
      <c r="A25536" t="s">
        <v>39090</v>
      </c>
      <c r="B25536" t="s">
        <v>39091</v>
      </c>
      <c r="C25536">
        <v>1</v>
      </c>
      <c r="D25536">
        <v>0</v>
      </c>
    </row>
    <row r="25537" spans="1:4" x14ac:dyDescent="0.25">
      <c r="A25537" t="s">
        <v>39090</v>
      </c>
      <c r="B25537" t="s">
        <v>39092</v>
      </c>
      <c r="C25537">
        <v>1</v>
      </c>
      <c r="D25537">
        <v>0</v>
      </c>
    </row>
    <row r="25538" spans="1:4" x14ac:dyDescent="0.25">
      <c r="A25538" t="s">
        <v>39090</v>
      </c>
      <c r="B25538" t="s">
        <v>39093</v>
      </c>
      <c r="C25538">
        <v>0</v>
      </c>
      <c r="D25538">
        <v>0</v>
      </c>
    </row>
    <row r="25539" spans="1:4" x14ac:dyDescent="0.25">
      <c r="A25539" t="s">
        <v>39094</v>
      </c>
      <c r="B25539" t="s">
        <v>39095</v>
      </c>
      <c r="C25539">
        <v>2</v>
      </c>
      <c r="D25539">
        <v>0</v>
      </c>
    </row>
    <row r="25540" spans="1:4" x14ac:dyDescent="0.25">
      <c r="A25540" t="s">
        <v>39094</v>
      </c>
      <c r="B25540" t="s">
        <v>32467</v>
      </c>
      <c r="C25540">
        <v>0</v>
      </c>
      <c r="D25540">
        <v>0</v>
      </c>
    </row>
    <row r="25541" spans="1:4" x14ac:dyDescent="0.25">
      <c r="A25541" t="s">
        <v>39096</v>
      </c>
      <c r="B25541" t="s">
        <v>39097</v>
      </c>
      <c r="C25541">
        <v>1</v>
      </c>
      <c r="D25541">
        <v>0</v>
      </c>
    </row>
    <row r="25542" spans="1:4" x14ac:dyDescent="0.25">
      <c r="A25542" t="s">
        <v>39096</v>
      </c>
      <c r="B25542" t="s">
        <v>39098</v>
      </c>
      <c r="C25542">
        <v>0</v>
      </c>
      <c r="D25542">
        <v>0</v>
      </c>
    </row>
    <row r="25543" spans="1:4" x14ac:dyDescent="0.25">
      <c r="A25543" t="s">
        <v>39096</v>
      </c>
      <c r="B25543" t="s">
        <v>39099</v>
      </c>
      <c r="C25543">
        <v>1</v>
      </c>
      <c r="D25543">
        <v>0</v>
      </c>
    </row>
    <row r="25544" spans="1:4" x14ac:dyDescent="0.25">
      <c r="A25544" t="s">
        <v>39100</v>
      </c>
      <c r="B25544" t="s">
        <v>39101</v>
      </c>
      <c r="C25544">
        <v>0</v>
      </c>
      <c r="D25544">
        <v>0</v>
      </c>
    </row>
    <row r="25545" spans="1:4" x14ac:dyDescent="0.25">
      <c r="A25545" t="s">
        <v>39102</v>
      </c>
      <c r="B25545" t="s">
        <v>39103</v>
      </c>
      <c r="C25545">
        <v>1</v>
      </c>
      <c r="D25545">
        <v>0</v>
      </c>
    </row>
    <row r="25546" spans="1:4" x14ac:dyDescent="0.25">
      <c r="A25546" t="s">
        <v>39102</v>
      </c>
      <c r="B25546" t="s">
        <v>39104</v>
      </c>
      <c r="C25546">
        <v>1</v>
      </c>
      <c r="D25546">
        <v>0</v>
      </c>
    </row>
    <row r="25547" spans="1:4" x14ac:dyDescent="0.25">
      <c r="A25547" t="s">
        <v>39102</v>
      </c>
      <c r="B25547" t="s">
        <v>39105</v>
      </c>
      <c r="C25547">
        <v>0</v>
      </c>
      <c r="D25547">
        <v>0</v>
      </c>
    </row>
    <row r="25548" spans="1:4" x14ac:dyDescent="0.25">
      <c r="A25548" t="s">
        <v>39106</v>
      </c>
      <c r="B25548" t="s">
        <v>5713</v>
      </c>
      <c r="C25548">
        <v>1</v>
      </c>
      <c r="D25548">
        <v>0</v>
      </c>
    </row>
    <row r="25549" spans="1:4" x14ac:dyDescent="0.25">
      <c r="A25549" t="s">
        <v>39107</v>
      </c>
      <c r="B25549" t="s">
        <v>39108</v>
      </c>
      <c r="C25549">
        <v>1</v>
      </c>
      <c r="D25549">
        <v>0</v>
      </c>
    </row>
    <row r="25550" spans="1:4" x14ac:dyDescent="0.25">
      <c r="A25550" t="s">
        <v>39107</v>
      </c>
      <c r="B25550" t="s">
        <v>39109</v>
      </c>
      <c r="C25550">
        <v>1</v>
      </c>
      <c r="D25550">
        <v>0</v>
      </c>
    </row>
    <row r="25551" spans="1:4" x14ac:dyDescent="0.25">
      <c r="A25551" t="s">
        <v>39107</v>
      </c>
      <c r="B25551" t="s">
        <v>39110</v>
      </c>
      <c r="C25551">
        <v>0</v>
      </c>
      <c r="D25551">
        <v>0</v>
      </c>
    </row>
    <row r="25552" spans="1:4" x14ac:dyDescent="0.25">
      <c r="A25552" t="s">
        <v>39111</v>
      </c>
      <c r="B25552" t="s">
        <v>39112</v>
      </c>
      <c r="C25552">
        <v>0</v>
      </c>
      <c r="D25552">
        <v>0</v>
      </c>
    </row>
    <row r="25553" spans="1:4" x14ac:dyDescent="0.25">
      <c r="A25553" t="s">
        <v>39111</v>
      </c>
      <c r="B25553" t="s">
        <v>39113</v>
      </c>
      <c r="C25553">
        <v>2</v>
      </c>
      <c r="D25553">
        <v>0</v>
      </c>
    </row>
    <row r="25554" spans="1:4" x14ac:dyDescent="0.25">
      <c r="A25554" t="s">
        <v>39114</v>
      </c>
      <c r="B25554" t="s">
        <v>39115</v>
      </c>
      <c r="C25554">
        <v>2</v>
      </c>
      <c r="D25554">
        <v>0</v>
      </c>
    </row>
    <row r="25555" spans="1:4" x14ac:dyDescent="0.25">
      <c r="A25555" t="s">
        <v>39114</v>
      </c>
      <c r="B25555" t="s">
        <v>39116</v>
      </c>
      <c r="C25555">
        <v>1</v>
      </c>
      <c r="D25555">
        <v>0</v>
      </c>
    </row>
    <row r="25556" spans="1:4" x14ac:dyDescent="0.25">
      <c r="A25556" t="s">
        <v>39114</v>
      </c>
      <c r="B25556" t="s">
        <v>39117</v>
      </c>
      <c r="C25556">
        <v>1</v>
      </c>
      <c r="D25556">
        <v>0</v>
      </c>
    </row>
    <row r="25557" spans="1:4" x14ac:dyDescent="0.25">
      <c r="A25557" t="s">
        <v>39118</v>
      </c>
      <c r="B25557" t="s">
        <v>39119</v>
      </c>
      <c r="C25557">
        <v>0</v>
      </c>
      <c r="D25557">
        <v>0</v>
      </c>
    </row>
    <row r="25558" spans="1:4" x14ac:dyDescent="0.25">
      <c r="A25558" t="s">
        <v>39118</v>
      </c>
      <c r="B25558" t="s">
        <v>39120</v>
      </c>
      <c r="C25558">
        <v>2</v>
      </c>
      <c r="D25558">
        <v>0</v>
      </c>
    </row>
    <row r="25559" spans="1:4" x14ac:dyDescent="0.25">
      <c r="A25559" t="s">
        <v>39121</v>
      </c>
      <c r="B25559" t="s">
        <v>39122</v>
      </c>
      <c r="C25559">
        <v>1</v>
      </c>
      <c r="D25559">
        <v>0</v>
      </c>
    </row>
    <row r="25560" spans="1:4" x14ac:dyDescent="0.25">
      <c r="A25560" t="s">
        <v>39121</v>
      </c>
      <c r="B25560" t="s">
        <v>39123</v>
      </c>
      <c r="C25560">
        <v>0</v>
      </c>
      <c r="D25560">
        <v>0</v>
      </c>
    </row>
    <row r="25561" spans="1:4" x14ac:dyDescent="0.25">
      <c r="A25561" t="s">
        <v>39124</v>
      </c>
      <c r="B25561" t="s">
        <v>39125</v>
      </c>
      <c r="C25561">
        <v>0</v>
      </c>
      <c r="D25561">
        <v>0</v>
      </c>
    </row>
    <row r="25562" spans="1:4" x14ac:dyDescent="0.25">
      <c r="A25562" t="s">
        <v>39126</v>
      </c>
      <c r="B25562" t="s">
        <v>39127</v>
      </c>
      <c r="C25562">
        <v>2</v>
      </c>
      <c r="D25562">
        <v>0</v>
      </c>
    </row>
    <row r="25563" spans="1:4" x14ac:dyDescent="0.25">
      <c r="A25563" t="s">
        <v>39126</v>
      </c>
      <c r="B25563" t="s">
        <v>39128</v>
      </c>
      <c r="C25563">
        <v>2</v>
      </c>
      <c r="D25563">
        <v>0</v>
      </c>
    </row>
    <row r="25564" spans="1:4" x14ac:dyDescent="0.25">
      <c r="A25564" t="s">
        <v>39126</v>
      </c>
      <c r="B25564" t="s">
        <v>39129</v>
      </c>
      <c r="C25564">
        <v>2</v>
      </c>
      <c r="D25564">
        <v>0</v>
      </c>
    </row>
    <row r="25565" spans="1:4" x14ac:dyDescent="0.25">
      <c r="A25565" t="s">
        <v>39130</v>
      </c>
      <c r="B25565" t="s">
        <v>1001</v>
      </c>
      <c r="C25565">
        <v>1</v>
      </c>
      <c r="D25565">
        <v>0</v>
      </c>
    </row>
    <row r="25566" spans="1:4" x14ac:dyDescent="0.25">
      <c r="A25566" t="s">
        <v>39130</v>
      </c>
      <c r="B25566" t="s">
        <v>39131</v>
      </c>
      <c r="C25566">
        <v>0</v>
      </c>
      <c r="D25566">
        <v>0</v>
      </c>
    </row>
    <row r="25567" spans="1:4" x14ac:dyDescent="0.25">
      <c r="A25567" t="s">
        <v>39130</v>
      </c>
      <c r="B25567" t="s">
        <v>39132</v>
      </c>
      <c r="C25567">
        <v>1</v>
      </c>
      <c r="D25567">
        <v>0</v>
      </c>
    </row>
    <row r="25568" spans="1:4" x14ac:dyDescent="0.25">
      <c r="A25568" t="s">
        <v>39133</v>
      </c>
      <c r="B25568" t="s">
        <v>39134</v>
      </c>
      <c r="C25568">
        <v>0</v>
      </c>
      <c r="D25568">
        <v>0</v>
      </c>
    </row>
    <row r="25569" spans="1:4" x14ac:dyDescent="0.25">
      <c r="A25569" t="s">
        <v>39133</v>
      </c>
      <c r="B25569" t="s">
        <v>39135</v>
      </c>
      <c r="C25569">
        <v>0</v>
      </c>
      <c r="D25569">
        <v>0</v>
      </c>
    </row>
    <row r="25570" spans="1:4" x14ac:dyDescent="0.25">
      <c r="A25570" t="s">
        <v>39136</v>
      </c>
      <c r="B25570" t="s">
        <v>39137</v>
      </c>
      <c r="C25570">
        <v>2</v>
      </c>
      <c r="D25570">
        <v>0</v>
      </c>
    </row>
    <row r="25571" spans="1:4" x14ac:dyDescent="0.25">
      <c r="A25571" t="s">
        <v>39136</v>
      </c>
      <c r="B25571" t="s">
        <v>39138</v>
      </c>
      <c r="C25571">
        <v>1</v>
      </c>
      <c r="D25571">
        <v>0</v>
      </c>
    </row>
    <row r="25572" spans="1:4" x14ac:dyDescent="0.25">
      <c r="A25572" t="s">
        <v>39136</v>
      </c>
      <c r="B25572" t="s">
        <v>39139</v>
      </c>
      <c r="C25572">
        <v>1</v>
      </c>
      <c r="D25572">
        <v>0</v>
      </c>
    </row>
    <row r="25573" spans="1:4" x14ac:dyDescent="0.25">
      <c r="A25573" t="s">
        <v>39140</v>
      </c>
      <c r="B25573" t="s">
        <v>39141</v>
      </c>
      <c r="C25573">
        <v>1</v>
      </c>
      <c r="D25573">
        <v>0</v>
      </c>
    </row>
    <row r="25574" spans="1:4" x14ac:dyDescent="0.25">
      <c r="A25574" t="s">
        <v>39142</v>
      </c>
      <c r="B25574" t="s">
        <v>39143</v>
      </c>
      <c r="C25574">
        <v>1</v>
      </c>
      <c r="D25574">
        <v>0</v>
      </c>
    </row>
    <row r="25575" spans="1:4" x14ac:dyDescent="0.25">
      <c r="A25575" t="s">
        <v>39142</v>
      </c>
      <c r="B25575" t="s">
        <v>39144</v>
      </c>
      <c r="C25575">
        <v>1</v>
      </c>
      <c r="D25575">
        <v>0</v>
      </c>
    </row>
    <row r="25576" spans="1:4" x14ac:dyDescent="0.25">
      <c r="A25576" t="s">
        <v>39145</v>
      </c>
      <c r="B25576" t="s">
        <v>843</v>
      </c>
      <c r="C25576">
        <v>1</v>
      </c>
      <c r="D25576">
        <v>0</v>
      </c>
    </row>
    <row r="25577" spans="1:4" x14ac:dyDescent="0.25">
      <c r="A25577" t="s">
        <v>39146</v>
      </c>
      <c r="B25577" t="s">
        <v>39147</v>
      </c>
      <c r="C25577">
        <v>1</v>
      </c>
      <c r="D25577">
        <v>0</v>
      </c>
    </row>
    <row r="25578" spans="1:4" x14ac:dyDescent="0.25">
      <c r="A25578" t="s">
        <v>39148</v>
      </c>
      <c r="B25578" t="s">
        <v>31885</v>
      </c>
      <c r="C25578">
        <v>1</v>
      </c>
      <c r="D25578">
        <v>0</v>
      </c>
    </row>
    <row r="25579" spans="1:4" x14ac:dyDescent="0.25">
      <c r="A25579" t="s">
        <v>39149</v>
      </c>
      <c r="B25579" t="s">
        <v>39150</v>
      </c>
      <c r="C25579">
        <v>2</v>
      </c>
      <c r="D25579">
        <v>0</v>
      </c>
    </row>
    <row r="25580" spans="1:4" x14ac:dyDescent="0.25">
      <c r="A25580" t="s">
        <v>39149</v>
      </c>
      <c r="B25580" t="s">
        <v>39151</v>
      </c>
      <c r="C25580">
        <v>0</v>
      </c>
      <c r="D25580">
        <v>0</v>
      </c>
    </row>
    <row r="25581" spans="1:4" x14ac:dyDescent="0.25">
      <c r="A25581" t="s">
        <v>39149</v>
      </c>
      <c r="B25581" t="s">
        <v>39152</v>
      </c>
      <c r="C25581">
        <v>1</v>
      </c>
      <c r="D25581">
        <v>0</v>
      </c>
    </row>
    <row r="25582" spans="1:4" x14ac:dyDescent="0.25">
      <c r="A25582" t="s">
        <v>39153</v>
      </c>
      <c r="B25582" t="s">
        <v>39154</v>
      </c>
      <c r="C25582">
        <v>1</v>
      </c>
      <c r="D25582">
        <v>0</v>
      </c>
    </row>
    <row r="25583" spans="1:4" x14ac:dyDescent="0.25">
      <c r="A25583" t="s">
        <v>39155</v>
      </c>
      <c r="B25583" t="s">
        <v>39156</v>
      </c>
      <c r="C25583">
        <v>0</v>
      </c>
      <c r="D25583">
        <v>0</v>
      </c>
    </row>
    <row r="25584" spans="1:4" x14ac:dyDescent="0.25">
      <c r="A25584" t="s">
        <v>39157</v>
      </c>
      <c r="B25584" t="s">
        <v>39158</v>
      </c>
      <c r="C25584">
        <v>0</v>
      </c>
      <c r="D25584">
        <v>0</v>
      </c>
    </row>
    <row r="25585" spans="1:4" x14ac:dyDescent="0.25">
      <c r="A25585" t="s">
        <v>39157</v>
      </c>
      <c r="B25585" t="s">
        <v>39159</v>
      </c>
      <c r="C25585">
        <v>2</v>
      </c>
      <c r="D25585">
        <v>0</v>
      </c>
    </row>
    <row r="25586" spans="1:4" x14ac:dyDescent="0.25">
      <c r="A25586" t="s">
        <v>39157</v>
      </c>
      <c r="B25586" t="s">
        <v>39160</v>
      </c>
      <c r="C25586">
        <v>1</v>
      </c>
      <c r="D25586">
        <v>0</v>
      </c>
    </row>
    <row r="25587" spans="1:4" x14ac:dyDescent="0.25">
      <c r="A25587" t="s">
        <v>39161</v>
      </c>
      <c r="B25587" t="s">
        <v>39162</v>
      </c>
      <c r="C25587">
        <v>0</v>
      </c>
      <c r="D25587">
        <v>0</v>
      </c>
    </row>
    <row r="25588" spans="1:4" x14ac:dyDescent="0.25">
      <c r="A25588" t="s">
        <v>39161</v>
      </c>
      <c r="B25588" t="s">
        <v>39163</v>
      </c>
      <c r="C25588">
        <v>1</v>
      </c>
      <c r="D25588">
        <v>0</v>
      </c>
    </row>
    <row r="25589" spans="1:4" x14ac:dyDescent="0.25">
      <c r="A25589" t="s">
        <v>39164</v>
      </c>
      <c r="B25589" t="s">
        <v>39165</v>
      </c>
      <c r="C25589">
        <v>1</v>
      </c>
      <c r="D25589">
        <v>0</v>
      </c>
    </row>
    <row r="25590" spans="1:4" x14ac:dyDescent="0.25">
      <c r="A25590" t="s">
        <v>39164</v>
      </c>
      <c r="B25590" t="s">
        <v>39166</v>
      </c>
      <c r="C25590">
        <v>2</v>
      </c>
      <c r="D25590">
        <v>0</v>
      </c>
    </row>
    <row r="25591" spans="1:4" x14ac:dyDescent="0.25">
      <c r="A25591" t="s">
        <v>39164</v>
      </c>
      <c r="B25591" t="s">
        <v>39167</v>
      </c>
      <c r="C25591">
        <v>1</v>
      </c>
      <c r="D25591">
        <v>0</v>
      </c>
    </row>
    <row r="25592" spans="1:4" x14ac:dyDescent="0.25">
      <c r="A25592" t="s">
        <v>39168</v>
      </c>
      <c r="B25592" t="s">
        <v>39169</v>
      </c>
      <c r="C25592">
        <v>2</v>
      </c>
      <c r="D25592">
        <v>0</v>
      </c>
    </row>
    <row r="25593" spans="1:4" x14ac:dyDescent="0.25">
      <c r="A25593" t="s">
        <v>39168</v>
      </c>
      <c r="B25593" t="s">
        <v>39170</v>
      </c>
      <c r="C25593">
        <v>1</v>
      </c>
      <c r="D25593">
        <v>0</v>
      </c>
    </row>
    <row r="25594" spans="1:4" x14ac:dyDescent="0.25">
      <c r="A25594" t="s">
        <v>39171</v>
      </c>
      <c r="B25594" t="s">
        <v>39172</v>
      </c>
      <c r="C25594">
        <v>2</v>
      </c>
      <c r="D25594">
        <v>0</v>
      </c>
    </row>
    <row r="25595" spans="1:4" x14ac:dyDescent="0.25">
      <c r="A25595" t="s">
        <v>39171</v>
      </c>
      <c r="B25595" t="s">
        <v>39173</v>
      </c>
      <c r="C25595">
        <v>0</v>
      </c>
      <c r="D25595">
        <v>0</v>
      </c>
    </row>
    <row r="25596" spans="1:4" x14ac:dyDescent="0.25">
      <c r="A25596" t="s">
        <v>39174</v>
      </c>
      <c r="B25596" t="s">
        <v>39175</v>
      </c>
      <c r="C25596">
        <v>0</v>
      </c>
      <c r="D25596">
        <v>0</v>
      </c>
    </row>
    <row r="25597" spans="1:4" x14ac:dyDescent="0.25">
      <c r="A25597" t="s">
        <v>39174</v>
      </c>
      <c r="B25597" t="s">
        <v>39176</v>
      </c>
      <c r="C25597">
        <v>1</v>
      </c>
      <c r="D25597">
        <v>0</v>
      </c>
    </row>
    <row r="25598" spans="1:4" x14ac:dyDescent="0.25">
      <c r="A25598" t="s">
        <v>39177</v>
      </c>
      <c r="B25598" t="s">
        <v>39178</v>
      </c>
      <c r="C25598">
        <v>1</v>
      </c>
      <c r="D25598">
        <v>0</v>
      </c>
    </row>
    <row r="25599" spans="1:4" x14ac:dyDescent="0.25">
      <c r="A25599" t="s">
        <v>39179</v>
      </c>
      <c r="B25599" t="s">
        <v>843</v>
      </c>
      <c r="C25599">
        <v>1</v>
      </c>
      <c r="D25599">
        <v>0</v>
      </c>
    </row>
    <row r="25600" spans="1:4" x14ac:dyDescent="0.25">
      <c r="A25600" t="s">
        <v>39180</v>
      </c>
      <c r="B25600" t="s">
        <v>843</v>
      </c>
      <c r="C25600">
        <v>1</v>
      </c>
      <c r="D25600">
        <v>0</v>
      </c>
    </row>
    <row r="25601" spans="1:4" x14ac:dyDescent="0.25">
      <c r="A25601" t="s">
        <v>39181</v>
      </c>
      <c r="B25601" t="s">
        <v>3885</v>
      </c>
      <c r="C25601">
        <v>1</v>
      </c>
      <c r="D25601">
        <v>0</v>
      </c>
    </row>
    <row r="25602" spans="1:4" x14ac:dyDescent="0.25">
      <c r="A25602" t="s">
        <v>39181</v>
      </c>
      <c r="B25602" t="s">
        <v>39182</v>
      </c>
      <c r="C25602">
        <v>0</v>
      </c>
      <c r="D25602">
        <v>0</v>
      </c>
    </row>
    <row r="25603" spans="1:4" x14ac:dyDescent="0.25">
      <c r="A25603" t="s">
        <v>39181</v>
      </c>
      <c r="B25603" t="s">
        <v>39183</v>
      </c>
      <c r="C25603">
        <v>1</v>
      </c>
      <c r="D25603">
        <v>0</v>
      </c>
    </row>
    <row r="25604" spans="1:4" x14ac:dyDescent="0.25">
      <c r="A25604" t="s">
        <v>39184</v>
      </c>
      <c r="B25604" t="s">
        <v>39185</v>
      </c>
      <c r="C25604">
        <v>0</v>
      </c>
      <c r="D25604">
        <v>0</v>
      </c>
    </row>
    <row r="25605" spans="1:4" x14ac:dyDescent="0.25">
      <c r="A25605" t="s">
        <v>39184</v>
      </c>
      <c r="B25605" t="s">
        <v>39186</v>
      </c>
      <c r="C25605">
        <v>1</v>
      </c>
      <c r="D25605">
        <v>0</v>
      </c>
    </row>
    <row r="25606" spans="1:4" x14ac:dyDescent="0.25">
      <c r="A25606" t="s">
        <v>39187</v>
      </c>
      <c r="B25606" t="s">
        <v>39188</v>
      </c>
      <c r="C25606">
        <v>1</v>
      </c>
      <c r="D25606">
        <v>0</v>
      </c>
    </row>
    <row r="25607" spans="1:4" x14ac:dyDescent="0.25">
      <c r="A25607" t="s">
        <v>39189</v>
      </c>
      <c r="B25607" t="s">
        <v>1695</v>
      </c>
      <c r="C25607">
        <v>1</v>
      </c>
      <c r="D25607">
        <v>0</v>
      </c>
    </row>
    <row r="25608" spans="1:4" x14ac:dyDescent="0.25">
      <c r="A25608" t="s">
        <v>39190</v>
      </c>
      <c r="B25608" t="s">
        <v>816</v>
      </c>
      <c r="C25608">
        <v>1</v>
      </c>
      <c r="D25608">
        <v>0</v>
      </c>
    </row>
    <row r="25609" spans="1:4" x14ac:dyDescent="0.25">
      <c r="A25609" t="s">
        <v>39191</v>
      </c>
      <c r="B25609" t="s">
        <v>39192</v>
      </c>
      <c r="C25609">
        <v>1</v>
      </c>
      <c r="D25609">
        <v>0</v>
      </c>
    </row>
    <row r="25610" spans="1:4" x14ac:dyDescent="0.25">
      <c r="A25610" t="s">
        <v>39191</v>
      </c>
      <c r="B25610" t="s">
        <v>39193</v>
      </c>
      <c r="C25610">
        <v>2</v>
      </c>
      <c r="D25610">
        <v>0</v>
      </c>
    </row>
    <row r="25611" spans="1:4" x14ac:dyDescent="0.25">
      <c r="A25611" t="s">
        <v>39194</v>
      </c>
      <c r="B25611" t="s">
        <v>39195</v>
      </c>
      <c r="C25611">
        <v>0</v>
      </c>
      <c r="D25611">
        <v>0</v>
      </c>
    </row>
    <row r="25612" spans="1:4" x14ac:dyDescent="0.25">
      <c r="A25612" t="s">
        <v>39196</v>
      </c>
      <c r="B25612" t="s">
        <v>39197</v>
      </c>
      <c r="C25612">
        <v>0</v>
      </c>
      <c r="D25612">
        <v>0</v>
      </c>
    </row>
    <row r="25613" spans="1:4" x14ac:dyDescent="0.25">
      <c r="A25613" t="s">
        <v>39196</v>
      </c>
      <c r="B25613" t="s">
        <v>39198</v>
      </c>
      <c r="C25613">
        <v>0</v>
      </c>
      <c r="D25613">
        <v>0</v>
      </c>
    </row>
    <row r="25614" spans="1:4" x14ac:dyDescent="0.25">
      <c r="A25614" t="s">
        <v>39196</v>
      </c>
      <c r="B25614" t="s">
        <v>39199</v>
      </c>
      <c r="C25614">
        <v>2</v>
      </c>
      <c r="D25614">
        <v>0</v>
      </c>
    </row>
    <row r="25615" spans="1:4" x14ac:dyDescent="0.25">
      <c r="A25615" t="s">
        <v>39200</v>
      </c>
      <c r="B25615" t="s">
        <v>39201</v>
      </c>
      <c r="C25615">
        <v>0</v>
      </c>
      <c r="D25615">
        <v>0</v>
      </c>
    </row>
    <row r="25616" spans="1:4" x14ac:dyDescent="0.25">
      <c r="A25616" t="s">
        <v>39202</v>
      </c>
      <c r="B25616" t="s">
        <v>39203</v>
      </c>
      <c r="C25616">
        <v>1</v>
      </c>
      <c r="D25616">
        <v>0</v>
      </c>
    </row>
    <row r="25617" spans="1:4" x14ac:dyDescent="0.25">
      <c r="A25617" t="s">
        <v>39204</v>
      </c>
      <c r="B25617" t="s">
        <v>39205</v>
      </c>
      <c r="C25617">
        <v>0</v>
      </c>
      <c r="D25617">
        <v>0</v>
      </c>
    </row>
    <row r="25618" spans="1:4" x14ac:dyDescent="0.25">
      <c r="A25618" t="s">
        <v>39204</v>
      </c>
      <c r="B25618" t="s">
        <v>39206</v>
      </c>
      <c r="C25618">
        <v>0</v>
      </c>
      <c r="D25618">
        <v>0</v>
      </c>
    </row>
    <row r="25619" spans="1:4" x14ac:dyDescent="0.25">
      <c r="A25619" t="s">
        <v>39204</v>
      </c>
      <c r="B25619" t="s">
        <v>39207</v>
      </c>
      <c r="C25619">
        <v>2</v>
      </c>
      <c r="D25619">
        <v>0</v>
      </c>
    </row>
    <row r="25620" spans="1:4" x14ac:dyDescent="0.25">
      <c r="A25620" t="s">
        <v>39208</v>
      </c>
      <c r="B25620" t="s">
        <v>39209</v>
      </c>
      <c r="C25620">
        <v>2</v>
      </c>
      <c r="D25620">
        <v>0</v>
      </c>
    </row>
    <row r="25621" spans="1:4" x14ac:dyDescent="0.25">
      <c r="A25621" t="s">
        <v>39208</v>
      </c>
      <c r="B25621" t="s">
        <v>39210</v>
      </c>
      <c r="C25621">
        <v>2</v>
      </c>
      <c r="D25621">
        <v>0</v>
      </c>
    </row>
    <row r="25622" spans="1:4" x14ac:dyDescent="0.25">
      <c r="A25622" t="s">
        <v>39208</v>
      </c>
      <c r="B25622" t="s">
        <v>39211</v>
      </c>
      <c r="C25622">
        <v>1</v>
      </c>
      <c r="D25622">
        <v>0</v>
      </c>
    </row>
    <row r="25623" spans="1:4" x14ac:dyDescent="0.25">
      <c r="A25623" t="s">
        <v>39212</v>
      </c>
      <c r="B25623" t="s">
        <v>398</v>
      </c>
      <c r="C25623">
        <v>0</v>
      </c>
      <c r="D25623">
        <v>0</v>
      </c>
    </row>
    <row r="25624" spans="1:4" x14ac:dyDescent="0.25">
      <c r="A25624" t="s">
        <v>39213</v>
      </c>
      <c r="B25624" t="s">
        <v>39214</v>
      </c>
      <c r="C25624">
        <v>0</v>
      </c>
      <c r="D25624">
        <v>0</v>
      </c>
    </row>
    <row r="25625" spans="1:4" x14ac:dyDescent="0.25">
      <c r="A25625" t="s">
        <v>39215</v>
      </c>
      <c r="B25625" t="s">
        <v>39216</v>
      </c>
      <c r="C25625">
        <v>1</v>
      </c>
      <c r="D25625">
        <v>0</v>
      </c>
    </row>
    <row r="25626" spans="1:4" x14ac:dyDescent="0.25">
      <c r="A25626" t="s">
        <v>39215</v>
      </c>
      <c r="B25626" t="s">
        <v>39217</v>
      </c>
      <c r="C25626">
        <v>1</v>
      </c>
      <c r="D25626">
        <v>0</v>
      </c>
    </row>
    <row r="25627" spans="1:4" x14ac:dyDescent="0.25">
      <c r="A25627" t="s">
        <v>39215</v>
      </c>
      <c r="B25627" t="s">
        <v>39218</v>
      </c>
      <c r="C25627">
        <v>1</v>
      </c>
      <c r="D25627">
        <v>0</v>
      </c>
    </row>
    <row r="25628" spans="1:4" x14ac:dyDescent="0.25">
      <c r="A25628" t="s">
        <v>39219</v>
      </c>
      <c r="B25628" t="s">
        <v>39220</v>
      </c>
      <c r="C25628">
        <v>0</v>
      </c>
      <c r="D25628">
        <v>0</v>
      </c>
    </row>
    <row r="25629" spans="1:4" x14ac:dyDescent="0.25">
      <c r="A25629" t="s">
        <v>39219</v>
      </c>
      <c r="B25629" t="s">
        <v>39221</v>
      </c>
      <c r="C25629">
        <v>0</v>
      </c>
      <c r="D25629">
        <v>0</v>
      </c>
    </row>
    <row r="25630" spans="1:4" x14ac:dyDescent="0.25">
      <c r="A25630" t="s">
        <v>39219</v>
      </c>
      <c r="B25630" t="s">
        <v>39222</v>
      </c>
      <c r="C25630">
        <v>0</v>
      </c>
      <c r="D25630">
        <v>0</v>
      </c>
    </row>
    <row r="25631" spans="1:4" x14ac:dyDescent="0.25">
      <c r="A25631" t="s">
        <v>39223</v>
      </c>
      <c r="B25631" t="s">
        <v>39224</v>
      </c>
      <c r="C25631">
        <v>0</v>
      </c>
      <c r="D25631">
        <v>0</v>
      </c>
    </row>
    <row r="25632" spans="1:4" x14ac:dyDescent="0.25">
      <c r="A25632" t="s">
        <v>39225</v>
      </c>
      <c r="B25632" t="s">
        <v>39226</v>
      </c>
      <c r="C25632">
        <v>1</v>
      </c>
      <c r="D25632">
        <v>0</v>
      </c>
    </row>
    <row r="25633" spans="1:4" x14ac:dyDescent="0.25">
      <c r="A25633" t="s">
        <v>39225</v>
      </c>
      <c r="B25633" t="s">
        <v>39227</v>
      </c>
      <c r="C25633">
        <v>0</v>
      </c>
      <c r="D25633">
        <v>0</v>
      </c>
    </row>
    <row r="25634" spans="1:4" x14ac:dyDescent="0.25">
      <c r="A25634" t="s">
        <v>39225</v>
      </c>
      <c r="B25634" t="s">
        <v>39228</v>
      </c>
      <c r="C25634">
        <v>2</v>
      </c>
      <c r="D25634">
        <v>0</v>
      </c>
    </row>
    <row r="25635" spans="1:4" x14ac:dyDescent="0.25">
      <c r="A25635" t="s">
        <v>39229</v>
      </c>
      <c r="B25635" t="s">
        <v>39230</v>
      </c>
      <c r="C25635">
        <v>0</v>
      </c>
      <c r="D25635">
        <v>0</v>
      </c>
    </row>
    <row r="25636" spans="1:4" x14ac:dyDescent="0.25">
      <c r="A25636" t="s">
        <v>39229</v>
      </c>
      <c r="B25636" t="s">
        <v>39231</v>
      </c>
      <c r="C25636">
        <v>1</v>
      </c>
      <c r="D25636">
        <v>0</v>
      </c>
    </row>
    <row r="25637" spans="1:4" x14ac:dyDescent="0.25">
      <c r="A25637" t="s">
        <v>39232</v>
      </c>
      <c r="B25637" t="s">
        <v>1483</v>
      </c>
      <c r="C25637">
        <v>2</v>
      </c>
      <c r="D25637">
        <v>0</v>
      </c>
    </row>
    <row r="25638" spans="1:4" x14ac:dyDescent="0.25">
      <c r="A25638" t="s">
        <v>39232</v>
      </c>
      <c r="B25638" t="s">
        <v>39233</v>
      </c>
      <c r="C25638">
        <v>1</v>
      </c>
      <c r="D25638">
        <v>0</v>
      </c>
    </row>
    <row r="25639" spans="1:4" x14ac:dyDescent="0.25">
      <c r="A25639" t="s">
        <v>39232</v>
      </c>
      <c r="B25639" t="s">
        <v>39234</v>
      </c>
      <c r="C25639">
        <v>0</v>
      </c>
      <c r="D25639">
        <v>0</v>
      </c>
    </row>
    <row r="25640" spans="1:4" x14ac:dyDescent="0.25">
      <c r="A25640" t="s">
        <v>39235</v>
      </c>
      <c r="B25640" t="s">
        <v>39236</v>
      </c>
      <c r="C25640">
        <v>1</v>
      </c>
      <c r="D25640">
        <v>0</v>
      </c>
    </row>
    <row r="25641" spans="1:4" x14ac:dyDescent="0.25">
      <c r="A25641" t="s">
        <v>39235</v>
      </c>
      <c r="B25641" t="s">
        <v>39237</v>
      </c>
      <c r="C25641">
        <v>2</v>
      </c>
      <c r="D25641">
        <v>0</v>
      </c>
    </row>
    <row r="25642" spans="1:4" x14ac:dyDescent="0.25">
      <c r="A25642" t="s">
        <v>39235</v>
      </c>
      <c r="B25642" t="s">
        <v>39238</v>
      </c>
      <c r="C25642">
        <v>1</v>
      </c>
      <c r="D25642">
        <v>0</v>
      </c>
    </row>
    <row r="25643" spans="1:4" x14ac:dyDescent="0.25">
      <c r="A25643" t="s">
        <v>39239</v>
      </c>
      <c r="B25643" t="s">
        <v>39240</v>
      </c>
      <c r="C25643">
        <v>0</v>
      </c>
      <c r="D25643">
        <v>0</v>
      </c>
    </row>
    <row r="25644" spans="1:4" x14ac:dyDescent="0.25">
      <c r="A25644" t="s">
        <v>39239</v>
      </c>
      <c r="B25644" t="s">
        <v>39241</v>
      </c>
      <c r="C25644">
        <v>0</v>
      </c>
      <c r="D25644">
        <v>0</v>
      </c>
    </row>
    <row r="25645" spans="1:4" x14ac:dyDescent="0.25">
      <c r="A25645" t="s">
        <v>39239</v>
      </c>
      <c r="B25645" t="s">
        <v>39242</v>
      </c>
      <c r="C25645">
        <v>2</v>
      </c>
      <c r="D25645">
        <v>0</v>
      </c>
    </row>
    <row r="25646" spans="1:4" x14ac:dyDescent="0.25">
      <c r="A25646" t="s">
        <v>39243</v>
      </c>
      <c r="B25646" t="s">
        <v>39244</v>
      </c>
      <c r="C25646">
        <v>0</v>
      </c>
      <c r="D25646">
        <v>0</v>
      </c>
    </row>
    <row r="25647" spans="1:4" x14ac:dyDescent="0.25">
      <c r="A25647" t="s">
        <v>39245</v>
      </c>
      <c r="B25647" t="s">
        <v>39246</v>
      </c>
      <c r="C25647">
        <v>1</v>
      </c>
      <c r="D25647">
        <v>0</v>
      </c>
    </row>
    <row r="25648" spans="1:4" x14ac:dyDescent="0.25">
      <c r="A25648" t="s">
        <v>39245</v>
      </c>
      <c r="B25648" t="s">
        <v>3170</v>
      </c>
      <c r="C25648">
        <v>1</v>
      </c>
      <c r="D25648">
        <v>0</v>
      </c>
    </row>
    <row r="25649" spans="1:4" x14ac:dyDescent="0.25">
      <c r="A25649" t="s">
        <v>39247</v>
      </c>
      <c r="B25649" t="s">
        <v>39248</v>
      </c>
      <c r="C25649">
        <v>1</v>
      </c>
      <c r="D25649">
        <v>0</v>
      </c>
    </row>
    <row r="25650" spans="1:4" x14ac:dyDescent="0.25">
      <c r="A25650" t="s">
        <v>39247</v>
      </c>
      <c r="B25650" t="s">
        <v>39249</v>
      </c>
      <c r="C25650">
        <v>0</v>
      </c>
      <c r="D25650">
        <v>0</v>
      </c>
    </row>
    <row r="25651" spans="1:4" x14ac:dyDescent="0.25">
      <c r="A25651" t="s">
        <v>39247</v>
      </c>
      <c r="B25651" t="s">
        <v>39250</v>
      </c>
      <c r="C25651">
        <v>2</v>
      </c>
      <c r="D25651">
        <v>0</v>
      </c>
    </row>
    <row r="25652" spans="1:4" x14ac:dyDescent="0.25">
      <c r="A25652" t="s">
        <v>39251</v>
      </c>
      <c r="B25652" t="s">
        <v>39252</v>
      </c>
      <c r="C25652">
        <v>1</v>
      </c>
      <c r="D25652">
        <v>0</v>
      </c>
    </row>
    <row r="25653" spans="1:4" x14ac:dyDescent="0.25">
      <c r="A25653" t="s">
        <v>39251</v>
      </c>
      <c r="B25653" t="s">
        <v>39253</v>
      </c>
      <c r="C25653">
        <v>2</v>
      </c>
      <c r="D25653">
        <v>0</v>
      </c>
    </row>
    <row r="25654" spans="1:4" x14ac:dyDescent="0.25">
      <c r="A25654" t="s">
        <v>39254</v>
      </c>
      <c r="B25654" t="s">
        <v>39255</v>
      </c>
      <c r="C25654">
        <v>1</v>
      </c>
      <c r="D25654">
        <v>0</v>
      </c>
    </row>
    <row r="25655" spans="1:4" x14ac:dyDescent="0.25">
      <c r="A25655" t="s">
        <v>39254</v>
      </c>
      <c r="B25655" t="s">
        <v>39256</v>
      </c>
      <c r="C25655">
        <v>1</v>
      </c>
      <c r="D25655">
        <v>0</v>
      </c>
    </row>
    <row r="25656" spans="1:4" x14ac:dyDescent="0.25">
      <c r="A25656" t="s">
        <v>39257</v>
      </c>
      <c r="B25656" t="s">
        <v>39258</v>
      </c>
      <c r="C25656">
        <v>2</v>
      </c>
      <c r="D25656">
        <v>0</v>
      </c>
    </row>
    <row r="25657" spans="1:4" x14ac:dyDescent="0.25">
      <c r="A25657" t="s">
        <v>39257</v>
      </c>
      <c r="B25657" t="s">
        <v>39259</v>
      </c>
      <c r="C25657">
        <v>2</v>
      </c>
      <c r="D25657">
        <v>0</v>
      </c>
    </row>
    <row r="25658" spans="1:4" x14ac:dyDescent="0.25">
      <c r="A25658" t="s">
        <v>39257</v>
      </c>
      <c r="B25658" t="s">
        <v>39260</v>
      </c>
      <c r="C25658">
        <v>2</v>
      </c>
      <c r="D25658">
        <v>0</v>
      </c>
    </row>
    <row r="25659" spans="1:4" x14ac:dyDescent="0.25">
      <c r="A25659" t="s">
        <v>39261</v>
      </c>
      <c r="B25659" t="s">
        <v>39262</v>
      </c>
      <c r="C25659">
        <v>0</v>
      </c>
      <c r="D25659">
        <v>0</v>
      </c>
    </row>
    <row r="25660" spans="1:4" x14ac:dyDescent="0.25">
      <c r="A25660" t="s">
        <v>39261</v>
      </c>
      <c r="B25660" t="s">
        <v>39263</v>
      </c>
      <c r="C25660">
        <v>2</v>
      </c>
      <c r="D25660">
        <v>0</v>
      </c>
    </row>
    <row r="25661" spans="1:4" x14ac:dyDescent="0.25">
      <c r="A25661" t="s">
        <v>39261</v>
      </c>
      <c r="B25661" t="s">
        <v>39264</v>
      </c>
      <c r="C25661">
        <v>0</v>
      </c>
      <c r="D25661">
        <v>0</v>
      </c>
    </row>
    <row r="25662" spans="1:4" x14ac:dyDescent="0.25">
      <c r="A25662" t="s">
        <v>39265</v>
      </c>
      <c r="B25662" t="s">
        <v>1938</v>
      </c>
      <c r="C25662">
        <v>0</v>
      </c>
      <c r="D25662">
        <v>0</v>
      </c>
    </row>
    <row r="25663" spans="1:4" x14ac:dyDescent="0.25">
      <c r="A25663" t="s">
        <v>39266</v>
      </c>
      <c r="B25663" t="s">
        <v>39267</v>
      </c>
      <c r="C25663">
        <v>0</v>
      </c>
      <c r="D25663">
        <v>0</v>
      </c>
    </row>
    <row r="25664" spans="1:4" x14ac:dyDescent="0.25">
      <c r="A25664" t="s">
        <v>39268</v>
      </c>
      <c r="B25664" t="s">
        <v>3195</v>
      </c>
      <c r="C25664">
        <v>1</v>
      </c>
      <c r="D25664">
        <v>0</v>
      </c>
    </row>
    <row r="25665" spans="1:4" x14ac:dyDescent="0.25">
      <c r="A25665" t="s">
        <v>39269</v>
      </c>
      <c r="B25665" t="s">
        <v>39270</v>
      </c>
      <c r="C25665">
        <v>0</v>
      </c>
      <c r="D25665">
        <v>0</v>
      </c>
    </row>
    <row r="25666" spans="1:4" x14ac:dyDescent="0.25">
      <c r="A25666" t="s">
        <v>39269</v>
      </c>
      <c r="B25666" t="s">
        <v>39271</v>
      </c>
      <c r="C25666">
        <v>0</v>
      </c>
      <c r="D25666">
        <v>0</v>
      </c>
    </row>
    <row r="25667" spans="1:4" x14ac:dyDescent="0.25">
      <c r="A25667" t="s">
        <v>39269</v>
      </c>
      <c r="B25667" t="s">
        <v>39272</v>
      </c>
      <c r="C25667">
        <v>1</v>
      </c>
      <c r="D25667">
        <v>0</v>
      </c>
    </row>
    <row r="25668" spans="1:4" x14ac:dyDescent="0.25">
      <c r="A25668" t="s">
        <v>39273</v>
      </c>
      <c r="B25668" t="s">
        <v>39274</v>
      </c>
      <c r="C25668">
        <v>0</v>
      </c>
      <c r="D25668">
        <v>0</v>
      </c>
    </row>
    <row r="25669" spans="1:4" x14ac:dyDescent="0.25">
      <c r="A25669" t="s">
        <v>39273</v>
      </c>
      <c r="B25669" t="s">
        <v>39275</v>
      </c>
      <c r="C25669">
        <v>0</v>
      </c>
      <c r="D25669">
        <v>0</v>
      </c>
    </row>
    <row r="25670" spans="1:4" x14ac:dyDescent="0.25">
      <c r="A25670" t="s">
        <v>39276</v>
      </c>
      <c r="B25670" t="s">
        <v>398</v>
      </c>
      <c r="C25670">
        <v>0</v>
      </c>
      <c r="D25670">
        <v>0</v>
      </c>
    </row>
    <row r="25671" spans="1:4" x14ac:dyDescent="0.25">
      <c r="A25671" t="s">
        <v>39276</v>
      </c>
      <c r="B25671" t="s">
        <v>39277</v>
      </c>
      <c r="C25671">
        <v>0</v>
      </c>
      <c r="D25671">
        <v>0</v>
      </c>
    </row>
    <row r="25672" spans="1:4" x14ac:dyDescent="0.25">
      <c r="A25672" t="s">
        <v>39278</v>
      </c>
      <c r="B25672" t="s">
        <v>9775</v>
      </c>
      <c r="C25672">
        <v>1</v>
      </c>
      <c r="D25672">
        <v>0</v>
      </c>
    </row>
    <row r="25673" spans="1:4" x14ac:dyDescent="0.25">
      <c r="A25673" t="s">
        <v>39279</v>
      </c>
      <c r="B25673" t="s">
        <v>39280</v>
      </c>
      <c r="C25673">
        <v>0</v>
      </c>
      <c r="D25673">
        <v>0</v>
      </c>
    </row>
    <row r="25674" spans="1:4" x14ac:dyDescent="0.25">
      <c r="A25674" t="s">
        <v>39279</v>
      </c>
      <c r="B25674" t="s">
        <v>39281</v>
      </c>
      <c r="C25674">
        <v>0</v>
      </c>
      <c r="D25674">
        <v>0</v>
      </c>
    </row>
    <row r="25675" spans="1:4" x14ac:dyDescent="0.25">
      <c r="A25675" t="s">
        <v>39282</v>
      </c>
      <c r="B25675" t="s">
        <v>398</v>
      </c>
      <c r="C25675">
        <v>0</v>
      </c>
      <c r="D25675">
        <v>0</v>
      </c>
    </row>
    <row r="25676" spans="1:4" x14ac:dyDescent="0.25">
      <c r="A25676" t="s">
        <v>39282</v>
      </c>
      <c r="B25676" t="s">
        <v>39283</v>
      </c>
      <c r="C25676">
        <v>1</v>
      </c>
      <c r="D25676">
        <v>0</v>
      </c>
    </row>
    <row r="25677" spans="1:4" x14ac:dyDescent="0.25">
      <c r="A25677" t="s">
        <v>39284</v>
      </c>
      <c r="B25677" t="s">
        <v>39285</v>
      </c>
      <c r="C25677">
        <v>0</v>
      </c>
      <c r="D25677">
        <v>0</v>
      </c>
    </row>
    <row r="25678" spans="1:4" x14ac:dyDescent="0.25">
      <c r="A25678" t="s">
        <v>39284</v>
      </c>
      <c r="B25678" t="s">
        <v>39286</v>
      </c>
      <c r="C25678">
        <v>1</v>
      </c>
      <c r="D25678">
        <v>0</v>
      </c>
    </row>
    <row r="25679" spans="1:4" x14ac:dyDescent="0.25">
      <c r="A25679" t="s">
        <v>39284</v>
      </c>
      <c r="B25679" t="s">
        <v>39287</v>
      </c>
      <c r="C25679">
        <v>0</v>
      </c>
      <c r="D25679">
        <v>0</v>
      </c>
    </row>
    <row r="25680" spans="1:4" x14ac:dyDescent="0.25">
      <c r="A25680" t="s">
        <v>39288</v>
      </c>
      <c r="B25680" t="s">
        <v>39289</v>
      </c>
      <c r="C25680">
        <v>0</v>
      </c>
      <c r="D25680">
        <v>0</v>
      </c>
    </row>
    <row r="25681" spans="1:4" x14ac:dyDescent="0.25">
      <c r="A25681" t="s">
        <v>39288</v>
      </c>
      <c r="B25681" t="s">
        <v>39290</v>
      </c>
      <c r="C25681">
        <v>1</v>
      </c>
      <c r="D25681">
        <v>0</v>
      </c>
    </row>
    <row r="25682" spans="1:4" x14ac:dyDescent="0.25">
      <c r="A25682" t="s">
        <v>39288</v>
      </c>
      <c r="B25682" t="s">
        <v>39291</v>
      </c>
      <c r="C25682">
        <v>1</v>
      </c>
      <c r="D25682">
        <v>0</v>
      </c>
    </row>
    <row r="25683" spans="1:4" x14ac:dyDescent="0.25">
      <c r="A25683" t="s">
        <v>39292</v>
      </c>
      <c r="B25683" t="s">
        <v>39293</v>
      </c>
      <c r="C25683">
        <v>0</v>
      </c>
      <c r="D25683">
        <v>0</v>
      </c>
    </row>
    <row r="25684" spans="1:4" x14ac:dyDescent="0.25">
      <c r="A25684" t="s">
        <v>39294</v>
      </c>
      <c r="B25684" t="s">
        <v>39295</v>
      </c>
      <c r="C25684">
        <v>0</v>
      </c>
      <c r="D25684">
        <v>0</v>
      </c>
    </row>
    <row r="25685" spans="1:4" x14ac:dyDescent="0.25">
      <c r="A25685" t="s">
        <v>39294</v>
      </c>
      <c r="B25685" t="s">
        <v>39296</v>
      </c>
      <c r="C25685">
        <v>0</v>
      </c>
      <c r="D25685">
        <v>0</v>
      </c>
    </row>
    <row r="25686" spans="1:4" x14ac:dyDescent="0.25">
      <c r="A25686" t="s">
        <v>39297</v>
      </c>
      <c r="B25686" t="s">
        <v>6548</v>
      </c>
      <c r="C25686">
        <v>0</v>
      </c>
      <c r="D25686">
        <v>0</v>
      </c>
    </row>
    <row r="25687" spans="1:4" x14ac:dyDescent="0.25">
      <c r="A25687" t="s">
        <v>39298</v>
      </c>
      <c r="B25687" t="s">
        <v>39299</v>
      </c>
      <c r="C25687">
        <v>1</v>
      </c>
      <c r="D25687">
        <v>0</v>
      </c>
    </row>
    <row r="25688" spans="1:4" x14ac:dyDescent="0.25">
      <c r="A25688" t="s">
        <v>39298</v>
      </c>
      <c r="B25688" t="s">
        <v>32168</v>
      </c>
      <c r="C25688">
        <v>2</v>
      </c>
      <c r="D25688">
        <v>0</v>
      </c>
    </row>
    <row r="25689" spans="1:4" x14ac:dyDescent="0.25">
      <c r="A25689" t="s">
        <v>39300</v>
      </c>
      <c r="B25689" t="s">
        <v>39301</v>
      </c>
      <c r="C25689">
        <v>2</v>
      </c>
      <c r="D25689">
        <v>0</v>
      </c>
    </row>
    <row r="25690" spans="1:4" x14ac:dyDescent="0.25">
      <c r="A25690" t="s">
        <v>39300</v>
      </c>
      <c r="B25690" t="s">
        <v>39302</v>
      </c>
      <c r="C25690">
        <v>2</v>
      </c>
      <c r="D25690">
        <v>0</v>
      </c>
    </row>
    <row r="25691" spans="1:4" x14ac:dyDescent="0.25">
      <c r="A25691" t="s">
        <v>39300</v>
      </c>
      <c r="B25691" t="s">
        <v>39303</v>
      </c>
      <c r="C25691">
        <v>2</v>
      </c>
      <c r="D25691">
        <v>0</v>
      </c>
    </row>
    <row r="25692" spans="1:4" x14ac:dyDescent="0.25">
      <c r="A25692" t="s">
        <v>39304</v>
      </c>
      <c r="B25692" t="s">
        <v>39305</v>
      </c>
      <c r="C25692">
        <v>0</v>
      </c>
      <c r="D25692">
        <v>0</v>
      </c>
    </row>
    <row r="25693" spans="1:4" x14ac:dyDescent="0.25">
      <c r="A25693" t="s">
        <v>39304</v>
      </c>
      <c r="B25693" t="s">
        <v>39306</v>
      </c>
      <c r="C25693">
        <v>1</v>
      </c>
      <c r="D25693">
        <v>0</v>
      </c>
    </row>
    <row r="25694" spans="1:4" x14ac:dyDescent="0.25">
      <c r="A25694" t="s">
        <v>39307</v>
      </c>
      <c r="B25694" t="s">
        <v>39308</v>
      </c>
      <c r="C25694">
        <v>0</v>
      </c>
      <c r="D25694">
        <v>0</v>
      </c>
    </row>
    <row r="25695" spans="1:4" x14ac:dyDescent="0.25">
      <c r="A25695" t="s">
        <v>39307</v>
      </c>
      <c r="B25695" t="s">
        <v>39309</v>
      </c>
      <c r="C25695">
        <v>1</v>
      </c>
      <c r="D25695">
        <v>0</v>
      </c>
    </row>
    <row r="25696" spans="1:4" x14ac:dyDescent="0.25">
      <c r="A25696" t="s">
        <v>39310</v>
      </c>
      <c r="B25696" t="s">
        <v>39311</v>
      </c>
      <c r="C25696">
        <v>1</v>
      </c>
      <c r="D25696">
        <v>0</v>
      </c>
    </row>
    <row r="25697" spans="1:4" x14ac:dyDescent="0.25">
      <c r="A25697" t="s">
        <v>39310</v>
      </c>
      <c r="B25697" t="s">
        <v>39312</v>
      </c>
      <c r="C25697">
        <v>1</v>
      </c>
      <c r="D25697">
        <v>0</v>
      </c>
    </row>
    <row r="25698" spans="1:4" x14ac:dyDescent="0.25">
      <c r="A25698" t="s">
        <v>39313</v>
      </c>
      <c r="B25698" t="s">
        <v>39314</v>
      </c>
      <c r="C25698">
        <v>2</v>
      </c>
      <c r="D25698">
        <v>0</v>
      </c>
    </row>
    <row r="25699" spans="1:4" x14ac:dyDescent="0.25">
      <c r="A25699" t="s">
        <v>39313</v>
      </c>
      <c r="B25699" t="s">
        <v>39315</v>
      </c>
      <c r="C25699">
        <v>0</v>
      </c>
      <c r="D25699">
        <v>0</v>
      </c>
    </row>
    <row r="25700" spans="1:4" x14ac:dyDescent="0.25">
      <c r="A25700" t="s">
        <v>39313</v>
      </c>
      <c r="B25700" t="s">
        <v>39316</v>
      </c>
      <c r="C25700">
        <v>2</v>
      </c>
      <c r="D25700">
        <v>0</v>
      </c>
    </row>
    <row r="25701" spans="1:4" x14ac:dyDescent="0.25">
      <c r="A25701" t="s">
        <v>39317</v>
      </c>
      <c r="B25701" t="s">
        <v>39318</v>
      </c>
      <c r="C25701">
        <v>2</v>
      </c>
      <c r="D25701">
        <v>0</v>
      </c>
    </row>
    <row r="25702" spans="1:4" x14ac:dyDescent="0.25">
      <c r="A25702" t="s">
        <v>39317</v>
      </c>
      <c r="B25702" t="s">
        <v>39319</v>
      </c>
      <c r="C25702">
        <v>0</v>
      </c>
      <c r="D25702">
        <v>0</v>
      </c>
    </row>
    <row r="25703" spans="1:4" x14ac:dyDescent="0.25">
      <c r="A25703" t="s">
        <v>39320</v>
      </c>
      <c r="B25703" t="s">
        <v>39321</v>
      </c>
      <c r="C25703">
        <v>2</v>
      </c>
      <c r="D25703">
        <v>0</v>
      </c>
    </row>
    <row r="25704" spans="1:4" x14ac:dyDescent="0.25">
      <c r="A25704" t="s">
        <v>39320</v>
      </c>
      <c r="B25704" t="s">
        <v>39322</v>
      </c>
      <c r="C25704">
        <v>0</v>
      </c>
      <c r="D25704">
        <v>0</v>
      </c>
    </row>
    <row r="25705" spans="1:4" x14ac:dyDescent="0.25">
      <c r="A25705" t="s">
        <v>39323</v>
      </c>
      <c r="B25705" t="s">
        <v>39324</v>
      </c>
      <c r="C25705">
        <v>0</v>
      </c>
      <c r="D25705">
        <v>0</v>
      </c>
    </row>
    <row r="25706" spans="1:4" x14ac:dyDescent="0.25">
      <c r="A25706" t="s">
        <v>39323</v>
      </c>
      <c r="B25706" t="s">
        <v>39325</v>
      </c>
      <c r="C25706">
        <v>0</v>
      </c>
      <c r="D25706">
        <v>0</v>
      </c>
    </row>
    <row r="25707" spans="1:4" x14ac:dyDescent="0.25">
      <c r="A25707" t="s">
        <v>39326</v>
      </c>
      <c r="B25707" t="s">
        <v>39327</v>
      </c>
      <c r="C25707">
        <v>0</v>
      </c>
      <c r="D25707">
        <v>0</v>
      </c>
    </row>
    <row r="25708" spans="1:4" x14ac:dyDescent="0.25">
      <c r="A25708" t="s">
        <v>39326</v>
      </c>
      <c r="B25708" t="s">
        <v>39328</v>
      </c>
      <c r="C25708">
        <v>1</v>
      </c>
      <c r="D25708">
        <v>0</v>
      </c>
    </row>
    <row r="25709" spans="1:4" x14ac:dyDescent="0.25">
      <c r="A25709" t="s">
        <v>39326</v>
      </c>
      <c r="B25709" t="s">
        <v>39329</v>
      </c>
      <c r="C25709">
        <v>2</v>
      </c>
      <c r="D25709">
        <v>0</v>
      </c>
    </row>
    <row r="25710" spans="1:4" x14ac:dyDescent="0.25">
      <c r="A25710" t="s">
        <v>39330</v>
      </c>
      <c r="B25710" t="s">
        <v>969</v>
      </c>
      <c r="C25710">
        <v>0</v>
      </c>
      <c r="D25710">
        <v>0</v>
      </c>
    </row>
    <row r="25711" spans="1:4" x14ac:dyDescent="0.25">
      <c r="A25711" t="s">
        <v>39330</v>
      </c>
      <c r="B25711" t="s">
        <v>39331</v>
      </c>
      <c r="C25711">
        <v>1</v>
      </c>
      <c r="D25711">
        <v>0</v>
      </c>
    </row>
    <row r="25712" spans="1:4" x14ac:dyDescent="0.25">
      <c r="A25712" t="s">
        <v>39330</v>
      </c>
      <c r="B25712" t="s">
        <v>39332</v>
      </c>
      <c r="C25712">
        <v>2</v>
      </c>
      <c r="D25712">
        <v>0</v>
      </c>
    </row>
    <row r="25713" spans="1:4" x14ac:dyDescent="0.25">
      <c r="A25713" t="s">
        <v>39333</v>
      </c>
      <c r="B25713" t="s">
        <v>39334</v>
      </c>
      <c r="C25713">
        <v>1</v>
      </c>
      <c r="D25713">
        <v>0</v>
      </c>
    </row>
    <row r="25714" spans="1:4" x14ac:dyDescent="0.25">
      <c r="A25714" t="s">
        <v>39333</v>
      </c>
      <c r="B25714" t="s">
        <v>39335</v>
      </c>
      <c r="C25714">
        <v>1</v>
      </c>
      <c r="D25714">
        <v>0</v>
      </c>
    </row>
    <row r="25715" spans="1:4" x14ac:dyDescent="0.25">
      <c r="A25715" t="s">
        <v>39333</v>
      </c>
      <c r="B25715" t="s">
        <v>1401</v>
      </c>
      <c r="C25715">
        <v>0</v>
      </c>
      <c r="D25715">
        <v>0</v>
      </c>
    </row>
    <row r="25716" spans="1:4" x14ac:dyDescent="0.25">
      <c r="A25716" t="s">
        <v>39336</v>
      </c>
      <c r="B25716" t="s">
        <v>39337</v>
      </c>
      <c r="C25716">
        <v>2</v>
      </c>
      <c r="D25716">
        <v>0</v>
      </c>
    </row>
    <row r="25717" spans="1:4" x14ac:dyDescent="0.25">
      <c r="A25717" t="s">
        <v>39338</v>
      </c>
      <c r="B25717" t="s">
        <v>39339</v>
      </c>
      <c r="C25717">
        <v>1</v>
      </c>
      <c r="D25717">
        <v>0</v>
      </c>
    </row>
    <row r="25718" spans="1:4" x14ac:dyDescent="0.25">
      <c r="A25718" t="s">
        <v>39340</v>
      </c>
      <c r="B25718" t="s">
        <v>39341</v>
      </c>
      <c r="C25718">
        <v>1</v>
      </c>
      <c r="D25718">
        <v>0</v>
      </c>
    </row>
    <row r="25719" spans="1:4" x14ac:dyDescent="0.25">
      <c r="A25719" t="s">
        <v>39340</v>
      </c>
      <c r="B25719" t="s">
        <v>39342</v>
      </c>
      <c r="C25719">
        <v>1</v>
      </c>
      <c r="D25719">
        <v>0</v>
      </c>
    </row>
    <row r="25720" spans="1:4" x14ac:dyDescent="0.25">
      <c r="A25720" t="s">
        <v>39343</v>
      </c>
      <c r="B25720" t="s">
        <v>39344</v>
      </c>
      <c r="C25720">
        <v>0</v>
      </c>
      <c r="D25720">
        <v>0</v>
      </c>
    </row>
    <row r="25721" spans="1:4" x14ac:dyDescent="0.25">
      <c r="A25721" t="s">
        <v>39343</v>
      </c>
      <c r="B25721" t="s">
        <v>39345</v>
      </c>
      <c r="C25721">
        <v>0</v>
      </c>
      <c r="D25721">
        <v>0</v>
      </c>
    </row>
    <row r="25722" spans="1:4" x14ac:dyDescent="0.25">
      <c r="A25722" t="s">
        <v>39343</v>
      </c>
      <c r="B25722" t="s">
        <v>39346</v>
      </c>
      <c r="C25722">
        <v>0</v>
      </c>
      <c r="D25722">
        <v>0</v>
      </c>
    </row>
    <row r="25723" spans="1:4" x14ac:dyDescent="0.25">
      <c r="A25723" t="s">
        <v>39347</v>
      </c>
      <c r="B25723" t="s">
        <v>39348</v>
      </c>
      <c r="C25723">
        <v>1</v>
      </c>
      <c r="D25723">
        <v>0</v>
      </c>
    </row>
    <row r="25724" spans="1:4" x14ac:dyDescent="0.25">
      <c r="A25724" t="s">
        <v>39349</v>
      </c>
      <c r="B25724" t="s">
        <v>39350</v>
      </c>
      <c r="C25724">
        <v>1</v>
      </c>
      <c r="D25724">
        <v>0</v>
      </c>
    </row>
    <row r="25725" spans="1:4" x14ac:dyDescent="0.25">
      <c r="A25725" t="s">
        <v>39349</v>
      </c>
      <c r="B25725" t="s">
        <v>39351</v>
      </c>
      <c r="C25725">
        <v>1</v>
      </c>
      <c r="D25725">
        <v>0</v>
      </c>
    </row>
    <row r="25726" spans="1:4" x14ac:dyDescent="0.25">
      <c r="A25726" t="s">
        <v>39349</v>
      </c>
      <c r="B25726" t="s">
        <v>39352</v>
      </c>
      <c r="C25726">
        <v>1</v>
      </c>
      <c r="D25726">
        <v>0</v>
      </c>
    </row>
    <row r="25727" spans="1:4" x14ac:dyDescent="0.25">
      <c r="A25727" t="s">
        <v>39353</v>
      </c>
      <c r="B25727" t="s">
        <v>39354</v>
      </c>
      <c r="C25727">
        <v>1</v>
      </c>
      <c r="D25727">
        <v>0</v>
      </c>
    </row>
    <row r="25728" spans="1:4" x14ac:dyDescent="0.25">
      <c r="A25728" t="s">
        <v>39353</v>
      </c>
      <c r="B25728" t="s">
        <v>39355</v>
      </c>
      <c r="C25728">
        <v>1</v>
      </c>
      <c r="D25728">
        <v>0</v>
      </c>
    </row>
    <row r="25729" spans="1:4" x14ac:dyDescent="0.25">
      <c r="A25729" t="s">
        <v>39353</v>
      </c>
      <c r="B25729" t="s">
        <v>39356</v>
      </c>
      <c r="C25729">
        <v>2</v>
      </c>
      <c r="D25729">
        <v>0</v>
      </c>
    </row>
    <row r="25730" spans="1:4" x14ac:dyDescent="0.25">
      <c r="A25730" t="s">
        <v>39357</v>
      </c>
      <c r="B25730" t="s">
        <v>39358</v>
      </c>
      <c r="C25730">
        <v>1</v>
      </c>
      <c r="D25730">
        <v>0</v>
      </c>
    </row>
    <row r="25731" spans="1:4" x14ac:dyDescent="0.25">
      <c r="A25731" t="s">
        <v>39359</v>
      </c>
      <c r="B25731" t="s">
        <v>39360</v>
      </c>
      <c r="C25731">
        <v>1</v>
      </c>
      <c r="D25731">
        <v>0</v>
      </c>
    </row>
    <row r="25732" spans="1:4" x14ac:dyDescent="0.25">
      <c r="A25732" t="s">
        <v>39359</v>
      </c>
      <c r="B25732" t="s">
        <v>39361</v>
      </c>
      <c r="C25732">
        <v>1</v>
      </c>
      <c r="D25732">
        <v>0</v>
      </c>
    </row>
    <row r="25733" spans="1:4" x14ac:dyDescent="0.25">
      <c r="A25733" t="s">
        <v>39359</v>
      </c>
      <c r="B25733" t="s">
        <v>39362</v>
      </c>
      <c r="C25733">
        <v>1</v>
      </c>
      <c r="D25733">
        <v>0</v>
      </c>
    </row>
    <row r="25734" spans="1:4" x14ac:dyDescent="0.25">
      <c r="A25734" t="s">
        <v>39363</v>
      </c>
      <c r="B25734" t="s">
        <v>39364</v>
      </c>
      <c r="C25734">
        <v>0</v>
      </c>
      <c r="D25734">
        <v>0</v>
      </c>
    </row>
    <row r="25735" spans="1:4" x14ac:dyDescent="0.25">
      <c r="A25735" t="s">
        <v>39363</v>
      </c>
      <c r="B25735" t="s">
        <v>39365</v>
      </c>
      <c r="C25735">
        <v>0</v>
      </c>
      <c r="D25735">
        <v>0</v>
      </c>
    </row>
    <row r="25736" spans="1:4" x14ac:dyDescent="0.25">
      <c r="A25736" t="s">
        <v>39366</v>
      </c>
      <c r="B25736" t="s">
        <v>996</v>
      </c>
      <c r="C25736">
        <v>1</v>
      </c>
      <c r="D25736">
        <v>0</v>
      </c>
    </row>
    <row r="25737" spans="1:4" x14ac:dyDescent="0.25">
      <c r="A25737" t="s">
        <v>39367</v>
      </c>
      <c r="B25737" t="s">
        <v>39368</v>
      </c>
      <c r="C25737">
        <v>1</v>
      </c>
      <c r="D25737">
        <v>0</v>
      </c>
    </row>
    <row r="25738" spans="1:4" x14ac:dyDescent="0.25">
      <c r="A25738" t="s">
        <v>39367</v>
      </c>
      <c r="B25738" t="s">
        <v>39369</v>
      </c>
      <c r="C25738">
        <v>0</v>
      </c>
      <c r="D25738">
        <v>0</v>
      </c>
    </row>
    <row r="25739" spans="1:4" x14ac:dyDescent="0.25">
      <c r="A25739" t="s">
        <v>39367</v>
      </c>
      <c r="B25739" t="s">
        <v>39370</v>
      </c>
      <c r="C25739">
        <v>0</v>
      </c>
      <c r="D25739">
        <v>0</v>
      </c>
    </row>
    <row r="25740" spans="1:4" x14ac:dyDescent="0.25">
      <c r="A25740" t="s">
        <v>39371</v>
      </c>
      <c r="B25740" t="s">
        <v>2267</v>
      </c>
      <c r="C25740">
        <v>0</v>
      </c>
      <c r="D25740">
        <v>0</v>
      </c>
    </row>
    <row r="25741" spans="1:4" x14ac:dyDescent="0.25">
      <c r="A25741" t="s">
        <v>39372</v>
      </c>
      <c r="B25741" t="s">
        <v>39373</v>
      </c>
      <c r="C25741">
        <v>1</v>
      </c>
      <c r="D25741">
        <v>0</v>
      </c>
    </row>
    <row r="25742" spans="1:4" x14ac:dyDescent="0.25">
      <c r="A25742" t="s">
        <v>39374</v>
      </c>
      <c r="B25742" t="s">
        <v>7091</v>
      </c>
      <c r="C25742">
        <v>1</v>
      </c>
      <c r="D25742">
        <v>0</v>
      </c>
    </row>
    <row r="25743" spans="1:4" x14ac:dyDescent="0.25">
      <c r="A25743" t="s">
        <v>39375</v>
      </c>
      <c r="B25743" t="s">
        <v>39376</v>
      </c>
      <c r="C25743">
        <v>1</v>
      </c>
      <c r="D25743">
        <v>0</v>
      </c>
    </row>
    <row r="25744" spans="1:4" x14ac:dyDescent="0.25">
      <c r="A25744" t="s">
        <v>39377</v>
      </c>
      <c r="B25744" t="s">
        <v>39378</v>
      </c>
      <c r="C25744">
        <v>2</v>
      </c>
      <c r="D25744">
        <v>0</v>
      </c>
    </row>
    <row r="25745" spans="1:4" x14ac:dyDescent="0.25">
      <c r="A25745" t="s">
        <v>39379</v>
      </c>
      <c r="B25745" t="s">
        <v>39380</v>
      </c>
      <c r="C25745">
        <v>2</v>
      </c>
      <c r="D25745">
        <v>0</v>
      </c>
    </row>
    <row r="25746" spans="1:4" x14ac:dyDescent="0.25">
      <c r="A25746" t="s">
        <v>39381</v>
      </c>
      <c r="B25746" t="s">
        <v>39382</v>
      </c>
      <c r="C25746">
        <v>1</v>
      </c>
      <c r="D25746">
        <v>0</v>
      </c>
    </row>
    <row r="25747" spans="1:4" x14ac:dyDescent="0.25">
      <c r="A25747" t="s">
        <v>39381</v>
      </c>
      <c r="B25747" t="s">
        <v>39383</v>
      </c>
      <c r="C25747">
        <v>2</v>
      </c>
      <c r="D25747">
        <v>0</v>
      </c>
    </row>
    <row r="25748" spans="1:4" x14ac:dyDescent="0.25">
      <c r="A25748" t="s">
        <v>39384</v>
      </c>
      <c r="B25748" t="s">
        <v>39385</v>
      </c>
      <c r="C25748">
        <v>0</v>
      </c>
      <c r="D25748">
        <v>0</v>
      </c>
    </row>
    <row r="25749" spans="1:4" x14ac:dyDescent="0.25">
      <c r="A25749" t="s">
        <v>39384</v>
      </c>
      <c r="B25749" t="s">
        <v>39386</v>
      </c>
      <c r="C25749">
        <v>1</v>
      </c>
      <c r="D25749">
        <v>0</v>
      </c>
    </row>
    <row r="25750" spans="1:4" x14ac:dyDescent="0.25">
      <c r="A25750" t="s">
        <v>39387</v>
      </c>
      <c r="B25750" t="s">
        <v>28949</v>
      </c>
      <c r="C25750">
        <v>2</v>
      </c>
      <c r="D25750">
        <v>0</v>
      </c>
    </row>
    <row r="25751" spans="1:4" x14ac:dyDescent="0.25">
      <c r="A25751" t="s">
        <v>39387</v>
      </c>
      <c r="B25751" t="s">
        <v>36184</v>
      </c>
      <c r="C25751">
        <v>0</v>
      </c>
      <c r="D25751">
        <v>0</v>
      </c>
    </row>
    <row r="25752" spans="1:4" x14ac:dyDescent="0.25">
      <c r="A25752" t="s">
        <v>39387</v>
      </c>
      <c r="B25752" t="s">
        <v>945</v>
      </c>
      <c r="C25752">
        <v>1</v>
      </c>
      <c r="D25752">
        <v>0</v>
      </c>
    </row>
    <row r="25753" spans="1:4" x14ac:dyDescent="0.25">
      <c r="A25753" t="s">
        <v>39388</v>
      </c>
      <c r="B25753" t="s">
        <v>39389</v>
      </c>
      <c r="C25753">
        <v>0</v>
      </c>
      <c r="D25753">
        <v>0</v>
      </c>
    </row>
    <row r="25754" spans="1:4" x14ac:dyDescent="0.25">
      <c r="A25754" t="s">
        <v>39388</v>
      </c>
      <c r="B25754" t="s">
        <v>39390</v>
      </c>
      <c r="C25754">
        <v>0</v>
      </c>
      <c r="D25754">
        <v>0</v>
      </c>
    </row>
    <row r="25755" spans="1:4" x14ac:dyDescent="0.25">
      <c r="A25755" t="s">
        <v>39388</v>
      </c>
      <c r="B25755" t="s">
        <v>39391</v>
      </c>
      <c r="C25755">
        <v>0</v>
      </c>
      <c r="D25755">
        <v>0</v>
      </c>
    </row>
    <row r="25756" spans="1:4" x14ac:dyDescent="0.25">
      <c r="A25756" t="s">
        <v>39392</v>
      </c>
      <c r="B25756" t="s">
        <v>398</v>
      </c>
      <c r="C25756">
        <v>0</v>
      </c>
      <c r="D25756">
        <v>0</v>
      </c>
    </row>
    <row r="25757" spans="1:4" x14ac:dyDescent="0.25">
      <c r="A25757" t="s">
        <v>39393</v>
      </c>
      <c r="B25757" t="s">
        <v>39394</v>
      </c>
      <c r="C25757">
        <v>1</v>
      </c>
      <c r="D25757">
        <v>0</v>
      </c>
    </row>
    <row r="25758" spans="1:4" x14ac:dyDescent="0.25">
      <c r="A25758" t="s">
        <v>39393</v>
      </c>
      <c r="B25758" t="s">
        <v>39395</v>
      </c>
      <c r="C25758">
        <v>1</v>
      </c>
      <c r="D25758">
        <v>0</v>
      </c>
    </row>
    <row r="25759" spans="1:4" x14ac:dyDescent="0.25">
      <c r="A25759" t="s">
        <v>39396</v>
      </c>
      <c r="B25759" t="s">
        <v>39397</v>
      </c>
      <c r="C25759">
        <v>2</v>
      </c>
      <c r="D25759">
        <v>0</v>
      </c>
    </row>
    <row r="25760" spans="1:4" x14ac:dyDescent="0.25">
      <c r="A25760" t="s">
        <v>39396</v>
      </c>
      <c r="B25760" t="s">
        <v>39398</v>
      </c>
      <c r="C25760">
        <v>2</v>
      </c>
      <c r="D25760">
        <v>0</v>
      </c>
    </row>
    <row r="25761" spans="1:4" x14ac:dyDescent="0.25">
      <c r="A25761" t="s">
        <v>39396</v>
      </c>
      <c r="B25761" t="s">
        <v>39399</v>
      </c>
      <c r="C25761">
        <v>0</v>
      </c>
      <c r="D25761">
        <v>0</v>
      </c>
    </row>
    <row r="25762" spans="1:4" x14ac:dyDescent="0.25">
      <c r="A25762" t="s">
        <v>39400</v>
      </c>
      <c r="B25762" t="s">
        <v>39401</v>
      </c>
      <c r="C25762">
        <v>2</v>
      </c>
      <c r="D25762">
        <v>0</v>
      </c>
    </row>
    <row r="25763" spans="1:4" x14ac:dyDescent="0.25">
      <c r="A25763" t="s">
        <v>39400</v>
      </c>
      <c r="B25763" t="s">
        <v>39402</v>
      </c>
      <c r="C25763">
        <v>1</v>
      </c>
      <c r="D25763">
        <v>0</v>
      </c>
    </row>
    <row r="25764" spans="1:4" x14ac:dyDescent="0.25">
      <c r="A25764" t="s">
        <v>39400</v>
      </c>
      <c r="B25764" t="s">
        <v>39403</v>
      </c>
      <c r="C25764">
        <v>2</v>
      </c>
      <c r="D25764">
        <v>0</v>
      </c>
    </row>
    <row r="25765" spans="1:4" x14ac:dyDescent="0.25">
      <c r="A25765" t="s">
        <v>39404</v>
      </c>
      <c r="B25765" t="s">
        <v>39405</v>
      </c>
      <c r="C25765">
        <v>0</v>
      </c>
      <c r="D25765">
        <v>0</v>
      </c>
    </row>
    <row r="25766" spans="1:4" x14ac:dyDescent="0.25">
      <c r="A25766" t="s">
        <v>39404</v>
      </c>
      <c r="B25766" t="s">
        <v>39406</v>
      </c>
      <c r="C25766">
        <v>0</v>
      </c>
      <c r="D25766">
        <v>0</v>
      </c>
    </row>
    <row r="25767" spans="1:4" x14ac:dyDescent="0.25">
      <c r="A25767" t="s">
        <v>39404</v>
      </c>
      <c r="B25767" t="s">
        <v>39407</v>
      </c>
      <c r="C25767">
        <v>0</v>
      </c>
      <c r="D25767">
        <v>0</v>
      </c>
    </row>
    <row r="25768" spans="1:4" x14ac:dyDescent="0.25">
      <c r="A25768" t="s">
        <v>39408</v>
      </c>
      <c r="B25768" t="s">
        <v>39409</v>
      </c>
      <c r="C25768">
        <v>0</v>
      </c>
      <c r="D25768">
        <v>0</v>
      </c>
    </row>
    <row r="25769" spans="1:4" x14ac:dyDescent="0.25">
      <c r="A25769" t="s">
        <v>39410</v>
      </c>
      <c r="B25769" t="s">
        <v>39411</v>
      </c>
      <c r="C25769">
        <v>0</v>
      </c>
      <c r="D25769">
        <v>0</v>
      </c>
    </row>
    <row r="25770" spans="1:4" x14ac:dyDescent="0.25">
      <c r="A25770" t="s">
        <v>39412</v>
      </c>
      <c r="B25770" t="s">
        <v>39413</v>
      </c>
      <c r="C25770">
        <v>1</v>
      </c>
      <c r="D25770">
        <v>0</v>
      </c>
    </row>
    <row r="25771" spans="1:4" x14ac:dyDescent="0.25">
      <c r="A25771" t="s">
        <v>39412</v>
      </c>
      <c r="B25771" t="s">
        <v>39414</v>
      </c>
      <c r="C25771">
        <v>0</v>
      </c>
      <c r="D25771">
        <v>0</v>
      </c>
    </row>
    <row r="25772" spans="1:4" x14ac:dyDescent="0.25">
      <c r="A25772" t="s">
        <v>39412</v>
      </c>
      <c r="B25772" t="s">
        <v>39415</v>
      </c>
      <c r="C25772">
        <v>2</v>
      </c>
      <c r="D25772">
        <v>0</v>
      </c>
    </row>
    <row r="25773" spans="1:4" x14ac:dyDescent="0.25">
      <c r="A25773" t="s">
        <v>39416</v>
      </c>
      <c r="B25773" t="s">
        <v>39417</v>
      </c>
      <c r="C25773">
        <v>2</v>
      </c>
      <c r="D25773">
        <v>0</v>
      </c>
    </row>
    <row r="25774" spans="1:4" x14ac:dyDescent="0.25">
      <c r="A25774" t="s">
        <v>39416</v>
      </c>
      <c r="B25774" t="s">
        <v>39418</v>
      </c>
      <c r="C25774">
        <v>2</v>
      </c>
      <c r="D25774">
        <v>0</v>
      </c>
    </row>
    <row r="25775" spans="1:4" x14ac:dyDescent="0.25">
      <c r="A25775" t="s">
        <v>39419</v>
      </c>
      <c r="B25775" t="s">
        <v>39420</v>
      </c>
      <c r="C25775">
        <v>0</v>
      </c>
      <c r="D25775">
        <v>0</v>
      </c>
    </row>
    <row r="25776" spans="1:4" x14ac:dyDescent="0.25">
      <c r="A25776" t="s">
        <v>39419</v>
      </c>
      <c r="B25776" t="s">
        <v>39421</v>
      </c>
      <c r="C25776">
        <v>1</v>
      </c>
      <c r="D25776">
        <v>0</v>
      </c>
    </row>
    <row r="25777" spans="1:4" x14ac:dyDescent="0.25">
      <c r="A25777" t="s">
        <v>39422</v>
      </c>
      <c r="B25777" t="s">
        <v>39423</v>
      </c>
      <c r="C25777">
        <v>1</v>
      </c>
      <c r="D25777">
        <v>0</v>
      </c>
    </row>
    <row r="25778" spans="1:4" x14ac:dyDescent="0.25">
      <c r="A25778" t="s">
        <v>39422</v>
      </c>
      <c r="B25778" t="s">
        <v>39424</v>
      </c>
      <c r="C25778">
        <v>2</v>
      </c>
      <c r="D25778">
        <v>0</v>
      </c>
    </row>
    <row r="25779" spans="1:4" x14ac:dyDescent="0.25">
      <c r="A25779" t="s">
        <v>39422</v>
      </c>
      <c r="B25779" t="s">
        <v>39425</v>
      </c>
      <c r="C25779">
        <v>1</v>
      </c>
      <c r="D25779">
        <v>0</v>
      </c>
    </row>
    <row r="25780" spans="1:4" x14ac:dyDescent="0.25">
      <c r="A25780" t="s">
        <v>39426</v>
      </c>
      <c r="B25780" t="s">
        <v>2708</v>
      </c>
      <c r="C25780">
        <v>1</v>
      </c>
      <c r="D25780">
        <v>0</v>
      </c>
    </row>
    <row r="25781" spans="1:4" x14ac:dyDescent="0.25">
      <c r="A25781" t="s">
        <v>39427</v>
      </c>
      <c r="B25781" t="s">
        <v>39428</v>
      </c>
      <c r="C25781">
        <v>0</v>
      </c>
      <c r="D25781">
        <v>0</v>
      </c>
    </row>
    <row r="25782" spans="1:4" x14ac:dyDescent="0.25">
      <c r="A25782" t="s">
        <v>39427</v>
      </c>
      <c r="B25782" t="s">
        <v>1769</v>
      </c>
      <c r="C25782">
        <v>1</v>
      </c>
      <c r="D25782">
        <v>0</v>
      </c>
    </row>
    <row r="25783" spans="1:4" x14ac:dyDescent="0.25">
      <c r="A25783" t="s">
        <v>39427</v>
      </c>
      <c r="B25783" t="s">
        <v>39429</v>
      </c>
      <c r="C25783">
        <v>2</v>
      </c>
      <c r="D25783">
        <v>0</v>
      </c>
    </row>
    <row r="25784" spans="1:4" x14ac:dyDescent="0.25">
      <c r="A25784" t="s">
        <v>39430</v>
      </c>
      <c r="B25784" t="s">
        <v>14585</v>
      </c>
      <c r="C25784">
        <v>1</v>
      </c>
      <c r="D25784">
        <v>0</v>
      </c>
    </row>
    <row r="25785" spans="1:4" x14ac:dyDescent="0.25">
      <c r="A25785" t="s">
        <v>39430</v>
      </c>
      <c r="B25785" t="s">
        <v>39431</v>
      </c>
      <c r="C25785">
        <v>0</v>
      </c>
      <c r="D25785">
        <v>0</v>
      </c>
    </row>
    <row r="25786" spans="1:4" x14ac:dyDescent="0.25">
      <c r="A25786" t="s">
        <v>39432</v>
      </c>
      <c r="B25786" t="s">
        <v>39433</v>
      </c>
      <c r="C25786">
        <v>1</v>
      </c>
      <c r="D25786">
        <v>0</v>
      </c>
    </row>
    <row r="25787" spans="1:4" x14ac:dyDescent="0.25">
      <c r="A25787" t="s">
        <v>39434</v>
      </c>
      <c r="B25787" t="s">
        <v>39435</v>
      </c>
      <c r="C25787">
        <v>0</v>
      </c>
      <c r="D25787">
        <v>0</v>
      </c>
    </row>
    <row r="25788" spans="1:4" x14ac:dyDescent="0.25">
      <c r="A25788" t="s">
        <v>39434</v>
      </c>
      <c r="B25788" t="s">
        <v>39436</v>
      </c>
      <c r="C25788">
        <v>0</v>
      </c>
      <c r="D25788">
        <v>0</v>
      </c>
    </row>
    <row r="25789" spans="1:4" x14ac:dyDescent="0.25">
      <c r="A25789" t="s">
        <v>39437</v>
      </c>
      <c r="B25789" t="s">
        <v>39438</v>
      </c>
      <c r="C25789">
        <v>1</v>
      </c>
      <c r="D25789">
        <v>0</v>
      </c>
    </row>
    <row r="25790" spans="1:4" x14ac:dyDescent="0.25">
      <c r="A25790" t="s">
        <v>39437</v>
      </c>
      <c r="B25790" t="s">
        <v>39439</v>
      </c>
      <c r="C25790">
        <v>0</v>
      </c>
      <c r="D25790">
        <v>0</v>
      </c>
    </row>
    <row r="25791" spans="1:4" x14ac:dyDescent="0.25">
      <c r="A25791" t="s">
        <v>39437</v>
      </c>
      <c r="B25791" t="s">
        <v>39440</v>
      </c>
      <c r="C25791">
        <v>2</v>
      </c>
      <c r="D25791">
        <v>0</v>
      </c>
    </row>
    <row r="25792" spans="1:4" x14ac:dyDescent="0.25">
      <c r="A25792" t="s">
        <v>39441</v>
      </c>
      <c r="B25792" t="s">
        <v>39442</v>
      </c>
      <c r="C25792">
        <v>1</v>
      </c>
      <c r="D25792">
        <v>0</v>
      </c>
    </row>
    <row r="25793" spans="1:4" x14ac:dyDescent="0.25">
      <c r="A25793" t="s">
        <v>39441</v>
      </c>
      <c r="B25793" t="s">
        <v>39443</v>
      </c>
      <c r="C25793">
        <v>0</v>
      </c>
      <c r="D25793">
        <v>0</v>
      </c>
    </row>
    <row r="25794" spans="1:4" x14ac:dyDescent="0.25">
      <c r="A25794" t="s">
        <v>39441</v>
      </c>
      <c r="B25794" t="s">
        <v>39444</v>
      </c>
      <c r="C25794">
        <v>0</v>
      </c>
      <c r="D25794">
        <v>0</v>
      </c>
    </row>
    <row r="25795" spans="1:4" x14ac:dyDescent="0.25">
      <c r="A25795" t="s">
        <v>39445</v>
      </c>
      <c r="B25795" t="s">
        <v>39446</v>
      </c>
      <c r="C25795">
        <v>2</v>
      </c>
      <c r="D25795">
        <v>0</v>
      </c>
    </row>
    <row r="25796" spans="1:4" x14ac:dyDescent="0.25">
      <c r="A25796" t="s">
        <v>39447</v>
      </c>
      <c r="B25796" t="s">
        <v>39448</v>
      </c>
      <c r="C25796">
        <v>2</v>
      </c>
      <c r="D25796">
        <v>0</v>
      </c>
    </row>
    <row r="25797" spans="1:4" x14ac:dyDescent="0.25">
      <c r="A25797" t="s">
        <v>39447</v>
      </c>
      <c r="B25797" t="s">
        <v>39449</v>
      </c>
      <c r="C25797">
        <v>1</v>
      </c>
      <c r="D25797">
        <v>0</v>
      </c>
    </row>
    <row r="25798" spans="1:4" x14ac:dyDescent="0.25">
      <c r="A25798" t="s">
        <v>39447</v>
      </c>
      <c r="B25798" t="s">
        <v>39450</v>
      </c>
      <c r="C25798">
        <v>2</v>
      </c>
      <c r="D25798">
        <v>0</v>
      </c>
    </row>
    <row r="25799" spans="1:4" x14ac:dyDescent="0.25">
      <c r="A25799" t="s">
        <v>39451</v>
      </c>
      <c r="B25799" t="s">
        <v>39452</v>
      </c>
      <c r="C25799">
        <v>0</v>
      </c>
      <c r="D25799">
        <v>0</v>
      </c>
    </row>
    <row r="25800" spans="1:4" x14ac:dyDescent="0.25">
      <c r="A25800" t="s">
        <v>39453</v>
      </c>
      <c r="B25800" t="s">
        <v>39454</v>
      </c>
      <c r="C25800">
        <v>0</v>
      </c>
      <c r="D25800">
        <v>0</v>
      </c>
    </row>
    <row r="25801" spans="1:4" x14ac:dyDescent="0.25">
      <c r="A25801" t="s">
        <v>39453</v>
      </c>
      <c r="B25801" t="s">
        <v>39455</v>
      </c>
      <c r="C25801">
        <v>1</v>
      </c>
      <c r="D25801">
        <v>0</v>
      </c>
    </row>
    <row r="25802" spans="1:4" x14ac:dyDescent="0.25">
      <c r="A25802" t="s">
        <v>39453</v>
      </c>
      <c r="B25802" t="s">
        <v>39456</v>
      </c>
      <c r="C25802">
        <v>0</v>
      </c>
      <c r="D25802">
        <v>0</v>
      </c>
    </row>
    <row r="25803" spans="1:4" x14ac:dyDescent="0.25">
      <c r="A25803" t="s">
        <v>39457</v>
      </c>
      <c r="B25803" t="s">
        <v>39458</v>
      </c>
      <c r="C25803">
        <v>0</v>
      </c>
      <c r="D25803">
        <v>0</v>
      </c>
    </row>
    <row r="25804" spans="1:4" x14ac:dyDescent="0.25">
      <c r="A25804" t="s">
        <v>39457</v>
      </c>
      <c r="B25804" t="s">
        <v>39459</v>
      </c>
      <c r="C25804">
        <v>1</v>
      </c>
      <c r="D25804">
        <v>0</v>
      </c>
    </row>
    <row r="25805" spans="1:4" x14ac:dyDescent="0.25">
      <c r="A25805" t="s">
        <v>39460</v>
      </c>
      <c r="B25805" t="s">
        <v>39461</v>
      </c>
      <c r="C25805">
        <v>0</v>
      </c>
      <c r="D25805">
        <v>0</v>
      </c>
    </row>
    <row r="25806" spans="1:4" x14ac:dyDescent="0.25">
      <c r="A25806" t="s">
        <v>39460</v>
      </c>
      <c r="B25806" t="s">
        <v>39462</v>
      </c>
      <c r="C25806">
        <v>0</v>
      </c>
      <c r="D25806">
        <v>0</v>
      </c>
    </row>
    <row r="25807" spans="1:4" x14ac:dyDescent="0.25">
      <c r="A25807" t="s">
        <v>39460</v>
      </c>
      <c r="B25807" t="s">
        <v>816</v>
      </c>
      <c r="C25807">
        <v>1</v>
      </c>
      <c r="D25807">
        <v>0</v>
      </c>
    </row>
    <row r="25808" spans="1:4" x14ac:dyDescent="0.25">
      <c r="A25808" t="s">
        <v>39463</v>
      </c>
      <c r="B25808" t="s">
        <v>39464</v>
      </c>
      <c r="C25808">
        <v>0</v>
      </c>
      <c r="D25808">
        <v>0</v>
      </c>
    </row>
    <row r="25809" spans="1:4" x14ac:dyDescent="0.25">
      <c r="A25809" t="s">
        <v>39463</v>
      </c>
      <c r="B25809" t="s">
        <v>39465</v>
      </c>
      <c r="C25809">
        <v>0</v>
      </c>
      <c r="D25809">
        <v>0</v>
      </c>
    </row>
    <row r="25810" spans="1:4" x14ac:dyDescent="0.25">
      <c r="A25810" t="s">
        <v>39466</v>
      </c>
      <c r="B25810" t="s">
        <v>39467</v>
      </c>
      <c r="C25810">
        <v>1</v>
      </c>
      <c r="D25810">
        <v>0</v>
      </c>
    </row>
    <row r="25811" spans="1:4" x14ac:dyDescent="0.25">
      <c r="A25811" t="s">
        <v>39466</v>
      </c>
      <c r="B25811" t="s">
        <v>39468</v>
      </c>
      <c r="C25811">
        <v>2</v>
      </c>
      <c r="D25811">
        <v>0</v>
      </c>
    </row>
    <row r="25812" spans="1:4" x14ac:dyDescent="0.25">
      <c r="A25812" t="s">
        <v>39466</v>
      </c>
      <c r="B25812" t="s">
        <v>39469</v>
      </c>
      <c r="C25812">
        <v>1</v>
      </c>
      <c r="D25812">
        <v>0</v>
      </c>
    </row>
    <row r="25813" spans="1:4" x14ac:dyDescent="0.25">
      <c r="A25813" t="s">
        <v>39470</v>
      </c>
      <c r="B25813" t="s">
        <v>39471</v>
      </c>
      <c r="C25813">
        <v>0</v>
      </c>
      <c r="D25813">
        <v>0</v>
      </c>
    </row>
    <row r="25814" spans="1:4" x14ac:dyDescent="0.25">
      <c r="A25814" t="s">
        <v>39472</v>
      </c>
      <c r="B25814" t="s">
        <v>7493</v>
      </c>
      <c r="C25814">
        <v>1</v>
      </c>
      <c r="D25814">
        <v>0</v>
      </c>
    </row>
    <row r="25815" spans="1:4" x14ac:dyDescent="0.25">
      <c r="A25815" t="s">
        <v>39472</v>
      </c>
      <c r="B25815" t="s">
        <v>39473</v>
      </c>
      <c r="C25815">
        <v>1</v>
      </c>
      <c r="D25815">
        <v>0</v>
      </c>
    </row>
    <row r="25816" spans="1:4" x14ac:dyDescent="0.25">
      <c r="A25816" t="s">
        <v>39474</v>
      </c>
      <c r="B25816" t="s">
        <v>39475</v>
      </c>
      <c r="C25816">
        <v>0</v>
      </c>
      <c r="D25816">
        <v>0</v>
      </c>
    </row>
    <row r="25817" spans="1:4" x14ac:dyDescent="0.25">
      <c r="A25817" t="s">
        <v>39474</v>
      </c>
      <c r="B25817" t="s">
        <v>39476</v>
      </c>
      <c r="C25817">
        <v>0</v>
      </c>
      <c r="D25817">
        <v>0</v>
      </c>
    </row>
    <row r="25818" spans="1:4" x14ac:dyDescent="0.25">
      <c r="A25818" t="s">
        <v>39477</v>
      </c>
      <c r="B25818" t="s">
        <v>2024</v>
      </c>
      <c r="C25818">
        <v>1</v>
      </c>
      <c r="D25818">
        <v>0</v>
      </c>
    </row>
    <row r="25819" spans="1:4" x14ac:dyDescent="0.25">
      <c r="A25819" t="s">
        <v>39477</v>
      </c>
      <c r="B25819" t="s">
        <v>39478</v>
      </c>
      <c r="C25819">
        <v>0</v>
      </c>
      <c r="D25819">
        <v>0</v>
      </c>
    </row>
    <row r="25820" spans="1:4" x14ac:dyDescent="0.25">
      <c r="A25820" t="s">
        <v>39477</v>
      </c>
      <c r="B25820" t="s">
        <v>39479</v>
      </c>
      <c r="C25820">
        <v>0</v>
      </c>
      <c r="D25820">
        <v>0</v>
      </c>
    </row>
    <row r="25821" spans="1:4" x14ac:dyDescent="0.25">
      <c r="A25821" t="s">
        <v>39480</v>
      </c>
      <c r="B25821" t="s">
        <v>39481</v>
      </c>
      <c r="C25821">
        <v>1</v>
      </c>
      <c r="D25821">
        <v>0</v>
      </c>
    </row>
    <row r="25822" spans="1:4" x14ac:dyDescent="0.25">
      <c r="A25822" t="s">
        <v>39482</v>
      </c>
      <c r="B25822" t="s">
        <v>39483</v>
      </c>
      <c r="C25822">
        <v>0</v>
      </c>
      <c r="D25822">
        <v>0</v>
      </c>
    </row>
    <row r="25823" spans="1:4" x14ac:dyDescent="0.25">
      <c r="A25823" t="s">
        <v>39482</v>
      </c>
      <c r="B25823" t="s">
        <v>39484</v>
      </c>
      <c r="C25823">
        <v>1</v>
      </c>
      <c r="D25823">
        <v>0</v>
      </c>
    </row>
    <row r="25824" spans="1:4" x14ac:dyDescent="0.25">
      <c r="A25824" t="s">
        <v>39485</v>
      </c>
      <c r="B25824" t="s">
        <v>39486</v>
      </c>
      <c r="C25824">
        <v>1</v>
      </c>
      <c r="D25824">
        <v>0</v>
      </c>
    </row>
    <row r="25825" spans="1:4" x14ac:dyDescent="0.25">
      <c r="A25825" t="s">
        <v>39487</v>
      </c>
      <c r="B25825" t="s">
        <v>39488</v>
      </c>
      <c r="C25825">
        <v>0</v>
      </c>
      <c r="D25825">
        <v>0</v>
      </c>
    </row>
    <row r="25826" spans="1:4" x14ac:dyDescent="0.25">
      <c r="A25826" t="s">
        <v>39487</v>
      </c>
      <c r="B25826" t="s">
        <v>39489</v>
      </c>
      <c r="C25826">
        <v>0</v>
      </c>
      <c r="D25826">
        <v>0</v>
      </c>
    </row>
    <row r="25827" spans="1:4" x14ac:dyDescent="0.25">
      <c r="A25827" t="s">
        <v>39490</v>
      </c>
      <c r="B25827" t="s">
        <v>9375</v>
      </c>
      <c r="C25827">
        <v>1</v>
      </c>
      <c r="D25827">
        <v>0</v>
      </c>
    </row>
    <row r="25828" spans="1:4" x14ac:dyDescent="0.25">
      <c r="A25828" t="s">
        <v>39491</v>
      </c>
      <c r="B25828" t="s">
        <v>39492</v>
      </c>
      <c r="C25828">
        <v>0</v>
      </c>
      <c r="D25828">
        <v>0</v>
      </c>
    </row>
    <row r="25829" spans="1:4" x14ac:dyDescent="0.25">
      <c r="A25829" t="s">
        <v>39491</v>
      </c>
      <c r="B25829" t="s">
        <v>39493</v>
      </c>
      <c r="C25829">
        <v>1</v>
      </c>
      <c r="D25829">
        <v>0</v>
      </c>
    </row>
    <row r="25830" spans="1:4" x14ac:dyDescent="0.25">
      <c r="A25830" t="s">
        <v>39491</v>
      </c>
      <c r="B25830" t="s">
        <v>39494</v>
      </c>
      <c r="C25830">
        <v>1</v>
      </c>
      <c r="D25830">
        <v>0</v>
      </c>
    </row>
    <row r="25831" spans="1:4" x14ac:dyDescent="0.25">
      <c r="A25831" t="s">
        <v>39495</v>
      </c>
      <c r="B25831" t="s">
        <v>39496</v>
      </c>
      <c r="C25831">
        <v>1</v>
      </c>
      <c r="D25831">
        <v>0</v>
      </c>
    </row>
    <row r="25832" spans="1:4" x14ac:dyDescent="0.25">
      <c r="A25832" t="s">
        <v>39495</v>
      </c>
      <c r="B25832" t="s">
        <v>39497</v>
      </c>
      <c r="C25832">
        <v>0</v>
      </c>
      <c r="D25832">
        <v>0</v>
      </c>
    </row>
    <row r="25833" spans="1:4" x14ac:dyDescent="0.25">
      <c r="A25833" t="s">
        <v>39495</v>
      </c>
      <c r="B25833" t="s">
        <v>39498</v>
      </c>
      <c r="C25833">
        <v>1</v>
      </c>
      <c r="D25833">
        <v>0</v>
      </c>
    </row>
    <row r="25834" spans="1:4" x14ac:dyDescent="0.25">
      <c r="A25834" t="s">
        <v>39499</v>
      </c>
      <c r="B25834" t="s">
        <v>39500</v>
      </c>
      <c r="C25834">
        <v>1</v>
      </c>
      <c r="D25834">
        <v>0</v>
      </c>
    </row>
    <row r="25835" spans="1:4" x14ac:dyDescent="0.25">
      <c r="A25835" t="s">
        <v>39499</v>
      </c>
      <c r="B25835" t="s">
        <v>39501</v>
      </c>
      <c r="C25835">
        <v>1</v>
      </c>
      <c r="D25835">
        <v>0</v>
      </c>
    </row>
    <row r="25836" spans="1:4" x14ac:dyDescent="0.25">
      <c r="A25836" t="s">
        <v>39499</v>
      </c>
      <c r="B25836" t="s">
        <v>39502</v>
      </c>
      <c r="C25836">
        <v>0</v>
      </c>
      <c r="D25836">
        <v>0</v>
      </c>
    </row>
    <row r="25837" spans="1:4" x14ac:dyDescent="0.25">
      <c r="A25837" t="s">
        <v>39503</v>
      </c>
      <c r="B25837" t="s">
        <v>39504</v>
      </c>
      <c r="C25837">
        <v>2</v>
      </c>
      <c r="D25837">
        <v>0</v>
      </c>
    </row>
    <row r="25838" spans="1:4" x14ac:dyDescent="0.25">
      <c r="A25838" t="s">
        <v>39503</v>
      </c>
      <c r="B25838" t="s">
        <v>39505</v>
      </c>
      <c r="C25838">
        <v>0</v>
      </c>
      <c r="D25838">
        <v>0</v>
      </c>
    </row>
    <row r="25839" spans="1:4" x14ac:dyDescent="0.25">
      <c r="A25839" t="s">
        <v>39506</v>
      </c>
      <c r="B25839" t="s">
        <v>39507</v>
      </c>
      <c r="C25839">
        <v>2</v>
      </c>
      <c r="D25839">
        <v>0</v>
      </c>
    </row>
    <row r="25840" spans="1:4" x14ac:dyDescent="0.25">
      <c r="A25840" t="s">
        <v>39508</v>
      </c>
      <c r="B25840" t="s">
        <v>39509</v>
      </c>
      <c r="C25840">
        <v>0</v>
      </c>
      <c r="D25840">
        <v>0</v>
      </c>
    </row>
    <row r="25841" spans="1:4" x14ac:dyDescent="0.25">
      <c r="A25841" t="s">
        <v>39508</v>
      </c>
      <c r="B25841" t="s">
        <v>39510</v>
      </c>
      <c r="C25841">
        <v>1</v>
      </c>
      <c r="D25841">
        <v>0</v>
      </c>
    </row>
    <row r="25842" spans="1:4" x14ac:dyDescent="0.25">
      <c r="A25842" t="s">
        <v>39508</v>
      </c>
      <c r="B25842" t="s">
        <v>39511</v>
      </c>
      <c r="C25842">
        <v>0</v>
      </c>
      <c r="D25842">
        <v>0</v>
      </c>
    </row>
    <row r="25843" spans="1:4" x14ac:dyDescent="0.25">
      <c r="A25843" t="s">
        <v>39512</v>
      </c>
      <c r="B25843" t="s">
        <v>39513</v>
      </c>
      <c r="C25843">
        <v>0</v>
      </c>
      <c r="D25843">
        <v>0</v>
      </c>
    </row>
    <row r="25844" spans="1:4" x14ac:dyDescent="0.25">
      <c r="A25844" t="s">
        <v>39512</v>
      </c>
      <c r="B25844" t="s">
        <v>39514</v>
      </c>
      <c r="C25844">
        <v>0</v>
      </c>
      <c r="D25844">
        <v>0</v>
      </c>
    </row>
    <row r="25845" spans="1:4" x14ac:dyDescent="0.25">
      <c r="A25845" t="s">
        <v>39512</v>
      </c>
      <c r="B25845" t="s">
        <v>39515</v>
      </c>
      <c r="C25845">
        <v>0</v>
      </c>
      <c r="D25845">
        <v>0</v>
      </c>
    </row>
    <row r="25846" spans="1:4" x14ac:dyDescent="0.25">
      <c r="A25846" t="s">
        <v>39516</v>
      </c>
      <c r="B25846" t="s">
        <v>39517</v>
      </c>
      <c r="C25846">
        <v>0</v>
      </c>
      <c r="D25846">
        <v>0</v>
      </c>
    </row>
    <row r="25847" spans="1:4" x14ac:dyDescent="0.25">
      <c r="A25847" t="s">
        <v>39518</v>
      </c>
      <c r="B25847" t="s">
        <v>852</v>
      </c>
      <c r="C25847">
        <v>0</v>
      </c>
      <c r="D25847">
        <v>0</v>
      </c>
    </row>
    <row r="25848" spans="1:4" x14ac:dyDescent="0.25">
      <c r="A25848" t="s">
        <v>39519</v>
      </c>
      <c r="B25848" t="s">
        <v>39520</v>
      </c>
      <c r="C25848">
        <v>0</v>
      </c>
      <c r="D25848">
        <v>0</v>
      </c>
    </row>
    <row r="25849" spans="1:4" x14ac:dyDescent="0.25">
      <c r="A25849" t="s">
        <v>39521</v>
      </c>
      <c r="B25849" t="s">
        <v>37299</v>
      </c>
      <c r="C25849">
        <v>0</v>
      </c>
      <c r="D25849">
        <v>0</v>
      </c>
    </row>
    <row r="25850" spans="1:4" x14ac:dyDescent="0.25">
      <c r="A25850" t="s">
        <v>39521</v>
      </c>
      <c r="B25850" t="s">
        <v>39522</v>
      </c>
      <c r="C25850">
        <v>2</v>
      </c>
      <c r="D25850">
        <v>0</v>
      </c>
    </row>
    <row r="25851" spans="1:4" x14ac:dyDescent="0.25">
      <c r="A25851" t="s">
        <v>39521</v>
      </c>
      <c r="B25851" t="s">
        <v>39523</v>
      </c>
      <c r="C25851">
        <v>1</v>
      </c>
      <c r="D25851">
        <v>0</v>
      </c>
    </row>
    <row r="25852" spans="1:4" x14ac:dyDescent="0.25">
      <c r="A25852" t="s">
        <v>39524</v>
      </c>
      <c r="B25852" t="s">
        <v>39525</v>
      </c>
      <c r="C25852">
        <v>2</v>
      </c>
      <c r="D25852">
        <v>0</v>
      </c>
    </row>
    <row r="25853" spans="1:4" x14ac:dyDescent="0.25">
      <c r="A25853" t="s">
        <v>39526</v>
      </c>
      <c r="B25853" t="s">
        <v>39527</v>
      </c>
      <c r="C25853">
        <v>0</v>
      </c>
      <c r="D25853">
        <v>0</v>
      </c>
    </row>
    <row r="25854" spans="1:4" x14ac:dyDescent="0.25">
      <c r="A25854" t="s">
        <v>39528</v>
      </c>
      <c r="B25854" t="s">
        <v>39529</v>
      </c>
      <c r="C25854">
        <v>1</v>
      </c>
      <c r="D25854">
        <v>0</v>
      </c>
    </row>
    <row r="25855" spans="1:4" x14ac:dyDescent="0.25">
      <c r="A25855" t="s">
        <v>39530</v>
      </c>
      <c r="B25855" t="s">
        <v>39531</v>
      </c>
      <c r="C25855">
        <v>1</v>
      </c>
      <c r="D25855">
        <v>0</v>
      </c>
    </row>
    <row r="25856" spans="1:4" x14ac:dyDescent="0.25">
      <c r="A25856" t="s">
        <v>39532</v>
      </c>
      <c r="B25856" t="s">
        <v>39533</v>
      </c>
      <c r="C25856">
        <v>1</v>
      </c>
      <c r="D25856">
        <v>0</v>
      </c>
    </row>
    <row r="25857" spans="1:4" x14ac:dyDescent="0.25">
      <c r="A25857" t="s">
        <v>39532</v>
      </c>
      <c r="B25857" t="s">
        <v>39534</v>
      </c>
      <c r="C25857">
        <v>2</v>
      </c>
      <c r="D25857">
        <v>0</v>
      </c>
    </row>
    <row r="25858" spans="1:4" x14ac:dyDescent="0.25">
      <c r="A25858" t="s">
        <v>39535</v>
      </c>
      <c r="B25858" t="s">
        <v>39536</v>
      </c>
      <c r="C25858">
        <v>0</v>
      </c>
      <c r="D25858">
        <v>0</v>
      </c>
    </row>
    <row r="25859" spans="1:4" x14ac:dyDescent="0.25">
      <c r="A25859" t="s">
        <v>39537</v>
      </c>
      <c r="B25859" t="s">
        <v>39538</v>
      </c>
      <c r="C25859">
        <v>0</v>
      </c>
      <c r="D25859">
        <v>0</v>
      </c>
    </row>
    <row r="25860" spans="1:4" x14ac:dyDescent="0.25">
      <c r="A25860" t="s">
        <v>39537</v>
      </c>
      <c r="B25860" t="s">
        <v>39539</v>
      </c>
      <c r="C25860">
        <v>1</v>
      </c>
      <c r="D25860">
        <v>0</v>
      </c>
    </row>
    <row r="25861" spans="1:4" x14ac:dyDescent="0.25">
      <c r="A25861" t="s">
        <v>39540</v>
      </c>
      <c r="B25861" t="s">
        <v>39541</v>
      </c>
      <c r="C25861">
        <v>2</v>
      </c>
      <c r="D25861">
        <v>0</v>
      </c>
    </row>
    <row r="25862" spans="1:4" x14ac:dyDescent="0.25">
      <c r="A25862" t="s">
        <v>39542</v>
      </c>
      <c r="B25862" t="s">
        <v>39543</v>
      </c>
      <c r="C25862">
        <v>1</v>
      </c>
      <c r="D25862">
        <v>0</v>
      </c>
    </row>
    <row r="25863" spans="1:4" x14ac:dyDescent="0.25">
      <c r="A25863" t="s">
        <v>39542</v>
      </c>
      <c r="B25863" t="s">
        <v>39544</v>
      </c>
      <c r="C25863">
        <v>1</v>
      </c>
      <c r="D25863">
        <v>0</v>
      </c>
    </row>
    <row r="25864" spans="1:4" x14ac:dyDescent="0.25">
      <c r="A25864" t="s">
        <v>39545</v>
      </c>
      <c r="B25864" t="s">
        <v>39546</v>
      </c>
      <c r="C25864">
        <v>2</v>
      </c>
      <c r="D25864">
        <v>0</v>
      </c>
    </row>
    <row r="25865" spans="1:4" x14ac:dyDescent="0.25">
      <c r="A25865" t="s">
        <v>39545</v>
      </c>
      <c r="B25865" t="s">
        <v>39547</v>
      </c>
      <c r="C25865">
        <v>2</v>
      </c>
      <c r="D25865">
        <v>0</v>
      </c>
    </row>
    <row r="25866" spans="1:4" x14ac:dyDescent="0.25">
      <c r="A25866" t="s">
        <v>39545</v>
      </c>
      <c r="B25866" t="s">
        <v>39548</v>
      </c>
      <c r="C25866">
        <v>2</v>
      </c>
      <c r="D25866">
        <v>0</v>
      </c>
    </row>
    <row r="25867" spans="1:4" x14ac:dyDescent="0.25">
      <c r="A25867" t="s">
        <v>39549</v>
      </c>
      <c r="B25867" t="s">
        <v>39550</v>
      </c>
      <c r="C25867">
        <v>0</v>
      </c>
      <c r="D25867">
        <v>0</v>
      </c>
    </row>
    <row r="25868" spans="1:4" x14ac:dyDescent="0.25">
      <c r="A25868" t="s">
        <v>39551</v>
      </c>
      <c r="B25868" t="s">
        <v>39552</v>
      </c>
      <c r="C25868">
        <v>1</v>
      </c>
      <c r="D25868">
        <v>0</v>
      </c>
    </row>
    <row r="25869" spans="1:4" x14ac:dyDescent="0.25">
      <c r="A25869" t="s">
        <v>39551</v>
      </c>
      <c r="B25869" t="s">
        <v>39553</v>
      </c>
      <c r="C25869">
        <v>1</v>
      </c>
      <c r="D25869">
        <v>0</v>
      </c>
    </row>
    <row r="25870" spans="1:4" x14ac:dyDescent="0.25">
      <c r="A25870" t="s">
        <v>39551</v>
      </c>
      <c r="B25870" t="s">
        <v>39554</v>
      </c>
      <c r="C25870">
        <v>1</v>
      </c>
      <c r="D25870">
        <v>0</v>
      </c>
    </row>
    <row r="25871" spans="1:4" x14ac:dyDescent="0.25">
      <c r="A25871" t="s">
        <v>39555</v>
      </c>
      <c r="B25871" t="s">
        <v>39556</v>
      </c>
      <c r="C25871">
        <v>0</v>
      </c>
      <c r="D25871">
        <v>0</v>
      </c>
    </row>
    <row r="25872" spans="1:4" x14ac:dyDescent="0.25">
      <c r="A25872" t="s">
        <v>39557</v>
      </c>
      <c r="B25872" t="s">
        <v>39558</v>
      </c>
      <c r="C25872">
        <v>0</v>
      </c>
      <c r="D25872">
        <v>0</v>
      </c>
    </row>
    <row r="25873" spans="1:4" x14ac:dyDescent="0.25">
      <c r="A25873" t="s">
        <v>39557</v>
      </c>
      <c r="B25873" t="s">
        <v>39559</v>
      </c>
      <c r="C25873">
        <v>2</v>
      </c>
      <c r="D25873">
        <v>0</v>
      </c>
    </row>
    <row r="25874" spans="1:4" x14ac:dyDescent="0.25">
      <c r="A25874" t="s">
        <v>39557</v>
      </c>
      <c r="B25874" t="s">
        <v>39560</v>
      </c>
      <c r="C25874">
        <v>0</v>
      </c>
      <c r="D25874">
        <v>0</v>
      </c>
    </row>
    <row r="25875" spans="1:4" x14ac:dyDescent="0.25">
      <c r="A25875" t="s">
        <v>39561</v>
      </c>
      <c r="B25875" t="s">
        <v>39562</v>
      </c>
      <c r="C25875">
        <v>2</v>
      </c>
      <c r="D25875">
        <v>0</v>
      </c>
    </row>
    <row r="25876" spans="1:4" x14ac:dyDescent="0.25">
      <c r="A25876" t="s">
        <v>39563</v>
      </c>
      <c r="B25876" t="s">
        <v>1101</v>
      </c>
      <c r="C25876">
        <v>1</v>
      </c>
      <c r="D25876">
        <v>0</v>
      </c>
    </row>
    <row r="25877" spans="1:4" x14ac:dyDescent="0.25">
      <c r="A25877" t="s">
        <v>39564</v>
      </c>
      <c r="B25877" t="s">
        <v>39565</v>
      </c>
      <c r="C25877">
        <v>1</v>
      </c>
      <c r="D25877">
        <v>0</v>
      </c>
    </row>
    <row r="25878" spans="1:4" x14ac:dyDescent="0.25">
      <c r="A25878" t="s">
        <v>39566</v>
      </c>
      <c r="B25878" t="s">
        <v>39567</v>
      </c>
      <c r="C25878">
        <v>1</v>
      </c>
      <c r="D25878">
        <v>0</v>
      </c>
    </row>
    <row r="25879" spans="1:4" x14ac:dyDescent="0.25">
      <c r="A25879" t="s">
        <v>39566</v>
      </c>
      <c r="B25879" t="s">
        <v>39568</v>
      </c>
      <c r="C25879">
        <v>2</v>
      </c>
      <c r="D25879">
        <v>0</v>
      </c>
    </row>
    <row r="25880" spans="1:4" x14ac:dyDescent="0.25">
      <c r="A25880" t="s">
        <v>39569</v>
      </c>
      <c r="B25880" t="s">
        <v>5877</v>
      </c>
      <c r="C25880">
        <v>1</v>
      </c>
      <c r="D25880">
        <v>0</v>
      </c>
    </row>
    <row r="25881" spans="1:4" x14ac:dyDescent="0.25">
      <c r="A25881" t="s">
        <v>39569</v>
      </c>
      <c r="B25881" t="s">
        <v>39570</v>
      </c>
      <c r="C25881">
        <v>0</v>
      </c>
      <c r="D25881">
        <v>0</v>
      </c>
    </row>
    <row r="25882" spans="1:4" x14ac:dyDescent="0.25">
      <c r="A25882" t="s">
        <v>39571</v>
      </c>
      <c r="B25882" t="s">
        <v>39572</v>
      </c>
      <c r="C25882">
        <v>1</v>
      </c>
      <c r="D25882">
        <v>0</v>
      </c>
    </row>
    <row r="25883" spans="1:4" x14ac:dyDescent="0.25">
      <c r="A25883" t="s">
        <v>39571</v>
      </c>
      <c r="B25883" t="s">
        <v>13548</v>
      </c>
      <c r="C25883">
        <v>0</v>
      </c>
      <c r="D25883">
        <v>0</v>
      </c>
    </row>
    <row r="25884" spans="1:4" x14ac:dyDescent="0.25">
      <c r="A25884" t="s">
        <v>39571</v>
      </c>
      <c r="B25884" t="s">
        <v>29881</v>
      </c>
      <c r="C25884">
        <v>1</v>
      </c>
      <c r="D25884">
        <v>0</v>
      </c>
    </row>
    <row r="25885" spans="1:4" x14ac:dyDescent="0.25">
      <c r="A25885" t="s">
        <v>39573</v>
      </c>
      <c r="B25885" t="s">
        <v>39574</v>
      </c>
      <c r="C25885">
        <v>2</v>
      </c>
      <c r="D25885">
        <v>0</v>
      </c>
    </row>
    <row r="25886" spans="1:4" x14ac:dyDescent="0.25">
      <c r="A25886" t="s">
        <v>39573</v>
      </c>
      <c r="B25886" t="s">
        <v>39575</v>
      </c>
      <c r="C25886">
        <v>2</v>
      </c>
      <c r="D25886">
        <v>0</v>
      </c>
    </row>
    <row r="25887" spans="1:4" x14ac:dyDescent="0.25">
      <c r="A25887" t="s">
        <v>39573</v>
      </c>
      <c r="B25887" t="s">
        <v>39576</v>
      </c>
      <c r="C25887">
        <v>0</v>
      </c>
      <c r="D25887">
        <v>0</v>
      </c>
    </row>
    <row r="25888" spans="1:4" x14ac:dyDescent="0.25">
      <c r="A25888" t="s">
        <v>39577</v>
      </c>
      <c r="B25888" t="s">
        <v>39578</v>
      </c>
      <c r="C25888">
        <v>2</v>
      </c>
      <c r="D25888">
        <v>0</v>
      </c>
    </row>
    <row r="25889" spans="1:4" x14ac:dyDescent="0.25">
      <c r="A25889" t="s">
        <v>39577</v>
      </c>
      <c r="B25889" t="s">
        <v>39579</v>
      </c>
      <c r="C25889">
        <v>1</v>
      </c>
      <c r="D25889">
        <v>0</v>
      </c>
    </row>
    <row r="25890" spans="1:4" x14ac:dyDescent="0.25">
      <c r="A25890" t="s">
        <v>39580</v>
      </c>
      <c r="B25890" t="s">
        <v>1567</v>
      </c>
      <c r="C25890">
        <v>0</v>
      </c>
      <c r="D25890">
        <v>0</v>
      </c>
    </row>
    <row r="25891" spans="1:4" x14ac:dyDescent="0.25">
      <c r="A25891" t="s">
        <v>39580</v>
      </c>
      <c r="B25891" t="s">
        <v>39581</v>
      </c>
      <c r="C25891">
        <v>2</v>
      </c>
      <c r="D25891">
        <v>0</v>
      </c>
    </row>
    <row r="25892" spans="1:4" x14ac:dyDescent="0.25">
      <c r="A25892" t="s">
        <v>39582</v>
      </c>
      <c r="B25892" t="s">
        <v>39583</v>
      </c>
      <c r="C25892">
        <v>1</v>
      </c>
      <c r="D25892">
        <v>0</v>
      </c>
    </row>
    <row r="25893" spans="1:4" x14ac:dyDescent="0.25">
      <c r="A25893" t="s">
        <v>39582</v>
      </c>
      <c r="B25893" t="s">
        <v>39584</v>
      </c>
      <c r="C25893">
        <v>1</v>
      </c>
      <c r="D25893">
        <v>0</v>
      </c>
    </row>
    <row r="25894" spans="1:4" x14ac:dyDescent="0.25">
      <c r="A25894" t="s">
        <v>39585</v>
      </c>
      <c r="B25894" t="s">
        <v>39586</v>
      </c>
      <c r="C25894">
        <v>0</v>
      </c>
      <c r="D25894">
        <v>0</v>
      </c>
    </row>
    <row r="25895" spans="1:4" x14ac:dyDescent="0.25">
      <c r="A25895" t="s">
        <v>39585</v>
      </c>
      <c r="B25895" t="s">
        <v>39587</v>
      </c>
      <c r="C25895">
        <v>0</v>
      </c>
      <c r="D25895">
        <v>0</v>
      </c>
    </row>
    <row r="25896" spans="1:4" x14ac:dyDescent="0.25">
      <c r="A25896" t="s">
        <v>39588</v>
      </c>
      <c r="B25896" t="s">
        <v>39589</v>
      </c>
      <c r="C25896">
        <v>1</v>
      </c>
      <c r="D25896">
        <v>0</v>
      </c>
    </row>
    <row r="25897" spans="1:4" x14ac:dyDescent="0.25">
      <c r="A25897" t="s">
        <v>39588</v>
      </c>
      <c r="B25897" t="s">
        <v>39590</v>
      </c>
      <c r="C25897">
        <v>1</v>
      </c>
      <c r="D25897">
        <v>0</v>
      </c>
    </row>
    <row r="25898" spans="1:4" x14ac:dyDescent="0.25">
      <c r="A25898" t="s">
        <v>39591</v>
      </c>
      <c r="B25898" t="s">
        <v>39592</v>
      </c>
      <c r="C25898">
        <v>2</v>
      </c>
      <c r="D25898">
        <v>0</v>
      </c>
    </row>
    <row r="25899" spans="1:4" x14ac:dyDescent="0.25">
      <c r="A25899" t="s">
        <v>39591</v>
      </c>
      <c r="B25899" t="s">
        <v>39593</v>
      </c>
      <c r="C25899">
        <v>0</v>
      </c>
      <c r="D25899">
        <v>0</v>
      </c>
    </row>
    <row r="25900" spans="1:4" x14ac:dyDescent="0.25">
      <c r="A25900" t="s">
        <v>39591</v>
      </c>
      <c r="B25900" t="s">
        <v>39594</v>
      </c>
      <c r="C25900">
        <v>1</v>
      </c>
      <c r="D25900">
        <v>0</v>
      </c>
    </row>
    <row r="25901" spans="1:4" x14ac:dyDescent="0.25">
      <c r="A25901" t="s">
        <v>39595</v>
      </c>
      <c r="B25901" t="s">
        <v>398</v>
      </c>
      <c r="C25901">
        <v>0</v>
      </c>
      <c r="D25901">
        <v>0</v>
      </c>
    </row>
    <row r="25902" spans="1:4" x14ac:dyDescent="0.25">
      <c r="A25902" t="s">
        <v>39596</v>
      </c>
      <c r="B25902" t="s">
        <v>29864</v>
      </c>
      <c r="C25902">
        <v>1</v>
      </c>
      <c r="D25902">
        <v>0</v>
      </c>
    </row>
    <row r="25903" spans="1:4" x14ac:dyDescent="0.25">
      <c r="A25903" t="s">
        <v>39597</v>
      </c>
      <c r="B25903" t="s">
        <v>39598</v>
      </c>
      <c r="C25903">
        <v>1</v>
      </c>
      <c r="D25903">
        <v>0</v>
      </c>
    </row>
    <row r="25904" spans="1:4" x14ac:dyDescent="0.25">
      <c r="A25904" t="s">
        <v>39597</v>
      </c>
      <c r="B25904" t="s">
        <v>39599</v>
      </c>
      <c r="C25904">
        <v>1</v>
      </c>
      <c r="D25904">
        <v>0</v>
      </c>
    </row>
    <row r="25905" spans="1:4" x14ac:dyDescent="0.25">
      <c r="A25905" t="s">
        <v>39597</v>
      </c>
      <c r="B25905" t="s">
        <v>39600</v>
      </c>
      <c r="C25905">
        <v>1</v>
      </c>
      <c r="D25905">
        <v>0</v>
      </c>
    </row>
    <row r="25906" spans="1:4" x14ac:dyDescent="0.25">
      <c r="A25906" t="s">
        <v>39601</v>
      </c>
      <c r="B25906" t="s">
        <v>39602</v>
      </c>
      <c r="C25906">
        <v>1</v>
      </c>
      <c r="D25906">
        <v>0</v>
      </c>
    </row>
    <row r="25907" spans="1:4" x14ac:dyDescent="0.25">
      <c r="A25907" t="s">
        <v>39601</v>
      </c>
      <c r="B25907" t="s">
        <v>39603</v>
      </c>
      <c r="C25907">
        <v>1</v>
      </c>
      <c r="D25907">
        <v>0</v>
      </c>
    </row>
    <row r="25908" spans="1:4" x14ac:dyDescent="0.25">
      <c r="A25908" t="s">
        <v>39604</v>
      </c>
      <c r="B25908" t="s">
        <v>39605</v>
      </c>
      <c r="C25908">
        <v>1</v>
      </c>
      <c r="D25908">
        <v>0</v>
      </c>
    </row>
    <row r="25909" spans="1:4" x14ac:dyDescent="0.25">
      <c r="A25909" t="s">
        <v>39606</v>
      </c>
      <c r="B25909" t="s">
        <v>39607</v>
      </c>
      <c r="C25909">
        <v>1</v>
      </c>
      <c r="D25909">
        <v>0</v>
      </c>
    </row>
    <row r="25910" spans="1:4" x14ac:dyDescent="0.25">
      <c r="A25910" t="s">
        <v>39608</v>
      </c>
      <c r="B25910" t="s">
        <v>39609</v>
      </c>
      <c r="C25910">
        <v>2</v>
      </c>
      <c r="D25910">
        <v>0</v>
      </c>
    </row>
    <row r="25911" spans="1:4" x14ac:dyDescent="0.25">
      <c r="A25911" t="s">
        <v>39608</v>
      </c>
      <c r="B25911" t="s">
        <v>39610</v>
      </c>
      <c r="C25911">
        <v>1</v>
      </c>
      <c r="D25911">
        <v>0</v>
      </c>
    </row>
    <row r="25912" spans="1:4" x14ac:dyDescent="0.25">
      <c r="A25912" t="s">
        <v>39611</v>
      </c>
      <c r="B25912" t="s">
        <v>2267</v>
      </c>
      <c r="C25912">
        <v>0</v>
      </c>
      <c r="D25912">
        <v>0</v>
      </c>
    </row>
    <row r="25913" spans="1:4" x14ac:dyDescent="0.25">
      <c r="A25913" t="s">
        <v>39611</v>
      </c>
      <c r="B25913" t="s">
        <v>1101</v>
      </c>
      <c r="C25913">
        <v>1</v>
      </c>
      <c r="D25913">
        <v>0</v>
      </c>
    </row>
    <row r="25914" spans="1:4" x14ac:dyDescent="0.25">
      <c r="A25914" t="s">
        <v>39612</v>
      </c>
      <c r="B25914" t="s">
        <v>39613</v>
      </c>
      <c r="C25914">
        <v>0</v>
      </c>
      <c r="D25914">
        <v>0</v>
      </c>
    </row>
    <row r="25915" spans="1:4" x14ac:dyDescent="0.25">
      <c r="A25915" t="s">
        <v>39612</v>
      </c>
      <c r="B25915" t="s">
        <v>39614</v>
      </c>
      <c r="C25915">
        <v>2</v>
      </c>
      <c r="D25915">
        <v>0</v>
      </c>
    </row>
    <row r="25916" spans="1:4" x14ac:dyDescent="0.25">
      <c r="A25916" t="s">
        <v>39615</v>
      </c>
      <c r="B25916" t="s">
        <v>39616</v>
      </c>
      <c r="C25916">
        <v>0</v>
      </c>
      <c r="D25916">
        <v>0</v>
      </c>
    </row>
    <row r="25917" spans="1:4" x14ac:dyDescent="0.25">
      <c r="A25917" t="s">
        <v>39615</v>
      </c>
      <c r="B25917" t="s">
        <v>39617</v>
      </c>
      <c r="C25917">
        <v>1</v>
      </c>
      <c r="D25917">
        <v>0</v>
      </c>
    </row>
    <row r="25918" spans="1:4" x14ac:dyDescent="0.25">
      <c r="A25918" t="s">
        <v>39615</v>
      </c>
      <c r="B25918" t="s">
        <v>39618</v>
      </c>
      <c r="C25918">
        <v>1</v>
      </c>
      <c r="D25918">
        <v>0</v>
      </c>
    </row>
    <row r="25919" spans="1:4" x14ac:dyDescent="0.25">
      <c r="A25919" t="s">
        <v>39619</v>
      </c>
      <c r="B25919" t="s">
        <v>39620</v>
      </c>
      <c r="C25919">
        <v>0</v>
      </c>
      <c r="D25919">
        <v>0</v>
      </c>
    </row>
    <row r="25920" spans="1:4" x14ac:dyDescent="0.25">
      <c r="A25920" t="s">
        <v>39619</v>
      </c>
      <c r="B25920" t="s">
        <v>39621</v>
      </c>
      <c r="C25920">
        <v>0</v>
      </c>
      <c r="D25920">
        <v>0</v>
      </c>
    </row>
    <row r="25921" spans="1:4" x14ac:dyDescent="0.25">
      <c r="A25921" t="s">
        <v>39619</v>
      </c>
      <c r="B25921" t="s">
        <v>39622</v>
      </c>
      <c r="C25921">
        <v>0</v>
      </c>
      <c r="D25921">
        <v>0</v>
      </c>
    </row>
    <row r="25922" spans="1:4" x14ac:dyDescent="0.25">
      <c r="A25922" t="s">
        <v>39623</v>
      </c>
      <c r="B25922" t="s">
        <v>39624</v>
      </c>
      <c r="C25922">
        <v>0</v>
      </c>
      <c r="D25922">
        <v>0</v>
      </c>
    </row>
    <row r="25923" spans="1:4" x14ac:dyDescent="0.25">
      <c r="A25923" t="s">
        <v>39625</v>
      </c>
      <c r="B25923" t="s">
        <v>39626</v>
      </c>
      <c r="C25923">
        <v>0</v>
      </c>
      <c r="D25923">
        <v>0</v>
      </c>
    </row>
    <row r="25924" spans="1:4" x14ac:dyDescent="0.25">
      <c r="A25924" t="s">
        <v>39625</v>
      </c>
      <c r="B25924" t="s">
        <v>39627</v>
      </c>
      <c r="C25924">
        <v>0</v>
      </c>
      <c r="D25924">
        <v>0</v>
      </c>
    </row>
    <row r="25925" spans="1:4" x14ac:dyDescent="0.25">
      <c r="A25925" t="s">
        <v>39628</v>
      </c>
      <c r="B25925" t="s">
        <v>39629</v>
      </c>
      <c r="C25925">
        <v>0</v>
      </c>
      <c r="D25925">
        <v>0</v>
      </c>
    </row>
    <row r="25926" spans="1:4" x14ac:dyDescent="0.25">
      <c r="A25926" t="s">
        <v>39628</v>
      </c>
      <c r="B25926" t="s">
        <v>39630</v>
      </c>
      <c r="C25926">
        <v>1</v>
      </c>
      <c r="D25926">
        <v>0</v>
      </c>
    </row>
    <row r="25927" spans="1:4" x14ac:dyDescent="0.25">
      <c r="A25927" t="s">
        <v>39628</v>
      </c>
      <c r="B25927" t="s">
        <v>39631</v>
      </c>
      <c r="C25927">
        <v>1</v>
      </c>
      <c r="D25927">
        <v>0</v>
      </c>
    </row>
    <row r="25928" spans="1:4" x14ac:dyDescent="0.25">
      <c r="A25928" t="s">
        <v>39632</v>
      </c>
      <c r="B25928" t="s">
        <v>39633</v>
      </c>
      <c r="C25928">
        <v>0</v>
      </c>
      <c r="D25928">
        <v>0</v>
      </c>
    </row>
    <row r="25929" spans="1:4" x14ac:dyDescent="0.25">
      <c r="A25929" t="s">
        <v>39632</v>
      </c>
      <c r="B25929" t="s">
        <v>39634</v>
      </c>
      <c r="C25929">
        <v>0</v>
      </c>
      <c r="D25929">
        <v>0</v>
      </c>
    </row>
    <row r="25930" spans="1:4" x14ac:dyDescent="0.25">
      <c r="A25930" t="s">
        <v>39635</v>
      </c>
      <c r="B25930" t="s">
        <v>39636</v>
      </c>
      <c r="C25930">
        <v>0</v>
      </c>
      <c r="D25930">
        <v>0</v>
      </c>
    </row>
    <row r="25931" spans="1:4" x14ac:dyDescent="0.25">
      <c r="A25931" t="s">
        <v>39635</v>
      </c>
      <c r="B25931" t="s">
        <v>39637</v>
      </c>
      <c r="C25931">
        <v>1</v>
      </c>
      <c r="D25931">
        <v>0</v>
      </c>
    </row>
    <row r="25932" spans="1:4" x14ac:dyDescent="0.25">
      <c r="A25932" t="s">
        <v>39635</v>
      </c>
      <c r="B25932" t="s">
        <v>39638</v>
      </c>
      <c r="C25932">
        <v>1</v>
      </c>
      <c r="D25932">
        <v>0</v>
      </c>
    </row>
    <row r="25933" spans="1:4" x14ac:dyDescent="0.25">
      <c r="A25933" t="s">
        <v>39639</v>
      </c>
      <c r="B25933" t="s">
        <v>39640</v>
      </c>
      <c r="C25933">
        <v>2</v>
      </c>
      <c r="D25933">
        <v>0</v>
      </c>
    </row>
    <row r="25934" spans="1:4" x14ac:dyDescent="0.25">
      <c r="A25934" t="s">
        <v>39639</v>
      </c>
      <c r="B25934" t="s">
        <v>39641</v>
      </c>
      <c r="C25934">
        <v>1</v>
      </c>
      <c r="D25934">
        <v>0</v>
      </c>
    </row>
    <row r="25935" spans="1:4" x14ac:dyDescent="0.25">
      <c r="A25935" t="s">
        <v>39639</v>
      </c>
      <c r="B25935" t="s">
        <v>39642</v>
      </c>
      <c r="C25935">
        <v>1</v>
      </c>
      <c r="D25935">
        <v>0</v>
      </c>
    </row>
    <row r="25936" spans="1:4" x14ac:dyDescent="0.25">
      <c r="A25936" t="s">
        <v>39643</v>
      </c>
      <c r="B25936" t="s">
        <v>39644</v>
      </c>
      <c r="C25936">
        <v>2</v>
      </c>
      <c r="D25936">
        <v>0</v>
      </c>
    </row>
    <row r="25937" spans="1:4" x14ac:dyDescent="0.25">
      <c r="A25937" t="s">
        <v>39643</v>
      </c>
      <c r="B25937" t="s">
        <v>2267</v>
      </c>
      <c r="C25937">
        <v>0</v>
      </c>
      <c r="D25937">
        <v>0</v>
      </c>
    </row>
    <row r="25938" spans="1:4" x14ac:dyDescent="0.25">
      <c r="A25938" t="s">
        <v>39643</v>
      </c>
      <c r="B25938" t="s">
        <v>39645</v>
      </c>
      <c r="C25938">
        <v>0</v>
      </c>
      <c r="D25938">
        <v>0</v>
      </c>
    </row>
    <row r="25939" spans="1:4" x14ac:dyDescent="0.25">
      <c r="A25939" t="s">
        <v>39646</v>
      </c>
      <c r="B25939" t="s">
        <v>39647</v>
      </c>
      <c r="C25939">
        <v>2</v>
      </c>
      <c r="D25939">
        <v>0</v>
      </c>
    </row>
    <row r="25940" spans="1:4" x14ac:dyDescent="0.25">
      <c r="A25940" t="s">
        <v>39646</v>
      </c>
      <c r="B25940" t="s">
        <v>39648</v>
      </c>
      <c r="C25940">
        <v>2</v>
      </c>
      <c r="D25940">
        <v>0</v>
      </c>
    </row>
    <row r="25941" spans="1:4" x14ac:dyDescent="0.25">
      <c r="A25941" t="s">
        <v>39646</v>
      </c>
      <c r="B25941" t="s">
        <v>39649</v>
      </c>
      <c r="C25941">
        <v>2</v>
      </c>
      <c r="D25941">
        <v>0</v>
      </c>
    </row>
    <row r="25942" spans="1:4" x14ac:dyDescent="0.25">
      <c r="A25942" t="s">
        <v>39650</v>
      </c>
      <c r="B25942" t="s">
        <v>39651</v>
      </c>
      <c r="C25942">
        <v>0</v>
      </c>
      <c r="D25942">
        <v>0</v>
      </c>
    </row>
    <row r="25943" spans="1:4" x14ac:dyDescent="0.25">
      <c r="A25943" t="s">
        <v>39650</v>
      </c>
      <c r="B25943" t="s">
        <v>39652</v>
      </c>
      <c r="C25943">
        <v>0</v>
      </c>
      <c r="D25943">
        <v>0</v>
      </c>
    </row>
    <row r="25944" spans="1:4" x14ac:dyDescent="0.25">
      <c r="A25944" t="s">
        <v>39650</v>
      </c>
      <c r="B25944" t="s">
        <v>39653</v>
      </c>
      <c r="C25944">
        <v>0</v>
      </c>
      <c r="D25944">
        <v>0</v>
      </c>
    </row>
    <row r="25945" spans="1:4" x14ac:dyDescent="0.25">
      <c r="A25945" t="s">
        <v>39654</v>
      </c>
      <c r="B25945" t="s">
        <v>39655</v>
      </c>
      <c r="C25945">
        <v>0</v>
      </c>
      <c r="D25945">
        <v>0</v>
      </c>
    </row>
    <row r="25946" spans="1:4" x14ac:dyDescent="0.25">
      <c r="A25946" t="s">
        <v>39656</v>
      </c>
      <c r="B25946" t="s">
        <v>39657</v>
      </c>
      <c r="C25946">
        <v>0</v>
      </c>
      <c r="D25946">
        <v>0</v>
      </c>
    </row>
    <row r="25947" spans="1:4" x14ac:dyDescent="0.25">
      <c r="A25947" t="s">
        <v>39656</v>
      </c>
      <c r="B25947" t="s">
        <v>39658</v>
      </c>
      <c r="C25947">
        <v>0</v>
      </c>
      <c r="D25947">
        <v>0</v>
      </c>
    </row>
    <row r="25948" spans="1:4" x14ac:dyDescent="0.25">
      <c r="A25948" t="s">
        <v>39659</v>
      </c>
      <c r="B25948" t="s">
        <v>39660</v>
      </c>
      <c r="C25948">
        <v>1</v>
      </c>
      <c r="D25948">
        <v>0</v>
      </c>
    </row>
    <row r="25949" spans="1:4" x14ac:dyDescent="0.25">
      <c r="A25949" t="s">
        <v>39659</v>
      </c>
      <c r="B25949" t="s">
        <v>39661</v>
      </c>
      <c r="C25949">
        <v>0</v>
      </c>
      <c r="D25949">
        <v>0</v>
      </c>
    </row>
    <row r="25950" spans="1:4" x14ac:dyDescent="0.25">
      <c r="A25950" t="s">
        <v>39662</v>
      </c>
      <c r="B25950" t="s">
        <v>39663</v>
      </c>
      <c r="C25950">
        <v>1</v>
      </c>
      <c r="D25950">
        <v>0</v>
      </c>
    </row>
    <row r="25951" spans="1:4" x14ac:dyDescent="0.25">
      <c r="A25951" t="s">
        <v>39662</v>
      </c>
      <c r="B25951" t="s">
        <v>39664</v>
      </c>
      <c r="C25951">
        <v>1</v>
      </c>
      <c r="D25951">
        <v>0</v>
      </c>
    </row>
    <row r="25952" spans="1:4" x14ac:dyDescent="0.25">
      <c r="A25952" t="s">
        <v>39665</v>
      </c>
      <c r="B25952" t="s">
        <v>39666</v>
      </c>
      <c r="C25952">
        <v>2</v>
      </c>
      <c r="D25952">
        <v>0</v>
      </c>
    </row>
    <row r="25953" spans="1:4" x14ac:dyDescent="0.25">
      <c r="A25953" t="s">
        <v>39667</v>
      </c>
      <c r="B25953" t="s">
        <v>32510</v>
      </c>
      <c r="C25953">
        <v>0</v>
      </c>
      <c r="D25953">
        <v>0</v>
      </c>
    </row>
    <row r="25954" spans="1:4" x14ac:dyDescent="0.25">
      <c r="A25954" t="s">
        <v>39667</v>
      </c>
      <c r="B25954" t="s">
        <v>39668</v>
      </c>
      <c r="C25954">
        <v>1</v>
      </c>
      <c r="D25954">
        <v>0</v>
      </c>
    </row>
    <row r="25955" spans="1:4" x14ac:dyDescent="0.25">
      <c r="A25955" t="s">
        <v>39667</v>
      </c>
      <c r="B25955" t="s">
        <v>34908</v>
      </c>
      <c r="C25955">
        <v>0</v>
      </c>
      <c r="D25955">
        <v>0</v>
      </c>
    </row>
    <row r="25956" spans="1:4" x14ac:dyDescent="0.25">
      <c r="A25956" t="s">
        <v>39669</v>
      </c>
      <c r="B25956" t="s">
        <v>2267</v>
      </c>
      <c r="C25956">
        <v>0</v>
      </c>
      <c r="D25956">
        <v>0</v>
      </c>
    </row>
    <row r="25957" spans="1:4" x14ac:dyDescent="0.25">
      <c r="A25957" t="s">
        <v>39669</v>
      </c>
      <c r="B25957" t="s">
        <v>39670</v>
      </c>
      <c r="C25957">
        <v>1</v>
      </c>
      <c r="D25957">
        <v>0</v>
      </c>
    </row>
    <row r="25958" spans="1:4" x14ac:dyDescent="0.25">
      <c r="A25958" t="s">
        <v>39671</v>
      </c>
      <c r="B25958" t="s">
        <v>39672</v>
      </c>
      <c r="C25958">
        <v>1</v>
      </c>
      <c r="D25958">
        <v>0</v>
      </c>
    </row>
    <row r="25959" spans="1:4" x14ac:dyDescent="0.25">
      <c r="A25959" t="s">
        <v>39671</v>
      </c>
      <c r="B25959" t="s">
        <v>39673</v>
      </c>
      <c r="C25959">
        <v>1</v>
      </c>
      <c r="D25959">
        <v>0</v>
      </c>
    </row>
    <row r="25960" spans="1:4" x14ac:dyDescent="0.25">
      <c r="A25960" t="s">
        <v>39674</v>
      </c>
      <c r="B25960" t="s">
        <v>39675</v>
      </c>
      <c r="C25960">
        <v>1</v>
      </c>
      <c r="D25960">
        <v>0</v>
      </c>
    </row>
    <row r="25961" spans="1:4" x14ac:dyDescent="0.25">
      <c r="A25961" t="s">
        <v>39674</v>
      </c>
      <c r="B25961" t="s">
        <v>39676</v>
      </c>
      <c r="C25961">
        <v>1</v>
      </c>
      <c r="D25961">
        <v>0</v>
      </c>
    </row>
    <row r="25962" spans="1:4" x14ac:dyDescent="0.25">
      <c r="A25962" t="s">
        <v>39677</v>
      </c>
      <c r="B25962" t="s">
        <v>39678</v>
      </c>
      <c r="C25962">
        <v>1</v>
      </c>
      <c r="D25962">
        <v>0</v>
      </c>
    </row>
    <row r="25963" spans="1:4" x14ac:dyDescent="0.25">
      <c r="A25963" t="s">
        <v>39679</v>
      </c>
      <c r="B25963" t="s">
        <v>39680</v>
      </c>
      <c r="C25963">
        <v>2</v>
      </c>
      <c r="D25963">
        <v>0</v>
      </c>
    </row>
    <row r="25964" spans="1:4" x14ac:dyDescent="0.25">
      <c r="A25964" t="s">
        <v>39679</v>
      </c>
      <c r="B25964" t="s">
        <v>39681</v>
      </c>
      <c r="C25964">
        <v>2</v>
      </c>
      <c r="D25964">
        <v>0</v>
      </c>
    </row>
    <row r="25965" spans="1:4" x14ac:dyDescent="0.25">
      <c r="A25965" t="s">
        <v>39679</v>
      </c>
      <c r="B25965" t="s">
        <v>39682</v>
      </c>
      <c r="C25965">
        <v>2</v>
      </c>
      <c r="D25965">
        <v>0</v>
      </c>
    </row>
    <row r="25966" spans="1:4" x14ac:dyDescent="0.25">
      <c r="A25966" t="s">
        <v>39683</v>
      </c>
      <c r="B25966" t="s">
        <v>39684</v>
      </c>
      <c r="C25966">
        <v>1</v>
      </c>
      <c r="D25966">
        <v>0</v>
      </c>
    </row>
    <row r="25967" spans="1:4" x14ac:dyDescent="0.25">
      <c r="A25967" t="s">
        <v>39683</v>
      </c>
      <c r="B25967" t="s">
        <v>39685</v>
      </c>
      <c r="C25967">
        <v>1</v>
      </c>
      <c r="D25967">
        <v>0</v>
      </c>
    </row>
    <row r="25968" spans="1:4" x14ac:dyDescent="0.25">
      <c r="A25968" t="s">
        <v>39683</v>
      </c>
      <c r="B25968" t="s">
        <v>39686</v>
      </c>
      <c r="C25968">
        <v>1</v>
      </c>
      <c r="D25968">
        <v>0</v>
      </c>
    </row>
    <row r="25969" spans="1:4" x14ac:dyDescent="0.25">
      <c r="A25969" t="s">
        <v>39687</v>
      </c>
      <c r="B25969" t="s">
        <v>39688</v>
      </c>
      <c r="C25969">
        <v>0</v>
      </c>
      <c r="D25969">
        <v>0</v>
      </c>
    </row>
    <row r="25970" spans="1:4" x14ac:dyDescent="0.25">
      <c r="A25970" t="s">
        <v>39687</v>
      </c>
      <c r="B25970" t="s">
        <v>39689</v>
      </c>
      <c r="C25970">
        <v>0</v>
      </c>
      <c r="D25970">
        <v>0</v>
      </c>
    </row>
    <row r="25971" spans="1:4" x14ac:dyDescent="0.25">
      <c r="A25971" t="s">
        <v>39687</v>
      </c>
      <c r="B25971" t="s">
        <v>39690</v>
      </c>
      <c r="C25971">
        <v>0</v>
      </c>
      <c r="D25971">
        <v>0</v>
      </c>
    </row>
    <row r="25972" spans="1:4" x14ac:dyDescent="0.25">
      <c r="A25972" t="s">
        <v>39691</v>
      </c>
      <c r="B25972" t="s">
        <v>39692</v>
      </c>
      <c r="C25972">
        <v>0</v>
      </c>
      <c r="D25972">
        <v>0</v>
      </c>
    </row>
    <row r="25973" spans="1:4" x14ac:dyDescent="0.25">
      <c r="A25973" t="s">
        <v>39693</v>
      </c>
      <c r="B25973" t="s">
        <v>39694</v>
      </c>
      <c r="C25973">
        <v>1</v>
      </c>
      <c r="D25973">
        <v>0</v>
      </c>
    </row>
    <row r="25974" spans="1:4" x14ac:dyDescent="0.25">
      <c r="A25974" t="s">
        <v>39693</v>
      </c>
      <c r="B25974" t="s">
        <v>39695</v>
      </c>
      <c r="C25974">
        <v>1</v>
      </c>
      <c r="D25974">
        <v>0</v>
      </c>
    </row>
    <row r="25975" spans="1:4" x14ac:dyDescent="0.25">
      <c r="A25975" t="s">
        <v>39693</v>
      </c>
      <c r="B25975" t="s">
        <v>39696</v>
      </c>
      <c r="C25975">
        <v>1</v>
      </c>
      <c r="D25975">
        <v>0</v>
      </c>
    </row>
    <row r="25976" spans="1:4" x14ac:dyDescent="0.25">
      <c r="A25976" t="s">
        <v>39697</v>
      </c>
      <c r="B25976" t="s">
        <v>39698</v>
      </c>
      <c r="C25976">
        <v>1</v>
      </c>
      <c r="D25976">
        <v>0</v>
      </c>
    </row>
    <row r="25977" spans="1:4" x14ac:dyDescent="0.25">
      <c r="A25977" t="s">
        <v>39697</v>
      </c>
      <c r="B25977" t="s">
        <v>2865</v>
      </c>
      <c r="C25977">
        <v>0</v>
      </c>
      <c r="D25977">
        <v>0</v>
      </c>
    </row>
    <row r="25978" spans="1:4" x14ac:dyDescent="0.25">
      <c r="A25978" t="s">
        <v>39699</v>
      </c>
      <c r="B25978" t="s">
        <v>39700</v>
      </c>
      <c r="C25978">
        <v>1</v>
      </c>
      <c r="D25978">
        <v>0</v>
      </c>
    </row>
    <row r="25979" spans="1:4" x14ac:dyDescent="0.25">
      <c r="A25979" t="s">
        <v>39701</v>
      </c>
      <c r="B25979" t="s">
        <v>39702</v>
      </c>
      <c r="C25979">
        <v>1</v>
      </c>
      <c r="D25979">
        <v>0</v>
      </c>
    </row>
    <row r="25980" spans="1:4" x14ac:dyDescent="0.25">
      <c r="A25980" t="s">
        <v>39703</v>
      </c>
      <c r="B25980" t="s">
        <v>39704</v>
      </c>
      <c r="C25980">
        <v>2</v>
      </c>
      <c r="D25980">
        <v>0</v>
      </c>
    </row>
    <row r="25981" spans="1:4" x14ac:dyDescent="0.25">
      <c r="A25981" t="s">
        <v>39703</v>
      </c>
      <c r="B25981" t="s">
        <v>39705</v>
      </c>
      <c r="C25981">
        <v>2</v>
      </c>
      <c r="D25981">
        <v>0</v>
      </c>
    </row>
    <row r="25982" spans="1:4" x14ac:dyDescent="0.25">
      <c r="A25982" t="s">
        <v>39703</v>
      </c>
      <c r="B25982" t="s">
        <v>39706</v>
      </c>
      <c r="C25982">
        <v>1</v>
      </c>
      <c r="D25982">
        <v>0</v>
      </c>
    </row>
    <row r="25983" spans="1:4" x14ac:dyDescent="0.25">
      <c r="A25983" t="s">
        <v>39707</v>
      </c>
      <c r="B25983" t="s">
        <v>39708</v>
      </c>
      <c r="C25983">
        <v>1</v>
      </c>
      <c r="D25983">
        <v>0</v>
      </c>
    </row>
    <row r="25984" spans="1:4" x14ac:dyDescent="0.25">
      <c r="A25984" t="s">
        <v>39709</v>
      </c>
      <c r="B25984" t="s">
        <v>39710</v>
      </c>
      <c r="C25984">
        <v>1</v>
      </c>
      <c r="D25984">
        <v>0</v>
      </c>
    </row>
    <row r="25985" spans="1:4" x14ac:dyDescent="0.25">
      <c r="A25985" t="s">
        <v>39709</v>
      </c>
      <c r="B25985" t="s">
        <v>1567</v>
      </c>
      <c r="C25985">
        <v>0</v>
      </c>
      <c r="D25985">
        <v>0</v>
      </c>
    </row>
    <row r="25986" spans="1:4" x14ac:dyDescent="0.25">
      <c r="A25986" t="s">
        <v>39711</v>
      </c>
      <c r="B25986" t="s">
        <v>39712</v>
      </c>
      <c r="C25986">
        <v>1</v>
      </c>
      <c r="D25986">
        <v>0</v>
      </c>
    </row>
    <row r="25987" spans="1:4" x14ac:dyDescent="0.25">
      <c r="A25987" t="s">
        <v>39711</v>
      </c>
      <c r="B25987" t="s">
        <v>39713</v>
      </c>
      <c r="C25987">
        <v>0</v>
      </c>
      <c r="D25987">
        <v>0</v>
      </c>
    </row>
    <row r="25988" spans="1:4" x14ac:dyDescent="0.25">
      <c r="A25988" t="s">
        <v>39711</v>
      </c>
      <c r="B25988" t="s">
        <v>39714</v>
      </c>
      <c r="C25988">
        <v>1</v>
      </c>
      <c r="D25988">
        <v>0</v>
      </c>
    </row>
    <row r="25989" spans="1:4" x14ac:dyDescent="0.25">
      <c r="A25989" t="s">
        <v>39715</v>
      </c>
      <c r="B25989" t="s">
        <v>39716</v>
      </c>
      <c r="C25989">
        <v>2</v>
      </c>
      <c r="D25989">
        <v>0</v>
      </c>
    </row>
    <row r="25990" spans="1:4" x14ac:dyDescent="0.25">
      <c r="A25990" t="s">
        <v>39715</v>
      </c>
      <c r="B25990" t="s">
        <v>39717</v>
      </c>
      <c r="C25990">
        <v>2</v>
      </c>
      <c r="D25990">
        <v>0</v>
      </c>
    </row>
    <row r="25991" spans="1:4" x14ac:dyDescent="0.25">
      <c r="A25991" t="s">
        <v>39718</v>
      </c>
      <c r="B25991" t="s">
        <v>39719</v>
      </c>
      <c r="C25991">
        <v>2</v>
      </c>
      <c r="D25991">
        <v>0</v>
      </c>
    </row>
    <row r="25992" spans="1:4" x14ac:dyDescent="0.25">
      <c r="A25992" t="s">
        <v>39720</v>
      </c>
      <c r="B25992" t="s">
        <v>2825</v>
      </c>
      <c r="C25992">
        <v>1</v>
      </c>
      <c r="D25992">
        <v>0</v>
      </c>
    </row>
    <row r="25993" spans="1:4" x14ac:dyDescent="0.25">
      <c r="A25993" t="s">
        <v>39721</v>
      </c>
      <c r="B25993" t="s">
        <v>39722</v>
      </c>
      <c r="C25993">
        <v>1</v>
      </c>
      <c r="D25993">
        <v>0</v>
      </c>
    </row>
    <row r="25994" spans="1:4" x14ac:dyDescent="0.25">
      <c r="A25994" t="s">
        <v>39721</v>
      </c>
      <c r="B25994" t="s">
        <v>39723</v>
      </c>
      <c r="C25994">
        <v>1</v>
      </c>
      <c r="D25994">
        <v>0</v>
      </c>
    </row>
    <row r="25995" spans="1:4" x14ac:dyDescent="0.25">
      <c r="A25995" t="s">
        <v>39721</v>
      </c>
      <c r="B25995" t="s">
        <v>39724</v>
      </c>
      <c r="C25995">
        <v>1</v>
      </c>
      <c r="D25995">
        <v>0</v>
      </c>
    </row>
    <row r="25996" spans="1:4" x14ac:dyDescent="0.25">
      <c r="A25996" t="s">
        <v>39725</v>
      </c>
      <c r="B25996" t="s">
        <v>39726</v>
      </c>
      <c r="C25996">
        <v>2</v>
      </c>
      <c r="D25996">
        <v>0</v>
      </c>
    </row>
    <row r="25997" spans="1:4" x14ac:dyDescent="0.25">
      <c r="A25997" t="s">
        <v>39727</v>
      </c>
      <c r="B25997" t="s">
        <v>39728</v>
      </c>
      <c r="C25997">
        <v>1</v>
      </c>
      <c r="D25997">
        <v>0</v>
      </c>
    </row>
    <row r="25998" spans="1:4" x14ac:dyDescent="0.25">
      <c r="A25998" t="s">
        <v>39727</v>
      </c>
      <c r="B25998" t="s">
        <v>39729</v>
      </c>
      <c r="C25998">
        <v>1</v>
      </c>
      <c r="D25998">
        <v>0</v>
      </c>
    </row>
    <row r="25999" spans="1:4" x14ac:dyDescent="0.25">
      <c r="A25999" t="s">
        <v>39727</v>
      </c>
      <c r="B25999" t="s">
        <v>39730</v>
      </c>
      <c r="C25999">
        <v>2</v>
      </c>
      <c r="D25999">
        <v>0</v>
      </c>
    </row>
    <row r="26000" spans="1:4" x14ac:dyDescent="0.25">
      <c r="A26000" t="s">
        <v>39731</v>
      </c>
      <c r="B26000" t="s">
        <v>39732</v>
      </c>
      <c r="C26000">
        <v>2</v>
      </c>
      <c r="D26000">
        <v>0</v>
      </c>
    </row>
    <row r="26001" spans="1:4" x14ac:dyDescent="0.25">
      <c r="A26001" t="s">
        <v>39733</v>
      </c>
      <c r="B26001" t="s">
        <v>39734</v>
      </c>
      <c r="C26001">
        <v>1</v>
      </c>
      <c r="D26001">
        <v>0</v>
      </c>
    </row>
    <row r="26002" spans="1:4" x14ac:dyDescent="0.25">
      <c r="A26002" t="s">
        <v>39733</v>
      </c>
      <c r="B26002" t="s">
        <v>39735</v>
      </c>
      <c r="C26002">
        <v>0</v>
      </c>
      <c r="D26002">
        <v>0</v>
      </c>
    </row>
    <row r="26003" spans="1:4" x14ac:dyDescent="0.25">
      <c r="A26003" t="s">
        <v>39733</v>
      </c>
      <c r="B26003" t="s">
        <v>39736</v>
      </c>
      <c r="C26003">
        <v>0</v>
      </c>
      <c r="D26003">
        <v>0</v>
      </c>
    </row>
    <row r="26004" spans="1:4" x14ac:dyDescent="0.25">
      <c r="A26004" t="s">
        <v>39737</v>
      </c>
      <c r="B26004" t="s">
        <v>39738</v>
      </c>
      <c r="C26004">
        <v>0</v>
      </c>
      <c r="D26004">
        <v>0</v>
      </c>
    </row>
    <row r="26005" spans="1:4" x14ac:dyDescent="0.25">
      <c r="A26005" t="s">
        <v>39737</v>
      </c>
      <c r="B26005" t="s">
        <v>39739</v>
      </c>
      <c r="C26005">
        <v>1</v>
      </c>
      <c r="D26005">
        <v>0</v>
      </c>
    </row>
    <row r="26006" spans="1:4" x14ac:dyDescent="0.25">
      <c r="A26006" t="s">
        <v>39740</v>
      </c>
      <c r="B26006" t="s">
        <v>39741</v>
      </c>
      <c r="C26006">
        <v>0</v>
      </c>
      <c r="D26006">
        <v>0</v>
      </c>
    </row>
    <row r="26007" spans="1:4" x14ac:dyDescent="0.25">
      <c r="A26007" t="s">
        <v>39740</v>
      </c>
      <c r="B26007" t="s">
        <v>39742</v>
      </c>
      <c r="C26007">
        <v>1</v>
      </c>
      <c r="D26007">
        <v>0</v>
      </c>
    </row>
    <row r="26008" spans="1:4" x14ac:dyDescent="0.25">
      <c r="A26008" t="s">
        <v>39740</v>
      </c>
      <c r="B26008" t="s">
        <v>39743</v>
      </c>
      <c r="C26008">
        <v>1</v>
      </c>
      <c r="D26008">
        <v>0</v>
      </c>
    </row>
    <row r="26009" spans="1:4" x14ac:dyDescent="0.25">
      <c r="A26009" t="s">
        <v>39744</v>
      </c>
      <c r="B26009" t="s">
        <v>969</v>
      </c>
      <c r="C26009">
        <v>0</v>
      </c>
      <c r="D26009">
        <v>0</v>
      </c>
    </row>
    <row r="26010" spans="1:4" x14ac:dyDescent="0.25">
      <c r="A26010" t="s">
        <v>39744</v>
      </c>
      <c r="B26010" t="s">
        <v>39745</v>
      </c>
      <c r="C26010">
        <v>1</v>
      </c>
      <c r="D26010">
        <v>0</v>
      </c>
    </row>
    <row r="26011" spans="1:4" x14ac:dyDescent="0.25">
      <c r="A26011" t="s">
        <v>39746</v>
      </c>
      <c r="B26011" t="s">
        <v>39747</v>
      </c>
      <c r="C26011">
        <v>0</v>
      </c>
      <c r="D26011">
        <v>0</v>
      </c>
    </row>
    <row r="26012" spans="1:4" x14ac:dyDescent="0.25">
      <c r="A26012" t="s">
        <v>39748</v>
      </c>
      <c r="B26012" t="s">
        <v>39749</v>
      </c>
      <c r="C26012">
        <v>1</v>
      </c>
      <c r="D26012">
        <v>0</v>
      </c>
    </row>
    <row r="26013" spans="1:4" x14ac:dyDescent="0.25">
      <c r="A26013" t="s">
        <v>39748</v>
      </c>
      <c r="B26013" t="s">
        <v>39750</v>
      </c>
      <c r="C26013">
        <v>2</v>
      </c>
      <c r="D26013">
        <v>0</v>
      </c>
    </row>
    <row r="26014" spans="1:4" x14ac:dyDescent="0.25">
      <c r="A26014" t="s">
        <v>39751</v>
      </c>
      <c r="B26014" t="s">
        <v>39752</v>
      </c>
      <c r="C26014">
        <v>1</v>
      </c>
      <c r="D26014">
        <v>0</v>
      </c>
    </row>
    <row r="26015" spans="1:4" x14ac:dyDescent="0.25">
      <c r="A26015" t="s">
        <v>39751</v>
      </c>
      <c r="B26015" t="s">
        <v>923</v>
      </c>
      <c r="C26015">
        <v>0</v>
      </c>
      <c r="D26015">
        <v>0</v>
      </c>
    </row>
    <row r="26016" spans="1:4" x14ac:dyDescent="0.25">
      <c r="A26016" t="s">
        <v>39753</v>
      </c>
      <c r="B26016" t="s">
        <v>39754</v>
      </c>
      <c r="C26016">
        <v>2</v>
      </c>
      <c r="D26016">
        <v>0</v>
      </c>
    </row>
    <row r="26017" spans="1:4" x14ac:dyDescent="0.25">
      <c r="A26017" t="s">
        <v>39753</v>
      </c>
      <c r="B26017" t="s">
        <v>39755</v>
      </c>
      <c r="C26017">
        <v>2</v>
      </c>
      <c r="D26017">
        <v>0</v>
      </c>
    </row>
    <row r="26018" spans="1:4" x14ac:dyDescent="0.25">
      <c r="A26018" t="s">
        <v>39753</v>
      </c>
      <c r="B26018" t="s">
        <v>39756</v>
      </c>
      <c r="C26018">
        <v>1</v>
      </c>
      <c r="D26018">
        <v>0</v>
      </c>
    </row>
    <row r="26019" spans="1:4" x14ac:dyDescent="0.25">
      <c r="A26019" t="s">
        <v>39757</v>
      </c>
      <c r="B26019" t="s">
        <v>39758</v>
      </c>
      <c r="C26019">
        <v>0</v>
      </c>
      <c r="D26019">
        <v>0</v>
      </c>
    </row>
    <row r="26020" spans="1:4" x14ac:dyDescent="0.25">
      <c r="A26020" t="s">
        <v>39757</v>
      </c>
      <c r="B26020" t="s">
        <v>39759</v>
      </c>
      <c r="C26020">
        <v>0</v>
      </c>
      <c r="D26020">
        <v>0</v>
      </c>
    </row>
    <row r="26021" spans="1:4" x14ac:dyDescent="0.25">
      <c r="A26021" t="s">
        <v>39760</v>
      </c>
      <c r="B26021" t="s">
        <v>39761</v>
      </c>
      <c r="C26021">
        <v>1</v>
      </c>
      <c r="D26021">
        <v>0</v>
      </c>
    </row>
    <row r="26022" spans="1:4" x14ac:dyDescent="0.25">
      <c r="A26022" t="s">
        <v>39760</v>
      </c>
      <c r="B26022" t="s">
        <v>968</v>
      </c>
      <c r="C26022">
        <v>1</v>
      </c>
      <c r="D26022">
        <v>0</v>
      </c>
    </row>
    <row r="26023" spans="1:4" x14ac:dyDescent="0.25">
      <c r="A26023" t="s">
        <v>39760</v>
      </c>
      <c r="B26023" t="s">
        <v>39762</v>
      </c>
      <c r="C26023">
        <v>0</v>
      </c>
      <c r="D26023">
        <v>0</v>
      </c>
    </row>
    <row r="26024" spans="1:4" x14ac:dyDescent="0.25">
      <c r="A26024" t="s">
        <v>39763</v>
      </c>
      <c r="B26024" t="s">
        <v>39764</v>
      </c>
      <c r="C26024">
        <v>1</v>
      </c>
      <c r="D26024">
        <v>0</v>
      </c>
    </row>
    <row r="26025" spans="1:4" x14ac:dyDescent="0.25">
      <c r="A26025" t="s">
        <v>39763</v>
      </c>
      <c r="B26025" t="s">
        <v>39765</v>
      </c>
      <c r="C26025">
        <v>1</v>
      </c>
      <c r="D26025">
        <v>0</v>
      </c>
    </row>
    <row r="26026" spans="1:4" x14ac:dyDescent="0.25">
      <c r="A26026" t="s">
        <v>39763</v>
      </c>
      <c r="B26026" t="s">
        <v>39766</v>
      </c>
      <c r="C26026">
        <v>1</v>
      </c>
      <c r="D26026">
        <v>0</v>
      </c>
    </row>
    <row r="26027" spans="1:4" x14ac:dyDescent="0.25">
      <c r="A26027" t="s">
        <v>39767</v>
      </c>
      <c r="B26027" t="s">
        <v>39768</v>
      </c>
      <c r="C26027">
        <v>0</v>
      </c>
      <c r="D26027">
        <v>0</v>
      </c>
    </row>
    <row r="26028" spans="1:4" x14ac:dyDescent="0.25">
      <c r="A26028" t="s">
        <v>39769</v>
      </c>
      <c r="B26028" t="s">
        <v>39770</v>
      </c>
      <c r="C26028">
        <v>2</v>
      </c>
      <c r="D26028">
        <v>0</v>
      </c>
    </row>
    <row r="26029" spans="1:4" x14ac:dyDescent="0.25">
      <c r="A26029" t="s">
        <v>39769</v>
      </c>
      <c r="B26029" t="s">
        <v>39771</v>
      </c>
      <c r="C26029">
        <v>0</v>
      </c>
      <c r="D26029">
        <v>0</v>
      </c>
    </row>
    <row r="26030" spans="1:4" x14ac:dyDescent="0.25">
      <c r="A26030" t="s">
        <v>39769</v>
      </c>
      <c r="B26030" t="s">
        <v>39772</v>
      </c>
      <c r="C26030">
        <v>0</v>
      </c>
      <c r="D26030">
        <v>0</v>
      </c>
    </row>
    <row r="26031" spans="1:4" x14ac:dyDescent="0.25">
      <c r="A26031" t="s">
        <v>39773</v>
      </c>
      <c r="B26031" t="s">
        <v>39774</v>
      </c>
      <c r="C26031">
        <v>1</v>
      </c>
      <c r="D26031">
        <v>0</v>
      </c>
    </row>
    <row r="26032" spans="1:4" x14ac:dyDescent="0.25">
      <c r="A26032" t="s">
        <v>39775</v>
      </c>
      <c r="B26032" t="s">
        <v>39776</v>
      </c>
      <c r="C26032">
        <v>1</v>
      </c>
      <c r="D26032">
        <v>0</v>
      </c>
    </row>
    <row r="26033" spans="1:4" x14ac:dyDescent="0.25">
      <c r="A26033" t="s">
        <v>39777</v>
      </c>
      <c r="B26033" t="s">
        <v>39778</v>
      </c>
      <c r="C26033">
        <v>1</v>
      </c>
      <c r="D26033">
        <v>0</v>
      </c>
    </row>
    <row r="26034" spans="1:4" x14ac:dyDescent="0.25">
      <c r="A26034" t="s">
        <v>39777</v>
      </c>
      <c r="B26034" t="s">
        <v>39779</v>
      </c>
      <c r="C26034">
        <v>1</v>
      </c>
      <c r="D26034">
        <v>0</v>
      </c>
    </row>
    <row r="26035" spans="1:4" x14ac:dyDescent="0.25">
      <c r="A26035" t="s">
        <v>39780</v>
      </c>
      <c r="B26035" t="s">
        <v>39781</v>
      </c>
      <c r="C26035">
        <v>1</v>
      </c>
      <c r="D26035">
        <v>0</v>
      </c>
    </row>
    <row r="26036" spans="1:4" x14ac:dyDescent="0.25">
      <c r="A26036" t="s">
        <v>39780</v>
      </c>
      <c r="B26036" t="s">
        <v>39782</v>
      </c>
      <c r="C26036">
        <v>1</v>
      </c>
      <c r="D26036">
        <v>0</v>
      </c>
    </row>
    <row r="26037" spans="1:4" x14ac:dyDescent="0.25">
      <c r="A26037" t="s">
        <v>39780</v>
      </c>
      <c r="B26037" t="s">
        <v>968</v>
      </c>
      <c r="C26037">
        <v>1</v>
      </c>
      <c r="D26037">
        <v>0</v>
      </c>
    </row>
    <row r="26038" spans="1:4" x14ac:dyDescent="0.25">
      <c r="A26038" t="s">
        <v>39783</v>
      </c>
      <c r="B26038" t="s">
        <v>38766</v>
      </c>
      <c r="C26038">
        <v>0</v>
      </c>
      <c r="D26038">
        <v>0</v>
      </c>
    </row>
    <row r="26039" spans="1:4" x14ac:dyDescent="0.25">
      <c r="A26039" t="s">
        <v>39784</v>
      </c>
      <c r="B26039" t="s">
        <v>39785</v>
      </c>
      <c r="C26039">
        <v>1</v>
      </c>
      <c r="D26039">
        <v>0</v>
      </c>
    </row>
    <row r="26040" spans="1:4" x14ac:dyDescent="0.25">
      <c r="A26040" t="s">
        <v>39784</v>
      </c>
      <c r="B26040" t="s">
        <v>5903</v>
      </c>
      <c r="C26040">
        <v>0</v>
      </c>
      <c r="D26040">
        <v>0</v>
      </c>
    </row>
    <row r="26041" spans="1:4" x14ac:dyDescent="0.25">
      <c r="A26041" t="s">
        <v>39784</v>
      </c>
      <c r="B26041" t="s">
        <v>1401</v>
      </c>
      <c r="C26041">
        <v>0</v>
      </c>
      <c r="D26041">
        <v>0</v>
      </c>
    </row>
    <row r="26042" spans="1:4" x14ac:dyDescent="0.25">
      <c r="A26042" t="s">
        <v>39786</v>
      </c>
      <c r="B26042" t="s">
        <v>39787</v>
      </c>
      <c r="C26042">
        <v>0</v>
      </c>
      <c r="D26042">
        <v>0</v>
      </c>
    </row>
    <row r="26043" spans="1:4" x14ac:dyDescent="0.25">
      <c r="A26043" t="s">
        <v>39786</v>
      </c>
      <c r="B26043" t="s">
        <v>39788</v>
      </c>
      <c r="C26043">
        <v>1</v>
      </c>
      <c r="D26043">
        <v>0</v>
      </c>
    </row>
    <row r="26044" spans="1:4" x14ac:dyDescent="0.25">
      <c r="A26044" t="s">
        <v>39786</v>
      </c>
      <c r="B26044" t="s">
        <v>39789</v>
      </c>
      <c r="C26044">
        <v>0</v>
      </c>
      <c r="D26044">
        <v>0</v>
      </c>
    </row>
    <row r="26045" spans="1:4" x14ac:dyDescent="0.25">
      <c r="A26045" t="s">
        <v>39790</v>
      </c>
      <c r="B26045" t="s">
        <v>39791</v>
      </c>
      <c r="C26045">
        <v>1</v>
      </c>
      <c r="D26045">
        <v>0</v>
      </c>
    </row>
    <row r="26046" spans="1:4" x14ac:dyDescent="0.25">
      <c r="A26046" t="s">
        <v>39792</v>
      </c>
      <c r="B26046" t="s">
        <v>39793</v>
      </c>
      <c r="C26046">
        <v>0</v>
      </c>
      <c r="D26046">
        <v>0</v>
      </c>
    </row>
    <row r="26047" spans="1:4" x14ac:dyDescent="0.25">
      <c r="A26047" t="s">
        <v>39792</v>
      </c>
      <c r="B26047" t="s">
        <v>39794</v>
      </c>
      <c r="C26047">
        <v>2</v>
      </c>
      <c r="D26047">
        <v>0</v>
      </c>
    </row>
    <row r="26048" spans="1:4" x14ac:dyDescent="0.25">
      <c r="A26048" t="s">
        <v>39792</v>
      </c>
      <c r="B26048" t="s">
        <v>39795</v>
      </c>
      <c r="C26048">
        <v>2</v>
      </c>
      <c r="D26048">
        <v>0</v>
      </c>
    </row>
    <row r="26049" spans="1:4" x14ac:dyDescent="0.25">
      <c r="A26049" t="s">
        <v>39796</v>
      </c>
      <c r="B26049" t="s">
        <v>39797</v>
      </c>
      <c r="C26049">
        <v>1</v>
      </c>
      <c r="D26049">
        <v>0</v>
      </c>
    </row>
    <row r="26050" spans="1:4" x14ac:dyDescent="0.25">
      <c r="A26050" t="s">
        <v>39798</v>
      </c>
      <c r="B26050" t="s">
        <v>39799</v>
      </c>
      <c r="C26050">
        <v>2</v>
      </c>
      <c r="D26050">
        <v>0</v>
      </c>
    </row>
    <row r="26051" spans="1:4" x14ac:dyDescent="0.25">
      <c r="A26051" t="s">
        <v>39798</v>
      </c>
      <c r="B26051" t="s">
        <v>1151</v>
      </c>
      <c r="C26051">
        <v>1</v>
      </c>
      <c r="D26051">
        <v>0</v>
      </c>
    </row>
    <row r="26052" spans="1:4" x14ac:dyDescent="0.25">
      <c r="A26052" t="s">
        <v>39800</v>
      </c>
      <c r="B26052" t="s">
        <v>23768</v>
      </c>
      <c r="C26052">
        <v>0</v>
      </c>
      <c r="D26052">
        <v>0</v>
      </c>
    </row>
    <row r="26053" spans="1:4" x14ac:dyDescent="0.25">
      <c r="A26053" t="s">
        <v>39800</v>
      </c>
      <c r="B26053" t="s">
        <v>39801</v>
      </c>
      <c r="C26053">
        <v>0</v>
      </c>
      <c r="D26053">
        <v>0</v>
      </c>
    </row>
    <row r="26054" spans="1:4" x14ac:dyDescent="0.25">
      <c r="A26054" t="s">
        <v>39800</v>
      </c>
      <c r="B26054" t="s">
        <v>39802</v>
      </c>
      <c r="C26054">
        <v>0</v>
      </c>
      <c r="D26054">
        <v>0</v>
      </c>
    </row>
    <row r="26055" spans="1:4" x14ac:dyDescent="0.25">
      <c r="A26055" t="s">
        <v>39803</v>
      </c>
      <c r="B26055" t="s">
        <v>39804</v>
      </c>
      <c r="C26055">
        <v>0</v>
      </c>
      <c r="D26055">
        <v>0</v>
      </c>
    </row>
    <row r="26056" spans="1:4" x14ac:dyDescent="0.25">
      <c r="A26056" t="s">
        <v>39803</v>
      </c>
      <c r="B26056" t="s">
        <v>39805</v>
      </c>
      <c r="C26056">
        <v>0</v>
      </c>
      <c r="D26056">
        <v>0</v>
      </c>
    </row>
    <row r="26057" spans="1:4" x14ac:dyDescent="0.25">
      <c r="A26057" t="s">
        <v>39803</v>
      </c>
      <c r="B26057" t="s">
        <v>39806</v>
      </c>
      <c r="C26057">
        <v>0</v>
      </c>
      <c r="D26057">
        <v>0</v>
      </c>
    </row>
    <row r="26058" spans="1:4" x14ac:dyDescent="0.25">
      <c r="A26058" t="s">
        <v>39807</v>
      </c>
      <c r="B26058" t="s">
        <v>39808</v>
      </c>
      <c r="C26058">
        <v>0</v>
      </c>
      <c r="D26058">
        <v>0</v>
      </c>
    </row>
    <row r="26059" spans="1:4" x14ac:dyDescent="0.25">
      <c r="A26059" t="s">
        <v>39807</v>
      </c>
      <c r="B26059" t="s">
        <v>39809</v>
      </c>
      <c r="C26059">
        <v>1</v>
      </c>
      <c r="D26059">
        <v>0</v>
      </c>
    </row>
    <row r="26060" spans="1:4" x14ac:dyDescent="0.25">
      <c r="A26060" t="s">
        <v>39807</v>
      </c>
      <c r="B26060" t="s">
        <v>39810</v>
      </c>
      <c r="C26060">
        <v>1</v>
      </c>
      <c r="D26060">
        <v>0</v>
      </c>
    </row>
    <row r="26061" spans="1:4" x14ac:dyDescent="0.25">
      <c r="A26061" t="s">
        <v>39811</v>
      </c>
      <c r="B26061" t="s">
        <v>969</v>
      </c>
      <c r="C26061">
        <v>0</v>
      </c>
      <c r="D26061">
        <v>0</v>
      </c>
    </row>
    <row r="26062" spans="1:4" x14ac:dyDescent="0.25">
      <c r="A26062" t="s">
        <v>39812</v>
      </c>
      <c r="B26062" t="s">
        <v>39813</v>
      </c>
      <c r="C26062">
        <v>2</v>
      </c>
      <c r="D26062">
        <v>0</v>
      </c>
    </row>
    <row r="26063" spans="1:4" x14ac:dyDescent="0.25">
      <c r="A26063" t="s">
        <v>39812</v>
      </c>
      <c r="B26063" t="s">
        <v>39814</v>
      </c>
      <c r="C26063">
        <v>2</v>
      </c>
      <c r="D26063">
        <v>0</v>
      </c>
    </row>
    <row r="26064" spans="1:4" x14ac:dyDescent="0.25">
      <c r="A26064" t="s">
        <v>39815</v>
      </c>
      <c r="B26064" t="s">
        <v>4454</v>
      </c>
      <c r="C26064">
        <v>1</v>
      </c>
      <c r="D26064">
        <v>0</v>
      </c>
    </row>
    <row r="26065" spans="1:4" x14ac:dyDescent="0.25">
      <c r="A26065" t="s">
        <v>39816</v>
      </c>
      <c r="B26065" t="s">
        <v>39817</v>
      </c>
      <c r="C26065">
        <v>0</v>
      </c>
      <c r="D26065">
        <v>0</v>
      </c>
    </row>
    <row r="26066" spans="1:4" x14ac:dyDescent="0.25">
      <c r="A26066" t="s">
        <v>39818</v>
      </c>
      <c r="B26066" t="s">
        <v>39819</v>
      </c>
      <c r="C26066">
        <v>1</v>
      </c>
      <c r="D26066">
        <v>0</v>
      </c>
    </row>
    <row r="26067" spans="1:4" x14ac:dyDescent="0.25">
      <c r="A26067" t="s">
        <v>39818</v>
      </c>
      <c r="B26067" t="s">
        <v>39820</v>
      </c>
      <c r="C26067">
        <v>1</v>
      </c>
      <c r="D26067">
        <v>0</v>
      </c>
    </row>
    <row r="26068" spans="1:4" x14ac:dyDescent="0.25">
      <c r="A26068" t="s">
        <v>39818</v>
      </c>
      <c r="B26068" t="s">
        <v>39821</v>
      </c>
      <c r="C26068">
        <v>1</v>
      </c>
      <c r="D26068">
        <v>0</v>
      </c>
    </row>
    <row r="26069" spans="1:4" x14ac:dyDescent="0.25">
      <c r="A26069" t="s">
        <v>39822</v>
      </c>
      <c r="B26069" t="s">
        <v>39823</v>
      </c>
      <c r="C26069">
        <v>1</v>
      </c>
      <c r="D26069">
        <v>0</v>
      </c>
    </row>
    <row r="26070" spans="1:4" x14ac:dyDescent="0.25">
      <c r="A26070" t="s">
        <v>39822</v>
      </c>
      <c r="B26070" t="s">
        <v>39824</v>
      </c>
      <c r="C26070">
        <v>1</v>
      </c>
      <c r="D26070">
        <v>0</v>
      </c>
    </row>
    <row r="26071" spans="1:4" x14ac:dyDescent="0.25">
      <c r="A26071" t="s">
        <v>39825</v>
      </c>
      <c r="B26071" t="s">
        <v>39826</v>
      </c>
      <c r="C26071">
        <v>1</v>
      </c>
      <c r="D26071">
        <v>0</v>
      </c>
    </row>
    <row r="26072" spans="1:4" x14ac:dyDescent="0.25">
      <c r="A26072" t="s">
        <v>39827</v>
      </c>
      <c r="B26072" t="s">
        <v>39828</v>
      </c>
      <c r="C26072">
        <v>1</v>
      </c>
      <c r="D26072">
        <v>0</v>
      </c>
    </row>
    <row r="26073" spans="1:4" x14ac:dyDescent="0.25">
      <c r="A26073" t="s">
        <v>39827</v>
      </c>
      <c r="B26073" t="s">
        <v>39829</v>
      </c>
      <c r="C26073">
        <v>0</v>
      </c>
      <c r="D26073">
        <v>0</v>
      </c>
    </row>
    <row r="26074" spans="1:4" x14ac:dyDescent="0.25">
      <c r="A26074" t="s">
        <v>39830</v>
      </c>
      <c r="B26074" t="s">
        <v>39831</v>
      </c>
      <c r="C26074">
        <v>1</v>
      </c>
      <c r="D26074">
        <v>0</v>
      </c>
    </row>
    <row r="26075" spans="1:4" x14ac:dyDescent="0.25">
      <c r="A26075" t="s">
        <v>39832</v>
      </c>
      <c r="B26075" t="s">
        <v>39833</v>
      </c>
      <c r="C26075">
        <v>1</v>
      </c>
      <c r="D26075">
        <v>0</v>
      </c>
    </row>
    <row r="26076" spans="1:4" x14ac:dyDescent="0.25">
      <c r="A26076" t="s">
        <v>39834</v>
      </c>
      <c r="B26076" t="s">
        <v>39835</v>
      </c>
      <c r="C26076">
        <v>0</v>
      </c>
      <c r="D26076">
        <v>0</v>
      </c>
    </row>
    <row r="26077" spans="1:4" x14ac:dyDescent="0.25">
      <c r="A26077" t="s">
        <v>39836</v>
      </c>
      <c r="B26077" t="s">
        <v>969</v>
      </c>
      <c r="C26077">
        <v>0</v>
      </c>
      <c r="D26077">
        <v>0</v>
      </c>
    </row>
    <row r="26078" spans="1:4" x14ac:dyDescent="0.25">
      <c r="A26078" t="s">
        <v>39836</v>
      </c>
      <c r="B26078" t="s">
        <v>39837</v>
      </c>
      <c r="C26078">
        <v>2</v>
      </c>
      <c r="D26078">
        <v>0</v>
      </c>
    </row>
    <row r="26079" spans="1:4" x14ac:dyDescent="0.25">
      <c r="A26079" t="s">
        <v>39838</v>
      </c>
      <c r="B26079" t="s">
        <v>1401</v>
      </c>
      <c r="C26079">
        <v>0</v>
      </c>
      <c r="D26079">
        <v>0</v>
      </c>
    </row>
    <row r="26080" spans="1:4" x14ac:dyDescent="0.25">
      <c r="A26080" t="s">
        <v>39838</v>
      </c>
      <c r="B26080" t="s">
        <v>39839</v>
      </c>
      <c r="C26080">
        <v>1</v>
      </c>
      <c r="D26080">
        <v>0</v>
      </c>
    </row>
    <row r="26081" spans="1:4" x14ac:dyDescent="0.25">
      <c r="A26081" t="s">
        <v>39840</v>
      </c>
      <c r="B26081" t="s">
        <v>39841</v>
      </c>
      <c r="C26081">
        <v>2</v>
      </c>
      <c r="D26081">
        <v>0</v>
      </c>
    </row>
    <row r="26082" spans="1:4" x14ac:dyDescent="0.25">
      <c r="A26082" t="s">
        <v>39840</v>
      </c>
      <c r="B26082" t="s">
        <v>39842</v>
      </c>
      <c r="C26082">
        <v>1</v>
      </c>
      <c r="D26082">
        <v>0</v>
      </c>
    </row>
    <row r="26083" spans="1:4" x14ac:dyDescent="0.25">
      <c r="A26083" t="s">
        <v>39840</v>
      </c>
      <c r="B26083" t="s">
        <v>39843</v>
      </c>
      <c r="C26083">
        <v>1</v>
      </c>
      <c r="D26083">
        <v>0</v>
      </c>
    </row>
    <row r="26084" spans="1:4" x14ac:dyDescent="0.25">
      <c r="A26084" t="s">
        <v>39844</v>
      </c>
      <c r="B26084" t="s">
        <v>39845</v>
      </c>
      <c r="C26084">
        <v>0</v>
      </c>
      <c r="D26084">
        <v>0</v>
      </c>
    </row>
    <row r="26085" spans="1:4" x14ac:dyDescent="0.25">
      <c r="A26085" t="s">
        <v>39844</v>
      </c>
      <c r="B26085" t="s">
        <v>968</v>
      </c>
      <c r="C26085">
        <v>1</v>
      </c>
      <c r="D26085">
        <v>0</v>
      </c>
    </row>
    <row r="26086" spans="1:4" x14ac:dyDescent="0.25">
      <c r="A26086" t="s">
        <v>39846</v>
      </c>
      <c r="B26086" t="s">
        <v>843</v>
      </c>
      <c r="C26086">
        <v>1</v>
      </c>
      <c r="D26086">
        <v>0</v>
      </c>
    </row>
    <row r="26087" spans="1:4" x14ac:dyDescent="0.25">
      <c r="A26087" t="s">
        <v>39846</v>
      </c>
      <c r="B26087" t="s">
        <v>39847</v>
      </c>
      <c r="C26087">
        <v>2</v>
      </c>
      <c r="D26087">
        <v>0</v>
      </c>
    </row>
    <row r="26088" spans="1:4" x14ac:dyDescent="0.25">
      <c r="A26088" t="s">
        <v>39848</v>
      </c>
      <c r="B26088" t="s">
        <v>39849</v>
      </c>
      <c r="C26088">
        <v>2</v>
      </c>
      <c r="D26088">
        <v>0</v>
      </c>
    </row>
    <row r="26089" spans="1:4" x14ac:dyDescent="0.25">
      <c r="A26089" t="s">
        <v>39848</v>
      </c>
      <c r="B26089" t="s">
        <v>39850</v>
      </c>
      <c r="C26089">
        <v>2</v>
      </c>
      <c r="D26089">
        <v>0</v>
      </c>
    </row>
    <row r="26090" spans="1:4" x14ac:dyDescent="0.25">
      <c r="A26090" t="s">
        <v>39848</v>
      </c>
      <c r="B26090" t="s">
        <v>39851</v>
      </c>
      <c r="C26090">
        <v>2</v>
      </c>
      <c r="D26090">
        <v>0</v>
      </c>
    </row>
    <row r="26091" spans="1:4" x14ac:dyDescent="0.25">
      <c r="A26091" t="s">
        <v>39852</v>
      </c>
      <c r="B26091" t="s">
        <v>39853</v>
      </c>
      <c r="C26091">
        <v>2</v>
      </c>
      <c r="D26091">
        <v>0</v>
      </c>
    </row>
    <row r="26092" spans="1:4" x14ac:dyDescent="0.25">
      <c r="A26092" t="s">
        <v>39852</v>
      </c>
      <c r="B26092" t="s">
        <v>39854</v>
      </c>
      <c r="C26092">
        <v>1</v>
      </c>
      <c r="D26092">
        <v>0</v>
      </c>
    </row>
    <row r="26093" spans="1:4" x14ac:dyDescent="0.25">
      <c r="A26093" t="s">
        <v>39852</v>
      </c>
      <c r="B26093" t="s">
        <v>39855</v>
      </c>
      <c r="C26093">
        <v>0</v>
      </c>
      <c r="D26093">
        <v>0</v>
      </c>
    </row>
    <row r="26094" spans="1:4" x14ac:dyDescent="0.25">
      <c r="A26094" t="s">
        <v>39856</v>
      </c>
      <c r="B26094" t="s">
        <v>39857</v>
      </c>
      <c r="C26094">
        <v>1</v>
      </c>
      <c r="D26094">
        <v>0</v>
      </c>
    </row>
    <row r="26095" spans="1:4" x14ac:dyDescent="0.25">
      <c r="A26095" t="s">
        <v>39858</v>
      </c>
      <c r="B26095" t="s">
        <v>39859</v>
      </c>
      <c r="C26095">
        <v>1</v>
      </c>
      <c r="D26095">
        <v>0</v>
      </c>
    </row>
    <row r="26096" spans="1:4" x14ac:dyDescent="0.25">
      <c r="A26096" t="s">
        <v>39860</v>
      </c>
      <c r="B26096" t="s">
        <v>39861</v>
      </c>
      <c r="C26096">
        <v>1</v>
      </c>
      <c r="D26096">
        <v>0</v>
      </c>
    </row>
    <row r="26097" spans="1:4" x14ac:dyDescent="0.25">
      <c r="A26097" t="s">
        <v>39860</v>
      </c>
      <c r="B26097" t="s">
        <v>39862</v>
      </c>
      <c r="C26097">
        <v>1</v>
      </c>
      <c r="D26097">
        <v>0</v>
      </c>
    </row>
    <row r="26098" spans="1:4" x14ac:dyDescent="0.25">
      <c r="A26098" t="s">
        <v>39860</v>
      </c>
      <c r="B26098" t="s">
        <v>39863</v>
      </c>
      <c r="C26098">
        <v>2</v>
      </c>
      <c r="D26098">
        <v>0</v>
      </c>
    </row>
    <row r="26099" spans="1:4" x14ac:dyDescent="0.25">
      <c r="A26099" t="s">
        <v>39864</v>
      </c>
      <c r="B26099" t="s">
        <v>39865</v>
      </c>
      <c r="C26099">
        <v>2</v>
      </c>
      <c r="D26099">
        <v>0</v>
      </c>
    </row>
    <row r="26100" spans="1:4" x14ac:dyDescent="0.25">
      <c r="A26100" t="s">
        <v>39864</v>
      </c>
      <c r="B26100" t="s">
        <v>39866</v>
      </c>
      <c r="C26100">
        <v>0</v>
      </c>
      <c r="D26100">
        <v>0</v>
      </c>
    </row>
    <row r="26101" spans="1:4" x14ac:dyDescent="0.25">
      <c r="A26101" t="s">
        <v>39864</v>
      </c>
      <c r="B26101" t="s">
        <v>39867</v>
      </c>
      <c r="C26101">
        <v>0</v>
      </c>
      <c r="D26101">
        <v>0</v>
      </c>
    </row>
    <row r="26102" spans="1:4" x14ac:dyDescent="0.25">
      <c r="A26102" t="s">
        <v>39868</v>
      </c>
      <c r="B26102" t="s">
        <v>39869</v>
      </c>
      <c r="C26102">
        <v>0</v>
      </c>
      <c r="D26102">
        <v>0</v>
      </c>
    </row>
    <row r="26103" spans="1:4" x14ac:dyDescent="0.25">
      <c r="A26103" t="s">
        <v>39870</v>
      </c>
      <c r="B26103" t="s">
        <v>39871</v>
      </c>
      <c r="C26103">
        <v>1</v>
      </c>
      <c r="D26103">
        <v>0</v>
      </c>
    </row>
    <row r="26104" spans="1:4" x14ac:dyDescent="0.25">
      <c r="A26104" t="s">
        <v>39872</v>
      </c>
      <c r="B26104" t="s">
        <v>39873</v>
      </c>
      <c r="C26104">
        <v>0</v>
      </c>
      <c r="D26104">
        <v>0</v>
      </c>
    </row>
    <row r="26105" spans="1:4" x14ac:dyDescent="0.25">
      <c r="A26105" t="s">
        <v>39872</v>
      </c>
      <c r="B26105" t="s">
        <v>39874</v>
      </c>
      <c r="C26105">
        <v>0</v>
      </c>
      <c r="D26105">
        <v>0</v>
      </c>
    </row>
    <row r="26106" spans="1:4" x14ac:dyDescent="0.25">
      <c r="A26106" t="s">
        <v>39872</v>
      </c>
      <c r="B26106" t="s">
        <v>39875</v>
      </c>
      <c r="C26106">
        <v>1</v>
      </c>
      <c r="D26106">
        <v>0</v>
      </c>
    </row>
    <row r="26107" spans="1:4" x14ac:dyDescent="0.25">
      <c r="A26107" t="s">
        <v>39876</v>
      </c>
      <c r="B26107" t="s">
        <v>39877</v>
      </c>
      <c r="C26107">
        <v>1</v>
      </c>
      <c r="D26107">
        <v>0</v>
      </c>
    </row>
    <row r="26108" spans="1:4" x14ac:dyDescent="0.25">
      <c r="A26108" t="s">
        <v>39878</v>
      </c>
      <c r="B26108" t="s">
        <v>852</v>
      </c>
      <c r="C26108">
        <v>0</v>
      </c>
      <c r="D26108">
        <v>0</v>
      </c>
    </row>
    <row r="26109" spans="1:4" x14ac:dyDescent="0.25">
      <c r="A26109" t="s">
        <v>39879</v>
      </c>
      <c r="B26109" t="s">
        <v>1499</v>
      </c>
      <c r="C26109">
        <v>1</v>
      </c>
      <c r="D26109">
        <v>0</v>
      </c>
    </row>
    <row r="26110" spans="1:4" x14ac:dyDescent="0.25">
      <c r="A26110" t="s">
        <v>39879</v>
      </c>
      <c r="B26110" t="s">
        <v>39880</v>
      </c>
      <c r="C26110">
        <v>0</v>
      </c>
      <c r="D26110">
        <v>0</v>
      </c>
    </row>
    <row r="26111" spans="1:4" x14ac:dyDescent="0.25">
      <c r="A26111" t="s">
        <v>39881</v>
      </c>
      <c r="B26111" t="s">
        <v>39882</v>
      </c>
      <c r="C26111">
        <v>2</v>
      </c>
      <c r="D26111">
        <v>0</v>
      </c>
    </row>
    <row r="26112" spans="1:4" x14ac:dyDescent="0.25">
      <c r="A26112" t="s">
        <v>39881</v>
      </c>
      <c r="B26112" t="s">
        <v>398</v>
      </c>
      <c r="C26112">
        <v>0</v>
      </c>
      <c r="D26112">
        <v>0</v>
      </c>
    </row>
    <row r="26113" spans="1:4" x14ac:dyDescent="0.25">
      <c r="A26113" t="s">
        <v>39883</v>
      </c>
      <c r="B26113" t="s">
        <v>39884</v>
      </c>
      <c r="C26113">
        <v>1</v>
      </c>
      <c r="D26113">
        <v>0</v>
      </c>
    </row>
    <row r="26114" spans="1:4" x14ac:dyDescent="0.25">
      <c r="A26114" t="s">
        <v>39883</v>
      </c>
      <c r="B26114" t="s">
        <v>39885</v>
      </c>
      <c r="C26114">
        <v>1</v>
      </c>
      <c r="D26114">
        <v>0</v>
      </c>
    </row>
    <row r="26115" spans="1:4" x14ac:dyDescent="0.25">
      <c r="A26115" t="s">
        <v>39883</v>
      </c>
      <c r="B26115" t="s">
        <v>39886</v>
      </c>
      <c r="C26115">
        <v>1</v>
      </c>
      <c r="D26115">
        <v>0</v>
      </c>
    </row>
    <row r="26116" spans="1:4" x14ac:dyDescent="0.25">
      <c r="A26116" t="s">
        <v>39887</v>
      </c>
      <c r="B26116" t="s">
        <v>39888</v>
      </c>
      <c r="C26116">
        <v>0</v>
      </c>
      <c r="D26116">
        <v>0</v>
      </c>
    </row>
    <row r="26117" spans="1:4" x14ac:dyDescent="0.25">
      <c r="A26117" t="s">
        <v>39889</v>
      </c>
      <c r="B26117" t="s">
        <v>39890</v>
      </c>
      <c r="C26117">
        <v>2</v>
      </c>
      <c r="D26117">
        <v>0</v>
      </c>
    </row>
    <row r="26118" spans="1:4" x14ac:dyDescent="0.25">
      <c r="A26118" t="s">
        <v>39889</v>
      </c>
      <c r="B26118" t="s">
        <v>39891</v>
      </c>
      <c r="C26118">
        <v>1</v>
      </c>
      <c r="D26118">
        <v>0</v>
      </c>
    </row>
    <row r="26119" spans="1:4" x14ac:dyDescent="0.25">
      <c r="A26119" t="s">
        <v>39889</v>
      </c>
      <c r="B26119" t="s">
        <v>39892</v>
      </c>
      <c r="C26119">
        <v>1</v>
      </c>
      <c r="D26119">
        <v>0</v>
      </c>
    </row>
    <row r="26120" spans="1:4" x14ac:dyDescent="0.25">
      <c r="A26120" t="s">
        <v>39893</v>
      </c>
      <c r="B26120" t="s">
        <v>39894</v>
      </c>
      <c r="C26120">
        <v>0</v>
      </c>
      <c r="D26120">
        <v>0</v>
      </c>
    </row>
    <row r="26121" spans="1:4" x14ac:dyDescent="0.25">
      <c r="A26121" t="s">
        <v>39893</v>
      </c>
      <c r="B26121" t="s">
        <v>39895</v>
      </c>
      <c r="C26121">
        <v>0</v>
      </c>
      <c r="D26121">
        <v>0</v>
      </c>
    </row>
    <row r="26122" spans="1:4" x14ac:dyDescent="0.25">
      <c r="A26122" t="s">
        <v>39896</v>
      </c>
      <c r="B26122" t="s">
        <v>39897</v>
      </c>
      <c r="C26122">
        <v>2</v>
      </c>
      <c r="D26122">
        <v>0</v>
      </c>
    </row>
    <row r="26123" spans="1:4" x14ac:dyDescent="0.25">
      <c r="A26123" t="s">
        <v>39896</v>
      </c>
      <c r="B26123" t="s">
        <v>39898</v>
      </c>
      <c r="C26123">
        <v>2</v>
      </c>
      <c r="D26123">
        <v>0</v>
      </c>
    </row>
    <row r="26124" spans="1:4" x14ac:dyDescent="0.25">
      <c r="A26124" t="s">
        <v>39899</v>
      </c>
      <c r="B26124" t="s">
        <v>39900</v>
      </c>
      <c r="C26124">
        <v>2</v>
      </c>
      <c r="D26124">
        <v>0</v>
      </c>
    </row>
    <row r="26125" spans="1:4" x14ac:dyDescent="0.25">
      <c r="A26125" t="s">
        <v>39899</v>
      </c>
      <c r="B26125" t="s">
        <v>39901</v>
      </c>
      <c r="C26125">
        <v>0</v>
      </c>
      <c r="D26125">
        <v>0</v>
      </c>
    </row>
    <row r="26126" spans="1:4" x14ac:dyDescent="0.25">
      <c r="A26126" t="s">
        <v>39902</v>
      </c>
      <c r="B26126" t="s">
        <v>39903</v>
      </c>
      <c r="C26126">
        <v>1</v>
      </c>
      <c r="D26126">
        <v>0</v>
      </c>
    </row>
    <row r="26127" spans="1:4" x14ac:dyDescent="0.25">
      <c r="A26127" t="s">
        <v>39902</v>
      </c>
      <c r="B26127" t="s">
        <v>39904</v>
      </c>
      <c r="C26127">
        <v>1</v>
      </c>
      <c r="D26127">
        <v>0</v>
      </c>
    </row>
    <row r="26128" spans="1:4" x14ac:dyDescent="0.25">
      <c r="A26128" t="s">
        <v>39902</v>
      </c>
      <c r="B26128" t="s">
        <v>39905</v>
      </c>
      <c r="C26128">
        <v>1</v>
      </c>
      <c r="D26128">
        <v>0</v>
      </c>
    </row>
    <row r="26129" spans="1:4" x14ac:dyDescent="0.25">
      <c r="A26129" t="s">
        <v>39906</v>
      </c>
      <c r="B26129" t="s">
        <v>39907</v>
      </c>
      <c r="C26129">
        <v>0</v>
      </c>
      <c r="D26129">
        <v>0</v>
      </c>
    </row>
    <row r="26130" spans="1:4" x14ac:dyDescent="0.25">
      <c r="A26130" t="s">
        <v>39906</v>
      </c>
      <c r="B26130" t="s">
        <v>39908</v>
      </c>
      <c r="C26130">
        <v>0</v>
      </c>
      <c r="D26130">
        <v>0</v>
      </c>
    </row>
    <row r="26131" spans="1:4" x14ac:dyDescent="0.25">
      <c r="A26131" t="s">
        <v>39909</v>
      </c>
      <c r="B26131" t="s">
        <v>39910</v>
      </c>
      <c r="C26131">
        <v>0</v>
      </c>
      <c r="D26131">
        <v>0</v>
      </c>
    </row>
    <row r="26132" spans="1:4" x14ac:dyDescent="0.25">
      <c r="A26132" t="s">
        <v>39909</v>
      </c>
      <c r="B26132" t="s">
        <v>39911</v>
      </c>
      <c r="C26132">
        <v>2</v>
      </c>
      <c r="D26132">
        <v>0</v>
      </c>
    </row>
    <row r="26133" spans="1:4" x14ac:dyDescent="0.25">
      <c r="A26133" t="s">
        <v>39912</v>
      </c>
      <c r="B26133" t="s">
        <v>2943</v>
      </c>
      <c r="C26133">
        <v>0</v>
      </c>
      <c r="D26133">
        <v>0</v>
      </c>
    </row>
    <row r="26134" spans="1:4" x14ac:dyDescent="0.25">
      <c r="A26134" t="s">
        <v>39912</v>
      </c>
      <c r="B26134" t="s">
        <v>39913</v>
      </c>
      <c r="C26134">
        <v>1</v>
      </c>
      <c r="D26134">
        <v>0</v>
      </c>
    </row>
    <row r="26135" spans="1:4" x14ac:dyDescent="0.25">
      <c r="A26135" t="s">
        <v>39912</v>
      </c>
      <c r="B26135" t="s">
        <v>39914</v>
      </c>
      <c r="C26135">
        <v>1</v>
      </c>
      <c r="D26135">
        <v>0</v>
      </c>
    </row>
    <row r="26136" spans="1:4" x14ac:dyDescent="0.25">
      <c r="A26136" t="s">
        <v>39915</v>
      </c>
      <c r="B26136" t="s">
        <v>398</v>
      </c>
      <c r="C26136">
        <v>0</v>
      </c>
      <c r="D26136">
        <v>0</v>
      </c>
    </row>
    <row r="26137" spans="1:4" x14ac:dyDescent="0.25">
      <c r="A26137" t="s">
        <v>39915</v>
      </c>
      <c r="B26137" t="s">
        <v>5685</v>
      </c>
      <c r="C26137">
        <v>0</v>
      </c>
      <c r="D26137">
        <v>0</v>
      </c>
    </row>
    <row r="26138" spans="1:4" x14ac:dyDescent="0.25">
      <c r="A26138" t="s">
        <v>39915</v>
      </c>
      <c r="B26138" t="s">
        <v>39916</v>
      </c>
      <c r="C26138">
        <v>0</v>
      </c>
      <c r="D26138">
        <v>0</v>
      </c>
    </row>
    <row r="26139" spans="1:4" x14ac:dyDescent="0.25">
      <c r="A26139" t="s">
        <v>39917</v>
      </c>
      <c r="B26139" t="s">
        <v>39918</v>
      </c>
      <c r="C26139">
        <v>1</v>
      </c>
      <c r="D26139">
        <v>0</v>
      </c>
    </row>
    <row r="26140" spans="1:4" x14ac:dyDescent="0.25">
      <c r="A26140" t="s">
        <v>39917</v>
      </c>
      <c r="B26140" t="s">
        <v>39919</v>
      </c>
      <c r="C26140">
        <v>1</v>
      </c>
      <c r="D26140">
        <v>0</v>
      </c>
    </row>
    <row r="26141" spans="1:4" x14ac:dyDescent="0.25">
      <c r="A26141" t="s">
        <v>39917</v>
      </c>
      <c r="B26141" t="s">
        <v>39920</v>
      </c>
      <c r="C26141">
        <v>2</v>
      </c>
      <c r="D26141">
        <v>0</v>
      </c>
    </row>
    <row r="26142" spans="1:4" x14ac:dyDescent="0.25">
      <c r="A26142" t="s">
        <v>39921</v>
      </c>
      <c r="B26142" t="s">
        <v>39922</v>
      </c>
      <c r="C26142">
        <v>1</v>
      </c>
      <c r="D26142">
        <v>0</v>
      </c>
    </row>
    <row r="26143" spans="1:4" x14ac:dyDescent="0.25">
      <c r="A26143" t="s">
        <v>39921</v>
      </c>
      <c r="B26143" t="s">
        <v>39923</v>
      </c>
      <c r="C26143">
        <v>1</v>
      </c>
      <c r="D26143">
        <v>0</v>
      </c>
    </row>
    <row r="26144" spans="1:4" x14ac:dyDescent="0.25">
      <c r="A26144" t="s">
        <v>39921</v>
      </c>
      <c r="B26144" t="s">
        <v>39924</v>
      </c>
      <c r="C26144">
        <v>1</v>
      </c>
      <c r="D26144">
        <v>0</v>
      </c>
    </row>
    <row r="26145" spans="1:4" x14ac:dyDescent="0.25">
      <c r="A26145" t="s">
        <v>39925</v>
      </c>
      <c r="B26145" t="s">
        <v>5396</v>
      </c>
      <c r="C26145">
        <v>0</v>
      </c>
      <c r="D26145">
        <v>0</v>
      </c>
    </row>
    <row r="26146" spans="1:4" x14ac:dyDescent="0.25">
      <c r="A26146" t="s">
        <v>39925</v>
      </c>
      <c r="B26146" t="s">
        <v>39926</v>
      </c>
      <c r="C26146">
        <v>2</v>
      </c>
      <c r="D26146">
        <v>0</v>
      </c>
    </row>
    <row r="26147" spans="1:4" x14ac:dyDescent="0.25">
      <c r="A26147" t="s">
        <v>39925</v>
      </c>
      <c r="B26147" t="s">
        <v>39927</v>
      </c>
      <c r="C26147">
        <v>1</v>
      </c>
      <c r="D26147">
        <v>0</v>
      </c>
    </row>
    <row r="26148" spans="1:4" x14ac:dyDescent="0.25">
      <c r="A26148" t="s">
        <v>39928</v>
      </c>
      <c r="B26148" t="s">
        <v>39929</v>
      </c>
      <c r="C26148">
        <v>2</v>
      </c>
      <c r="D26148">
        <v>0</v>
      </c>
    </row>
    <row r="26149" spans="1:4" x14ac:dyDescent="0.25">
      <c r="A26149" t="s">
        <v>39928</v>
      </c>
      <c r="B26149" t="s">
        <v>39930</v>
      </c>
      <c r="C26149">
        <v>2</v>
      </c>
      <c r="D26149">
        <v>0</v>
      </c>
    </row>
    <row r="26150" spans="1:4" x14ac:dyDescent="0.25">
      <c r="A26150" t="s">
        <v>39928</v>
      </c>
      <c r="B26150" t="s">
        <v>39931</v>
      </c>
      <c r="C26150">
        <v>2</v>
      </c>
      <c r="D26150">
        <v>0</v>
      </c>
    </row>
    <row r="26151" spans="1:4" x14ac:dyDescent="0.25">
      <c r="A26151" t="s">
        <v>39932</v>
      </c>
      <c r="B26151" t="s">
        <v>39933</v>
      </c>
      <c r="C26151">
        <v>1</v>
      </c>
      <c r="D26151">
        <v>0</v>
      </c>
    </row>
    <row r="26152" spans="1:4" x14ac:dyDescent="0.25">
      <c r="A26152" t="s">
        <v>39932</v>
      </c>
      <c r="B26152" t="s">
        <v>39934</v>
      </c>
      <c r="C26152">
        <v>0</v>
      </c>
      <c r="D26152">
        <v>0</v>
      </c>
    </row>
    <row r="26153" spans="1:4" x14ac:dyDescent="0.25">
      <c r="A26153" t="s">
        <v>39935</v>
      </c>
      <c r="B26153" t="s">
        <v>39936</v>
      </c>
      <c r="C26153">
        <v>0</v>
      </c>
      <c r="D26153">
        <v>0</v>
      </c>
    </row>
    <row r="26154" spans="1:4" x14ac:dyDescent="0.25">
      <c r="A26154" t="s">
        <v>39935</v>
      </c>
      <c r="B26154" t="s">
        <v>39937</v>
      </c>
      <c r="C26154">
        <v>0</v>
      </c>
      <c r="D26154">
        <v>0</v>
      </c>
    </row>
    <row r="26155" spans="1:4" x14ac:dyDescent="0.25">
      <c r="A26155" t="s">
        <v>39938</v>
      </c>
      <c r="B26155" t="s">
        <v>39939</v>
      </c>
      <c r="C26155">
        <v>0</v>
      </c>
      <c r="D26155">
        <v>0</v>
      </c>
    </row>
    <row r="26156" spans="1:4" x14ac:dyDescent="0.25">
      <c r="A26156" t="s">
        <v>39938</v>
      </c>
      <c r="B26156" t="s">
        <v>39940</v>
      </c>
      <c r="C26156">
        <v>2</v>
      </c>
      <c r="D26156">
        <v>0</v>
      </c>
    </row>
    <row r="26157" spans="1:4" x14ac:dyDescent="0.25">
      <c r="A26157" t="s">
        <v>39938</v>
      </c>
      <c r="B26157" t="s">
        <v>39941</v>
      </c>
      <c r="C26157">
        <v>2</v>
      </c>
      <c r="D26157">
        <v>0</v>
      </c>
    </row>
    <row r="26158" spans="1:4" x14ac:dyDescent="0.25">
      <c r="A26158" t="s">
        <v>39942</v>
      </c>
      <c r="B26158" t="s">
        <v>39943</v>
      </c>
      <c r="C26158">
        <v>2</v>
      </c>
      <c r="D26158">
        <v>0</v>
      </c>
    </row>
    <row r="26159" spans="1:4" x14ac:dyDescent="0.25">
      <c r="A26159" t="s">
        <v>39944</v>
      </c>
      <c r="B26159" t="s">
        <v>39945</v>
      </c>
      <c r="C26159">
        <v>1</v>
      </c>
      <c r="D26159">
        <v>0</v>
      </c>
    </row>
    <row r="26160" spans="1:4" x14ac:dyDescent="0.25">
      <c r="A26160" t="s">
        <v>39946</v>
      </c>
      <c r="B26160" t="s">
        <v>39947</v>
      </c>
      <c r="C26160">
        <v>2</v>
      </c>
      <c r="D26160">
        <v>0</v>
      </c>
    </row>
    <row r="26161" spans="1:4" x14ac:dyDescent="0.25">
      <c r="A26161" t="s">
        <v>39946</v>
      </c>
      <c r="B26161" t="s">
        <v>39948</v>
      </c>
      <c r="C26161">
        <v>2</v>
      </c>
      <c r="D26161">
        <v>0</v>
      </c>
    </row>
    <row r="26162" spans="1:4" x14ac:dyDescent="0.25">
      <c r="A26162" t="s">
        <v>39949</v>
      </c>
      <c r="B26162" t="s">
        <v>39950</v>
      </c>
      <c r="C26162">
        <v>2</v>
      </c>
      <c r="D26162">
        <v>0</v>
      </c>
    </row>
    <row r="26163" spans="1:4" x14ac:dyDescent="0.25">
      <c r="A26163" t="s">
        <v>39951</v>
      </c>
      <c r="B26163" t="s">
        <v>39952</v>
      </c>
      <c r="C26163">
        <v>0</v>
      </c>
      <c r="D26163">
        <v>0</v>
      </c>
    </row>
    <row r="26164" spans="1:4" x14ac:dyDescent="0.25">
      <c r="A26164" t="s">
        <v>39951</v>
      </c>
      <c r="B26164" t="s">
        <v>39953</v>
      </c>
      <c r="C26164">
        <v>1</v>
      </c>
      <c r="D26164">
        <v>0</v>
      </c>
    </row>
    <row r="26165" spans="1:4" x14ac:dyDescent="0.25">
      <c r="A26165" t="s">
        <v>39951</v>
      </c>
      <c r="B26165" t="s">
        <v>39954</v>
      </c>
      <c r="C26165">
        <v>0</v>
      </c>
      <c r="D26165">
        <v>0</v>
      </c>
    </row>
    <row r="26166" spans="1:4" x14ac:dyDescent="0.25">
      <c r="A26166" t="s">
        <v>39955</v>
      </c>
      <c r="B26166" t="s">
        <v>39956</v>
      </c>
      <c r="C26166">
        <v>1</v>
      </c>
      <c r="D26166">
        <v>0</v>
      </c>
    </row>
    <row r="26167" spans="1:4" x14ac:dyDescent="0.25">
      <c r="A26167" t="s">
        <v>39955</v>
      </c>
      <c r="B26167" t="s">
        <v>39957</v>
      </c>
      <c r="C26167">
        <v>1</v>
      </c>
      <c r="D26167">
        <v>0</v>
      </c>
    </row>
    <row r="26168" spans="1:4" x14ac:dyDescent="0.25">
      <c r="A26168" t="s">
        <v>39955</v>
      </c>
      <c r="B26168" t="s">
        <v>39958</v>
      </c>
      <c r="C26168">
        <v>1</v>
      </c>
      <c r="D26168">
        <v>0</v>
      </c>
    </row>
    <row r="26169" spans="1:4" x14ac:dyDescent="0.25">
      <c r="A26169" t="s">
        <v>39959</v>
      </c>
      <c r="B26169" t="s">
        <v>39960</v>
      </c>
      <c r="C26169">
        <v>2</v>
      </c>
      <c r="D26169">
        <v>0</v>
      </c>
    </row>
    <row r="26170" spans="1:4" x14ac:dyDescent="0.25">
      <c r="A26170" t="s">
        <v>39961</v>
      </c>
      <c r="B26170" t="s">
        <v>39962</v>
      </c>
      <c r="C26170">
        <v>1</v>
      </c>
      <c r="D26170">
        <v>0</v>
      </c>
    </row>
    <row r="26171" spans="1:4" x14ac:dyDescent="0.25">
      <c r="A26171" t="s">
        <v>39961</v>
      </c>
      <c r="B26171" t="s">
        <v>39963</v>
      </c>
      <c r="C26171">
        <v>1</v>
      </c>
      <c r="D26171">
        <v>0</v>
      </c>
    </row>
    <row r="26172" spans="1:4" x14ac:dyDescent="0.25">
      <c r="A26172" t="s">
        <v>39961</v>
      </c>
      <c r="B26172" t="s">
        <v>39964</v>
      </c>
      <c r="C26172">
        <v>0</v>
      </c>
      <c r="D26172">
        <v>0</v>
      </c>
    </row>
    <row r="26173" spans="1:4" x14ac:dyDescent="0.25">
      <c r="A26173" t="s">
        <v>39965</v>
      </c>
      <c r="B26173" t="s">
        <v>39966</v>
      </c>
      <c r="C26173">
        <v>1</v>
      </c>
      <c r="D26173">
        <v>0</v>
      </c>
    </row>
    <row r="26174" spans="1:4" x14ac:dyDescent="0.25">
      <c r="A26174" t="s">
        <v>39965</v>
      </c>
      <c r="B26174" t="s">
        <v>39967</v>
      </c>
      <c r="C26174">
        <v>0</v>
      </c>
      <c r="D26174">
        <v>0</v>
      </c>
    </row>
    <row r="26175" spans="1:4" x14ac:dyDescent="0.25">
      <c r="A26175" t="s">
        <v>39965</v>
      </c>
      <c r="B26175" t="s">
        <v>39968</v>
      </c>
      <c r="C26175">
        <v>2</v>
      </c>
      <c r="D26175">
        <v>0</v>
      </c>
    </row>
    <row r="26176" spans="1:4" x14ac:dyDescent="0.25">
      <c r="A26176" t="s">
        <v>39969</v>
      </c>
      <c r="B26176" t="s">
        <v>39970</v>
      </c>
      <c r="C26176">
        <v>1</v>
      </c>
      <c r="D26176">
        <v>0</v>
      </c>
    </row>
    <row r="26177" spans="1:4" x14ac:dyDescent="0.25">
      <c r="A26177" t="s">
        <v>39969</v>
      </c>
      <c r="B26177" t="s">
        <v>39971</v>
      </c>
      <c r="C26177">
        <v>0</v>
      </c>
      <c r="D26177">
        <v>0</v>
      </c>
    </row>
    <row r="26178" spans="1:4" x14ac:dyDescent="0.25">
      <c r="A26178" t="s">
        <v>39972</v>
      </c>
      <c r="B26178" t="s">
        <v>39973</v>
      </c>
      <c r="C26178">
        <v>1</v>
      </c>
      <c r="D26178">
        <v>0</v>
      </c>
    </row>
    <row r="26179" spans="1:4" x14ac:dyDescent="0.25">
      <c r="A26179" t="s">
        <v>39974</v>
      </c>
      <c r="B26179" t="s">
        <v>39975</v>
      </c>
      <c r="C26179">
        <v>2</v>
      </c>
      <c r="D26179">
        <v>0</v>
      </c>
    </row>
    <row r="26180" spans="1:4" x14ac:dyDescent="0.25">
      <c r="A26180" t="s">
        <v>39974</v>
      </c>
      <c r="B26180" t="s">
        <v>39976</v>
      </c>
      <c r="C26180">
        <v>1</v>
      </c>
      <c r="D26180">
        <v>0</v>
      </c>
    </row>
    <row r="26181" spans="1:4" x14ac:dyDescent="0.25">
      <c r="A26181" t="s">
        <v>39974</v>
      </c>
      <c r="B26181" t="s">
        <v>39977</v>
      </c>
      <c r="C26181">
        <v>1</v>
      </c>
      <c r="D26181">
        <v>0</v>
      </c>
    </row>
    <row r="26182" spans="1:4" x14ac:dyDescent="0.25">
      <c r="A26182" t="s">
        <v>39978</v>
      </c>
      <c r="B26182" t="s">
        <v>39979</v>
      </c>
      <c r="C26182">
        <v>1</v>
      </c>
      <c r="D26182">
        <v>0</v>
      </c>
    </row>
    <row r="26183" spans="1:4" x14ac:dyDescent="0.25">
      <c r="A26183" t="s">
        <v>39980</v>
      </c>
      <c r="B26183" t="s">
        <v>39981</v>
      </c>
      <c r="C26183">
        <v>1</v>
      </c>
      <c r="D26183">
        <v>0</v>
      </c>
    </row>
    <row r="26184" spans="1:4" x14ac:dyDescent="0.25">
      <c r="A26184" t="s">
        <v>39982</v>
      </c>
      <c r="B26184" t="s">
        <v>39983</v>
      </c>
      <c r="C26184">
        <v>0</v>
      </c>
      <c r="D26184">
        <v>0</v>
      </c>
    </row>
    <row r="26185" spans="1:4" x14ac:dyDescent="0.25">
      <c r="A26185" t="s">
        <v>39982</v>
      </c>
      <c r="B26185" t="s">
        <v>39984</v>
      </c>
      <c r="C26185">
        <v>1</v>
      </c>
      <c r="D26185">
        <v>0</v>
      </c>
    </row>
    <row r="26186" spans="1:4" x14ac:dyDescent="0.25">
      <c r="A26186" t="s">
        <v>39985</v>
      </c>
      <c r="B26186" t="s">
        <v>39986</v>
      </c>
      <c r="C26186">
        <v>1</v>
      </c>
      <c r="D26186">
        <v>0</v>
      </c>
    </row>
    <row r="26187" spans="1:4" x14ac:dyDescent="0.25">
      <c r="A26187" t="s">
        <v>39987</v>
      </c>
      <c r="B26187" t="s">
        <v>39988</v>
      </c>
      <c r="C26187">
        <v>0</v>
      </c>
      <c r="D26187">
        <v>0</v>
      </c>
    </row>
    <row r="26188" spans="1:4" x14ac:dyDescent="0.25">
      <c r="A26188" t="s">
        <v>39987</v>
      </c>
      <c r="B26188" t="s">
        <v>39989</v>
      </c>
      <c r="C26188">
        <v>2</v>
      </c>
      <c r="D26188">
        <v>0</v>
      </c>
    </row>
    <row r="26189" spans="1:4" x14ac:dyDescent="0.25">
      <c r="A26189" t="s">
        <v>39987</v>
      </c>
      <c r="B26189" t="s">
        <v>39990</v>
      </c>
      <c r="C26189">
        <v>2</v>
      </c>
      <c r="D26189">
        <v>0</v>
      </c>
    </row>
    <row r="26190" spans="1:4" x14ac:dyDescent="0.25">
      <c r="A26190" t="s">
        <v>39991</v>
      </c>
      <c r="B26190" t="s">
        <v>39992</v>
      </c>
      <c r="C26190">
        <v>2</v>
      </c>
      <c r="D26190">
        <v>0</v>
      </c>
    </row>
    <row r="26191" spans="1:4" x14ac:dyDescent="0.25">
      <c r="A26191" t="s">
        <v>39991</v>
      </c>
      <c r="B26191" t="s">
        <v>39993</v>
      </c>
      <c r="C26191">
        <v>0</v>
      </c>
      <c r="D26191">
        <v>0</v>
      </c>
    </row>
    <row r="26192" spans="1:4" x14ac:dyDescent="0.25">
      <c r="A26192" t="s">
        <v>39994</v>
      </c>
      <c r="B26192" t="s">
        <v>39995</v>
      </c>
      <c r="C26192">
        <v>2</v>
      </c>
      <c r="D26192">
        <v>0</v>
      </c>
    </row>
    <row r="26193" spans="1:4" x14ac:dyDescent="0.25">
      <c r="A26193" t="s">
        <v>39994</v>
      </c>
      <c r="B26193" t="s">
        <v>39996</v>
      </c>
      <c r="C26193">
        <v>0</v>
      </c>
      <c r="D26193">
        <v>0</v>
      </c>
    </row>
    <row r="26194" spans="1:4" x14ac:dyDescent="0.25">
      <c r="A26194" t="s">
        <v>39994</v>
      </c>
      <c r="B26194" t="s">
        <v>39997</v>
      </c>
      <c r="C26194">
        <v>0</v>
      </c>
      <c r="D26194">
        <v>0</v>
      </c>
    </row>
    <row r="26195" spans="1:4" x14ac:dyDescent="0.25">
      <c r="A26195" t="s">
        <v>39998</v>
      </c>
      <c r="B26195" t="s">
        <v>39999</v>
      </c>
      <c r="C26195">
        <v>1</v>
      </c>
      <c r="D26195">
        <v>0</v>
      </c>
    </row>
    <row r="26196" spans="1:4" x14ac:dyDescent="0.25">
      <c r="A26196" t="s">
        <v>40000</v>
      </c>
      <c r="B26196" t="s">
        <v>40001</v>
      </c>
      <c r="C26196">
        <v>1</v>
      </c>
      <c r="D26196">
        <v>0</v>
      </c>
    </row>
    <row r="26197" spans="1:4" x14ac:dyDescent="0.25">
      <c r="A26197" t="s">
        <v>40000</v>
      </c>
      <c r="B26197" t="s">
        <v>40002</v>
      </c>
      <c r="C26197">
        <v>0</v>
      </c>
      <c r="D26197">
        <v>0</v>
      </c>
    </row>
    <row r="26198" spans="1:4" x14ac:dyDescent="0.25">
      <c r="A26198" t="s">
        <v>40000</v>
      </c>
      <c r="B26198" t="s">
        <v>40003</v>
      </c>
      <c r="C26198">
        <v>2</v>
      </c>
      <c r="D26198">
        <v>0</v>
      </c>
    </row>
    <row r="26199" spans="1:4" x14ac:dyDescent="0.25">
      <c r="A26199" t="s">
        <v>40004</v>
      </c>
      <c r="B26199" t="s">
        <v>40005</v>
      </c>
      <c r="C26199">
        <v>0</v>
      </c>
      <c r="D26199">
        <v>0</v>
      </c>
    </row>
    <row r="26200" spans="1:4" x14ac:dyDescent="0.25">
      <c r="A26200" t="s">
        <v>40006</v>
      </c>
      <c r="B26200" t="s">
        <v>40007</v>
      </c>
      <c r="C26200">
        <v>1</v>
      </c>
      <c r="D26200">
        <v>0</v>
      </c>
    </row>
    <row r="26201" spans="1:4" x14ac:dyDescent="0.25">
      <c r="A26201" t="s">
        <v>40006</v>
      </c>
      <c r="B26201" t="s">
        <v>40008</v>
      </c>
      <c r="C26201">
        <v>1</v>
      </c>
      <c r="D26201">
        <v>0</v>
      </c>
    </row>
    <row r="26202" spans="1:4" x14ac:dyDescent="0.25">
      <c r="A26202" t="s">
        <v>40006</v>
      </c>
      <c r="B26202" t="s">
        <v>40009</v>
      </c>
      <c r="C26202">
        <v>1</v>
      </c>
      <c r="D26202">
        <v>0</v>
      </c>
    </row>
    <row r="26203" spans="1:4" x14ac:dyDescent="0.25">
      <c r="A26203" t="s">
        <v>40010</v>
      </c>
      <c r="B26203" t="s">
        <v>1097</v>
      </c>
      <c r="C26203">
        <v>1</v>
      </c>
      <c r="D26203">
        <v>0</v>
      </c>
    </row>
    <row r="26204" spans="1:4" x14ac:dyDescent="0.25">
      <c r="A26204" t="s">
        <v>40011</v>
      </c>
      <c r="B26204" t="s">
        <v>40012</v>
      </c>
      <c r="C26204">
        <v>1</v>
      </c>
      <c r="D26204">
        <v>0</v>
      </c>
    </row>
    <row r="26205" spans="1:4" x14ac:dyDescent="0.25">
      <c r="A26205" t="s">
        <v>40011</v>
      </c>
      <c r="B26205" t="s">
        <v>40013</v>
      </c>
      <c r="C26205">
        <v>0</v>
      </c>
      <c r="D26205">
        <v>0</v>
      </c>
    </row>
    <row r="26206" spans="1:4" x14ac:dyDescent="0.25">
      <c r="A26206" t="s">
        <v>40014</v>
      </c>
      <c r="B26206" t="s">
        <v>843</v>
      </c>
      <c r="C26206">
        <v>1</v>
      </c>
      <c r="D26206">
        <v>0</v>
      </c>
    </row>
    <row r="26207" spans="1:4" x14ac:dyDescent="0.25">
      <c r="A26207" t="s">
        <v>40014</v>
      </c>
      <c r="B26207" t="s">
        <v>34184</v>
      </c>
      <c r="C26207">
        <v>0</v>
      </c>
      <c r="D26207">
        <v>0</v>
      </c>
    </row>
    <row r="26208" spans="1:4" x14ac:dyDescent="0.25">
      <c r="A26208" t="s">
        <v>40015</v>
      </c>
      <c r="B26208" t="s">
        <v>40016</v>
      </c>
      <c r="C26208">
        <v>0</v>
      </c>
      <c r="D26208">
        <v>0</v>
      </c>
    </row>
    <row r="26209" spans="1:4" x14ac:dyDescent="0.25">
      <c r="A26209" t="s">
        <v>40015</v>
      </c>
      <c r="B26209" t="s">
        <v>40017</v>
      </c>
      <c r="C26209">
        <v>1</v>
      </c>
      <c r="D26209">
        <v>0</v>
      </c>
    </row>
    <row r="26210" spans="1:4" x14ac:dyDescent="0.25">
      <c r="A26210" t="s">
        <v>40018</v>
      </c>
      <c r="B26210" t="s">
        <v>40019</v>
      </c>
      <c r="C26210">
        <v>0</v>
      </c>
      <c r="D26210">
        <v>0</v>
      </c>
    </row>
    <row r="26211" spans="1:4" x14ac:dyDescent="0.25">
      <c r="A26211" t="s">
        <v>40018</v>
      </c>
      <c r="B26211" t="s">
        <v>1001</v>
      </c>
      <c r="C26211">
        <v>1</v>
      </c>
      <c r="D26211">
        <v>0</v>
      </c>
    </row>
    <row r="26212" spans="1:4" x14ac:dyDescent="0.25">
      <c r="A26212" t="s">
        <v>40020</v>
      </c>
      <c r="B26212" t="s">
        <v>40021</v>
      </c>
      <c r="C26212">
        <v>1</v>
      </c>
      <c r="D26212">
        <v>0</v>
      </c>
    </row>
    <row r="26213" spans="1:4" x14ac:dyDescent="0.25">
      <c r="A26213" t="s">
        <v>40020</v>
      </c>
      <c r="B26213" t="s">
        <v>40022</v>
      </c>
      <c r="C26213">
        <v>2</v>
      </c>
      <c r="D26213">
        <v>0</v>
      </c>
    </row>
    <row r="26214" spans="1:4" x14ac:dyDescent="0.25">
      <c r="A26214" t="s">
        <v>40023</v>
      </c>
      <c r="B26214" t="s">
        <v>40024</v>
      </c>
      <c r="C26214">
        <v>1</v>
      </c>
      <c r="D26214">
        <v>0</v>
      </c>
    </row>
    <row r="26215" spans="1:4" x14ac:dyDescent="0.25">
      <c r="A26215" t="s">
        <v>40025</v>
      </c>
      <c r="B26215" t="s">
        <v>14905</v>
      </c>
      <c r="C26215">
        <v>1</v>
      </c>
      <c r="D26215">
        <v>0</v>
      </c>
    </row>
    <row r="26216" spans="1:4" x14ac:dyDescent="0.25">
      <c r="A26216" t="s">
        <v>40026</v>
      </c>
      <c r="B26216" t="s">
        <v>40027</v>
      </c>
      <c r="C26216">
        <v>0</v>
      </c>
      <c r="D26216">
        <v>0</v>
      </c>
    </row>
    <row r="26217" spans="1:4" x14ac:dyDescent="0.25">
      <c r="A26217" t="s">
        <v>40028</v>
      </c>
      <c r="B26217" t="s">
        <v>40029</v>
      </c>
      <c r="C26217">
        <v>2</v>
      </c>
      <c r="D26217">
        <v>0</v>
      </c>
    </row>
    <row r="26218" spans="1:4" x14ac:dyDescent="0.25">
      <c r="A26218" t="s">
        <v>40028</v>
      </c>
      <c r="B26218" t="s">
        <v>40030</v>
      </c>
      <c r="C26218">
        <v>0</v>
      </c>
      <c r="D26218">
        <v>0</v>
      </c>
    </row>
    <row r="26219" spans="1:4" x14ac:dyDescent="0.25">
      <c r="A26219" t="s">
        <v>40031</v>
      </c>
      <c r="B26219" t="s">
        <v>1001</v>
      </c>
      <c r="C26219">
        <v>1</v>
      </c>
      <c r="D26219">
        <v>0</v>
      </c>
    </row>
    <row r="26220" spans="1:4" x14ac:dyDescent="0.25">
      <c r="A26220" t="s">
        <v>40032</v>
      </c>
      <c r="B26220" t="s">
        <v>3578</v>
      </c>
      <c r="C26220">
        <v>1</v>
      </c>
      <c r="D26220">
        <v>0</v>
      </c>
    </row>
    <row r="26221" spans="1:4" x14ac:dyDescent="0.25">
      <c r="A26221" t="s">
        <v>40033</v>
      </c>
      <c r="B26221" t="s">
        <v>888</v>
      </c>
      <c r="C26221">
        <v>1</v>
      </c>
      <c r="D26221">
        <v>0</v>
      </c>
    </row>
    <row r="26222" spans="1:4" x14ac:dyDescent="0.25">
      <c r="A26222" t="s">
        <v>40033</v>
      </c>
      <c r="B26222" t="s">
        <v>40034</v>
      </c>
      <c r="C26222">
        <v>1</v>
      </c>
      <c r="D26222">
        <v>0</v>
      </c>
    </row>
    <row r="26223" spans="1:4" x14ac:dyDescent="0.25">
      <c r="A26223" t="s">
        <v>40035</v>
      </c>
      <c r="B26223" t="s">
        <v>40036</v>
      </c>
      <c r="C26223">
        <v>2</v>
      </c>
      <c r="D26223">
        <v>0</v>
      </c>
    </row>
    <row r="26224" spans="1:4" x14ac:dyDescent="0.25">
      <c r="A26224" t="s">
        <v>40035</v>
      </c>
      <c r="B26224" t="s">
        <v>40037</v>
      </c>
      <c r="C26224">
        <v>0</v>
      </c>
      <c r="D26224">
        <v>0</v>
      </c>
    </row>
    <row r="26225" spans="1:4" x14ac:dyDescent="0.25">
      <c r="A26225" t="s">
        <v>40035</v>
      </c>
      <c r="B26225" t="s">
        <v>40038</v>
      </c>
      <c r="C26225">
        <v>2</v>
      </c>
      <c r="D26225">
        <v>0</v>
      </c>
    </row>
    <row r="26226" spans="1:4" x14ac:dyDescent="0.25">
      <c r="A26226" t="s">
        <v>40039</v>
      </c>
      <c r="B26226" t="s">
        <v>40040</v>
      </c>
      <c r="C26226">
        <v>1</v>
      </c>
      <c r="D26226">
        <v>0</v>
      </c>
    </row>
    <row r="26227" spans="1:4" x14ac:dyDescent="0.25">
      <c r="A26227" t="s">
        <v>40039</v>
      </c>
      <c r="B26227" t="s">
        <v>40041</v>
      </c>
      <c r="C26227">
        <v>1</v>
      </c>
      <c r="D26227">
        <v>0</v>
      </c>
    </row>
    <row r="26228" spans="1:4" x14ac:dyDescent="0.25">
      <c r="A26228" t="s">
        <v>40042</v>
      </c>
      <c r="B26228" t="s">
        <v>40043</v>
      </c>
      <c r="C26228">
        <v>1</v>
      </c>
      <c r="D26228">
        <v>0</v>
      </c>
    </row>
    <row r="26229" spans="1:4" x14ac:dyDescent="0.25">
      <c r="A26229" t="s">
        <v>40042</v>
      </c>
      <c r="B26229" t="s">
        <v>40044</v>
      </c>
      <c r="C26229">
        <v>1</v>
      </c>
      <c r="D26229">
        <v>0</v>
      </c>
    </row>
    <row r="26230" spans="1:4" x14ac:dyDescent="0.25">
      <c r="A26230" t="s">
        <v>40045</v>
      </c>
      <c r="B26230" t="s">
        <v>40046</v>
      </c>
      <c r="C26230">
        <v>0</v>
      </c>
      <c r="D26230">
        <v>0</v>
      </c>
    </row>
    <row r="26231" spans="1:4" x14ac:dyDescent="0.25">
      <c r="A26231" t="s">
        <v>40047</v>
      </c>
      <c r="B26231" t="s">
        <v>35344</v>
      </c>
      <c r="C26231">
        <v>0</v>
      </c>
      <c r="D26231">
        <v>0</v>
      </c>
    </row>
    <row r="26232" spans="1:4" x14ac:dyDescent="0.25">
      <c r="A26232" t="s">
        <v>40047</v>
      </c>
      <c r="B26232" t="s">
        <v>888</v>
      </c>
      <c r="C26232">
        <v>1</v>
      </c>
      <c r="D26232">
        <v>0</v>
      </c>
    </row>
    <row r="26233" spans="1:4" x14ac:dyDescent="0.25">
      <c r="A26233" t="s">
        <v>40048</v>
      </c>
      <c r="B26233" t="s">
        <v>951</v>
      </c>
      <c r="C26233">
        <v>1</v>
      </c>
      <c r="D26233">
        <v>0</v>
      </c>
    </row>
    <row r="26234" spans="1:4" x14ac:dyDescent="0.25">
      <c r="A26234" t="s">
        <v>40049</v>
      </c>
      <c r="B26234" t="s">
        <v>40050</v>
      </c>
      <c r="C26234">
        <v>0</v>
      </c>
      <c r="D26234">
        <v>0</v>
      </c>
    </row>
    <row r="26235" spans="1:4" x14ac:dyDescent="0.25">
      <c r="A26235" t="s">
        <v>40051</v>
      </c>
      <c r="B26235" t="s">
        <v>40052</v>
      </c>
      <c r="C26235">
        <v>0</v>
      </c>
      <c r="D26235">
        <v>0</v>
      </c>
    </row>
    <row r="26236" spans="1:4" x14ac:dyDescent="0.25">
      <c r="A26236" t="s">
        <v>40053</v>
      </c>
      <c r="B26236" t="s">
        <v>40054</v>
      </c>
      <c r="C26236">
        <v>2</v>
      </c>
      <c r="D26236">
        <v>0</v>
      </c>
    </row>
    <row r="26237" spans="1:4" x14ac:dyDescent="0.25">
      <c r="A26237" t="s">
        <v>40055</v>
      </c>
      <c r="B26237" t="s">
        <v>40056</v>
      </c>
      <c r="C26237">
        <v>2</v>
      </c>
      <c r="D26237">
        <v>0</v>
      </c>
    </row>
    <row r="26238" spans="1:4" x14ac:dyDescent="0.25">
      <c r="A26238" t="s">
        <v>40057</v>
      </c>
      <c r="B26238" t="s">
        <v>40058</v>
      </c>
      <c r="C26238">
        <v>2</v>
      </c>
      <c r="D26238">
        <v>0</v>
      </c>
    </row>
    <row r="26239" spans="1:4" x14ac:dyDescent="0.25">
      <c r="A26239" t="s">
        <v>40057</v>
      </c>
      <c r="B26239" t="s">
        <v>40059</v>
      </c>
      <c r="C26239">
        <v>2</v>
      </c>
      <c r="D26239">
        <v>0</v>
      </c>
    </row>
    <row r="26240" spans="1:4" x14ac:dyDescent="0.25">
      <c r="A26240" t="s">
        <v>40057</v>
      </c>
      <c r="B26240" t="s">
        <v>40060</v>
      </c>
      <c r="C26240">
        <v>2</v>
      </c>
      <c r="D26240">
        <v>0</v>
      </c>
    </row>
    <row r="26241" spans="1:4" x14ac:dyDescent="0.25">
      <c r="A26241" t="s">
        <v>40061</v>
      </c>
      <c r="B26241" t="s">
        <v>40062</v>
      </c>
      <c r="C26241">
        <v>0</v>
      </c>
      <c r="D26241">
        <v>0</v>
      </c>
    </row>
    <row r="26242" spans="1:4" x14ac:dyDescent="0.25">
      <c r="A26242" t="s">
        <v>40061</v>
      </c>
      <c r="B26242" t="s">
        <v>40063</v>
      </c>
      <c r="C26242">
        <v>1</v>
      </c>
      <c r="D26242">
        <v>0</v>
      </c>
    </row>
    <row r="26243" spans="1:4" x14ac:dyDescent="0.25">
      <c r="A26243" t="s">
        <v>40061</v>
      </c>
      <c r="B26243" t="s">
        <v>40064</v>
      </c>
      <c r="C26243">
        <v>0</v>
      </c>
      <c r="D26243">
        <v>0</v>
      </c>
    </row>
    <row r="26244" spans="1:4" x14ac:dyDescent="0.25">
      <c r="A26244" t="s">
        <v>40065</v>
      </c>
      <c r="B26244" t="s">
        <v>40066</v>
      </c>
      <c r="C26244">
        <v>0</v>
      </c>
      <c r="D26244">
        <v>0</v>
      </c>
    </row>
    <row r="26245" spans="1:4" x14ac:dyDescent="0.25">
      <c r="A26245" t="s">
        <v>40067</v>
      </c>
      <c r="B26245" t="s">
        <v>1387</v>
      </c>
      <c r="C26245">
        <v>1</v>
      </c>
      <c r="D26245">
        <v>0</v>
      </c>
    </row>
    <row r="26246" spans="1:4" x14ac:dyDescent="0.25">
      <c r="A26246" t="s">
        <v>40067</v>
      </c>
      <c r="B26246" t="s">
        <v>1938</v>
      </c>
      <c r="C26246">
        <v>0</v>
      </c>
      <c r="D26246">
        <v>0</v>
      </c>
    </row>
    <row r="26247" spans="1:4" x14ac:dyDescent="0.25">
      <c r="A26247" t="s">
        <v>40068</v>
      </c>
      <c r="B26247" t="s">
        <v>40069</v>
      </c>
      <c r="C26247">
        <v>0</v>
      </c>
      <c r="D26247">
        <v>0</v>
      </c>
    </row>
    <row r="26248" spans="1:4" x14ac:dyDescent="0.25">
      <c r="A26248" t="s">
        <v>40068</v>
      </c>
      <c r="B26248" t="s">
        <v>40070</v>
      </c>
      <c r="C26248">
        <v>1</v>
      </c>
      <c r="D26248">
        <v>0</v>
      </c>
    </row>
    <row r="26249" spans="1:4" x14ac:dyDescent="0.25">
      <c r="A26249" t="s">
        <v>40071</v>
      </c>
      <c r="B26249" t="s">
        <v>40072</v>
      </c>
      <c r="C26249">
        <v>1</v>
      </c>
      <c r="D26249">
        <v>0</v>
      </c>
    </row>
    <row r="26250" spans="1:4" x14ac:dyDescent="0.25">
      <c r="A26250" t="s">
        <v>40073</v>
      </c>
      <c r="B26250" t="s">
        <v>40074</v>
      </c>
      <c r="C26250">
        <v>1</v>
      </c>
      <c r="D26250">
        <v>0</v>
      </c>
    </row>
    <row r="26251" spans="1:4" x14ac:dyDescent="0.25">
      <c r="A26251" t="s">
        <v>40073</v>
      </c>
      <c r="B26251" t="s">
        <v>40075</v>
      </c>
      <c r="C26251">
        <v>2</v>
      </c>
      <c r="D26251">
        <v>0</v>
      </c>
    </row>
    <row r="26252" spans="1:4" x14ac:dyDescent="0.25">
      <c r="A26252" t="s">
        <v>40073</v>
      </c>
      <c r="B26252" t="s">
        <v>40076</v>
      </c>
      <c r="C26252">
        <v>2</v>
      </c>
      <c r="D26252">
        <v>0</v>
      </c>
    </row>
    <row r="26253" spans="1:4" x14ac:dyDescent="0.25">
      <c r="A26253" t="s">
        <v>40077</v>
      </c>
      <c r="B26253" t="s">
        <v>40078</v>
      </c>
      <c r="C26253">
        <v>2</v>
      </c>
      <c r="D26253">
        <v>0</v>
      </c>
    </row>
    <row r="26254" spans="1:4" x14ac:dyDescent="0.25">
      <c r="A26254" t="s">
        <v>40079</v>
      </c>
      <c r="B26254" t="s">
        <v>40080</v>
      </c>
      <c r="C26254">
        <v>0</v>
      </c>
      <c r="D26254">
        <v>0</v>
      </c>
    </row>
    <row r="26255" spans="1:4" x14ac:dyDescent="0.25">
      <c r="A26255" t="s">
        <v>40079</v>
      </c>
      <c r="B26255" t="s">
        <v>34723</v>
      </c>
      <c r="C26255">
        <v>0</v>
      </c>
      <c r="D26255">
        <v>0</v>
      </c>
    </row>
    <row r="26256" spans="1:4" x14ac:dyDescent="0.25">
      <c r="A26256" t="s">
        <v>40079</v>
      </c>
      <c r="B26256" t="s">
        <v>40081</v>
      </c>
      <c r="C26256">
        <v>2</v>
      </c>
      <c r="D26256">
        <v>0</v>
      </c>
    </row>
    <row r="26257" spans="1:4" x14ac:dyDescent="0.25">
      <c r="A26257" t="s">
        <v>40082</v>
      </c>
      <c r="B26257" t="s">
        <v>40083</v>
      </c>
      <c r="C26257">
        <v>0</v>
      </c>
      <c r="D26257">
        <v>0</v>
      </c>
    </row>
    <row r="26258" spans="1:4" x14ac:dyDescent="0.25">
      <c r="A26258" t="s">
        <v>40082</v>
      </c>
      <c r="B26258" t="s">
        <v>40084</v>
      </c>
      <c r="C26258">
        <v>1</v>
      </c>
      <c r="D26258">
        <v>0</v>
      </c>
    </row>
    <row r="26259" spans="1:4" x14ac:dyDescent="0.25">
      <c r="A26259" t="s">
        <v>40082</v>
      </c>
      <c r="B26259" t="s">
        <v>398</v>
      </c>
      <c r="C26259">
        <v>0</v>
      </c>
      <c r="D26259">
        <v>0</v>
      </c>
    </row>
    <row r="26260" spans="1:4" x14ac:dyDescent="0.25">
      <c r="A26260" t="s">
        <v>40085</v>
      </c>
      <c r="B26260" t="s">
        <v>40086</v>
      </c>
      <c r="C26260">
        <v>1</v>
      </c>
      <c r="D26260">
        <v>0</v>
      </c>
    </row>
    <row r="26261" spans="1:4" x14ac:dyDescent="0.25">
      <c r="A26261" t="s">
        <v>40085</v>
      </c>
      <c r="B26261" t="s">
        <v>40087</v>
      </c>
      <c r="C26261">
        <v>2</v>
      </c>
      <c r="D26261">
        <v>0</v>
      </c>
    </row>
    <row r="26262" spans="1:4" x14ac:dyDescent="0.25">
      <c r="A26262" t="s">
        <v>40088</v>
      </c>
      <c r="B26262" t="s">
        <v>40089</v>
      </c>
      <c r="C26262">
        <v>0</v>
      </c>
      <c r="D26262">
        <v>0</v>
      </c>
    </row>
    <row r="26263" spans="1:4" x14ac:dyDescent="0.25">
      <c r="A26263" t="s">
        <v>40088</v>
      </c>
      <c r="B26263" t="s">
        <v>40090</v>
      </c>
      <c r="C26263">
        <v>0</v>
      </c>
      <c r="D26263">
        <v>0</v>
      </c>
    </row>
    <row r="26264" spans="1:4" x14ac:dyDescent="0.25">
      <c r="A26264" t="s">
        <v>40091</v>
      </c>
      <c r="B26264" t="s">
        <v>40092</v>
      </c>
      <c r="C26264">
        <v>1</v>
      </c>
      <c r="D26264">
        <v>0</v>
      </c>
    </row>
    <row r="26265" spans="1:4" x14ac:dyDescent="0.25">
      <c r="A26265" t="s">
        <v>40091</v>
      </c>
      <c r="B26265" t="s">
        <v>40093</v>
      </c>
      <c r="C26265">
        <v>2</v>
      </c>
      <c r="D26265">
        <v>0</v>
      </c>
    </row>
    <row r="26266" spans="1:4" x14ac:dyDescent="0.25">
      <c r="A26266" t="s">
        <v>40091</v>
      </c>
      <c r="B26266" t="s">
        <v>40094</v>
      </c>
      <c r="C26266">
        <v>0</v>
      </c>
      <c r="D26266">
        <v>0</v>
      </c>
    </row>
    <row r="26267" spans="1:4" x14ac:dyDescent="0.25">
      <c r="A26267" t="s">
        <v>40095</v>
      </c>
      <c r="B26267" t="s">
        <v>40096</v>
      </c>
      <c r="C26267">
        <v>2</v>
      </c>
      <c r="D26267">
        <v>0</v>
      </c>
    </row>
    <row r="26268" spans="1:4" x14ac:dyDescent="0.25">
      <c r="A26268" t="s">
        <v>40095</v>
      </c>
      <c r="B26268" t="s">
        <v>40097</v>
      </c>
      <c r="C26268">
        <v>1</v>
      </c>
      <c r="D26268">
        <v>0</v>
      </c>
    </row>
    <row r="26269" spans="1:4" x14ac:dyDescent="0.25">
      <c r="A26269" t="s">
        <v>40098</v>
      </c>
      <c r="B26269" t="s">
        <v>40099</v>
      </c>
      <c r="C26269">
        <v>1</v>
      </c>
      <c r="D26269">
        <v>0</v>
      </c>
    </row>
    <row r="26270" spans="1:4" x14ac:dyDescent="0.25">
      <c r="A26270" t="s">
        <v>40100</v>
      </c>
      <c r="B26270" t="s">
        <v>40101</v>
      </c>
      <c r="C26270">
        <v>2</v>
      </c>
      <c r="D26270">
        <v>0</v>
      </c>
    </row>
    <row r="26271" spans="1:4" x14ac:dyDescent="0.25">
      <c r="A26271" t="s">
        <v>40100</v>
      </c>
      <c r="B26271" t="s">
        <v>40102</v>
      </c>
      <c r="C26271">
        <v>1</v>
      </c>
      <c r="D26271">
        <v>0</v>
      </c>
    </row>
    <row r="26272" spans="1:4" x14ac:dyDescent="0.25">
      <c r="A26272" t="s">
        <v>40100</v>
      </c>
      <c r="B26272" t="s">
        <v>40103</v>
      </c>
      <c r="C26272">
        <v>2</v>
      </c>
      <c r="D26272">
        <v>0</v>
      </c>
    </row>
    <row r="26273" spans="1:4" x14ac:dyDescent="0.25">
      <c r="A26273" t="s">
        <v>40104</v>
      </c>
      <c r="B26273" t="s">
        <v>852</v>
      </c>
      <c r="C26273">
        <v>0</v>
      </c>
      <c r="D26273">
        <v>0</v>
      </c>
    </row>
    <row r="26274" spans="1:4" x14ac:dyDescent="0.25">
      <c r="A26274" t="s">
        <v>40105</v>
      </c>
      <c r="B26274" t="s">
        <v>40106</v>
      </c>
      <c r="C26274">
        <v>1</v>
      </c>
      <c r="D26274">
        <v>0</v>
      </c>
    </row>
    <row r="26275" spans="1:4" x14ac:dyDescent="0.25">
      <c r="A26275" t="s">
        <v>40105</v>
      </c>
      <c r="B26275" t="s">
        <v>3195</v>
      </c>
      <c r="C26275">
        <v>1</v>
      </c>
      <c r="D26275">
        <v>0</v>
      </c>
    </row>
    <row r="26276" spans="1:4" x14ac:dyDescent="0.25">
      <c r="A26276" t="s">
        <v>40107</v>
      </c>
      <c r="B26276" t="s">
        <v>1659</v>
      </c>
      <c r="C26276">
        <v>1</v>
      </c>
      <c r="D26276">
        <v>0</v>
      </c>
    </row>
    <row r="26277" spans="1:4" x14ac:dyDescent="0.25">
      <c r="A26277" t="s">
        <v>40107</v>
      </c>
      <c r="B26277" t="s">
        <v>40108</v>
      </c>
      <c r="C26277">
        <v>0</v>
      </c>
      <c r="D26277">
        <v>0</v>
      </c>
    </row>
    <row r="26278" spans="1:4" x14ac:dyDescent="0.25">
      <c r="A26278" t="s">
        <v>40109</v>
      </c>
      <c r="B26278" t="s">
        <v>40110</v>
      </c>
      <c r="C26278">
        <v>2</v>
      </c>
      <c r="D26278">
        <v>0</v>
      </c>
    </row>
    <row r="26279" spans="1:4" x14ac:dyDescent="0.25">
      <c r="A26279" t="s">
        <v>40111</v>
      </c>
      <c r="B26279" t="s">
        <v>40112</v>
      </c>
      <c r="C26279">
        <v>2</v>
      </c>
      <c r="D26279">
        <v>0</v>
      </c>
    </row>
    <row r="26280" spans="1:4" x14ac:dyDescent="0.25">
      <c r="A26280" t="s">
        <v>40111</v>
      </c>
      <c r="B26280" t="s">
        <v>40113</v>
      </c>
      <c r="C26280">
        <v>1</v>
      </c>
      <c r="D26280">
        <v>0</v>
      </c>
    </row>
    <row r="26281" spans="1:4" x14ac:dyDescent="0.25">
      <c r="A26281" t="s">
        <v>40114</v>
      </c>
      <c r="B26281" t="s">
        <v>40115</v>
      </c>
      <c r="C26281">
        <v>1</v>
      </c>
      <c r="D26281">
        <v>0</v>
      </c>
    </row>
    <row r="26282" spans="1:4" x14ac:dyDescent="0.25">
      <c r="A26282" t="s">
        <v>40114</v>
      </c>
      <c r="B26282" t="s">
        <v>40116</v>
      </c>
      <c r="C26282">
        <v>1</v>
      </c>
      <c r="D26282">
        <v>0</v>
      </c>
    </row>
    <row r="26283" spans="1:4" x14ac:dyDescent="0.25">
      <c r="A26283" t="s">
        <v>40114</v>
      </c>
      <c r="B26283" t="s">
        <v>40117</v>
      </c>
      <c r="C26283">
        <v>1</v>
      </c>
      <c r="D26283">
        <v>0</v>
      </c>
    </row>
    <row r="26284" spans="1:4" x14ac:dyDescent="0.25">
      <c r="A26284" t="s">
        <v>40118</v>
      </c>
      <c r="B26284" t="s">
        <v>40119</v>
      </c>
      <c r="C26284">
        <v>2</v>
      </c>
      <c r="D26284">
        <v>0</v>
      </c>
    </row>
    <row r="26285" spans="1:4" x14ac:dyDescent="0.25">
      <c r="A26285" t="s">
        <v>40120</v>
      </c>
      <c r="B26285" t="s">
        <v>40121</v>
      </c>
      <c r="C26285">
        <v>0</v>
      </c>
      <c r="D26285">
        <v>0</v>
      </c>
    </row>
    <row r="26286" spans="1:4" x14ac:dyDescent="0.25">
      <c r="A26286" t="s">
        <v>40120</v>
      </c>
      <c r="B26286" t="s">
        <v>40122</v>
      </c>
      <c r="C26286">
        <v>0</v>
      </c>
      <c r="D26286">
        <v>0</v>
      </c>
    </row>
    <row r="26287" spans="1:4" x14ac:dyDescent="0.25">
      <c r="A26287" t="s">
        <v>40120</v>
      </c>
      <c r="B26287" t="s">
        <v>40123</v>
      </c>
      <c r="C26287">
        <v>2</v>
      </c>
      <c r="D26287">
        <v>0</v>
      </c>
    </row>
    <row r="26288" spans="1:4" x14ac:dyDescent="0.25">
      <c r="A26288" t="s">
        <v>40124</v>
      </c>
      <c r="B26288" t="s">
        <v>40125</v>
      </c>
      <c r="C26288">
        <v>1</v>
      </c>
      <c r="D26288">
        <v>0</v>
      </c>
    </row>
    <row r="26289" spans="1:4" x14ac:dyDescent="0.25">
      <c r="A26289" t="s">
        <v>40126</v>
      </c>
      <c r="B26289" t="s">
        <v>40127</v>
      </c>
      <c r="C26289">
        <v>2</v>
      </c>
      <c r="D26289">
        <v>0</v>
      </c>
    </row>
    <row r="26290" spans="1:4" x14ac:dyDescent="0.25">
      <c r="A26290" t="s">
        <v>40126</v>
      </c>
      <c r="B26290" t="s">
        <v>40128</v>
      </c>
      <c r="C26290">
        <v>2</v>
      </c>
      <c r="D26290">
        <v>0</v>
      </c>
    </row>
    <row r="26291" spans="1:4" x14ac:dyDescent="0.25">
      <c r="A26291" t="s">
        <v>40126</v>
      </c>
      <c r="B26291" t="s">
        <v>40129</v>
      </c>
      <c r="C26291">
        <v>2</v>
      </c>
      <c r="D26291">
        <v>0</v>
      </c>
    </row>
    <row r="26292" spans="1:4" x14ac:dyDescent="0.25">
      <c r="A26292" t="s">
        <v>40130</v>
      </c>
      <c r="B26292" t="s">
        <v>40131</v>
      </c>
      <c r="C26292">
        <v>0</v>
      </c>
      <c r="D26292">
        <v>0</v>
      </c>
    </row>
    <row r="26293" spans="1:4" x14ac:dyDescent="0.25">
      <c r="A26293" t="s">
        <v>40130</v>
      </c>
      <c r="B26293" t="s">
        <v>40132</v>
      </c>
      <c r="C26293">
        <v>1</v>
      </c>
      <c r="D26293">
        <v>0</v>
      </c>
    </row>
    <row r="26294" spans="1:4" x14ac:dyDescent="0.25">
      <c r="A26294" t="s">
        <v>40130</v>
      </c>
      <c r="B26294" t="s">
        <v>40133</v>
      </c>
      <c r="C26294">
        <v>1</v>
      </c>
      <c r="D26294">
        <v>0</v>
      </c>
    </row>
    <row r="26295" spans="1:4" x14ac:dyDescent="0.25">
      <c r="A26295" t="s">
        <v>40134</v>
      </c>
      <c r="B26295" t="s">
        <v>40135</v>
      </c>
      <c r="C26295">
        <v>2</v>
      </c>
      <c r="D26295">
        <v>0</v>
      </c>
    </row>
    <row r="26296" spans="1:4" x14ac:dyDescent="0.25">
      <c r="A26296" t="s">
        <v>40134</v>
      </c>
      <c r="B26296" t="s">
        <v>40136</v>
      </c>
      <c r="C26296">
        <v>0</v>
      </c>
      <c r="D26296">
        <v>0</v>
      </c>
    </row>
    <row r="26297" spans="1:4" x14ac:dyDescent="0.25">
      <c r="A26297" t="s">
        <v>40134</v>
      </c>
      <c r="B26297" t="s">
        <v>40137</v>
      </c>
      <c r="C26297">
        <v>2</v>
      </c>
      <c r="D26297">
        <v>0</v>
      </c>
    </row>
    <row r="26298" spans="1:4" x14ac:dyDescent="0.25">
      <c r="A26298" t="s">
        <v>40138</v>
      </c>
      <c r="B26298" t="s">
        <v>40139</v>
      </c>
      <c r="C26298">
        <v>2</v>
      </c>
      <c r="D26298">
        <v>0</v>
      </c>
    </row>
    <row r="26299" spans="1:4" x14ac:dyDescent="0.25">
      <c r="A26299" t="s">
        <v>40138</v>
      </c>
      <c r="B26299" t="s">
        <v>40140</v>
      </c>
      <c r="C26299">
        <v>2</v>
      </c>
      <c r="D26299">
        <v>0</v>
      </c>
    </row>
    <row r="26300" spans="1:4" x14ac:dyDescent="0.25">
      <c r="A26300" t="s">
        <v>40138</v>
      </c>
      <c r="B26300" t="s">
        <v>40141</v>
      </c>
      <c r="C26300">
        <v>2</v>
      </c>
      <c r="D26300">
        <v>0</v>
      </c>
    </row>
    <row r="26301" spans="1:4" x14ac:dyDescent="0.25">
      <c r="A26301" t="s">
        <v>40142</v>
      </c>
      <c r="B26301" t="s">
        <v>40143</v>
      </c>
      <c r="C26301">
        <v>1</v>
      </c>
      <c r="D26301">
        <v>0</v>
      </c>
    </row>
    <row r="26302" spans="1:4" x14ac:dyDescent="0.25">
      <c r="A26302" t="s">
        <v>40144</v>
      </c>
      <c r="B26302" t="s">
        <v>40145</v>
      </c>
      <c r="C26302">
        <v>1</v>
      </c>
      <c r="D26302">
        <v>0</v>
      </c>
    </row>
    <row r="26303" spans="1:4" x14ac:dyDescent="0.25">
      <c r="A26303" t="s">
        <v>40144</v>
      </c>
      <c r="B26303" t="s">
        <v>40146</v>
      </c>
      <c r="C26303">
        <v>2</v>
      </c>
      <c r="D26303">
        <v>0</v>
      </c>
    </row>
    <row r="26304" spans="1:4" x14ac:dyDescent="0.25">
      <c r="A26304" t="s">
        <v>40144</v>
      </c>
      <c r="B26304" t="s">
        <v>1769</v>
      </c>
      <c r="C26304">
        <v>1</v>
      </c>
      <c r="D26304">
        <v>0</v>
      </c>
    </row>
    <row r="26305" spans="1:4" x14ac:dyDescent="0.25">
      <c r="A26305" t="s">
        <v>40147</v>
      </c>
      <c r="B26305" t="s">
        <v>40148</v>
      </c>
      <c r="C26305">
        <v>1</v>
      </c>
      <c r="D26305">
        <v>0</v>
      </c>
    </row>
    <row r="26306" spans="1:4" x14ac:dyDescent="0.25">
      <c r="A26306" t="s">
        <v>40147</v>
      </c>
      <c r="B26306" t="s">
        <v>1526</v>
      </c>
      <c r="C26306">
        <v>1</v>
      </c>
      <c r="D26306">
        <v>0</v>
      </c>
    </row>
    <row r="26307" spans="1:4" x14ac:dyDescent="0.25">
      <c r="A26307" t="s">
        <v>40147</v>
      </c>
      <c r="B26307" t="s">
        <v>1567</v>
      </c>
      <c r="C26307">
        <v>0</v>
      </c>
      <c r="D26307">
        <v>0</v>
      </c>
    </row>
    <row r="26308" spans="1:4" x14ac:dyDescent="0.25">
      <c r="A26308" t="s">
        <v>40149</v>
      </c>
      <c r="B26308" t="s">
        <v>40150</v>
      </c>
      <c r="C26308">
        <v>1</v>
      </c>
      <c r="D26308">
        <v>0</v>
      </c>
    </row>
    <row r="26309" spans="1:4" x14ac:dyDescent="0.25">
      <c r="A26309" t="s">
        <v>40149</v>
      </c>
      <c r="B26309" t="s">
        <v>40151</v>
      </c>
      <c r="C26309">
        <v>0</v>
      </c>
      <c r="D26309">
        <v>0</v>
      </c>
    </row>
    <row r="26310" spans="1:4" x14ac:dyDescent="0.25">
      <c r="A26310" t="s">
        <v>40149</v>
      </c>
      <c r="B26310" t="s">
        <v>40152</v>
      </c>
      <c r="C26310">
        <v>1</v>
      </c>
      <c r="D26310">
        <v>0</v>
      </c>
    </row>
    <row r="26311" spans="1:4" x14ac:dyDescent="0.25">
      <c r="A26311" t="s">
        <v>40153</v>
      </c>
      <c r="B26311" t="s">
        <v>40154</v>
      </c>
      <c r="C26311">
        <v>0</v>
      </c>
      <c r="D26311">
        <v>0</v>
      </c>
    </row>
    <row r="26312" spans="1:4" x14ac:dyDescent="0.25">
      <c r="A26312" t="s">
        <v>40155</v>
      </c>
      <c r="B26312" t="s">
        <v>40156</v>
      </c>
      <c r="C26312">
        <v>1</v>
      </c>
      <c r="D26312">
        <v>0</v>
      </c>
    </row>
    <row r="26313" spans="1:4" x14ac:dyDescent="0.25">
      <c r="A26313" t="s">
        <v>40155</v>
      </c>
      <c r="B26313" t="s">
        <v>40157</v>
      </c>
      <c r="C26313">
        <v>2</v>
      </c>
      <c r="D26313">
        <v>0</v>
      </c>
    </row>
    <row r="26314" spans="1:4" x14ac:dyDescent="0.25">
      <c r="A26314" t="s">
        <v>40158</v>
      </c>
      <c r="B26314" t="s">
        <v>40159</v>
      </c>
      <c r="C26314">
        <v>0</v>
      </c>
      <c r="D26314">
        <v>0</v>
      </c>
    </row>
    <row r="26315" spans="1:4" x14ac:dyDescent="0.25">
      <c r="A26315" t="s">
        <v>40160</v>
      </c>
      <c r="B26315" t="s">
        <v>40161</v>
      </c>
      <c r="C26315">
        <v>2</v>
      </c>
      <c r="D26315">
        <v>0</v>
      </c>
    </row>
    <row r="26316" spans="1:4" x14ac:dyDescent="0.25">
      <c r="A26316" t="s">
        <v>40160</v>
      </c>
      <c r="B26316" t="s">
        <v>40162</v>
      </c>
      <c r="C26316">
        <v>2</v>
      </c>
      <c r="D26316">
        <v>0</v>
      </c>
    </row>
    <row r="26317" spans="1:4" x14ac:dyDescent="0.25">
      <c r="A26317" t="s">
        <v>40163</v>
      </c>
      <c r="B26317" t="s">
        <v>40164</v>
      </c>
      <c r="C26317">
        <v>1</v>
      </c>
      <c r="D26317">
        <v>0</v>
      </c>
    </row>
    <row r="26318" spans="1:4" x14ac:dyDescent="0.25">
      <c r="A26318" t="s">
        <v>40163</v>
      </c>
      <c r="B26318" t="s">
        <v>40165</v>
      </c>
      <c r="C26318">
        <v>2</v>
      </c>
      <c r="D26318">
        <v>0</v>
      </c>
    </row>
    <row r="26319" spans="1:4" x14ac:dyDescent="0.25">
      <c r="A26319" t="s">
        <v>40163</v>
      </c>
      <c r="B26319" t="s">
        <v>12906</v>
      </c>
      <c r="C26319">
        <v>1</v>
      </c>
      <c r="D26319">
        <v>0</v>
      </c>
    </row>
    <row r="26320" spans="1:4" x14ac:dyDescent="0.25">
      <c r="A26320" t="s">
        <v>40166</v>
      </c>
      <c r="B26320" t="s">
        <v>40167</v>
      </c>
      <c r="C26320">
        <v>1</v>
      </c>
      <c r="D26320">
        <v>0</v>
      </c>
    </row>
    <row r="26321" spans="1:4" x14ac:dyDescent="0.25">
      <c r="A26321" t="s">
        <v>40166</v>
      </c>
      <c r="B26321" t="s">
        <v>40168</v>
      </c>
      <c r="C26321">
        <v>1</v>
      </c>
      <c r="D26321">
        <v>0</v>
      </c>
    </row>
    <row r="26322" spans="1:4" x14ac:dyDescent="0.25">
      <c r="A26322" t="s">
        <v>40166</v>
      </c>
      <c r="B26322" t="s">
        <v>40169</v>
      </c>
      <c r="C26322">
        <v>1</v>
      </c>
      <c r="D26322">
        <v>0</v>
      </c>
    </row>
    <row r="26323" spans="1:4" x14ac:dyDescent="0.25">
      <c r="A26323" t="s">
        <v>40170</v>
      </c>
      <c r="B26323" t="s">
        <v>40171</v>
      </c>
      <c r="C26323">
        <v>0</v>
      </c>
      <c r="D26323">
        <v>0</v>
      </c>
    </row>
    <row r="26324" spans="1:4" x14ac:dyDescent="0.25">
      <c r="A26324" t="s">
        <v>40172</v>
      </c>
      <c r="B26324" t="s">
        <v>9112</v>
      </c>
      <c r="C26324">
        <v>1</v>
      </c>
      <c r="D26324">
        <v>0</v>
      </c>
    </row>
    <row r="26325" spans="1:4" x14ac:dyDescent="0.25">
      <c r="A26325" t="s">
        <v>40172</v>
      </c>
      <c r="B26325" t="s">
        <v>40173</v>
      </c>
      <c r="C26325">
        <v>2</v>
      </c>
      <c r="D26325">
        <v>0</v>
      </c>
    </row>
    <row r="26326" spans="1:4" x14ac:dyDescent="0.25">
      <c r="A26326" t="s">
        <v>40172</v>
      </c>
      <c r="B26326" t="s">
        <v>31582</v>
      </c>
      <c r="C26326">
        <v>1</v>
      </c>
      <c r="D26326">
        <v>0</v>
      </c>
    </row>
    <row r="26327" spans="1:4" x14ac:dyDescent="0.25">
      <c r="A26327" t="s">
        <v>40174</v>
      </c>
      <c r="B26327" t="s">
        <v>40175</v>
      </c>
      <c r="C26327">
        <v>2</v>
      </c>
      <c r="D26327">
        <v>0</v>
      </c>
    </row>
    <row r="26328" spans="1:4" x14ac:dyDescent="0.25">
      <c r="A26328" t="s">
        <v>40176</v>
      </c>
      <c r="B26328" t="s">
        <v>40177</v>
      </c>
      <c r="C26328">
        <v>1</v>
      </c>
      <c r="D26328">
        <v>0</v>
      </c>
    </row>
    <row r="26329" spans="1:4" x14ac:dyDescent="0.25">
      <c r="A26329" t="s">
        <v>40178</v>
      </c>
      <c r="B26329" t="s">
        <v>29345</v>
      </c>
      <c r="C26329">
        <v>0</v>
      </c>
      <c r="D26329">
        <v>0</v>
      </c>
    </row>
    <row r="26330" spans="1:4" x14ac:dyDescent="0.25">
      <c r="A26330" t="s">
        <v>40178</v>
      </c>
      <c r="B26330" t="s">
        <v>40179</v>
      </c>
      <c r="C26330">
        <v>1</v>
      </c>
      <c r="D26330">
        <v>0</v>
      </c>
    </row>
    <row r="26331" spans="1:4" x14ac:dyDescent="0.25">
      <c r="A26331" t="s">
        <v>40180</v>
      </c>
      <c r="B26331" t="s">
        <v>40181</v>
      </c>
      <c r="C26331">
        <v>2</v>
      </c>
      <c r="D26331">
        <v>0</v>
      </c>
    </row>
    <row r="26332" spans="1:4" x14ac:dyDescent="0.25">
      <c r="A26332" t="s">
        <v>40182</v>
      </c>
      <c r="B26332" t="s">
        <v>40183</v>
      </c>
      <c r="C26332">
        <v>0</v>
      </c>
      <c r="D26332">
        <v>0</v>
      </c>
    </row>
    <row r="26333" spans="1:4" x14ac:dyDescent="0.25">
      <c r="A26333" t="s">
        <v>40182</v>
      </c>
      <c r="B26333" t="s">
        <v>40184</v>
      </c>
      <c r="C26333">
        <v>2</v>
      </c>
      <c r="D26333">
        <v>0</v>
      </c>
    </row>
    <row r="26334" spans="1:4" x14ac:dyDescent="0.25">
      <c r="A26334" t="s">
        <v>40182</v>
      </c>
      <c r="B26334" t="s">
        <v>40185</v>
      </c>
      <c r="C26334">
        <v>2</v>
      </c>
      <c r="D26334">
        <v>0</v>
      </c>
    </row>
    <row r="26335" spans="1:4" x14ac:dyDescent="0.25">
      <c r="A26335" t="s">
        <v>40186</v>
      </c>
      <c r="B26335" t="s">
        <v>816</v>
      </c>
      <c r="C26335">
        <v>1</v>
      </c>
      <c r="D26335">
        <v>0</v>
      </c>
    </row>
    <row r="26336" spans="1:4" x14ac:dyDescent="0.25">
      <c r="A26336" t="s">
        <v>40187</v>
      </c>
      <c r="B26336" t="s">
        <v>40188</v>
      </c>
      <c r="C26336">
        <v>1</v>
      </c>
      <c r="D26336">
        <v>0</v>
      </c>
    </row>
    <row r="26337" spans="1:4" x14ac:dyDescent="0.25">
      <c r="A26337" t="s">
        <v>40189</v>
      </c>
      <c r="B26337" t="s">
        <v>40190</v>
      </c>
      <c r="C26337">
        <v>0</v>
      </c>
      <c r="D26337">
        <v>0</v>
      </c>
    </row>
    <row r="26338" spans="1:4" x14ac:dyDescent="0.25">
      <c r="A26338" t="s">
        <v>40189</v>
      </c>
      <c r="B26338" t="s">
        <v>40191</v>
      </c>
      <c r="C26338">
        <v>1</v>
      </c>
      <c r="D26338">
        <v>0</v>
      </c>
    </row>
    <row r="26339" spans="1:4" x14ac:dyDescent="0.25">
      <c r="A26339" t="s">
        <v>40189</v>
      </c>
      <c r="B26339" t="s">
        <v>40192</v>
      </c>
      <c r="C26339">
        <v>2</v>
      </c>
      <c r="D26339">
        <v>0</v>
      </c>
    </row>
    <row r="26340" spans="1:4" x14ac:dyDescent="0.25">
      <c r="A26340" t="s">
        <v>40193</v>
      </c>
      <c r="B26340" t="s">
        <v>40194</v>
      </c>
      <c r="C26340">
        <v>0</v>
      </c>
      <c r="D26340">
        <v>0</v>
      </c>
    </row>
    <row r="26341" spans="1:4" x14ac:dyDescent="0.25">
      <c r="A26341" t="s">
        <v>40193</v>
      </c>
      <c r="B26341" t="s">
        <v>40195</v>
      </c>
      <c r="C26341">
        <v>0</v>
      </c>
      <c r="D26341">
        <v>0</v>
      </c>
    </row>
    <row r="26342" spans="1:4" x14ac:dyDescent="0.25">
      <c r="A26342" t="s">
        <v>40193</v>
      </c>
      <c r="B26342" t="s">
        <v>40196</v>
      </c>
      <c r="C26342">
        <v>1</v>
      </c>
      <c r="D26342">
        <v>0</v>
      </c>
    </row>
    <row r="26343" spans="1:4" x14ac:dyDescent="0.25">
      <c r="A26343" t="s">
        <v>40197</v>
      </c>
      <c r="B26343" t="s">
        <v>1090</v>
      </c>
      <c r="C26343">
        <v>1</v>
      </c>
      <c r="D26343">
        <v>0</v>
      </c>
    </row>
    <row r="26344" spans="1:4" x14ac:dyDescent="0.25">
      <c r="A26344" t="s">
        <v>40197</v>
      </c>
      <c r="B26344" t="s">
        <v>40198</v>
      </c>
      <c r="C26344">
        <v>1</v>
      </c>
      <c r="D26344">
        <v>0</v>
      </c>
    </row>
    <row r="26345" spans="1:4" x14ac:dyDescent="0.25">
      <c r="A26345" t="s">
        <v>40197</v>
      </c>
      <c r="B26345" t="s">
        <v>1294</v>
      </c>
      <c r="C26345">
        <v>1</v>
      </c>
      <c r="D26345">
        <v>0</v>
      </c>
    </row>
    <row r="26346" spans="1:4" x14ac:dyDescent="0.25">
      <c r="A26346" t="s">
        <v>40199</v>
      </c>
      <c r="B26346" t="s">
        <v>1001</v>
      </c>
      <c r="C26346">
        <v>1</v>
      </c>
      <c r="D26346">
        <v>0</v>
      </c>
    </row>
    <row r="26347" spans="1:4" x14ac:dyDescent="0.25">
      <c r="A26347" t="s">
        <v>40200</v>
      </c>
      <c r="B26347" t="s">
        <v>40201</v>
      </c>
      <c r="C26347">
        <v>0</v>
      </c>
      <c r="D26347">
        <v>0</v>
      </c>
    </row>
    <row r="26348" spans="1:4" x14ac:dyDescent="0.25">
      <c r="A26348" t="s">
        <v>40200</v>
      </c>
      <c r="B26348" t="s">
        <v>40202</v>
      </c>
      <c r="C26348">
        <v>2</v>
      </c>
      <c r="D26348">
        <v>0</v>
      </c>
    </row>
    <row r="26349" spans="1:4" x14ac:dyDescent="0.25">
      <c r="A26349" t="s">
        <v>40203</v>
      </c>
      <c r="B26349" t="s">
        <v>40204</v>
      </c>
      <c r="C26349">
        <v>0</v>
      </c>
      <c r="D26349">
        <v>0</v>
      </c>
    </row>
    <row r="26350" spans="1:4" x14ac:dyDescent="0.25">
      <c r="A26350" t="s">
        <v>40205</v>
      </c>
      <c r="B26350" t="s">
        <v>40206</v>
      </c>
      <c r="C26350">
        <v>1</v>
      </c>
      <c r="D26350">
        <v>0</v>
      </c>
    </row>
    <row r="26351" spans="1:4" x14ac:dyDescent="0.25">
      <c r="A26351" t="s">
        <v>40205</v>
      </c>
      <c r="B26351" t="s">
        <v>40207</v>
      </c>
      <c r="C26351">
        <v>1</v>
      </c>
      <c r="D26351">
        <v>0</v>
      </c>
    </row>
    <row r="26352" spans="1:4" x14ac:dyDescent="0.25">
      <c r="A26352" t="s">
        <v>40208</v>
      </c>
      <c r="B26352" t="s">
        <v>40209</v>
      </c>
      <c r="C26352">
        <v>1</v>
      </c>
      <c r="D26352">
        <v>0</v>
      </c>
    </row>
    <row r="26353" spans="1:4" x14ac:dyDescent="0.25">
      <c r="A26353" t="s">
        <v>40208</v>
      </c>
      <c r="B26353" t="s">
        <v>40210</v>
      </c>
      <c r="C26353">
        <v>1</v>
      </c>
      <c r="D26353">
        <v>0</v>
      </c>
    </row>
    <row r="26354" spans="1:4" x14ac:dyDescent="0.25">
      <c r="A26354" t="s">
        <v>40211</v>
      </c>
      <c r="B26354" t="s">
        <v>40212</v>
      </c>
      <c r="C26354">
        <v>0</v>
      </c>
      <c r="D26354">
        <v>0</v>
      </c>
    </row>
    <row r="26355" spans="1:4" x14ac:dyDescent="0.25">
      <c r="A26355" t="s">
        <v>40213</v>
      </c>
      <c r="B26355" t="s">
        <v>1001</v>
      </c>
      <c r="C26355">
        <v>1</v>
      </c>
      <c r="D26355">
        <v>0</v>
      </c>
    </row>
    <row r="26356" spans="1:4" x14ac:dyDescent="0.25">
      <c r="A26356" t="s">
        <v>40214</v>
      </c>
      <c r="B26356" t="s">
        <v>40215</v>
      </c>
      <c r="C26356">
        <v>0</v>
      </c>
      <c r="D26356">
        <v>0</v>
      </c>
    </row>
    <row r="26357" spans="1:4" x14ac:dyDescent="0.25">
      <c r="A26357" t="s">
        <v>40214</v>
      </c>
      <c r="B26357" t="s">
        <v>40216</v>
      </c>
      <c r="C26357">
        <v>1</v>
      </c>
      <c r="D26357">
        <v>0</v>
      </c>
    </row>
    <row r="26358" spans="1:4" x14ac:dyDescent="0.25">
      <c r="A26358" t="s">
        <v>40214</v>
      </c>
      <c r="B26358" t="s">
        <v>40217</v>
      </c>
      <c r="C26358">
        <v>0</v>
      </c>
      <c r="D26358">
        <v>0</v>
      </c>
    </row>
    <row r="26359" spans="1:4" x14ac:dyDescent="0.25">
      <c r="A26359" t="s">
        <v>40218</v>
      </c>
      <c r="B26359" t="s">
        <v>40219</v>
      </c>
      <c r="C26359">
        <v>1</v>
      </c>
      <c r="D26359">
        <v>0</v>
      </c>
    </row>
    <row r="26360" spans="1:4" x14ac:dyDescent="0.25">
      <c r="A26360" t="s">
        <v>40220</v>
      </c>
      <c r="B26360" t="s">
        <v>40221</v>
      </c>
      <c r="C26360">
        <v>2</v>
      </c>
      <c r="D26360">
        <v>0</v>
      </c>
    </row>
    <row r="26361" spans="1:4" x14ac:dyDescent="0.25">
      <c r="A26361" t="s">
        <v>40222</v>
      </c>
      <c r="B26361" t="s">
        <v>5713</v>
      </c>
      <c r="C26361">
        <v>1</v>
      </c>
      <c r="D26361">
        <v>0</v>
      </c>
    </row>
    <row r="26362" spans="1:4" x14ac:dyDescent="0.25">
      <c r="A26362" t="s">
        <v>40223</v>
      </c>
      <c r="B26362" t="s">
        <v>6333</v>
      </c>
      <c r="C26362">
        <v>1</v>
      </c>
      <c r="D26362">
        <v>0</v>
      </c>
    </row>
    <row r="26363" spans="1:4" x14ac:dyDescent="0.25">
      <c r="A26363" t="s">
        <v>40224</v>
      </c>
      <c r="B26363" t="s">
        <v>40225</v>
      </c>
      <c r="C26363">
        <v>1</v>
      </c>
      <c r="D26363">
        <v>0</v>
      </c>
    </row>
    <row r="26364" spans="1:4" x14ac:dyDescent="0.25">
      <c r="A26364" t="s">
        <v>40224</v>
      </c>
      <c r="B26364" t="s">
        <v>40226</v>
      </c>
      <c r="C26364">
        <v>1</v>
      </c>
      <c r="D26364">
        <v>0</v>
      </c>
    </row>
    <row r="26365" spans="1:4" x14ac:dyDescent="0.25">
      <c r="A26365" t="s">
        <v>40227</v>
      </c>
      <c r="B26365" t="s">
        <v>40228</v>
      </c>
      <c r="C26365">
        <v>2</v>
      </c>
      <c r="D26365">
        <v>0</v>
      </c>
    </row>
    <row r="26366" spans="1:4" x14ac:dyDescent="0.25">
      <c r="A26366" t="s">
        <v>40227</v>
      </c>
      <c r="B26366" t="s">
        <v>40229</v>
      </c>
      <c r="C26366">
        <v>1</v>
      </c>
      <c r="D26366">
        <v>0</v>
      </c>
    </row>
    <row r="26367" spans="1:4" x14ac:dyDescent="0.25">
      <c r="A26367" t="s">
        <v>40227</v>
      </c>
      <c r="B26367" t="s">
        <v>40230</v>
      </c>
      <c r="C26367">
        <v>2</v>
      </c>
      <c r="D26367">
        <v>0</v>
      </c>
    </row>
    <row r="26368" spans="1:4" x14ac:dyDescent="0.25">
      <c r="A26368" t="s">
        <v>40231</v>
      </c>
      <c r="B26368" t="s">
        <v>40232</v>
      </c>
      <c r="C26368">
        <v>2</v>
      </c>
      <c r="D26368">
        <v>0</v>
      </c>
    </row>
    <row r="26369" spans="1:4" x14ac:dyDescent="0.25">
      <c r="A26369" t="s">
        <v>40231</v>
      </c>
      <c r="B26369" t="s">
        <v>40233</v>
      </c>
      <c r="C26369">
        <v>2</v>
      </c>
      <c r="D26369">
        <v>0</v>
      </c>
    </row>
    <row r="26370" spans="1:4" x14ac:dyDescent="0.25">
      <c r="A26370" t="s">
        <v>40231</v>
      </c>
      <c r="B26370" t="s">
        <v>40234</v>
      </c>
      <c r="C26370">
        <v>2</v>
      </c>
      <c r="D26370">
        <v>0</v>
      </c>
    </row>
    <row r="26371" spans="1:4" x14ac:dyDescent="0.25">
      <c r="A26371" t="s">
        <v>40235</v>
      </c>
      <c r="B26371" t="s">
        <v>40236</v>
      </c>
      <c r="C26371">
        <v>1</v>
      </c>
      <c r="D26371">
        <v>0</v>
      </c>
    </row>
    <row r="26372" spans="1:4" x14ac:dyDescent="0.25">
      <c r="A26372" t="s">
        <v>40237</v>
      </c>
      <c r="B26372" t="s">
        <v>40238</v>
      </c>
      <c r="C26372">
        <v>0</v>
      </c>
      <c r="D26372">
        <v>0</v>
      </c>
    </row>
    <row r="26373" spans="1:4" x14ac:dyDescent="0.25">
      <c r="A26373" t="s">
        <v>40239</v>
      </c>
      <c r="B26373" t="s">
        <v>40240</v>
      </c>
      <c r="C26373">
        <v>1</v>
      </c>
      <c r="D26373">
        <v>0</v>
      </c>
    </row>
    <row r="26374" spans="1:4" x14ac:dyDescent="0.25">
      <c r="A26374" t="s">
        <v>40239</v>
      </c>
      <c r="B26374" t="s">
        <v>40241</v>
      </c>
      <c r="C26374">
        <v>1</v>
      </c>
      <c r="D26374">
        <v>0</v>
      </c>
    </row>
    <row r="26375" spans="1:4" x14ac:dyDescent="0.25">
      <c r="A26375" t="s">
        <v>40239</v>
      </c>
      <c r="B26375" t="s">
        <v>40242</v>
      </c>
      <c r="C26375">
        <v>0</v>
      </c>
      <c r="D26375">
        <v>0</v>
      </c>
    </row>
    <row r="26376" spans="1:4" x14ac:dyDescent="0.25">
      <c r="A26376" t="s">
        <v>40243</v>
      </c>
      <c r="B26376" t="s">
        <v>40244</v>
      </c>
      <c r="C26376">
        <v>1</v>
      </c>
      <c r="D26376">
        <v>0</v>
      </c>
    </row>
    <row r="26377" spans="1:4" x14ac:dyDescent="0.25">
      <c r="A26377" t="s">
        <v>40243</v>
      </c>
      <c r="B26377" t="s">
        <v>40245</v>
      </c>
      <c r="C26377">
        <v>1</v>
      </c>
      <c r="D26377">
        <v>0</v>
      </c>
    </row>
    <row r="26378" spans="1:4" x14ac:dyDescent="0.25">
      <c r="A26378" t="s">
        <v>40243</v>
      </c>
      <c r="B26378" t="s">
        <v>40246</v>
      </c>
      <c r="C26378">
        <v>1</v>
      </c>
      <c r="D26378">
        <v>0</v>
      </c>
    </row>
    <row r="26379" spans="1:4" x14ac:dyDescent="0.25">
      <c r="A26379" t="s">
        <v>40247</v>
      </c>
      <c r="B26379" t="s">
        <v>6548</v>
      </c>
      <c r="C26379">
        <v>0</v>
      </c>
      <c r="D26379">
        <v>0</v>
      </c>
    </row>
    <row r="26380" spans="1:4" x14ac:dyDescent="0.25">
      <c r="A26380" t="s">
        <v>40247</v>
      </c>
      <c r="B26380" t="s">
        <v>40248</v>
      </c>
      <c r="C26380">
        <v>2</v>
      </c>
      <c r="D26380">
        <v>0</v>
      </c>
    </row>
    <row r="26381" spans="1:4" x14ac:dyDescent="0.25">
      <c r="A26381" t="s">
        <v>40247</v>
      </c>
      <c r="B26381" t="s">
        <v>40249</v>
      </c>
      <c r="C26381">
        <v>2</v>
      </c>
      <c r="D26381">
        <v>0</v>
      </c>
    </row>
    <row r="26382" spans="1:4" x14ac:dyDescent="0.25">
      <c r="A26382" t="s">
        <v>40250</v>
      </c>
      <c r="B26382" t="s">
        <v>40251</v>
      </c>
      <c r="C26382">
        <v>1</v>
      </c>
      <c r="D26382">
        <v>0</v>
      </c>
    </row>
    <row r="26383" spans="1:4" x14ac:dyDescent="0.25">
      <c r="A26383" t="s">
        <v>40250</v>
      </c>
      <c r="B26383" t="s">
        <v>40252</v>
      </c>
      <c r="C26383">
        <v>2</v>
      </c>
      <c r="D26383">
        <v>0</v>
      </c>
    </row>
    <row r="26384" spans="1:4" x14ac:dyDescent="0.25">
      <c r="A26384" t="s">
        <v>40250</v>
      </c>
      <c r="B26384" t="s">
        <v>923</v>
      </c>
      <c r="C26384">
        <v>0</v>
      </c>
      <c r="D26384">
        <v>0</v>
      </c>
    </row>
    <row r="26385" spans="1:4" x14ac:dyDescent="0.25">
      <c r="A26385" t="s">
        <v>40253</v>
      </c>
      <c r="B26385" t="s">
        <v>40254</v>
      </c>
      <c r="C26385">
        <v>0</v>
      </c>
      <c r="D26385">
        <v>0</v>
      </c>
    </row>
    <row r="26386" spans="1:4" x14ac:dyDescent="0.25">
      <c r="A26386" t="s">
        <v>40253</v>
      </c>
      <c r="B26386" t="s">
        <v>40255</v>
      </c>
      <c r="C26386">
        <v>0</v>
      </c>
      <c r="D26386">
        <v>0</v>
      </c>
    </row>
    <row r="26387" spans="1:4" x14ac:dyDescent="0.25">
      <c r="A26387" t="s">
        <v>40253</v>
      </c>
      <c r="B26387" t="s">
        <v>40256</v>
      </c>
      <c r="C26387">
        <v>0</v>
      </c>
      <c r="D26387">
        <v>0</v>
      </c>
    </row>
    <row r="26388" spans="1:4" x14ac:dyDescent="0.25">
      <c r="A26388" t="s">
        <v>40257</v>
      </c>
      <c r="B26388" t="s">
        <v>40258</v>
      </c>
      <c r="C26388">
        <v>0</v>
      </c>
      <c r="D26388">
        <v>0</v>
      </c>
    </row>
    <row r="26389" spans="1:4" x14ac:dyDescent="0.25">
      <c r="A26389" t="s">
        <v>40257</v>
      </c>
      <c r="B26389" t="s">
        <v>40259</v>
      </c>
      <c r="C26389">
        <v>0</v>
      </c>
      <c r="D26389">
        <v>0</v>
      </c>
    </row>
    <row r="26390" spans="1:4" x14ac:dyDescent="0.25">
      <c r="A26390" t="s">
        <v>40257</v>
      </c>
      <c r="B26390" t="s">
        <v>40260</v>
      </c>
      <c r="C26390">
        <v>0</v>
      </c>
      <c r="D26390">
        <v>0</v>
      </c>
    </row>
    <row r="26391" spans="1:4" x14ac:dyDescent="0.25">
      <c r="A26391" t="s">
        <v>40261</v>
      </c>
      <c r="B26391" t="s">
        <v>40262</v>
      </c>
      <c r="C26391">
        <v>1</v>
      </c>
      <c r="D26391">
        <v>0</v>
      </c>
    </row>
    <row r="26392" spans="1:4" x14ac:dyDescent="0.25">
      <c r="A26392" t="s">
        <v>40261</v>
      </c>
      <c r="B26392" t="s">
        <v>40263</v>
      </c>
      <c r="C26392">
        <v>0</v>
      </c>
      <c r="D26392">
        <v>0</v>
      </c>
    </row>
    <row r="26393" spans="1:4" x14ac:dyDescent="0.25">
      <c r="A26393" t="s">
        <v>40261</v>
      </c>
      <c r="B26393" t="s">
        <v>40264</v>
      </c>
      <c r="C26393">
        <v>2</v>
      </c>
      <c r="D26393">
        <v>0</v>
      </c>
    </row>
    <row r="26394" spans="1:4" x14ac:dyDescent="0.25">
      <c r="A26394" t="s">
        <v>40265</v>
      </c>
      <c r="B26394" t="s">
        <v>40266</v>
      </c>
      <c r="C26394">
        <v>1</v>
      </c>
      <c r="D26394">
        <v>0</v>
      </c>
    </row>
    <row r="26395" spans="1:4" x14ac:dyDescent="0.25">
      <c r="A26395" t="s">
        <v>40267</v>
      </c>
      <c r="B26395" t="s">
        <v>40268</v>
      </c>
      <c r="C26395">
        <v>1</v>
      </c>
      <c r="D26395">
        <v>0</v>
      </c>
    </row>
    <row r="26396" spans="1:4" x14ac:dyDescent="0.25">
      <c r="A26396" t="s">
        <v>40269</v>
      </c>
      <c r="B26396" t="s">
        <v>40270</v>
      </c>
      <c r="C26396">
        <v>0</v>
      </c>
      <c r="D26396">
        <v>0</v>
      </c>
    </row>
    <row r="26397" spans="1:4" x14ac:dyDescent="0.25">
      <c r="A26397" t="s">
        <v>40271</v>
      </c>
      <c r="B26397" t="s">
        <v>40272</v>
      </c>
      <c r="C26397">
        <v>2</v>
      </c>
      <c r="D26397">
        <v>0</v>
      </c>
    </row>
    <row r="26398" spans="1:4" x14ac:dyDescent="0.25">
      <c r="A26398" t="s">
        <v>40271</v>
      </c>
      <c r="B26398" t="s">
        <v>40273</v>
      </c>
      <c r="C26398">
        <v>1</v>
      </c>
      <c r="D26398">
        <v>0</v>
      </c>
    </row>
    <row r="26399" spans="1:4" x14ac:dyDescent="0.25">
      <c r="A26399" t="s">
        <v>40271</v>
      </c>
      <c r="B26399" t="s">
        <v>40274</v>
      </c>
      <c r="C26399">
        <v>1</v>
      </c>
      <c r="D26399">
        <v>0</v>
      </c>
    </row>
    <row r="26400" spans="1:4" x14ac:dyDescent="0.25">
      <c r="A26400" t="s">
        <v>40275</v>
      </c>
      <c r="B26400" t="s">
        <v>40276</v>
      </c>
      <c r="C26400">
        <v>1</v>
      </c>
      <c r="D26400">
        <v>0</v>
      </c>
    </row>
    <row r="26401" spans="1:4" x14ac:dyDescent="0.25">
      <c r="A26401" t="s">
        <v>40275</v>
      </c>
      <c r="B26401" t="s">
        <v>40277</v>
      </c>
      <c r="C26401">
        <v>0</v>
      </c>
      <c r="D26401">
        <v>0</v>
      </c>
    </row>
    <row r="26402" spans="1:4" x14ac:dyDescent="0.25">
      <c r="A26402" t="s">
        <v>40275</v>
      </c>
      <c r="B26402" t="s">
        <v>40278</v>
      </c>
      <c r="C26402">
        <v>1</v>
      </c>
      <c r="D26402">
        <v>0</v>
      </c>
    </row>
    <row r="26403" spans="1:4" x14ac:dyDescent="0.25">
      <c r="A26403" t="s">
        <v>40279</v>
      </c>
      <c r="B26403" t="s">
        <v>40280</v>
      </c>
      <c r="C26403">
        <v>1</v>
      </c>
      <c r="D26403">
        <v>0</v>
      </c>
    </row>
    <row r="26404" spans="1:4" x14ac:dyDescent="0.25">
      <c r="A26404" t="s">
        <v>40279</v>
      </c>
      <c r="B26404" t="s">
        <v>40281</v>
      </c>
      <c r="C26404">
        <v>1</v>
      </c>
      <c r="D26404">
        <v>0</v>
      </c>
    </row>
    <row r="26405" spans="1:4" x14ac:dyDescent="0.25">
      <c r="A26405" t="s">
        <v>40282</v>
      </c>
      <c r="B26405" t="s">
        <v>40283</v>
      </c>
      <c r="C26405">
        <v>1</v>
      </c>
      <c r="D26405">
        <v>0</v>
      </c>
    </row>
    <row r="26406" spans="1:4" x14ac:dyDescent="0.25">
      <c r="A26406" t="s">
        <v>40284</v>
      </c>
      <c r="B26406" t="s">
        <v>40285</v>
      </c>
      <c r="C26406">
        <v>1</v>
      </c>
      <c r="D26406">
        <v>0</v>
      </c>
    </row>
    <row r="26407" spans="1:4" x14ac:dyDescent="0.25">
      <c r="A26407" t="s">
        <v>40284</v>
      </c>
      <c r="B26407" t="s">
        <v>40286</v>
      </c>
      <c r="C26407">
        <v>2</v>
      </c>
      <c r="D26407">
        <v>0</v>
      </c>
    </row>
    <row r="26408" spans="1:4" x14ac:dyDescent="0.25">
      <c r="A26408" t="s">
        <v>40284</v>
      </c>
      <c r="B26408" t="s">
        <v>40287</v>
      </c>
      <c r="C26408">
        <v>1</v>
      </c>
      <c r="D26408">
        <v>0</v>
      </c>
    </row>
    <row r="26409" spans="1:4" x14ac:dyDescent="0.25">
      <c r="A26409" t="s">
        <v>40288</v>
      </c>
      <c r="B26409" t="s">
        <v>40289</v>
      </c>
      <c r="C26409">
        <v>1</v>
      </c>
      <c r="D26409">
        <v>0</v>
      </c>
    </row>
    <row r="26410" spans="1:4" x14ac:dyDescent="0.25">
      <c r="A26410" t="s">
        <v>40288</v>
      </c>
      <c r="B26410" t="s">
        <v>40290</v>
      </c>
      <c r="C26410">
        <v>0</v>
      </c>
      <c r="D26410">
        <v>0</v>
      </c>
    </row>
    <row r="26411" spans="1:4" x14ac:dyDescent="0.25">
      <c r="A26411" t="s">
        <v>40291</v>
      </c>
      <c r="B26411" t="s">
        <v>40292</v>
      </c>
      <c r="C26411">
        <v>1</v>
      </c>
      <c r="D26411">
        <v>0</v>
      </c>
    </row>
    <row r="26412" spans="1:4" x14ac:dyDescent="0.25">
      <c r="A26412" t="s">
        <v>40291</v>
      </c>
      <c r="B26412" t="s">
        <v>40293</v>
      </c>
      <c r="C26412">
        <v>1</v>
      </c>
      <c r="D26412">
        <v>0</v>
      </c>
    </row>
    <row r="26413" spans="1:4" x14ac:dyDescent="0.25">
      <c r="A26413" t="s">
        <v>40291</v>
      </c>
      <c r="B26413" t="s">
        <v>969</v>
      </c>
      <c r="C26413">
        <v>0</v>
      </c>
      <c r="D26413">
        <v>0</v>
      </c>
    </row>
    <row r="26414" spans="1:4" x14ac:dyDescent="0.25">
      <c r="A26414" t="s">
        <v>40294</v>
      </c>
      <c r="B26414" t="s">
        <v>40295</v>
      </c>
      <c r="C26414">
        <v>2</v>
      </c>
      <c r="D26414">
        <v>0</v>
      </c>
    </row>
    <row r="26415" spans="1:4" x14ac:dyDescent="0.25">
      <c r="A26415" t="s">
        <v>40294</v>
      </c>
      <c r="B26415" t="s">
        <v>40296</v>
      </c>
      <c r="C26415">
        <v>1</v>
      </c>
      <c r="D26415">
        <v>0</v>
      </c>
    </row>
    <row r="26416" spans="1:4" x14ac:dyDescent="0.25">
      <c r="A26416" t="s">
        <v>40294</v>
      </c>
      <c r="B26416" t="s">
        <v>40297</v>
      </c>
      <c r="C26416">
        <v>1</v>
      </c>
      <c r="D26416">
        <v>0</v>
      </c>
    </row>
    <row r="26417" spans="1:4" x14ac:dyDescent="0.25">
      <c r="A26417" t="s">
        <v>40298</v>
      </c>
      <c r="B26417" t="s">
        <v>40299</v>
      </c>
      <c r="C26417">
        <v>0</v>
      </c>
      <c r="D26417">
        <v>0</v>
      </c>
    </row>
    <row r="26418" spans="1:4" x14ac:dyDescent="0.25">
      <c r="A26418" t="s">
        <v>40298</v>
      </c>
      <c r="B26418" t="s">
        <v>40300</v>
      </c>
      <c r="C26418">
        <v>1</v>
      </c>
      <c r="D26418">
        <v>0</v>
      </c>
    </row>
    <row r="26419" spans="1:4" x14ac:dyDescent="0.25">
      <c r="A26419" t="s">
        <v>40301</v>
      </c>
      <c r="B26419" t="s">
        <v>40302</v>
      </c>
      <c r="C26419">
        <v>0</v>
      </c>
      <c r="D26419">
        <v>0</v>
      </c>
    </row>
    <row r="26420" spans="1:4" x14ac:dyDescent="0.25">
      <c r="A26420" t="s">
        <v>40301</v>
      </c>
      <c r="B26420" t="s">
        <v>40303</v>
      </c>
      <c r="C26420">
        <v>2</v>
      </c>
      <c r="D26420">
        <v>0</v>
      </c>
    </row>
    <row r="26421" spans="1:4" x14ac:dyDescent="0.25">
      <c r="A26421" t="s">
        <v>40301</v>
      </c>
      <c r="B26421" t="s">
        <v>40304</v>
      </c>
      <c r="C26421">
        <v>0</v>
      </c>
      <c r="D26421">
        <v>0</v>
      </c>
    </row>
    <row r="26422" spans="1:4" x14ac:dyDescent="0.25">
      <c r="A26422" t="s">
        <v>40305</v>
      </c>
      <c r="B26422" t="s">
        <v>40306</v>
      </c>
      <c r="C26422">
        <v>1</v>
      </c>
      <c r="D26422">
        <v>0</v>
      </c>
    </row>
    <row r="26423" spans="1:4" x14ac:dyDescent="0.25">
      <c r="A26423" t="s">
        <v>40307</v>
      </c>
      <c r="B26423" t="s">
        <v>40308</v>
      </c>
      <c r="C26423">
        <v>0</v>
      </c>
      <c r="D26423">
        <v>0</v>
      </c>
    </row>
    <row r="26424" spans="1:4" x14ac:dyDescent="0.25">
      <c r="A26424" t="s">
        <v>40309</v>
      </c>
      <c r="B26424" t="s">
        <v>40310</v>
      </c>
      <c r="C26424">
        <v>1</v>
      </c>
      <c r="D26424">
        <v>0</v>
      </c>
    </row>
    <row r="26425" spans="1:4" x14ac:dyDescent="0.25">
      <c r="A26425" t="s">
        <v>40309</v>
      </c>
      <c r="B26425" t="s">
        <v>40311</v>
      </c>
      <c r="C26425">
        <v>2</v>
      </c>
      <c r="D26425">
        <v>0</v>
      </c>
    </row>
    <row r="26426" spans="1:4" x14ac:dyDescent="0.25">
      <c r="A26426" t="s">
        <v>40309</v>
      </c>
      <c r="B26426" t="s">
        <v>40312</v>
      </c>
      <c r="C26426">
        <v>2</v>
      </c>
      <c r="D26426">
        <v>0</v>
      </c>
    </row>
    <row r="26427" spans="1:4" x14ac:dyDescent="0.25">
      <c r="A26427" t="s">
        <v>40313</v>
      </c>
      <c r="B26427" t="s">
        <v>1526</v>
      </c>
      <c r="C26427">
        <v>1</v>
      </c>
      <c r="D26427">
        <v>0</v>
      </c>
    </row>
    <row r="26428" spans="1:4" x14ac:dyDescent="0.25">
      <c r="A26428" t="s">
        <v>40313</v>
      </c>
      <c r="B26428" t="s">
        <v>1567</v>
      </c>
      <c r="C26428">
        <v>0</v>
      </c>
      <c r="D26428">
        <v>0</v>
      </c>
    </row>
    <row r="26429" spans="1:4" x14ac:dyDescent="0.25">
      <c r="A26429" t="s">
        <v>40314</v>
      </c>
      <c r="B26429" t="s">
        <v>40315</v>
      </c>
      <c r="C26429">
        <v>0</v>
      </c>
      <c r="D26429">
        <v>0</v>
      </c>
    </row>
    <row r="26430" spans="1:4" x14ac:dyDescent="0.25">
      <c r="A26430" t="s">
        <v>40316</v>
      </c>
      <c r="B26430" t="s">
        <v>40317</v>
      </c>
      <c r="C26430">
        <v>2</v>
      </c>
      <c r="D26430">
        <v>0</v>
      </c>
    </row>
    <row r="26431" spans="1:4" x14ac:dyDescent="0.25">
      <c r="A26431" t="s">
        <v>40316</v>
      </c>
      <c r="B26431" t="s">
        <v>40318</v>
      </c>
      <c r="C26431">
        <v>2</v>
      </c>
      <c r="D26431">
        <v>0</v>
      </c>
    </row>
    <row r="26432" spans="1:4" x14ac:dyDescent="0.25">
      <c r="A26432" t="s">
        <v>40316</v>
      </c>
      <c r="B26432" t="s">
        <v>40319</v>
      </c>
      <c r="C26432">
        <v>1</v>
      </c>
      <c r="D26432">
        <v>0</v>
      </c>
    </row>
    <row r="26433" spans="1:4" x14ac:dyDescent="0.25">
      <c r="A26433" t="s">
        <v>40320</v>
      </c>
      <c r="B26433" t="s">
        <v>8004</v>
      </c>
      <c r="C26433">
        <v>1</v>
      </c>
      <c r="D26433">
        <v>0</v>
      </c>
    </row>
    <row r="26434" spans="1:4" x14ac:dyDescent="0.25">
      <c r="A26434" t="s">
        <v>40321</v>
      </c>
      <c r="B26434" t="s">
        <v>40322</v>
      </c>
      <c r="C26434">
        <v>0</v>
      </c>
      <c r="D26434">
        <v>0</v>
      </c>
    </row>
    <row r="26435" spans="1:4" x14ac:dyDescent="0.25">
      <c r="A26435" t="s">
        <v>40321</v>
      </c>
      <c r="B26435" t="s">
        <v>40323</v>
      </c>
      <c r="C26435">
        <v>0</v>
      </c>
      <c r="D26435">
        <v>0</v>
      </c>
    </row>
    <row r="26436" spans="1:4" x14ac:dyDescent="0.25">
      <c r="A26436" t="s">
        <v>40321</v>
      </c>
      <c r="B26436" t="s">
        <v>40324</v>
      </c>
      <c r="C26436">
        <v>1</v>
      </c>
      <c r="D26436">
        <v>0</v>
      </c>
    </row>
    <row r="26437" spans="1:4" x14ac:dyDescent="0.25">
      <c r="A26437" t="s">
        <v>40325</v>
      </c>
      <c r="B26437" t="s">
        <v>40326</v>
      </c>
      <c r="C26437">
        <v>1</v>
      </c>
      <c r="D26437">
        <v>0</v>
      </c>
    </row>
    <row r="26438" spans="1:4" x14ac:dyDescent="0.25">
      <c r="A26438" t="s">
        <v>40325</v>
      </c>
      <c r="B26438" t="s">
        <v>40327</v>
      </c>
      <c r="C26438">
        <v>0</v>
      </c>
      <c r="D26438">
        <v>0</v>
      </c>
    </row>
    <row r="26439" spans="1:4" x14ac:dyDescent="0.25">
      <c r="A26439" t="s">
        <v>40328</v>
      </c>
      <c r="B26439" t="s">
        <v>40329</v>
      </c>
      <c r="C26439">
        <v>1</v>
      </c>
      <c r="D26439">
        <v>0</v>
      </c>
    </row>
    <row r="26440" spans="1:4" x14ac:dyDescent="0.25">
      <c r="A26440" t="s">
        <v>40330</v>
      </c>
      <c r="B26440" t="s">
        <v>40331</v>
      </c>
      <c r="C26440">
        <v>2</v>
      </c>
      <c r="D26440">
        <v>0</v>
      </c>
    </row>
    <row r="26441" spans="1:4" x14ac:dyDescent="0.25">
      <c r="A26441" t="s">
        <v>40330</v>
      </c>
      <c r="B26441" t="s">
        <v>40332</v>
      </c>
      <c r="C26441">
        <v>2</v>
      </c>
      <c r="D26441">
        <v>0</v>
      </c>
    </row>
    <row r="26442" spans="1:4" x14ac:dyDescent="0.25">
      <c r="A26442" t="s">
        <v>40330</v>
      </c>
      <c r="B26442" t="s">
        <v>40333</v>
      </c>
      <c r="C26442">
        <v>2</v>
      </c>
      <c r="D26442">
        <v>0</v>
      </c>
    </row>
    <row r="26443" spans="1:4" x14ac:dyDescent="0.25">
      <c r="A26443" t="s">
        <v>40334</v>
      </c>
      <c r="B26443" t="s">
        <v>40335</v>
      </c>
      <c r="C26443">
        <v>0</v>
      </c>
      <c r="D26443">
        <v>0</v>
      </c>
    </row>
    <row r="26444" spans="1:4" x14ac:dyDescent="0.25">
      <c r="A26444" t="s">
        <v>40334</v>
      </c>
      <c r="B26444" t="s">
        <v>40336</v>
      </c>
      <c r="C26444">
        <v>2</v>
      </c>
      <c r="D26444">
        <v>0</v>
      </c>
    </row>
    <row r="26445" spans="1:4" x14ac:dyDescent="0.25">
      <c r="A26445" t="s">
        <v>40334</v>
      </c>
      <c r="B26445" t="s">
        <v>40337</v>
      </c>
      <c r="C26445">
        <v>0</v>
      </c>
      <c r="D26445">
        <v>0</v>
      </c>
    </row>
    <row r="26446" spans="1:4" x14ac:dyDescent="0.25">
      <c r="A26446" t="s">
        <v>40338</v>
      </c>
      <c r="B26446" t="s">
        <v>1938</v>
      </c>
      <c r="C26446">
        <v>0</v>
      </c>
      <c r="D26446">
        <v>0</v>
      </c>
    </row>
    <row r="26447" spans="1:4" x14ac:dyDescent="0.25">
      <c r="A26447" t="s">
        <v>40339</v>
      </c>
      <c r="B26447" t="s">
        <v>40340</v>
      </c>
      <c r="C26447">
        <v>0</v>
      </c>
      <c r="D26447">
        <v>0</v>
      </c>
    </row>
    <row r="26448" spans="1:4" x14ac:dyDescent="0.25">
      <c r="A26448" t="s">
        <v>40339</v>
      </c>
      <c r="B26448" t="s">
        <v>40341</v>
      </c>
      <c r="C26448">
        <v>0</v>
      </c>
      <c r="D26448">
        <v>0</v>
      </c>
    </row>
    <row r="26449" spans="1:4" x14ac:dyDescent="0.25">
      <c r="A26449" t="s">
        <v>40339</v>
      </c>
      <c r="B26449" t="s">
        <v>40342</v>
      </c>
      <c r="C26449">
        <v>2</v>
      </c>
      <c r="D26449">
        <v>0</v>
      </c>
    </row>
    <row r="26450" spans="1:4" x14ac:dyDescent="0.25">
      <c r="A26450" t="s">
        <v>40343</v>
      </c>
      <c r="B26450" t="s">
        <v>40344</v>
      </c>
      <c r="C26450">
        <v>0</v>
      </c>
      <c r="D26450">
        <v>0</v>
      </c>
    </row>
    <row r="26451" spans="1:4" x14ac:dyDescent="0.25">
      <c r="A26451" t="s">
        <v>40343</v>
      </c>
      <c r="B26451" t="s">
        <v>40345</v>
      </c>
      <c r="C26451">
        <v>1</v>
      </c>
      <c r="D26451">
        <v>0</v>
      </c>
    </row>
    <row r="26452" spans="1:4" x14ac:dyDescent="0.25">
      <c r="A26452" t="s">
        <v>40343</v>
      </c>
      <c r="B26452" t="s">
        <v>40346</v>
      </c>
      <c r="C26452">
        <v>0</v>
      </c>
      <c r="D26452">
        <v>0</v>
      </c>
    </row>
    <row r="26453" spans="1:4" x14ac:dyDescent="0.25">
      <c r="A26453" t="s">
        <v>40347</v>
      </c>
      <c r="B26453" t="s">
        <v>40348</v>
      </c>
      <c r="C26453">
        <v>0</v>
      </c>
      <c r="D26453">
        <v>0</v>
      </c>
    </row>
    <row r="26454" spans="1:4" x14ac:dyDescent="0.25">
      <c r="A26454" t="s">
        <v>40349</v>
      </c>
      <c r="B26454" t="s">
        <v>40350</v>
      </c>
      <c r="C26454">
        <v>0</v>
      </c>
      <c r="D26454">
        <v>0</v>
      </c>
    </row>
    <row r="26455" spans="1:4" x14ac:dyDescent="0.25">
      <c r="A26455" t="s">
        <v>40349</v>
      </c>
      <c r="B26455" t="s">
        <v>40351</v>
      </c>
      <c r="C26455">
        <v>1</v>
      </c>
      <c r="D26455">
        <v>0</v>
      </c>
    </row>
    <row r="26456" spans="1:4" x14ac:dyDescent="0.25">
      <c r="A26456" t="s">
        <v>40349</v>
      </c>
      <c r="B26456" t="s">
        <v>40352</v>
      </c>
      <c r="C26456">
        <v>0</v>
      </c>
      <c r="D26456">
        <v>0</v>
      </c>
    </row>
    <row r="26457" spans="1:4" x14ac:dyDescent="0.25">
      <c r="A26457" t="s">
        <v>40353</v>
      </c>
      <c r="B26457" t="s">
        <v>40354</v>
      </c>
      <c r="C26457">
        <v>0</v>
      </c>
      <c r="D26457">
        <v>0</v>
      </c>
    </row>
    <row r="26458" spans="1:4" x14ac:dyDescent="0.25">
      <c r="A26458" t="s">
        <v>40353</v>
      </c>
      <c r="B26458" t="s">
        <v>40355</v>
      </c>
      <c r="C26458">
        <v>0</v>
      </c>
      <c r="D26458">
        <v>0</v>
      </c>
    </row>
    <row r="26459" spans="1:4" x14ac:dyDescent="0.25">
      <c r="A26459" t="s">
        <v>40353</v>
      </c>
      <c r="B26459" t="s">
        <v>40356</v>
      </c>
      <c r="C26459">
        <v>1</v>
      </c>
      <c r="D26459">
        <v>0</v>
      </c>
    </row>
    <row r="26460" spans="1:4" x14ac:dyDescent="0.25">
      <c r="A26460" t="s">
        <v>40357</v>
      </c>
      <c r="B26460" t="s">
        <v>40358</v>
      </c>
      <c r="C26460">
        <v>2</v>
      </c>
      <c r="D26460">
        <v>0</v>
      </c>
    </row>
    <row r="26461" spans="1:4" x14ac:dyDescent="0.25">
      <c r="A26461" t="s">
        <v>40357</v>
      </c>
      <c r="B26461" t="s">
        <v>40359</v>
      </c>
      <c r="C26461">
        <v>2</v>
      </c>
      <c r="D26461">
        <v>0</v>
      </c>
    </row>
    <row r="26462" spans="1:4" x14ac:dyDescent="0.25">
      <c r="A26462" t="s">
        <v>40357</v>
      </c>
      <c r="B26462" t="s">
        <v>40360</v>
      </c>
      <c r="C26462">
        <v>1</v>
      </c>
      <c r="D26462">
        <v>0</v>
      </c>
    </row>
    <row r="26463" spans="1:4" x14ac:dyDescent="0.25">
      <c r="A26463" t="s">
        <v>40361</v>
      </c>
      <c r="B26463" t="s">
        <v>40362</v>
      </c>
      <c r="C26463">
        <v>0</v>
      </c>
      <c r="D26463">
        <v>0</v>
      </c>
    </row>
    <row r="26464" spans="1:4" x14ac:dyDescent="0.25">
      <c r="A26464" t="s">
        <v>40361</v>
      </c>
      <c r="B26464" t="s">
        <v>40363</v>
      </c>
      <c r="C26464">
        <v>0</v>
      </c>
      <c r="D26464">
        <v>0</v>
      </c>
    </row>
    <row r="26465" spans="1:4" x14ac:dyDescent="0.25">
      <c r="A26465" t="s">
        <v>40361</v>
      </c>
      <c r="B26465" t="s">
        <v>40364</v>
      </c>
      <c r="C26465">
        <v>2</v>
      </c>
      <c r="D26465">
        <v>0</v>
      </c>
    </row>
    <row r="26466" spans="1:4" x14ac:dyDescent="0.25">
      <c r="A26466" t="s">
        <v>40365</v>
      </c>
      <c r="B26466" t="s">
        <v>36853</v>
      </c>
      <c r="C26466">
        <v>0</v>
      </c>
      <c r="D26466">
        <v>0</v>
      </c>
    </row>
    <row r="26467" spans="1:4" x14ac:dyDescent="0.25">
      <c r="A26467" t="s">
        <v>40366</v>
      </c>
      <c r="B26467" t="s">
        <v>40367</v>
      </c>
      <c r="C26467">
        <v>1</v>
      </c>
      <c r="D26467">
        <v>0</v>
      </c>
    </row>
    <row r="26468" spans="1:4" x14ac:dyDescent="0.25">
      <c r="A26468" t="s">
        <v>40368</v>
      </c>
      <c r="B26468" t="s">
        <v>40369</v>
      </c>
      <c r="C26468">
        <v>0</v>
      </c>
      <c r="D26468">
        <v>0</v>
      </c>
    </row>
    <row r="26469" spans="1:4" x14ac:dyDescent="0.25">
      <c r="A26469" t="s">
        <v>40370</v>
      </c>
      <c r="B26469" t="s">
        <v>40371</v>
      </c>
      <c r="C26469">
        <v>0</v>
      </c>
      <c r="D26469">
        <v>0</v>
      </c>
    </row>
    <row r="26470" spans="1:4" x14ac:dyDescent="0.25">
      <c r="A26470" t="s">
        <v>40372</v>
      </c>
      <c r="B26470" t="s">
        <v>40373</v>
      </c>
      <c r="C26470">
        <v>0</v>
      </c>
      <c r="D26470">
        <v>0</v>
      </c>
    </row>
    <row r="26471" spans="1:4" x14ac:dyDescent="0.25">
      <c r="A26471" t="s">
        <v>40374</v>
      </c>
      <c r="B26471" t="s">
        <v>40375</v>
      </c>
      <c r="C26471">
        <v>0</v>
      </c>
      <c r="D26471">
        <v>0</v>
      </c>
    </row>
    <row r="26472" spans="1:4" x14ac:dyDescent="0.25">
      <c r="A26472" t="s">
        <v>40374</v>
      </c>
      <c r="B26472" t="s">
        <v>40376</v>
      </c>
      <c r="C26472">
        <v>0</v>
      </c>
      <c r="D26472">
        <v>0</v>
      </c>
    </row>
    <row r="26473" spans="1:4" x14ac:dyDescent="0.25">
      <c r="A26473" t="s">
        <v>40377</v>
      </c>
      <c r="B26473" t="s">
        <v>40378</v>
      </c>
      <c r="C26473">
        <v>2</v>
      </c>
      <c r="D26473">
        <v>0</v>
      </c>
    </row>
    <row r="26474" spans="1:4" x14ac:dyDescent="0.25">
      <c r="A26474" t="s">
        <v>40377</v>
      </c>
      <c r="B26474" t="s">
        <v>40379</v>
      </c>
      <c r="C26474">
        <v>0</v>
      </c>
      <c r="D26474">
        <v>0</v>
      </c>
    </row>
    <row r="26475" spans="1:4" x14ac:dyDescent="0.25">
      <c r="A26475" t="s">
        <v>40377</v>
      </c>
      <c r="B26475" t="s">
        <v>40380</v>
      </c>
      <c r="C26475">
        <v>0</v>
      </c>
      <c r="D26475">
        <v>0</v>
      </c>
    </row>
    <row r="26476" spans="1:4" x14ac:dyDescent="0.25">
      <c r="A26476" t="s">
        <v>40381</v>
      </c>
      <c r="B26476" t="s">
        <v>40382</v>
      </c>
      <c r="C26476">
        <v>1</v>
      </c>
      <c r="D26476">
        <v>0</v>
      </c>
    </row>
    <row r="26477" spans="1:4" x14ac:dyDescent="0.25">
      <c r="A26477" t="s">
        <v>40381</v>
      </c>
      <c r="B26477" t="s">
        <v>40383</v>
      </c>
      <c r="C26477">
        <v>2</v>
      </c>
      <c r="D26477">
        <v>0</v>
      </c>
    </row>
    <row r="26478" spans="1:4" x14ac:dyDescent="0.25">
      <c r="A26478" t="s">
        <v>40381</v>
      </c>
      <c r="B26478" t="s">
        <v>40384</v>
      </c>
      <c r="C26478">
        <v>0</v>
      </c>
      <c r="D26478">
        <v>0</v>
      </c>
    </row>
    <row r="26479" spans="1:4" x14ac:dyDescent="0.25">
      <c r="A26479" t="s">
        <v>40385</v>
      </c>
      <c r="B26479" t="s">
        <v>1001</v>
      </c>
      <c r="C26479">
        <v>1</v>
      </c>
      <c r="D26479">
        <v>0</v>
      </c>
    </row>
    <row r="26480" spans="1:4" x14ac:dyDescent="0.25">
      <c r="A26480" t="s">
        <v>40385</v>
      </c>
      <c r="B26480" t="s">
        <v>40386</v>
      </c>
      <c r="C26480">
        <v>1</v>
      </c>
      <c r="D26480">
        <v>0</v>
      </c>
    </row>
    <row r="26481" spans="1:4" x14ac:dyDescent="0.25">
      <c r="A26481" t="s">
        <v>40387</v>
      </c>
      <c r="B26481" t="s">
        <v>40388</v>
      </c>
      <c r="C26481">
        <v>0</v>
      </c>
      <c r="D26481">
        <v>0</v>
      </c>
    </row>
    <row r="26482" spans="1:4" x14ac:dyDescent="0.25">
      <c r="A26482" t="s">
        <v>40387</v>
      </c>
      <c r="B26482" t="s">
        <v>6770</v>
      </c>
      <c r="C26482">
        <v>1</v>
      </c>
      <c r="D26482">
        <v>0</v>
      </c>
    </row>
    <row r="26483" spans="1:4" x14ac:dyDescent="0.25">
      <c r="A26483" t="s">
        <v>40389</v>
      </c>
      <c r="B26483" t="s">
        <v>1001</v>
      </c>
      <c r="C26483">
        <v>1</v>
      </c>
      <c r="D26483">
        <v>0</v>
      </c>
    </row>
    <row r="26484" spans="1:4" x14ac:dyDescent="0.25">
      <c r="A26484" t="s">
        <v>40389</v>
      </c>
      <c r="B26484" t="s">
        <v>3076</v>
      </c>
      <c r="C26484">
        <v>2</v>
      </c>
      <c r="D26484">
        <v>0</v>
      </c>
    </row>
    <row r="26485" spans="1:4" x14ac:dyDescent="0.25">
      <c r="A26485" t="s">
        <v>40389</v>
      </c>
      <c r="B26485" t="s">
        <v>40390</v>
      </c>
      <c r="C26485">
        <v>0</v>
      </c>
      <c r="D26485">
        <v>0</v>
      </c>
    </row>
    <row r="26486" spans="1:4" x14ac:dyDescent="0.25">
      <c r="A26486" t="s">
        <v>40391</v>
      </c>
      <c r="B26486" t="s">
        <v>40392</v>
      </c>
      <c r="C26486">
        <v>0</v>
      </c>
      <c r="D26486">
        <v>0</v>
      </c>
    </row>
    <row r="26487" spans="1:4" x14ac:dyDescent="0.25">
      <c r="A26487" t="s">
        <v>40393</v>
      </c>
      <c r="B26487" t="s">
        <v>1499</v>
      </c>
      <c r="C26487">
        <v>1</v>
      </c>
      <c r="D26487">
        <v>0</v>
      </c>
    </row>
    <row r="26488" spans="1:4" x14ac:dyDescent="0.25">
      <c r="A26488" t="s">
        <v>40393</v>
      </c>
      <c r="B26488" t="s">
        <v>1938</v>
      </c>
      <c r="C26488">
        <v>0</v>
      </c>
      <c r="D26488">
        <v>0</v>
      </c>
    </row>
    <row r="26489" spans="1:4" x14ac:dyDescent="0.25">
      <c r="A26489" t="s">
        <v>40394</v>
      </c>
      <c r="B26489" t="s">
        <v>3858</v>
      </c>
      <c r="C26489">
        <v>1</v>
      </c>
      <c r="D26489">
        <v>0</v>
      </c>
    </row>
    <row r="26490" spans="1:4" x14ac:dyDescent="0.25">
      <c r="A26490" t="s">
        <v>40395</v>
      </c>
      <c r="B26490" t="s">
        <v>40396</v>
      </c>
      <c r="C26490">
        <v>0</v>
      </c>
      <c r="D26490">
        <v>0</v>
      </c>
    </row>
    <row r="26491" spans="1:4" x14ac:dyDescent="0.25">
      <c r="A26491" t="s">
        <v>40397</v>
      </c>
      <c r="B26491" t="s">
        <v>40398</v>
      </c>
      <c r="C26491">
        <v>0</v>
      </c>
      <c r="D26491">
        <v>0</v>
      </c>
    </row>
    <row r="26492" spans="1:4" x14ac:dyDescent="0.25">
      <c r="A26492" t="s">
        <v>40399</v>
      </c>
      <c r="B26492" t="s">
        <v>1001</v>
      </c>
      <c r="C26492">
        <v>1</v>
      </c>
      <c r="D26492">
        <v>0</v>
      </c>
    </row>
    <row r="26493" spans="1:4" x14ac:dyDescent="0.25">
      <c r="A26493" t="s">
        <v>40400</v>
      </c>
      <c r="B26493" t="s">
        <v>40401</v>
      </c>
      <c r="C26493">
        <v>1</v>
      </c>
      <c r="D26493">
        <v>0</v>
      </c>
    </row>
    <row r="26494" spans="1:4" x14ac:dyDescent="0.25">
      <c r="A26494" t="s">
        <v>40400</v>
      </c>
      <c r="B26494" t="s">
        <v>40402</v>
      </c>
      <c r="C26494">
        <v>1</v>
      </c>
      <c r="D26494">
        <v>0</v>
      </c>
    </row>
    <row r="26495" spans="1:4" x14ac:dyDescent="0.25">
      <c r="A26495" t="s">
        <v>40400</v>
      </c>
      <c r="B26495" t="s">
        <v>40403</v>
      </c>
      <c r="C26495">
        <v>1</v>
      </c>
      <c r="D26495">
        <v>0</v>
      </c>
    </row>
    <row r="26496" spans="1:4" x14ac:dyDescent="0.25">
      <c r="A26496" t="s">
        <v>40404</v>
      </c>
      <c r="B26496" t="s">
        <v>843</v>
      </c>
      <c r="C26496">
        <v>1</v>
      </c>
      <c r="D26496">
        <v>0</v>
      </c>
    </row>
    <row r="26497" spans="1:4" x14ac:dyDescent="0.25">
      <c r="A26497" t="s">
        <v>40405</v>
      </c>
      <c r="B26497" t="s">
        <v>40406</v>
      </c>
      <c r="C26497">
        <v>2</v>
      </c>
      <c r="D26497">
        <v>0</v>
      </c>
    </row>
    <row r="26498" spans="1:4" x14ac:dyDescent="0.25">
      <c r="A26498" t="s">
        <v>40405</v>
      </c>
      <c r="B26498" t="s">
        <v>40407</v>
      </c>
      <c r="C26498">
        <v>2</v>
      </c>
      <c r="D26498">
        <v>0</v>
      </c>
    </row>
    <row r="26499" spans="1:4" x14ac:dyDescent="0.25">
      <c r="A26499" t="s">
        <v>40405</v>
      </c>
      <c r="B26499" t="s">
        <v>40408</v>
      </c>
      <c r="C26499">
        <v>2</v>
      </c>
      <c r="D26499">
        <v>0</v>
      </c>
    </row>
    <row r="26500" spans="1:4" x14ac:dyDescent="0.25">
      <c r="A26500" t="s">
        <v>40409</v>
      </c>
      <c r="B26500" t="s">
        <v>40410</v>
      </c>
      <c r="C26500">
        <v>0</v>
      </c>
      <c r="D26500">
        <v>0</v>
      </c>
    </row>
    <row r="26501" spans="1:4" x14ac:dyDescent="0.25">
      <c r="A26501" t="s">
        <v>40409</v>
      </c>
      <c r="B26501" t="s">
        <v>40411</v>
      </c>
      <c r="C26501">
        <v>2</v>
      </c>
      <c r="D26501">
        <v>0</v>
      </c>
    </row>
    <row r="26502" spans="1:4" x14ac:dyDescent="0.25">
      <c r="A26502" t="s">
        <v>40409</v>
      </c>
      <c r="B26502" t="s">
        <v>40412</v>
      </c>
      <c r="C26502">
        <v>2</v>
      </c>
      <c r="D26502">
        <v>0</v>
      </c>
    </row>
    <row r="26503" spans="1:4" x14ac:dyDescent="0.25">
      <c r="A26503" t="s">
        <v>40413</v>
      </c>
      <c r="B26503" t="s">
        <v>40414</v>
      </c>
      <c r="C26503">
        <v>0</v>
      </c>
      <c r="D26503">
        <v>0</v>
      </c>
    </row>
    <row r="26504" spans="1:4" x14ac:dyDescent="0.25">
      <c r="A26504" t="s">
        <v>40415</v>
      </c>
      <c r="B26504" t="s">
        <v>40416</v>
      </c>
      <c r="C26504">
        <v>2</v>
      </c>
      <c r="D26504">
        <v>0</v>
      </c>
    </row>
    <row r="26505" spans="1:4" x14ac:dyDescent="0.25">
      <c r="A26505" t="s">
        <v>40417</v>
      </c>
      <c r="B26505" t="s">
        <v>40418</v>
      </c>
      <c r="C26505">
        <v>2</v>
      </c>
      <c r="D26505">
        <v>0</v>
      </c>
    </row>
    <row r="26506" spans="1:4" x14ac:dyDescent="0.25">
      <c r="A26506" t="s">
        <v>40417</v>
      </c>
      <c r="B26506" t="s">
        <v>40419</v>
      </c>
      <c r="C26506">
        <v>0</v>
      </c>
      <c r="D26506">
        <v>0</v>
      </c>
    </row>
    <row r="26507" spans="1:4" x14ac:dyDescent="0.25">
      <c r="A26507" t="s">
        <v>40417</v>
      </c>
      <c r="B26507" t="s">
        <v>40420</v>
      </c>
      <c r="C26507">
        <v>1</v>
      </c>
      <c r="D26507">
        <v>0</v>
      </c>
    </row>
    <row r="26508" spans="1:4" x14ac:dyDescent="0.25">
      <c r="A26508" t="s">
        <v>40421</v>
      </c>
      <c r="B26508" t="s">
        <v>40422</v>
      </c>
      <c r="C26508">
        <v>2</v>
      </c>
      <c r="D26508">
        <v>0</v>
      </c>
    </row>
    <row r="26509" spans="1:4" x14ac:dyDescent="0.25">
      <c r="A26509" t="s">
        <v>40421</v>
      </c>
      <c r="B26509" t="s">
        <v>40423</v>
      </c>
      <c r="C26509">
        <v>2</v>
      </c>
      <c r="D26509">
        <v>0</v>
      </c>
    </row>
    <row r="26510" spans="1:4" x14ac:dyDescent="0.25">
      <c r="A26510" t="s">
        <v>40421</v>
      </c>
      <c r="B26510" t="s">
        <v>40424</v>
      </c>
      <c r="C26510">
        <v>2</v>
      </c>
      <c r="D26510">
        <v>0</v>
      </c>
    </row>
    <row r="26511" spans="1:4" x14ac:dyDescent="0.25">
      <c r="A26511" t="s">
        <v>40425</v>
      </c>
      <c r="B26511" t="s">
        <v>40426</v>
      </c>
      <c r="C26511">
        <v>0</v>
      </c>
      <c r="D26511">
        <v>0</v>
      </c>
    </row>
    <row r="26512" spans="1:4" x14ac:dyDescent="0.25">
      <c r="A26512" t="s">
        <v>40425</v>
      </c>
      <c r="B26512" t="s">
        <v>40427</v>
      </c>
      <c r="C26512">
        <v>2</v>
      </c>
      <c r="D26512">
        <v>0</v>
      </c>
    </row>
    <row r="26513" spans="1:4" x14ac:dyDescent="0.25">
      <c r="A26513" t="s">
        <v>40425</v>
      </c>
      <c r="B26513" t="s">
        <v>40428</v>
      </c>
      <c r="C26513">
        <v>0</v>
      </c>
      <c r="D26513">
        <v>0</v>
      </c>
    </row>
    <row r="26514" spans="1:4" x14ac:dyDescent="0.25">
      <c r="A26514" t="s">
        <v>40429</v>
      </c>
      <c r="B26514" t="s">
        <v>40430</v>
      </c>
      <c r="C26514">
        <v>1</v>
      </c>
      <c r="D26514">
        <v>0</v>
      </c>
    </row>
    <row r="26515" spans="1:4" x14ac:dyDescent="0.25">
      <c r="A26515" t="s">
        <v>40429</v>
      </c>
      <c r="B26515" t="s">
        <v>40431</v>
      </c>
      <c r="C26515">
        <v>1</v>
      </c>
      <c r="D26515">
        <v>0</v>
      </c>
    </row>
    <row r="26516" spans="1:4" x14ac:dyDescent="0.25">
      <c r="A26516" t="s">
        <v>40432</v>
      </c>
      <c r="B26516" t="s">
        <v>40433</v>
      </c>
      <c r="C26516">
        <v>1</v>
      </c>
      <c r="D26516">
        <v>0</v>
      </c>
    </row>
    <row r="26517" spans="1:4" x14ac:dyDescent="0.25">
      <c r="A26517" t="s">
        <v>40432</v>
      </c>
      <c r="B26517" t="s">
        <v>40434</v>
      </c>
      <c r="C26517">
        <v>1</v>
      </c>
      <c r="D26517">
        <v>0</v>
      </c>
    </row>
    <row r="26518" spans="1:4" x14ac:dyDescent="0.25">
      <c r="A26518" t="s">
        <v>40435</v>
      </c>
      <c r="B26518" t="s">
        <v>40436</v>
      </c>
      <c r="C26518">
        <v>0</v>
      </c>
      <c r="D26518">
        <v>0</v>
      </c>
    </row>
    <row r="26519" spans="1:4" x14ac:dyDescent="0.25">
      <c r="A26519" t="s">
        <v>40435</v>
      </c>
      <c r="B26519" t="s">
        <v>40437</v>
      </c>
      <c r="C26519">
        <v>1</v>
      </c>
      <c r="D26519">
        <v>0</v>
      </c>
    </row>
    <row r="26520" spans="1:4" x14ac:dyDescent="0.25">
      <c r="A26520" t="s">
        <v>40435</v>
      </c>
      <c r="B26520" t="s">
        <v>40438</v>
      </c>
      <c r="C26520">
        <v>2</v>
      </c>
      <c r="D26520">
        <v>0</v>
      </c>
    </row>
    <row r="26521" spans="1:4" x14ac:dyDescent="0.25">
      <c r="A26521" t="s">
        <v>40439</v>
      </c>
      <c r="B26521" t="s">
        <v>40440</v>
      </c>
      <c r="C26521">
        <v>1</v>
      </c>
      <c r="D26521">
        <v>0</v>
      </c>
    </row>
    <row r="26522" spans="1:4" x14ac:dyDescent="0.25">
      <c r="A26522" t="s">
        <v>40439</v>
      </c>
      <c r="B26522" t="s">
        <v>40441</v>
      </c>
      <c r="C26522">
        <v>0</v>
      </c>
      <c r="D26522">
        <v>0</v>
      </c>
    </row>
    <row r="26523" spans="1:4" x14ac:dyDescent="0.25">
      <c r="A26523" t="s">
        <v>40442</v>
      </c>
      <c r="B26523" t="s">
        <v>40443</v>
      </c>
      <c r="C26523">
        <v>0</v>
      </c>
      <c r="D26523">
        <v>0</v>
      </c>
    </row>
    <row r="26524" spans="1:4" x14ac:dyDescent="0.25">
      <c r="A26524" t="s">
        <v>40442</v>
      </c>
      <c r="B26524" t="s">
        <v>40444</v>
      </c>
      <c r="C26524">
        <v>1</v>
      </c>
      <c r="D26524">
        <v>0</v>
      </c>
    </row>
    <row r="26525" spans="1:4" x14ac:dyDescent="0.25">
      <c r="A26525" t="s">
        <v>40442</v>
      </c>
      <c r="B26525" t="s">
        <v>40445</v>
      </c>
      <c r="C26525">
        <v>0</v>
      </c>
      <c r="D26525">
        <v>0</v>
      </c>
    </row>
    <row r="26526" spans="1:4" x14ac:dyDescent="0.25">
      <c r="A26526" t="s">
        <v>40446</v>
      </c>
      <c r="B26526" t="s">
        <v>40447</v>
      </c>
      <c r="C26526">
        <v>1</v>
      </c>
      <c r="D26526">
        <v>0</v>
      </c>
    </row>
    <row r="26527" spans="1:4" x14ac:dyDescent="0.25">
      <c r="A26527" t="s">
        <v>40446</v>
      </c>
      <c r="B26527" t="s">
        <v>40448</v>
      </c>
      <c r="C26527">
        <v>1</v>
      </c>
      <c r="D26527">
        <v>0</v>
      </c>
    </row>
    <row r="26528" spans="1:4" x14ac:dyDescent="0.25">
      <c r="A26528" t="s">
        <v>40449</v>
      </c>
      <c r="B26528" t="s">
        <v>40450</v>
      </c>
      <c r="C26528">
        <v>2</v>
      </c>
      <c r="D26528">
        <v>0</v>
      </c>
    </row>
    <row r="26529" spans="1:4" x14ac:dyDescent="0.25">
      <c r="A26529" t="s">
        <v>40449</v>
      </c>
      <c r="B26529" t="s">
        <v>40451</v>
      </c>
      <c r="C26529">
        <v>0</v>
      </c>
      <c r="D26529">
        <v>0</v>
      </c>
    </row>
    <row r="26530" spans="1:4" x14ac:dyDescent="0.25">
      <c r="A26530" t="s">
        <v>40449</v>
      </c>
      <c r="B26530" t="s">
        <v>40452</v>
      </c>
      <c r="C26530">
        <v>0</v>
      </c>
      <c r="D26530">
        <v>0</v>
      </c>
    </row>
    <row r="26531" spans="1:4" x14ac:dyDescent="0.25">
      <c r="A26531" t="s">
        <v>40453</v>
      </c>
      <c r="B26531" t="s">
        <v>13465</v>
      </c>
      <c r="C26531">
        <v>1</v>
      </c>
      <c r="D26531">
        <v>0</v>
      </c>
    </row>
    <row r="26532" spans="1:4" x14ac:dyDescent="0.25">
      <c r="A26532" t="s">
        <v>40453</v>
      </c>
      <c r="B26532" t="s">
        <v>40454</v>
      </c>
      <c r="C26532">
        <v>1</v>
      </c>
      <c r="D26532">
        <v>0</v>
      </c>
    </row>
    <row r="26533" spans="1:4" x14ac:dyDescent="0.25">
      <c r="A26533" t="s">
        <v>40455</v>
      </c>
      <c r="B26533" t="s">
        <v>1387</v>
      </c>
      <c r="C26533">
        <v>1</v>
      </c>
      <c r="D26533">
        <v>0</v>
      </c>
    </row>
    <row r="26534" spans="1:4" x14ac:dyDescent="0.25">
      <c r="A26534" t="s">
        <v>40455</v>
      </c>
      <c r="B26534" t="s">
        <v>1170</v>
      </c>
      <c r="C26534">
        <v>0</v>
      </c>
      <c r="D26534">
        <v>0</v>
      </c>
    </row>
    <row r="26535" spans="1:4" x14ac:dyDescent="0.25">
      <c r="A26535" t="s">
        <v>40456</v>
      </c>
      <c r="B26535" t="s">
        <v>40457</v>
      </c>
      <c r="C26535">
        <v>2</v>
      </c>
      <c r="D26535">
        <v>0</v>
      </c>
    </row>
    <row r="26536" spans="1:4" x14ac:dyDescent="0.25">
      <c r="A26536" t="s">
        <v>40456</v>
      </c>
      <c r="B26536" t="s">
        <v>17905</v>
      </c>
      <c r="C26536">
        <v>2</v>
      </c>
      <c r="D26536">
        <v>0</v>
      </c>
    </row>
    <row r="26537" spans="1:4" x14ac:dyDescent="0.25">
      <c r="A26537" t="s">
        <v>40456</v>
      </c>
      <c r="B26537" t="s">
        <v>40458</v>
      </c>
      <c r="C26537">
        <v>2</v>
      </c>
      <c r="D26537">
        <v>0</v>
      </c>
    </row>
    <row r="26538" spans="1:4" x14ac:dyDescent="0.25">
      <c r="A26538" t="s">
        <v>40459</v>
      </c>
      <c r="B26538" t="s">
        <v>40460</v>
      </c>
      <c r="C26538">
        <v>1</v>
      </c>
      <c r="D26538">
        <v>0</v>
      </c>
    </row>
    <row r="26539" spans="1:4" x14ac:dyDescent="0.25">
      <c r="A26539" t="s">
        <v>40461</v>
      </c>
      <c r="B26539" t="s">
        <v>40462</v>
      </c>
      <c r="C26539">
        <v>2</v>
      </c>
      <c r="D26539">
        <v>0</v>
      </c>
    </row>
    <row r="26540" spans="1:4" x14ac:dyDescent="0.25">
      <c r="A26540" t="s">
        <v>40463</v>
      </c>
      <c r="B26540" t="s">
        <v>40464</v>
      </c>
      <c r="C26540">
        <v>0</v>
      </c>
      <c r="D26540">
        <v>0</v>
      </c>
    </row>
    <row r="26541" spans="1:4" x14ac:dyDescent="0.25">
      <c r="A26541" t="s">
        <v>40463</v>
      </c>
      <c r="B26541" t="s">
        <v>40465</v>
      </c>
      <c r="C26541">
        <v>0</v>
      </c>
      <c r="D26541">
        <v>0</v>
      </c>
    </row>
    <row r="26542" spans="1:4" x14ac:dyDescent="0.25">
      <c r="A26542" t="s">
        <v>40463</v>
      </c>
      <c r="B26542" t="s">
        <v>40466</v>
      </c>
      <c r="C26542">
        <v>0</v>
      </c>
      <c r="D26542">
        <v>0</v>
      </c>
    </row>
    <row r="26543" spans="1:4" x14ac:dyDescent="0.25">
      <c r="A26543" t="s">
        <v>40467</v>
      </c>
      <c r="B26543" t="s">
        <v>40468</v>
      </c>
      <c r="C26543">
        <v>2</v>
      </c>
      <c r="D26543">
        <v>0</v>
      </c>
    </row>
    <row r="26544" spans="1:4" x14ac:dyDescent="0.25">
      <c r="A26544" t="s">
        <v>40467</v>
      </c>
      <c r="B26544" t="s">
        <v>2061</v>
      </c>
      <c r="C26544">
        <v>0</v>
      </c>
      <c r="D26544">
        <v>0</v>
      </c>
    </row>
    <row r="26545" spans="1:4" x14ac:dyDescent="0.25">
      <c r="A26545" t="s">
        <v>40467</v>
      </c>
      <c r="B26545" t="s">
        <v>1294</v>
      </c>
      <c r="C26545">
        <v>1</v>
      </c>
      <c r="D26545">
        <v>0</v>
      </c>
    </row>
    <row r="26546" spans="1:4" x14ac:dyDescent="0.25">
      <c r="A26546" t="s">
        <v>40469</v>
      </c>
      <c r="B26546" t="s">
        <v>40470</v>
      </c>
      <c r="C26546">
        <v>1</v>
      </c>
      <c r="D26546">
        <v>0</v>
      </c>
    </row>
    <row r="26547" spans="1:4" x14ac:dyDescent="0.25">
      <c r="A26547" t="s">
        <v>40469</v>
      </c>
      <c r="B26547" t="s">
        <v>40471</v>
      </c>
      <c r="C26547">
        <v>0</v>
      </c>
      <c r="D26547">
        <v>0</v>
      </c>
    </row>
    <row r="26548" spans="1:4" x14ac:dyDescent="0.25">
      <c r="A26548" t="s">
        <v>40469</v>
      </c>
      <c r="B26548" t="s">
        <v>40472</v>
      </c>
      <c r="C26548">
        <v>1</v>
      </c>
      <c r="D26548">
        <v>0</v>
      </c>
    </row>
    <row r="26549" spans="1:4" x14ac:dyDescent="0.25">
      <c r="A26549" t="s">
        <v>40473</v>
      </c>
      <c r="B26549" t="s">
        <v>40474</v>
      </c>
      <c r="C26549">
        <v>1</v>
      </c>
      <c r="D26549">
        <v>0</v>
      </c>
    </row>
    <row r="26550" spans="1:4" x14ac:dyDescent="0.25">
      <c r="A26550" t="s">
        <v>40473</v>
      </c>
      <c r="B26550" t="s">
        <v>40475</v>
      </c>
      <c r="C26550">
        <v>2</v>
      </c>
      <c r="D26550">
        <v>0</v>
      </c>
    </row>
    <row r="26551" spans="1:4" x14ac:dyDescent="0.25">
      <c r="A26551" t="s">
        <v>40473</v>
      </c>
      <c r="B26551" t="s">
        <v>40476</v>
      </c>
      <c r="C26551">
        <v>1</v>
      </c>
      <c r="D26551">
        <v>0</v>
      </c>
    </row>
    <row r="26552" spans="1:4" x14ac:dyDescent="0.25">
      <c r="A26552" t="s">
        <v>40477</v>
      </c>
      <c r="B26552" t="s">
        <v>40478</v>
      </c>
      <c r="C26552">
        <v>1</v>
      </c>
      <c r="D26552">
        <v>0</v>
      </c>
    </row>
    <row r="26553" spans="1:4" x14ac:dyDescent="0.25">
      <c r="A26553" t="s">
        <v>40477</v>
      </c>
      <c r="B26553" t="s">
        <v>40479</v>
      </c>
      <c r="C26553">
        <v>1</v>
      </c>
      <c r="D26553">
        <v>0</v>
      </c>
    </row>
    <row r="26554" spans="1:4" x14ac:dyDescent="0.25">
      <c r="A26554" t="s">
        <v>40477</v>
      </c>
      <c r="B26554" t="s">
        <v>40480</v>
      </c>
      <c r="C26554">
        <v>1</v>
      </c>
      <c r="D26554">
        <v>0</v>
      </c>
    </row>
    <row r="26555" spans="1:4" x14ac:dyDescent="0.25">
      <c r="A26555" t="s">
        <v>40481</v>
      </c>
      <c r="B26555" t="s">
        <v>40482</v>
      </c>
      <c r="C26555">
        <v>2</v>
      </c>
      <c r="D26555">
        <v>0</v>
      </c>
    </row>
    <row r="26556" spans="1:4" x14ac:dyDescent="0.25">
      <c r="A26556" t="s">
        <v>40483</v>
      </c>
      <c r="B26556" t="s">
        <v>968</v>
      </c>
      <c r="C26556">
        <v>1</v>
      </c>
      <c r="D26556">
        <v>0</v>
      </c>
    </row>
    <row r="26557" spans="1:4" x14ac:dyDescent="0.25">
      <c r="A26557" t="s">
        <v>40483</v>
      </c>
      <c r="B26557" t="s">
        <v>40484</v>
      </c>
      <c r="C26557">
        <v>0</v>
      </c>
      <c r="D26557">
        <v>0</v>
      </c>
    </row>
    <row r="26558" spans="1:4" x14ac:dyDescent="0.25">
      <c r="A26558" t="s">
        <v>40483</v>
      </c>
      <c r="B26558" t="s">
        <v>40485</v>
      </c>
      <c r="C26558">
        <v>2</v>
      </c>
      <c r="D26558">
        <v>0</v>
      </c>
    </row>
    <row r="26559" spans="1:4" x14ac:dyDescent="0.25">
      <c r="A26559" t="s">
        <v>40486</v>
      </c>
      <c r="B26559" t="s">
        <v>40487</v>
      </c>
      <c r="C26559">
        <v>2</v>
      </c>
      <c r="D26559">
        <v>0</v>
      </c>
    </row>
    <row r="26560" spans="1:4" x14ac:dyDescent="0.25">
      <c r="A26560" t="s">
        <v>40486</v>
      </c>
      <c r="B26560" t="s">
        <v>40488</v>
      </c>
      <c r="C26560">
        <v>0</v>
      </c>
      <c r="D26560">
        <v>0</v>
      </c>
    </row>
    <row r="26561" spans="1:4" x14ac:dyDescent="0.25">
      <c r="A26561" t="s">
        <v>40489</v>
      </c>
      <c r="B26561" t="s">
        <v>40490</v>
      </c>
      <c r="C26561">
        <v>0</v>
      </c>
      <c r="D26561">
        <v>0</v>
      </c>
    </row>
    <row r="26562" spans="1:4" x14ac:dyDescent="0.25">
      <c r="A26562" t="s">
        <v>40489</v>
      </c>
      <c r="B26562" t="s">
        <v>40491</v>
      </c>
      <c r="C26562">
        <v>0</v>
      </c>
      <c r="D26562">
        <v>0</v>
      </c>
    </row>
    <row r="26563" spans="1:4" x14ac:dyDescent="0.25">
      <c r="A26563" t="s">
        <v>40489</v>
      </c>
      <c r="B26563" t="s">
        <v>40492</v>
      </c>
      <c r="C26563">
        <v>1</v>
      </c>
      <c r="D26563">
        <v>0</v>
      </c>
    </row>
    <row r="26564" spans="1:4" x14ac:dyDescent="0.25">
      <c r="A26564" t="s">
        <v>40493</v>
      </c>
      <c r="B26564" t="s">
        <v>23493</v>
      </c>
      <c r="C26564">
        <v>2</v>
      </c>
      <c r="D26564">
        <v>0</v>
      </c>
    </row>
    <row r="26565" spans="1:4" x14ac:dyDescent="0.25">
      <c r="A26565" t="s">
        <v>40493</v>
      </c>
      <c r="B26565" t="s">
        <v>40494</v>
      </c>
      <c r="C26565">
        <v>0</v>
      </c>
      <c r="D26565">
        <v>0</v>
      </c>
    </row>
    <row r="26566" spans="1:4" x14ac:dyDescent="0.25">
      <c r="A26566" t="s">
        <v>40493</v>
      </c>
      <c r="B26566" t="s">
        <v>40495</v>
      </c>
      <c r="C26566">
        <v>1</v>
      </c>
      <c r="D26566">
        <v>0</v>
      </c>
    </row>
    <row r="26567" spans="1:4" x14ac:dyDescent="0.25">
      <c r="A26567" t="s">
        <v>40496</v>
      </c>
      <c r="B26567" t="s">
        <v>40497</v>
      </c>
      <c r="C26567">
        <v>1</v>
      </c>
      <c r="D26567">
        <v>0</v>
      </c>
    </row>
    <row r="26568" spans="1:4" x14ac:dyDescent="0.25">
      <c r="A26568" t="s">
        <v>40498</v>
      </c>
      <c r="B26568" t="s">
        <v>40499</v>
      </c>
      <c r="C26568">
        <v>1</v>
      </c>
      <c r="D26568">
        <v>0</v>
      </c>
    </row>
    <row r="26569" spans="1:4" x14ac:dyDescent="0.25">
      <c r="A26569" t="s">
        <v>40498</v>
      </c>
      <c r="B26569" t="s">
        <v>40500</v>
      </c>
      <c r="C26569">
        <v>2</v>
      </c>
      <c r="D26569">
        <v>0</v>
      </c>
    </row>
    <row r="26570" spans="1:4" x14ac:dyDescent="0.25">
      <c r="A26570" t="s">
        <v>40501</v>
      </c>
      <c r="B26570" t="s">
        <v>40502</v>
      </c>
      <c r="C26570">
        <v>1</v>
      </c>
      <c r="D26570">
        <v>0</v>
      </c>
    </row>
    <row r="26571" spans="1:4" x14ac:dyDescent="0.25">
      <c r="A26571" t="s">
        <v>40501</v>
      </c>
      <c r="B26571" t="s">
        <v>40503</v>
      </c>
      <c r="C26571">
        <v>1</v>
      </c>
      <c r="D26571">
        <v>0</v>
      </c>
    </row>
    <row r="26572" spans="1:4" x14ac:dyDescent="0.25">
      <c r="A26572" t="s">
        <v>40501</v>
      </c>
      <c r="B26572" t="s">
        <v>40504</v>
      </c>
      <c r="C26572">
        <v>1</v>
      </c>
      <c r="D26572">
        <v>0</v>
      </c>
    </row>
    <row r="26573" spans="1:4" x14ac:dyDescent="0.25">
      <c r="A26573" t="s">
        <v>40505</v>
      </c>
      <c r="B26573" t="s">
        <v>33100</v>
      </c>
      <c r="C26573">
        <v>1</v>
      </c>
      <c r="D26573">
        <v>0</v>
      </c>
    </row>
    <row r="26574" spans="1:4" x14ac:dyDescent="0.25">
      <c r="A26574" t="s">
        <v>40505</v>
      </c>
      <c r="B26574" t="s">
        <v>40506</v>
      </c>
      <c r="C26574">
        <v>1</v>
      </c>
      <c r="D26574">
        <v>0</v>
      </c>
    </row>
    <row r="26575" spans="1:4" x14ac:dyDescent="0.25">
      <c r="A26575" t="s">
        <v>40507</v>
      </c>
      <c r="B26575" t="s">
        <v>40508</v>
      </c>
      <c r="C26575">
        <v>1</v>
      </c>
      <c r="D26575">
        <v>0</v>
      </c>
    </row>
    <row r="26576" spans="1:4" x14ac:dyDescent="0.25">
      <c r="A26576" t="s">
        <v>40507</v>
      </c>
      <c r="B26576" t="s">
        <v>40509</v>
      </c>
      <c r="C26576">
        <v>1</v>
      </c>
      <c r="D26576">
        <v>0</v>
      </c>
    </row>
    <row r="26577" spans="1:4" x14ac:dyDescent="0.25">
      <c r="A26577" t="s">
        <v>40510</v>
      </c>
      <c r="B26577" t="s">
        <v>40511</v>
      </c>
      <c r="C26577">
        <v>1</v>
      </c>
      <c r="D26577">
        <v>0</v>
      </c>
    </row>
    <row r="26578" spans="1:4" x14ac:dyDescent="0.25">
      <c r="A26578" t="s">
        <v>40510</v>
      </c>
      <c r="B26578" t="s">
        <v>40512</v>
      </c>
      <c r="C26578">
        <v>0</v>
      </c>
      <c r="D26578">
        <v>0</v>
      </c>
    </row>
    <row r="26579" spans="1:4" x14ac:dyDescent="0.25">
      <c r="A26579" t="s">
        <v>40513</v>
      </c>
      <c r="B26579" t="s">
        <v>40514</v>
      </c>
      <c r="C26579">
        <v>0</v>
      </c>
      <c r="D26579">
        <v>0</v>
      </c>
    </row>
    <row r="26580" spans="1:4" x14ac:dyDescent="0.25">
      <c r="A26580" t="s">
        <v>40515</v>
      </c>
      <c r="B26580" t="s">
        <v>40516</v>
      </c>
      <c r="C26580">
        <v>1</v>
      </c>
      <c r="D26580">
        <v>0</v>
      </c>
    </row>
    <row r="26581" spans="1:4" x14ac:dyDescent="0.25">
      <c r="A26581" t="s">
        <v>40515</v>
      </c>
      <c r="B26581" t="s">
        <v>40517</v>
      </c>
      <c r="C26581">
        <v>1</v>
      </c>
      <c r="D26581">
        <v>0</v>
      </c>
    </row>
    <row r="26582" spans="1:4" x14ac:dyDescent="0.25">
      <c r="A26582" t="s">
        <v>40518</v>
      </c>
      <c r="B26582" t="s">
        <v>40519</v>
      </c>
      <c r="C26582">
        <v>0</v>
      </c>
      <c r="D26582">
        <v>0</v>
      </c>
    </row>
    <row r="26583" spans="1:4" x14ac:dyDescent="0.25">
      <c r="A26583" t="s">
        <v>40518</v>
      </c>
      <c r="B26583" t="s">
        <v>852</v>
      </c>
      <c r="C26583">
        <v>0</v>
      </c>
      <c r="D26583">
        <v>0</v>
      </c>
    </row>
    <row r="26584" spans="1:4" x14ac:dyDescent="0.25">
      <c r="A26584" t="s">
        <v>40518</v>
      </c>
      <c r="B26584" t="s">
        <v>40520</v>
      </c>
      <c r="C26584">
        <v>0</v>
      </c>
      <c r="D26584">
        <v>0</v>
      </c>
    </row>
    <row r="26585" spans="1:4" x14ac:dyDescent="0.25">
      <c r="A26585" t="s">
        <v>40521</v>
      </c>
      <c r="B26585" t="s">
        <v>40522</v>
      </c>
      <c r="C26585">
        <v>0</v>
      </c>
      <c r="D26585">
        <v>0</v>
      </c>
    </row>
    <row r="26586" spans="1:4" x14ac:dyDescent="0.25">
      <c r="A26586" t="s">
        <v>40521</v>
      </c>
      <c r="B26586" t="s">
        <v>40523</v>
      </c>
      <c r="C26586">
        <v>0</v>
      </c>
      <c r="D26586">
        <v>0</v>
      </c>
    </row>
    <row r="26587" spans="1:4" x14ac:dyDescent="0.25">
      <c r="A26587" t="s">
        <v>40521</v>
      </c>
      <c r="B26587" t="s">
        <v>40524</v>
      </c>
      <c r="C26587">
        <v>0</v>
      </c>
      <c r="D26587">
        <v>0</v>
      </c>
    </row>
    <row r="26588" spans="1:4" x14ac:dyDescent="0.25">
      <c r="A26588" t="s">
        <v>40525</v>
      </c>
      <c r="B26588" t="s">
        <v>40526</v>
      </c>
      <c r="C26588">
        <v>0</v>
      </c>
      <c r="D26588">
        <v>0</v>
      </c>
    </row>
    <row r="26589" spans="1:4" x14ac:dyDescent="0.25">
      <c r="A26589" t="s">
        <v>40525</v>
      </c>
      <c r="B26589" t="s">
        <v>40527</v>
      </c>
      <c r="C26589">
        <v>1</v>
      </c>
      <c r="D26589">
        <v>0</v>
      </c>
    </row>
    <row r="26590" spans="1:4" x14ac:dyDescent="0.25">
      <c r="A26590" t="s">
        <v>40528</v>
      </c>
      <c r="B26590" t="s">
        <v>40529</v>
      </c>
      <c r="C26590">
        <v>0</v>
      </c>
      <c r="D26590">
        <v>0</v>
      </c>
    </row>
    <row r="26591" spans="1:4" x14ac:dyDescent="0.25">
      <c r="A26591" t="s">
        <v>40528</v>
      </c>
      <c r="B26591" t="s">
        <v>40530</v>
      </c>
      <c r="C26591">
        <v>2</v>
      </c>
      <c r="D26591">
        <v>0</v>
      </c>
    </row>
    <row r="26592" spans="1:4" x14ac:dyDescent="0.25">
      <c r="A26592" t="s">
        <v>40531</v>
      </c>
      <c r="B26592" t="s">
        <v>40532</v>
      </c>
      <c r="C26592">
        <v>1</v>
      </c>
      <c r="D26592">
        <v>0</v>
      </c>
    </row>
    <row r="26593" spans="1:4" x14ac:dyDescent="0.25">
      <c r="A26593" t="s">
        <v>40531</v>
      </c>
      <c r="B26593" t="s">
        <v>40533</v>
      </c>
      <c r="C26593">
        <v>2</v>
      </c>
      <c r="D26593">
        <v>0</v>
      </c>
    </row>
    <row r="26594" spans="1:4" x14ac:dyDescent="0.25">
      <c r="A26594" t="s">
        <v>40534</v>
      </c>
      <c r="B26594" t="s">
        <v>40535</v>
      </c>
      <c r="C26594">
        <v>2</v>
      </c>
      <c r="D26594">
        <v>0</v>
      </c>
    </row>
    <row r="26595" spans="1:4" x14ac:dyDescent="0.25">
      <c r="A26595" t="s">
        <v>40534</v>
      </c>
      <c r="B26595" t="s">
        <v>40536</v>
      </c>
      <c r="C26595">
        <v>1</v>
      </c>
      <c r="D26595">
        <v>0</v>
      </c>
    </row>
    <row r="26596" spans="1:4" x14ac:dyDescent="0.25">
      <c r="A26596" t="s">
        <v>40534</v>
      </c>
      <c r="B26596" t="s">
        <v>40537</v>
      </c>
      <c r="C26596">
        <v>0</v>
      </c>
      <c r="D26596">
        <v>0</v>
      </c>
    </row>
    <row r="26597" spans="1:4" x14ac:dyDescent="0.25">
      <c r="A26597" t="s">
        <v>40538</v>
      </c>
      <c r="B26597" t="s">
        <v>40539</v>
      </c>
      <c r="C26597">
        <v>2</v>
      </c>
      <c r="D26597">
        <v>0</v>
      </c>
    </row>
    <row r="26598" spans="1:4" x14ac:dyDescent="0.25">
      <c r="A26598" t="s">
        <v>40540</v>
      </c>
      <c r="B26598" t="s">
        <v>40541</v>
      </c>
      <c r="C26598">
        <v>0</v>
      </c>
      <c r="D26598">
        <v>0</v>
      </c>
    </row>
    <row r="26599" spans="1:4" x14ac:dyDescent="0.25">
      <c r="A26599" t="s">
        <v>40540</v>
      </c>
      <c r="B26599" t="s">
        <v>35440</v>
      </c>
      <c r="C26599">
        <v>0</v>
      </c>
      <c r="D26599">
        <v>0</v>
      </c>
    </row>
    <row r="26600" spans="1:4" x14ac:dyDescent="0.25">
      <c r="A26600" t="s">
        <v>40542</v>
      </c>
      <c r="B26600" t="s">
        <v>40543</v>
      </c>
      <c r="C26600">
        <v>0</v>
      </c>
      <c r="D26600">
        <v>0</v>
      </c>
    </row>
    <row r="26601" spans="1:4" x14ac:dyDescent="0.25">
      <c r="A26601" t="s">
        <v>40542</v>
      </c>
      <c r="B26601" t="s">
        <v>40544</v>
      </c>
      <c r="C26601">
        <v>0</v>
      </c>
      <c r="D26601">
        <v>0</v>
      </c>
    </row>
    <row r="26602" spans="1:4" x14ac:dyDescent="0.25">
      <c r="A26602" t="s">
        <v>40542</v>
      </c>
      <c r="B26602" t="s">
        <v>40545</v>
      </c>
      <c r="C26602">
        <v>1</v>
      </c>
      <c r="D26602">
        <v>0</v>
      </c>
    </row>
    <row r="26603" spans="1:4" x14ac:dyDescent="0.25">
      <c r="A26603" t="s">
        <v>40546</v>
      </c>
      <c r="B26603" t="s">
        <v>40547</v>
      </c>
      <c r="C26603">
        <v>2</v>
      </c>
      <c r="D26603">
        <v>0</v>
      </c>
    </row>
    <row r="26604" spans="1:4" x14ac:dyDescent="0.25">
      <c r="A26604" t="s">
        <v>40546</v>
      </c>
      <c r="B26604" t="s">
        <v>40548</v>
      </c>
      <c r="C26604">
        <v>2</v>
      </c>
      <c r="D26604">
        <v>0</v>
      </c>
    </row>
    <row r="26605" spans="1:4" x14ac:dyDescent="0.25">
      <c r="A26605" t="s">
        <v>40549</v>
      </c>
      <c r="B26605" t="s">
        <v>40550</v>
      </c>
      <c r="C26605">
        <v>2</v>
      </c>
      <c r="D26605">
        <v>0</v>
      </c>
    </row>
    <row r="26606" spans="1:4" x14ac:dyDescent="0.25">
      <c r="A26606" t="s">
        <v>40549</v>
      </c>
      <c r="B26606" t="s">
        <v>40551</v>
      </c>
      <c r="C26606">
        <v>2</v>
      </c>
      <c r="D26606">
        <v>0</v>
      </c>
    </row>
    <row r="26607" spans="1:4" x14ac:dyDescent="0.25">
      <c r="A26607" t="s">
        <v>40549</v>
      </c>
      <c r="B26607" t="s">
        <v>40552</v>
      </c>
      <c r="C26607">
        <v>0</v>
      </c>
      <c r="D26607">
        <v>0</v>
      </c>
    </row>
    <row r="26608" spans="1:4" x14ac:dyDescent="0.25">
      <c r="A26608" t="s">
        <v>40553</v>
      </c>
      <c r="B26608" t="s">
        <v>40554</v>
      </c>
      <c r="C26608">
        <v>1</v>
      </c>
      <c r="D26608">
        <v>0</v>
      </c>
    </row>
    <row r="26609" spans="1:4" x14ac:dyDescent="0.25">
      <c r="A26609" t="s">
        <v>40553</v>
      </c>
      <c r="B26609" t="s">
        <v>40555</v>
      </c>
      <c r="C26609">
        <v>1</v>
      </c>
      <c r="D26609">
        <v>0</v>
      </c>
    </row>
    <row r="26610" spans="1:4" x14ac:dyDescent="0.25">
      <c r="A26610" t="s">
        <v>40553</v>
      </c>
      <c r="B26610" t="s">
        <v>40556</v>
      </c>
      <c r="C26610">
        <v>1</v>
      </c>
      <c r="D26610">
        <v>0</v>
      </c>
    </row>
    <row r="26611" spans="1:4" x14ac:dyDescent="0.25">
      <c r="A26611" t="s">
        <v>40557</v>
      </c>
      <c r="B26611" t="s">
        <v>40558</v>
      </c>
      <c r="C26611">
        <v>0</v>
      </c>
      <c r="D26611">
        <v>0</v>
      </c>
    </row>
    <row r="26612" spans="1:4" x14ac:dyDescent="0.25">
      <c r="A26612" t="s">
        <v>40557</v>
      </c>
      <c r="B26612" t="s">
        <v>40559</v>
      </c>
      <c r="C26612">
        <v>1</v>
      </c>
      <c r="D26612">
        <v>0</v>
      </c>
    </row>
    <row r="26613" spans="1:4" x14ac:dyDescent="0.25">
      <c r="A26613" t="s">
        <v>40557</v>
      </c>
      <c r="B26613" t="s">
        <v>40560</v>
      </c>
      <c r="C26613">
        <v>2</v>
      </c>
      <c r="D26613">
        <v>0</v>
      </c>
    </row>
    <row r="26614" spans="1:4" x14ac:dyDescent="0.25">
      <c r="A26614" t="s">
        <v>40561</v>
      </c>
      <c r="B26614" t="s">
        <v>40562</v>
      </c>
      <c r="C26614">
        <v>0</v>
      </c>
      <c r="D26614">
        <v>0</v>
      </c>
    </row>
    <row r="26615" spans="1:4" x14ac:dyDescent="0.25">
      <c r="A26615" t="s">
        <v>40561</v>
      </c>
      <c r="B26615" t="s">
        <v>40563</v>
      </c>
      <c r="C26615">
        <v>0</v>
      </c>
      <c r="D26615">
        <v>0</v>
      </c>
    </row>
    <row r="26616" spans="1:4" x14ac:dyDescent="0.25">
      <c r="A26616" t="s">
        <v>40561</v>
      </c>
      <c r="B26616" t="s">
        <v>29843</v>
      </c>
      <c r="C26616">
        <v>1</v>
      </c>
      <c r="D26616">
        <v>0</v>
      </c>
    </row>
    <row r="26617" spans="1:4" x14ac:dyDescent="0.25">
      <c r="A26617" t="s">
        <v>40564</v>
      </c>
      <c r="B26617" t="s">
        <v>40565</v>
      </c>
      <c r="C26617">
        <v>0</v>
      </c>
      <c r="D26617">
        <v>0</v>
      </c>
    </row>
    <row r="26618" spans="1:4" x14ac:dyDescent="0.25">
      <c r="A26618" t="s">
        <v>40564</v>
      </c>
      <c r="B26618" t="s">
        <v>40566</v>
      </c>
      <c r="C26618">
        <v>1</v>
      </c>
      <c r="D26618">
        <v>0</v>
      </c>
    </row>
    <row r="26619" spans="1:4" x14ac:dyDescent="0.25">
      <c r="A26619" t="s">
        <v>40567</v>
      </c>
      <c r="B26619" t="s">
        <v>969</v>
      </c>
      <c r="C26619">
        <v>0</v>
      </c>
      <c r="D26619">
        <v>0</v>
      </c>
    </row>
    <row r="26620" spans="1:4" x14ac:dyDescent="0.25">
      <c r="A26620" t="s">
        <v>40567</v>
      </c>
      <c r="B26620" t="s">
        <v>40568</v>
      </c>
      <c r="C26620">
        <v>1</v>
      </c>
      <c r="D26620">
        <v>0</v>
      </c>
    </row>
    <row r="26621" spans="1:4" x14ac:dyDescent="0.25">
      <c r="A26621" t="s">
        <v>40569</v>
      </c>
      <c r="B26621" t="s">
        <v>40570</v>
      </c>
      <c r="C26621">
        <v>1</v>
      </c>
      <c r="D26621">
        <v>0</v>
      </c>
    </row>
    <row r="26622" spans="1:4" x14ac:dyDescent="0.25">
      <c r="A26622" t="s">
        <v>40569</v>
      </c>
      <c r="B26622" t="s">
        <v>40571</v>
      </c>
      <c r="C26622">
        <v>0</v>
      </c>
      <c r="D26622">
        <v>0</v>
      </c>
    </row>
    <row r="26623" spans="1:4" x14ac:dyDescent="0.25">
      <c r="A26623" t="s">
        <v>40572</v>
      </c>
      <c r="B26623" t="s">
        <v>40573</v>
      </c>
      <c r="C26623">
        <v>1</v>
      </c>
      <c r="D26623">
        <v>0</v>
      </c>
    </row>
    <row r="26624" spans="1:4" x14ac:dyDescent="0.25">
      <c r="A26624" t="s">
        <v>40572</v>
      </c>
      <c r="B26624" t="s">
        <v>40574</v>
      </c>
      <c r="C26624">
        <v>2</v>
      </c>
      <c r="D26624">
        <v>0</v>
      </c>
    </row>
    <row r="26625" spans="1:4" x14ac:dyDescent="0.25">
      <c r="A26625" t="s">
        <v>40575</v>
      </c>
      <c r="B26625" t="s">
        <v>40576</v>
      </c>
      <c r="C26625">
        <v>0</v>
      </c>
      <c r="D26625">
        <v>0</v>
      </c>
    </row>
    <row r="26626" spans="1:4" x14ac:dyDescent="0.25">
      <c r="A26626" t="s">
        <v>40575</v>
      </c>
      <c r="B26626" t="s">
        <v>40577</v>
      </c>
      <c r="C26626">
        <v>1</v>
      </c>
      <c r="D26626">
        <v>0</v>
      </c>
    </row>
    <row r="26627" spans="1:4" x14ac:dyDescent="0.25">
      <c r="A26627" t="s">
        <v>40578</v>
      </c>
      <c r="B26627" t="s">
        <v>40579</v>
      </c>
      <c r="C26627">
        <v>1</v>
      </c>
      <c r="D26627">
        <v>0</v>
      </c>
    </row>
    <row r="26628" spans="1:4" x14ac:dyDescent="0.25">
      <c r="A26628" t="s">
        <v>40578</v>
      </c>
      <c r="B26628" t="s">
        <v>9792</v>
      </c>
      <c r="C26628">
        <v>1</v>
      </c>
      <c r="D26628">
        <v>0</v>
      </c>
    </row>
    <row r="26629" spans="1:4" x14ac:dyDescent="0.25">
      <c r="A26629" t="s">
        <v>40580</v>
      </c>
      <c r="B26629" t="s">
        <v>40581</v>
      </c>
      <c r="C26629">
        <v>1</v>
      </c>
      <c r="D26629">
        <v>0</v>
      </c>
    </row>
    <row r="26630" spans="1:4" x14ac:dyDescent="0.25">
      <c r="A26630" t="s">
        <v>40580</v>
      </c>
      <c r="B26630" t="s">
        <v>40582</v>
      </c>
      <c r="C26630">
        <v>1</v>
      </c>
      <c r="D26630">
        <v>0</v>
      </c>
    </row>
    <row r="26631" spans="1:4" x14ac:dyDescent="0.25">
      <c r="A26631" t="s">
        <v>40580</v>
      </c>
      <c r="B26631" t="s">
        <v>40583</v>
      </c>
      <c r="C26631">
        <v>1</v>
      </c>
      <c r="D26631">
        <v>0</v>
      </c>
    </row>
    <row r="26632" spans="1:4" x14ac:dyDescent="0.25">
      <c r="A26632" t="s">
        <v>40584</v>
      </c>
      <c r="B26632" t="s">
        <v>40585</v>
      </c>
      <c r="C26632">
        <v>0</v>
      </c>
      <c r="D26632">
        <v>0</v>
      </c>
    </row>
    <row r="26633" spans="1:4" x14ac:dyDescent="0.25">
      <c r="A26633" t="s">
        <v>40586</v>
      </c>
      <c r="B26633" t="s">
        <v>40587</v>
      </c>
      <c r="C26633">
        <v>1</v>
      </c>
      <c r="D26633">
        <v>0</v>
      </c>
    </row>
    <row r="26634" spans="1:4" x14ac:dyDescent="0.25">
      <c r="A26634" t="s">
        <v>40586</v>
      </c>
      <c r="B26634" t="s">
        <v>40588</v>
      </c>
      <c r="C26634">
        <v>2</v>
      </c>
      <c r="D26634">
        <v>0</v>
      </c>
    </row>
    <row r="26635" spans="1:4" x14ac:dyDescent="0.25">
      <c r="A26635" t="s">
        <v>40586</v>
      </c>
      <c r="B26635" t="s">
        <v>40589</v>
      </c>
      <c r="C26635">
        <v>0</v>
      </c>
      <c r="D26635">
        <v>0</v>
      </c>
    </row>
    <row r="26636" spans="1:4" x14ac:dyDescent="0.25">
      <c r="A26636" t="s">
        <v>40590</v>
      </c>
      <c r="B26636" t="s">
        <v>40591</v>
      </c>
      <c r="C26636">
        <v>0</v>
      </c>
      <c r="D26636">
        <v>0</v>
      </c>
    </row>
    <row r="26637" spans="1:4" x14ac:dyDescent="0.25">
      <c r="A26637" t="s">
        <v>40592</v>
      </c>
      <c r="B26637" t="s">
        <v>40593</v>
      </c>
      <c r="C26637">
        <v>1</v>
      </c>
      <c r="D26637">
        <v>0</v>
      </c>
    </row>
    <row r="26638" spans="1:4" x14ac:dyDescent="0.25">
      <c r="A26638" t="s">
        <v>40592</v>
      </c>
      <c r="B26638" t="s">
        <v>40594</v>
      </c>
      <c r="C26638">
        <v>2</v>
      </c>
      <c r="D26638">
        <v>0</v>
      </c>
    </row>
    <row r="26639" spans="1:4" x14ac:dyDescent="0.25">
      <c r="A26639" t="s">
        <v>40592</v>
      </c>
      <c r="B26639" t="s">
        <v>40595</v>
      </c>
      <c r="C26639">
        <v>1</v>
      </c>
      <c r="D26639">
        <v>0</v>
      </c>
    </row>
    <row r="26640" spans="1:4" x14ac:dyDescent="0.25">
      <c r="A26640" t="s">
        <v>40596</v>
      </c>
      <c r="B26640" t="s">
        <v>40597</v>
      </c>
      <c r="C26640">
        <v>1</v>
      </c>
      <c r="D26640">
        <v>0</v>
      </c>
    </row>
    <row r="26641" spans="1:4" x14ac:dyDescent="0.25">
      <c r="A26641" t="s">
        <v>40598</v>
      </c>
      <c r="B26641" t="s">
        <v>40599</v>
      </c>
      <c r="C26641">
        <v>2</v>
      </c>
      <c r="D26641">
        <v>0</v>
      </c>
    </row>
    <row r="26642" spans="1:4" x14ac:dyDescent="0.25">
      <c r="A26642" t="s">
        <v>40598</v>
      </c>
      <c r="B26642" t="s">
        <v>40600</v>
      </c>
      <c r="C26642">
        <v>1</v>
      </c>
      <c r="D26642">
        <v>0</v>
      </c>
    </row>
    <row r="26643" spans="1:4" x14ac:dyDescent="0.25">
      <c r="A26643" t="s">
        <v>40598</v>
      </c>
      <c r="B26643" t="s">
        <v>40601</v>
      </c>
      <c r="C26643">
        <v>0</v>
      </c>
      <c r="D26643">
        <v>0</v>
      </c>
    </row>
    <row r="26644" spans="1:4" x14ac:dyDescent="0.25">
      <c r="A26644" t="s">
        <v>40602</v>
      </c>
      <c r="B26644" t="s">
        <v>40603</v>
      </c>
      <c r="C26644">
        <v>2</v>
      </c>
      <c r="D26644">
        <v>0</v>
      </c>
    </row>
    <row r="26645" spans="1:4" x14ac:dyDescent="0.25">
      <c r="A26645" t="s">
        <v>40602</v>
      </c>
      <c r="B26645" t="s">
        <v>40604</v>
      </c>
      <c r="C26645">
        <v>2</v>
      </c>
      <c r="D26645">
        <v>0</v>
      </c>
    </row>
    <row r="26646" spans="1:4" x14ac:dyDescent="0.25">
      <c r="A26646" t="s">
        <v>40602</v>
      </c>
      <c r="B26646" t="s">
        <v>398</v>
      </c>
      <c r="C26646">
        <v>0</v>
      </c>
      <c r="D26646">
        <v>0</v>
      </c>
    </row>
    <row r="26647" spans="1:4" x14ac:dyDescent="0.25">
      <c r="A26647" t="s">
        <v>40605</v>
      </c>
      <c r="B26647" t="s">
        <v>40606</v>
      </c>
      <c r="C26647">
        <v>0</v>
      </c>
      <c r="D26647">
        <v>0</v>
      </c>
    </row>
    <row r="26648" spans="1:4" x14ac:dyDescent="0.25">
      <c r="A26648" t="s">
        <v>40605</v>
      </c>
      <c r="B26648" t="s">
        <v>40607</v>
      </c>
      <c r="C26648">
        <v>2</v>
      </c>
      <c r="D26648">
        <v>0</v>
      </c>
    </row>
    <row r="26649" spans="1:4" x14ac:dyDescent="0.25">
      <c r="A26649" t="s">
        <v>40605</v>
      </c>
      <c r="B26649" t="s">
        <v>40608</v>
      </c>
      <c r="C26649">
        <v>2</v>
      </c>
      <c r="D26649">
        <v>0</v>
      </c>
    </row>
    <row r="26650" spans="1:4" x14ac:dyDescent="0.25">
      <c r="A26650" t="s">
        <v>40609</v>
      </c>
      <c r="B26650" t="s">
        <v>40610</v>
      </c>
      <c r="C26650">
        <v>0</v>
      </c>
      <c r="D26650">
        <v>0</v>
      </c>
    </row>
    <row r="26651" spans="1:4" x14ac:dyDescent="0.25">
      <c r="A26651" t="s">
        <v>40609</v>
      </c>
      <c r="B26651" t="s">
        <v>40611</v>
      </c>
      <c r="C26651">
        <v>1</v>
      </c>
      <c r="D26651">
        <v>0</v>
      </c>
    </row>
    <row r="26652" spans="1:4" x14ac:dyDescent="0.25">
      <c r="A26652" t="s">
        <v>40609</v>
      </c>
      <c r="B26652" t="s">
        <v>40612</v>
      </c>
      <c r="C26652">
        <v>0</v>
      </c>
      <c r="D26652">
        <v>0</v>
      </c>
    </row>
    <row r="26653" spans="1:4" x14ac:dyDescent="0.25">
      <c r="A26653" t="s">
        <v>40613</v>
      </c>
      <c r="B26653" t="s">
        <v>40614</v>
      </c>
      <c r="C26653">
        <v>1</v>
      </c>
      <c r="D26653">
        <v>0</v>
      </c>
    </row>
    <row r="26654" spans="1:4" x14ac:dyDescent="0.25">
      <c r="A26654" t="s">
        <v>40613</v>
      </c>
      <c r="B26654" t="s">
        <v>40615</v>
      </c>
      <c r="C26654">
        <v>1</v>
      </c>
      <c r="D26654">
        <v>0</v>
      </c>
    </row>
    <row r="26655" spans="1:4" x14ac:dyDescent="0.25">
      <c r="A26655" t="s">
        <v>40613</v>
      </c>
      <c r="B26655" t="s">
        <v>40616</v>
      </c>
      <c r="C26655">
        <v>2</v>
      </c>
      <c r="D26655">
        <v>0</v>
      </c>
    </row>
    <row r="26656" spans="1:4" x14ac:dyDescent="0.25">
      <c r="A26656" t="s">
        <v>40617</v>
      </c>
      <c r="B26656" t="s">
        <v>398</v>
      </c>
      <c r="C26656">
        <v>0</v>
      </c>
      <c r="D26656">
        <v>0</v>
      </c>
    </row>
    <row r="26657" spans="1:4" x14ac:dyDescent="0.25">
      <c r="A26657" t="s">
        <v>40618</v>
      </c>
      <c r="B26657" t="s">
        <v>40619</v>
      </c>
      <c r="C26657">
        <v>1</v>
      </c>
      <c r="D26657">
        <v>0</v>
      </c>
    </row>
    <row r="26658" spans="1:4" x14ac:dyDescent="0.25">
      <c r="A26658" t="s">
        <v>40618</v>
      </c>
      <c r="B26658" t="s">
        <v>40620</v>
      </c>
      <c r="C26658">
        <v>2</v>
      </c>
      <c r="D26658">
        <v>0</v>
      </c>
    </row>
    <row r="26659" spans="1:4" x14ac:dyDescent="0.25">
      <c r="A26659" t="s">
        <v>40621</v>
      </c>
      <c r="B26659" t="s">
        <v>40622</v>
      </c>
      <c r="C26659">
        <v>0</v>
      </c>
      <c r="D26659">
        <v>0</v>
      </c>
    </row>
    <row r="26660" spans="1:4" x14ac:dyDescent="0.25">
      <c r="A26660" t="s">
        <v>40621</v>
      </c>
      <c r="B26660" t="s">
        <v>40623</v>
      </c>
      <c r="C26660">
        <v>2</v>
      </c>
      <c r="D26660">
        <v>0</v>
      </c>
    </row>
    <row r="26661" spans="1:4" x14ac:dyDescent="0.25">
      <c r="A26661" t="s">
        <v>40621</v>
      </c>
      <c r="B26661" t="s">
        <v>40624</v>
      </c>
      <c r="C26661">
        <v>1</v>
      </c>
      <c r="D26661">
        <v>0</v>
      </c>
    </row>
    <row r="26662" spans="1:4" x14ac:dyDescent="0.25">
      <c r="A26662" t="s">
        <v>40625</v>
      </c>
      <c r="B26662" t="s">
        <v>1499</v>
      </c>
      <c r="C26662">
        <v>1</v>
      </c>
      <c r="D26662">
        <v>0</v>
      </c>
    </row>
    <row r="26663" spans="1:4" x14ac:dyDescent="0.25">
      <c r="A26663" t="s">
        <v>40626</v>
      </c>
      <c r="B26663" t="s">
        <v>40627</v>
      </c>
      <c r="C26663">
        <v>2</v>
      </c>
      <c r="D26663">
        <v>0</v>
      </c>
    </row>
    <row r="26664" spans="1:4" x14ac:dyDescent="0.25">
      <c r="A26664" t="s">
        <v>40628</v>
      </c>
      <c r="B26664" t="s">
        <v>40629</v>
      </c>
      <c r="C26664">
        <v>2</v>
      </c>
      <c r="D26664">
        <v>0</v>
      </c>
    </row>
    <row r="26665" spans="1:4" x14ac:dyDescent="0.25">
      <c r="A26665" t="s">
        <v>40628</v>
      </c>
      <c r="B26665" t="s">
        <v>40630</v>
      </c>
      <c r="C26665">
        <v>1</v>
      </c>
      <c r="D26665">
        <v>0</v>
      </c>
    </row>
    <row r="26666" spans="1:4" x14ac:dyDescent="0.25">
      <c r="A26666" t="s">
        <v>40628</v>
      </c>
      <c r="B26666" t="s">
        <v>40631</v>
      </c>
      <c r="C26666">
        <v>2</v>
      </c>
      <c r="D26666">
        <v>0</v>
      </c>
    </row>
    <row r="26667" spans="1:4" x14ac:dyDescent="0.25">
      <c r="A26667" t="s">
        <v>40632</v>
      </c>
      <c r="B26667" t="s">
        <v>40633</v>
      </c>
      <c r="C26667">
        <v>0</v>
      </c>
      <c r="D26667">
        <v>0</v>
      </c>
    </row>
    <row r="26668" spans="1:4" x14ac:dyDescent="0.25">
      <c r="A26668" t="s">
        <v>40634</v>
      </c>
      <c r="B26668" t="s">
        <v>40635</v>
      </c>
      <c r="C26668">
        <v>1</v>
      </c>
      <c r="D26668">
        <v>0</v>
      </c>
    </row>
    <row r="26669" spans="1:4" x14ac:dyDescent="0.25">
      <c r="A26669" t="s">
        <v>40634</v>
      </c>
      <c r="B26669" t="s">
        <v>40636</v>
      </c>
      <c r="C26669">
        <v>2</v>
      </c>
      <c r="D26669">
        <v>0</v>
      </c>
    </row>
    <row r="26670" spans="1:4" x14ac:dyDescent="0.25">
      <c r="A26670" t="s">
        <v>40634</v>
      </c>
      <c r="B26670" t="s">
        <v>40637</v>
      </c>
      <c r="C26670">
        <v>0</v>
      </c>
      <c r="D26670">
        <v>0</v>
      </c>
    </row>
    <row r="26671" spans="1:4" x14ac:dyDescent="0.25">
      <c r="A26671" t="s">
        <v>40638</v>
      </c>
      <c r="B26671" t="s">
        <v>1401</v>
      </c>
      <c r="C26671">
        <v>0</v>
      </c>
      <c r="D26671">
        <v>0</v>
      </c>
    </row>
    <row r="26672" spans="1:4" x14ac:dyDescent="0.25">
      <c r="A26672" t="s">
        <v>40639</v>
      </c>
      <c r="B26672" t="s">
        <v>40640</v>
      </c>
      <c r="C26672">
        <v>1</v>
      </c>
      <c r="D26672">
        <v>0</v>
      </c>
    </row>
    <row r="26673" spans="1:4" x14ac:dyDescent="0.25">
      <c r="A26673" t="s">
        <v>40641</v>
      </c>
      <c r="B26673" t="s">
        <v>40642</v>
      </c>
      <c r="C26673">
        <v>2</v>
      </c>
      <c r="D26673">
        <v>0</v>
      </c>
    </row>
    <row r="26674" spans="1:4" x14ac:dyDescent="0.25">
      <c r="A26674" t="s">
        <v>40641</v>
      </c>
      <c r="B26674" t="s">
        <v>40643</v>
      </c>
      <c r="C26674">
        <v>0</v>
      </c>
      <c r="D26674">
        <v>0</v>
      </c>
    </row>
    <row r="26675" spans="1:4" x14ac:dyDescent="0.25">
      <c r="A26675" t="s">
        <v>40641</v>
      </c>
      <c r="B26675" t="s">
        <v>40644</v>
      </c>
      <c r="C26675">
        <v>1</v>
      </c>
      <c r="D26675">
        <v>0</v>
      </c>
    </row>
    <row r="26676" spans="1:4" x14ac:dyDescent="0.25">
      <c r="A26676" t="s">
        <v>40645</v>
      </c>
      <c r="B26676" t="s">
        <v>40646</v>
      </c>
      <c r="C26676">
        <v>0</v>
      </c>
      <c r="D26676">
        <v>0</v>
      </c>
    </row>
    <row r="26677" spans="1:4" x14ac:dyDescent="0.25">
      <c r="A26677" t="s">
        <v>40647</v>
      </c>
      <c r="B26677" t="s">
        <v>40648</v>
      </c>
      <c r="C26677">
        <v>2</v>
      </c>
      <c r="D26677">
        <v>0</v>
      </c>
    </row>
    <row r="26678" spans="1:4" x14ac:dyDescent="0.25">
      <c r="A26678" t="s">
        <v>40647</v>
      </c>
      <c r="B26678" t="s">
        <v>40649</v>
      </c>
      <c r="C26678">
        <v>0</v>
      </c>
      <c r="D26678">
        <v>0</v>
      </c>
    </row>
    <row r="26679" spans="1:4" x14ac:dyDescent="0.25">
      <c r="A26679" t="s">
        <v>40650</v>
      </c>
      <c r="B26679" t="s">
        <v>1387</v>
      </c>
      <c r="C26679">
        <v>1</v>
      </c>
      <c r="D26679">
        <v>0</v>
      </c>
    </row>
    <row r="26680" spans="1:4" x14ac:dyDescent="0.25">
      <c r="A26680" t="s">
        <v>40650</v>
      </c>
      <c r="B26680" t="s">
        <v>7571</v>
      </c>
      <c r="C26680">
        <v>0</v>
      </c>
      <c r="D26680">
        <v>0</v>
      </c>
    </row>
    <row r="26681" spans="1:4" x14ac:dyDescent="0.25">
      <c r="A26681" t="s">
        <v>40651</v>
      </c>
      <c r="B26681" t="s">
        <v>40652</v>
      </c>
      <c r="C26681">
        <v>0</v>
      </c>
      <c r="D26681">
        <v>0</v>
      </c>
    </row>
    <row r="26682" spans="1:4" x14ac:dyDescent="0.25">
      <c r="A26682" t="s">
        <v>40651</v>
      </c>
      <c r="B26682" t="s">
        <v>40653</v>
      </c>
      <c r="C26682">
        <v>0</v>
      </c>
      <c r="D26682">
        <v>0</v>
      </c>
    </row>
    <row r="26683" spans="1:4" x14ac:dyDescent="0.25">
      <c r="A26683" t="s">
        <v>40654</v>
      </c>
      <c r="B26683" t="s">
        <v>40655</v>
      </c>
      <c r="C26683">
        <v>0</v>
      </c>
      <c r="D26683">
        <v>0</v>
      </c>
    </row>
    <row r="26684" spans="1:4" x14ac:dyDescent="0.25">
      <c r="A26684" t="s">
        <v>40654</v>
      </c>
      <c r="B26684" t="s">
        <v>40656</v>
      </c>
      <c r="C26684">
        <v>1</v>
      </c>
      <c r="D26684">
        <v>0</v>
      </c>
    </row>
    <row r="26685" spans="1:4" x14ac:dyDescent="0.25">
      <c r="A26685" t="s">
        <v>40654</v>
      </c>
      <c r="B26685" t="s">
        <v>40657</v>
      </c>
      <c r="C26685">
        <v>1</v>
      </c>
      <c r="D26685">
        <v>0</v>
      </c>
    </row>
    <row r="26686" spans="1:4" x14ac:dyDescent="0.25">
      <c r="A26686" t="s">
        <v>40658</v>
      </c>
      <c r="B26686" t="s">
        <v>40659</v>
      </c>
      <c r="C26686">
        <v>0</v>
      </c>
      <c r="D26686">
        <v>0</v>
      </c>
    </row>
    <row r="26687" spans="1:4" x14ac:dyDescent="0.25">
      <c r="A26687" t="s">
        <v>40660</v>
      </c>
      <c r="B26687" t="s">
        <v>40661</v>
      </c>
      <c r="C26687">
        <v>1</v>
      </c>
      <c r="D26687">
        <v>0</v>
      </c>
    </row>
    <row r="26688" spans="1:4" x14ac:dyDescent="0.25">
      <c r="A26688" t="s">
        <v>40662</v>
      </c>
      <c r="B26688" t="s">
        <v>4894</v>
      </c>
      <c r="C26688">
        <v>0</v>
      </c>
      <c r="D26688">
        <v>0</v>
      </c>
    </row>
    <row r="26689" spans="1:4" x14ac:dyDescent="0.25">
      <c r="A26689" t="s">
        <v>40662</v>
      </c>
      <c r="B26689" t="s">
        <v>40663</v>
      </c>
      <c r="C26689">
        <v>2</v>
      </c>
      <c r="D26689">
        <v>0</v>
      </c>
    </row>
    <row r="26690" spans="1:4" x14ac:dyDescent="0.25">
      <c r="A26690" t="s">
        <v>40662</v>
      </c>
      <c r="B26690" t="s">
        <v>40664</v>
      </c>
      <c r="C26690">
        <v>0</v>
      </c>
      <c r="D26690">
        <v>0</v>
      </c>
    </row>
    <row r="26691" spans="1:4" x14ac:dyDescent="0.25">
      <c r="A26691" t="s">
        <v>40665</v>
      </c>
      <c r="B26691" t="s">
        <v>40666</v>
      </c>
      <c r="C26691">
        <v>2</v>
      </c>
      <c r="D26691">
        <v>0</v>
      </c>
    </row>
    <row r="26692" spans="1:4" x14ac:dyDescent="0.25">
      <c r="A26692" t="s">
        <v>40665</v>
      </c>
      <c r="B26692" t="s">
        <v>40667</v>
      </c>
      <c r="C26692">
        <v>0</v>
      </c>
      <c r="D26692">
        <v>0</v>
      </c>
    </row>
    <row r="26693" spans="1:4" x14ac:dyDescent="0.25">
      <c r="A26693" t="s">
        <v>40665</v>
      </c>
      <c r="B26693" t="s">
        <v>40668</v>
      </c>
      <c r="C26693">
        <v>1</v>
      </c>
      <c r="D26693">
        <v>0</v>
      </c>
    </row>
    <row r="26694" spans="1:4" x14ac:dyDescent="0.25">
      <c r="A26694" t="s">
        <v>40669</v>
      </c>
      <c r="B26694" t="s">
        <v>40670</v>
      </c>
      <c r="C26694">
        <v>2</v>
      </c>
      <c r="D26694">
        <v>0</v>
      </c>
    </row>
    <row r="26695" spans="1:4" x14ac:dyDescent="0.25">
      <c r="A26695" t="s">
        <v>40669</v>
      </c>
      <c r="B26695" t="s">
        <v>40671</v>
      </c>
      <c r="C26695">
        <v>0</v>
      </c>
      <c r="D26695">
        <v>0</v>
      </c>
    </row>
    <row r="26696" spans="1:4" x14ac:dyDescent="0.25">
      <c r="A26696" t="s">
        <v>40669</v>
      </c>
      <c r="B26696" t="s">
        <v>40672</v>
      </c>
      <c r="C26696">
        <v>0</v>
      </c>
      <c r="D26696">
        <v>0</v>
      </c>
    </row>
    <row r="26697" spans="1:4" x14ac:dyDescent="0.25">
      <c r="A26697" t="s">
        <v>40673</v>
      </c>
      <c r="B26697" t="s">
        <v>3858</v>
      </c>
      <c r="C26697">
        <v>1</v>
      </c>
      <c r="D26697">
        <v>0</v>
      </c>
    </row>
    <row r="26698" spans="1:4" x14ac:dyDescent="0.25">
      <c r="A26698" t="s">
        <v>40674</v>
      </c>
      <c r="B26698" t="s">
        <v>40675</v>
      </c>
      <c r="C26698">
        <v>1</v>
      </c>
      <c r="D26698">
        <v>0</v>
      </c>
    </row>
    <row r="26699" spans="1:4" x14ac:dyDescent="0.25">
      <c r="A26699" t="s">
        <v>40676</v>
      </c>
      <c r="B26699" t="s">
        <v>40677</v>
      </c>
      <c r="C26699">
        <v>0</v>
      </c>
      <c r="D26699">
        <v>0</v>
      </c>
    </row>
    <row r="26700" spans="1:4" x14ac:dyDescent="0.25">
      <c r="A26700" t="s">
        <v>40678</v>
      </c>
      <c r="B26700" t="s">
        <v>1895</v>
      </c>
      <c r="C26700">
        <v>2</v>
      </c>
      <c r="D26700">
        <v>0</v>
      </c>
    </row>
    <row r="26701" spans="1:4" x14ac:dyDescent="0.25">
      <c r="A26701" t="s">
        <v>40678</v>
      </c>
      <c r="B26701" t="s">
        <v>40679</v>
      </c>
      <c r="C26701">
        <v>1</v>
      </c>
      <c r="D26701">
        <v>0</v>
      </c>
    </row>
    <row r="26702" spans="1:4" x14ac:dyDescent="0.25">
      <c r="A26702" t="s">
        <v>40678</v>
      </c>
      <c r="B26702" t="s">
        <v>40680</v>
      </c>
      <c r="C26702">
        <v>0</v>
      </c>
      <c r="D26702">
        <v>0</v>
      </c>
    </row>
    <row r="26703" spans="1:4" x14ac:dyDescent="0.25">
      <c r="A26703" t="s">
        <v>40681</v>
      </c>
      <c r="B26703" t="s">
        <v>40682</v>
      </c>
      <c r="C26703">
        <v>2</v>
      </c>
      <c r="D26703">
        <v>0</v>
      </c>
    </row>
    <row r="26704" spans="1:4" x14ac:dyDescent="0.25">
      <c r="A26704" t="s">
        <v>40683</v>
      </c>
      <c r="B26704" t="s">
        <v>40684</v>
      </c>
      <c r="C26704">
        <v>1</v>
      </c>
      <c r="D26704">
        <v>0</v>
      </c>
    </row>
    <row r="26705" spans="1:4" x14ac:dyDescent="0.25">
      <c r="A26705" t="s">
        <v>40683</v>
      </c>
      <c r="B26705" t="s">
        <v>40685</v>
      </c>
      <c r="C26705">
        <v>0</v>
      </c>
      <c r="D26705">
        <v>0</v>
      </c>
    </row>
    <row r="26706" spans="1:4" x14ac:dyDescent="0.25">
      <c r="A26706" t="s">
        <v>40686</v>
      </c>
      <c r="B26706" t="s">
        <v>40687</v>
      </c>
      <c r="C26706">
        <v>1</v>
      </c>
      <c r="D26706">
        <v>0</v>
      </c>
    </row>
    <row r="26707" spans="1:4" x14ac:dyDescent="0.25">
      <c r="A26707" t="s">
        <v>40686</v>
      </c>
      <c r="B26707" t="s">
        <v>40688</v>
      </c>
      <c r="C26707">
        <v>1</v>
      </c>
      <c r="D26707">
        <v>0</v>
      </c>
    </row>
    <row r="26708" spans="1:4" x14ac:dyDescent="0.25">
      <c r="A26708" t="s">
        <v>40686</v>
      </c>
      <c r="B26708" t="s">
        <v>40689</v>
      </c>
      <c r="C26708">
        <v>1</v>
      </c>
      <c r="D26708">
        <v>0</v>
      </c>
    </row>
    <row r="26709" spans="1:4" x14ac:dyDescent="0.25">
      <c r="A26709" t="s">
        <v>40690</v>
      </c>
      <c r="B26709" t="s">
        <v>40691</v>
      </c>
      <c r="C26709">
        <v>2</v>
      </c>
      <c r="D26709">
        <v>0</v>
      </c>
    </row>
    <row r="26710" spans="1:4" x14ac:dyDescent="0.25">
      <c r="A26710" t="s">
        <v>40692</v>
      </c>
      <c r="B26710" t="s">
        <v>40693</v>
      </c>
      <c r="C26710">
        <v>2</v>
      </c>
      <c r="D26710">
        <v>0</v>
      </c>
    </row>
    <row r="26711" spans="1:4" x14ac:dyDescent="0.25">
      <c r="A26711" t="s">
        <v>40694</v>
      </c>
      <c r="B26711" t="s">
        <v>40695</v>
      </c>
      <c r="C26711">
        <v>0</v>
      </c>
      <c r="D26711">
        <v>0</v>
      </c>
    </row>
    <row r="26712" spans="1:4" x14ac:dyDescent="0.25">
      <c r="A26712" t="s">
        <v>40696</v>
      </c>
      <c r="B26712" t="s">
        <v>40697</v>
      </c>
      <c r="C26712">
        <v>0</v>
      </c>
      <c r="D26712">
        <v>0</v>
      </c>
    </row>
    <row r="26713" spans="1:4" x14ac:dyDescent="0.25">
      <c r="A26713" t="s">
        <v>40698</v>
      </c>
      <c r="B26713" t="s">
        <v>40699</v>
      </c>
      <c r="C26713">
        <v>2</v>
      </c>
      <c r="D26713">
        <v>0</v>
      </c>
    </row>
    <row r="26714" spans="1:4" x14ac:dyDescent="0.25">
      <c r="A26714" t="s">
        <v>40700</v>
      </c>
      <c r="B26714" t="s">
        <v>2061</v>
      </c>
      <c r="C26714">
        <v>0</v>
      </c>
      <c r="D26714">
        <v>0</v>
      </c>
    </row>
    <row r="26715" spans="1:4" x14ac:dyDescent="0.25">
      <c r="A26715" t="s">
        <v>40700</v>
      </c>
      <c r="B26715" t="s">
        <v>40701</v>
      </c>
      <c r="C26715">
        <v>0</v>
      </c>
      <c r="D26715">
        <v>0</v>
      </c>
    </row>
    <row r="26716" spans="1:4" x14ac:dyDescent="0.25">
      <c r="A26716" t="s">
        <v>40700</v>
      </c>
      <c r="B26716" t="s">
        <v>40702</v>
      </c>
      <c r="C26716">
        <v>0</v>
      </c>
      <c r="D26716">
        <v>0</v>
      </c>
    </row>
    <row r="26717" spans="1:4" x14ac:dyDescent="0.25">
      <c r="A26717" t="s">
        <v>40703</v>
      </c>
      <c r="B26717" t="s">
        <v>40704</v>
      </c>
      <c r="C26717">
        <v>2</v>
      </c>
      <c r="D26717">
        <v>0</v>
      </c>
    </row>
    <row r="26718" spans="1:4" x14ac:dyDescent="0.25">
      <c r="A26718" t="s">
        <v>40703</v>
      </c>
      <c r="B26718" t="s">
        <v>40705</v>
      </c>
      <c r="C26718">
        <v>2</v>
      </c>
      <c r="D26718">
        <v>0</v>
      </c>
    </row>
    <row r="26719" spans="1:4" x14ac:dyDescent="0.25">
      <c r="A26719" t="s">
        <v>40706</v>
      </c>
      <c r="B26719" t="s">
        <v>40707</v>
      </c>
      <c r="C26719">
        <v>0</v>
      </c>
      <c r="D26719">
        <v>0</v>
      </c>
    </row>
    <row r="26720" spans="1:4" x14ac:dyDescent="0.25">
      <c r="A26720" t="s">
        <v>40706</v>
      </c>
      <c r="B26720" t="s">
        <v>40708</v>
      </c>
      <c r="C26720">
        <v>1</v>
      </c>
      <c r="D26720">
        <v>0</v>
      </c>
    </row>
    <row r="26721" spans="1:4" x14ac:dyDescent="0.25">
      <c r="A26721" t="s">
        <v>40706</v>
      </c>
      <c r="B26721" t="s">
        <v>40709</v>
      </c>
      <c r="C26721">
        <v>1</v>
      </c>
      <c r="D26721">
        <v>0</v>
      </c>
    </row>
    <row r="26722" spans="1:4" x14ac:dyDescent="0.25">
      <c r="A26722" t="s">
        <v>40710</v>
      </c>
      <c r="B26722" t="s">
        <v>40711</v>
      </c>
      <c r="C26722">
        <v>2</v>
      </c>
      <c r="D26722">
        <v>0</v>
      </c>
    </row>
    <row r="26723" spans="1:4" x14ac:dyDescent="0.25">
      <c r="A26723" t="s">
        <v>40712</v>
      </c>
      <c r="B26723" t="s">
        <v>40713</v>
      </c>
      <c r="C26723">
        <v>0</v>
      </c>
      <c r="D26723">
        <v>0</v>
      </c>
    </row>
    <row r="26724" spans="1:4" x14ac:dyDescent="0.25">
      <c r="A26724" t="s">
        <v>40712</v>
      </c>
      <c r="B26724" t="s">
        <v>40714</v>
      </c>
      <c r="C26724">
        <v>0</v>
      </c>
      <c r="D26724">
        <v>0</v>
      </c>
    </row>
    <row r="26725" spans="1:4" x14ac:dyDescent="0.25">
      <c r="A26725" t="s">
        <v>40712</v>
      </c>
      <c r="B26725" t="s">
        <v>40715</v>
      </c>
      <c r="C26725">
        <v>2</v>
      </c>
      <c r="D26725">
        <v>0</v>
      </c>
    </row>
    <row r="26726" spans="1:4" x14ac:dyDescent="0.25">
      <c r="A26726" t="s">
        <v>40716</v>
      </c>
      <c r="B26726" t="s">
        <v>40717</v>
      </c>
      <c r="C26726">
        <v>1</v>
      </c>
      <c r="D26726">
        <v>0</v>
      </c>
    </row>
    <row r="26727" spans="1:4" x14ac:dyDescent="0.25">
      <c r="A26727" t="s">
        <v>40718</v>
      </c>
      <c r="B26727" t="s">
        <v>40719</v>
      </c>
      <c r="C26727">
        <v>1</v>
      </c>
      <c r="D26727">
        <v>0</v>
      </c>
    </row>
    <row r="26728" spans="1:4" x14ac:dyDescent="0.25">
      <c r="A26728" t="s">
        <v>40720</v>
      </c>
      <c r="B26728" t="s">
        <v>40721</v>
      </c>
      <c r="C26728">
        <v>0</v>
      </c>
      <c r="D26728">
        <v>0</v>
      </c>
    </row>
    <row r="26729" spans="1:4" x14ac:dyDescent="0.25">
      <c r="A26729" t="s">
        <v>40720</v>
      </c>
      <c r="B26729" t="s">
        <v>40722</v>
      </c>
      <c r="C26729">
        <v>2</v>
      </c>
      <c r="D26729">
        <v>0</v>
      </c>
    </row>
    <row r="26730" spans="1:4" x14ac:dyDescent="0.25">
      <c r="A26730" t="s">
        <v>40723</v>
      </c>
      <c r="B26730" t="s">
        <v>40724</v>
      </c>
      <c r="C26730">
        <v>2</v>
      </c>
      <c r="D26730">
        <v>0</v>
      </c>
    </row>
    <row r="26731" spans="1:4" x14ac:dyDescent="0.25">
      <c r="A26731" t="s">
        <v>40723</v>
      </c>
      <c r="B26731" t="s">
        <v>1387</v>
      </c>
      <c r="C26731">
        <v>1</v>
      </c>
      <c r="D26731">
        <v>0</v>
      </c>
    </row>
    <row r="26732" spans="1:4" x14ac:dyDescent="0.25">
      <c r="A26732" t="s">
        <v>40723</v>
      </c>
      <c r="B26732" t="s">
        <v>4003</v>
      </c>
      <c r="C26732">
        <v>0</v>
      </c>
      <c r="D26732">
        <v>0</v>
      </c>
    </row>
    <row r="26733" spans="1:4" x14ac:dyDescent="0.25">
      <c r="A26733" t="s">
        <v>40725</v>
      </c>
      <c r="B26733" t="s">
        <v>40726</v>
      </c>
      <c r="C26733">
        <v>2</v>
      </c>
      <c r="D26733">
        <v>0</v>
      </c>
    </row>
    <row r="26734" spans="1:4" x14ac:dyDescent="0.25">
      <c r="A26734" t="s">
        <v>40725</v>
      </c>
      <c r="B26734" t="s">
        <v>40727</v>
      </c>
      <c r="C26734">
        <v>2</v>
      </c>
      <c r="D26734">
        <v>0</v>
      </c>
    </row>
    <row r="26735" spans="1:4" x14ac:dyDescent="0.25">
      <c r="A26735" t="s">
        <v>40725</v>
      </c>
      <c r="B26735" t="s">
        <v>40728</v>
      </c>
      <c r="C26735">
        <v>2</v>
      </c>
      <c r="D26735">
        <v>0</v>
      </c>
    </row>
    <row r="26736" spans="1:4" x14ac:dyDescent="0.25">
      <c r="A26736" t="s">
        <v>40729</v>
      </c>
      <c r="B26736" t="s">
        <v>40730</v>
      </c>
      <c r="C26736">
        <v>0</v>
      </c>
      <c r="D26736">
        <v>0</v>
      </c>
    </row>
    <row r="26737" spans="1:4" x14ac:dyDescent="0.25">
      <c r="A26737" t="s">
        <v>40731</v>
      </c>
      <c r="B26737" t="s">
        <v>40732</v>
      </c>
      <c r="C26737">
        <v>2</v>
      </c>
      <c r="D26737">
        <v>0</v>
      </c>
    </row>
    <row r="26738" spans="1:4" x14ac:dyDescent="0.25">
      <c r="A26738" t="s">
        <v>40731</v>
      </c>
      <c r="B26738" t="s">
        <v>40733</v>
      </c>
      <c r="C26738">
        <v>1</v>
      </c>
      <c r="D26738">
        <v>0</v>
      </c>
    </row>
    <row r="26739" spans="1:4" x14ac:dyDescent="0.25">
      <c r="A26739" t="s">
        <v>40731</v>
      </c>
      <c r="B26739" t="s">
        <v>40734</v>
      </c>
      <c r="C26739">
        <v>1</v>
      </c>
      <c r="D26739">
        <v>0</v>
      </c>
    </row>
    <row r="26740" spans="1:4" x14ac:dyDescent="0.25">
      <c r="A26740" t="s">
        <v>40735</v>
      </c>
      <c r="B26740" t="s">
        <v>40736</v>
      </c>
      <c r="C26740">
        <v>1</v>
      </c>
      <c r="D26740">
        <v>0</v>
      </c>
    </row>
    <row r="26741" spans="1:4" x14ac:dyDescent="0.25">
      <c r="A26741" t="s">
        <v>40735</v>
      </c>
      <c r="B26741" t="s">
        <v>40737</v>
      </c>
      <c r="C26741">
        <v>1</v>
      </c>
      <c r="D26741">
        <v>0</v>
      </c>
    </row>
    <row r="26742" spans="1:4" x14ac:dyDescent="0.25">
      <c r="A26742" t="s">
        <v>40738</v>
      </c>
      <c r="B26742" t="s">
        <v>40739</v>
      </c>
      <c r="C26742">
        <v>1</v>
      </c>
      <c r="D26742">
        <v>0</v>
      </c>
    </row>
    <row r="26743" spans="1:4" x14ac:dyDescent="0.25">
      <c r="A26743" t="s">
        <v>40740</v>
      </c>
      <c r="B26743" t="s">
        <v>40741</v>
      </c>
      <c r="C26743">
        <v>1</v>
      </c>
      <c r="D26743">
        <v>0</v>
      </c>
    </row>
    <row r="26744" spans="1:4" x14ac:dyDescent="0.25">
      <c r="A26744" t="s">
        <v>40740</v>
      </c>
      <c r="B26744" t="s">
        <v>40742</v>
      </c>
      <c r="C26744">
        <v>0</v>
      </c>
      <c r="D26744">
        <v>0</v>
      </c>
    </row>
    <row r="26745" spans="1:4" x14ac:dyDescent="0.25">
      <c r="A26745" t="s">
        <v>40743</v>
      </c>
      <c r="B26745" t="s">
        <v>40744</v>
      </c>
      <c r="C26745">
        <v>0</v>
      </c>
      <c r="D26745">
        <v>0</v>
      </c>
    </row>
    <row r="26746" spans="1:4" x14ac:dyDescent="0.25">
      <c r="A26746" t="s">
        <v>40743</v>
      </c>
      <c r="B26746" t="s">
        <v>40745</v>
      </c>
      <c r="C26746">
        <v>1</v>
      </c>
      <c r="D26746">
        <v>0</v>
      </c>
    </row>
    <row r="26747" spans="1:4" x14ac:dyDescent="0.25">
      <c r="A26747" t="s">
        <v>40743</v>
      </c>
      <c r="B26747" t="s">
        <v>40746</v>
      </c>
      <c r="C26747">
        <v>0</v>
      </c>
      <c r="D26747">
        <v>0</v>
      </c>
    </row>
    <row r="26748" spans="1:4" x14ac:dyDescent="0.25">
      <c r="A26748" t="s">
        <v>40747</v>
      </c>
      <c r="B26748" t="s">
        <v>40748</v>
      </c>
      <c r="C26748">
        <v>0</v>
      </c>
      <c r="D26748">
        <v>0</v>
      </c>
    </row>
    <row r="26749" spans="1:4" x14ac:dyDescent="0.25">
      <c r="A26749" t="s">
        <v>40749</v>
      </c>
      <c r="B26749" t="s">
        <v>40750</v>
      </c>
      <c r="C26749">
        <v>0</v>
      </c>
      <c r="D26749">
        <v>0</v>
      </c>
    </row>
    <row r="26750" spans="1:4" x14ac:dyDescent="0.25">
      <c r="A26750" t="s">
        <v>40751</v>
      </c>
      <c r="B26750" t="s">
        <v>40752</v>
      </c>
      <c r="C26750">
        <v>1</v>
      </c>
      <c r="D26750">
        <v>0</v>
      </c>
    </row>
    <row r="26751" spans="1:4" x14ac:dyDescent="0.25">
      <c r="A26751" t="s">
        <v>40751</v>
      </c>
      <c r="B26751" t="s">
        <v>6837</v>
      </c>
      <c r="C26751">
        <v>1</v>
      </c>
      <c r="D26751">
        <v>0</v>
      </c>
    </row>
    <row r="26752" spans="1:4" x14ac:dyDescent="0.25">
      <c r="A26752" t="s">
        <v>40753</v>
      </c>
      <c r="B26752" t="s">
        <v>40754</v>
      </c>
      <c r="C26752">
        <v>1</v>
      </c>
      <c r="D26752">
        <v>0</v>
      </c>
    </row>
    <row r="26753" spans="1:4" x14ac:dyDescent="0.25">
      <c r="A26753" t="s">
        <v>40753</v>
      </c>
      <c r="B26753" t="s">
        <v>40755</v>
      </c>
      <c r="C26753">
        <v>0</v>
      </c>
      <c r="D26753">
        <v>0</v>
      </c>
    </row>
    <row r="26754" spans="1:4" x14ac:dyDescent="0.25">
      <c r="A26754" t="s">
        <v>40753</v>
      </c>
      <c r="B26754" t="s">
        <v>40756</v>
      </c>
      <c r="C26754">
        <v>2</v>
      </c>
      <c r="D26754">
        <v>0</v>
      </c>
    </row>
    <row r="26755" spans="1:4" x14ac:dyDescent="0.25">
      <c r="A26755" t="s">
        <v>40757</v>
      </c>
      <c r="B26755" t="s">
        <v>40758</v>
      </c>
      <c r="C26755">
        <v>2</v>
      </c>
      <c r="D26755">
        <v>0</v>
      </c>
    </row>
    <row r="26756" spans="1:4" x14ac:dyDescent="0.25">
      <c r="A26756" t="s">
        <v>40759</v>
      </c>
      <c r="B26756" t="s">
        <v>1233</v>
      </c>
      <c r="C26756">
        <v>1</v>
      </c>
      <c r="D26756">
        <v>0</v>
      </c>
    </row>
    <row r="26757" spans="1:4" x14ac:dyDescent="0.25">
      <c r="A26757" t="s">
        <v>40759</v>
      </c>
      <c r="B26757" t="s">
        <v>40760</v>
      </c>
      <c r="C26757">
        <v>1</v>
      </c>
      <c r="D26757">
        <v>0</v>
      </c>
    </row>
    <row r="26758" spans="1:4" x14ac:dyDescent="0.25">
      <c r="A26758" t="s">
        <v>40759</v>
      </c>
      <c r="B26758" t="s">
        <v>40761</v>
      </c>
      <c r="C26758">
        <v>1</v>
      </c>
      <c r="D26758">
        <v>0</v>
      </c>
    </row>
    <row r="26759" spans="1:4" x14ac:dyDescent="0.25">
      <c r="A26759" t="s">
        <v>40762</v>
      </c>
      <c r="B26759" t="s">
        <v>40763</v>
      </c>
      <c r="C26759">
        <v>1</v>
      </c>
      <c r="D26759">
        <v>0</v>
      </c>
    </row>
    <row r="26760" spans="1:4" x14ac:dyDescent="0.25">
      <c r="A26760" t="s">
        <v>40764</v>
      </c>
      <c r="B26760" t="s">
        <v>1001</v>
      </c>
      <c r="C26760">
        <v>1</v>
      </c>
      <c r="D26760">
        <v>0</v>
      </c>
    </row>
    <row r="26761" spans="1:4" x14ac:dyDescent="0.25">
      <c r="A26761" t="s">
        <v>40765</v>
      </c>
      <c r="B26761" t="s">
        <v>40766</v>
      </c>
      <c r="C26761">
        <v>1</v>
      </c>
      <c r="D26761">
        <v>0</v>
      </c>
    </row>
    <row r="26762" spans="1:4" x14ac:dyDescent="0.25">
      <c r="A26762" t="s">
        <v>40765</v>
      </c>
      <c r="B26762" t="s">
        <v>30486</v>
      </c>
      <c r="C26762">
        <v>0</v>
      </c>
      <c r="D26762">
        <v>0</v>
      </c>
    </row>
    <row r="26763" spans="1:4" x14ac:dyDescent="0.25">
      <c r="A26763" t="s">
        <v>40767</v>
      </c>
      <c r="B26763" t="s">
        <v>40768</v>
      </c>
      <c r="C26763">
        <v>1</v>
      </c>
      <c r="D26763">
        <v>0</v>
      </c>
    </row>
    <row r="26764" spans="1:4" x14ac:dyDescent="0.25">
      <c r="A26764" t="s">
        <v>40767</v>
      </c>
      <c r="B26764" t="s">
        <v>1877</v>
      </c>
      <c r="C26764">
        <v>0</v>
      </c>
      <c r="D26764">
        <v>0</v>
      </c>
    </row>
    <row r="26765" spans="1:4" x14ac:dyDescent="0.25">
      <c r="A26765" t="s">
        <v>40767</v>
      </c>
      <c r="B26765" t="s">
        <v>40769</v>
      </c>
      <c r="C26765">
        <v>0</v>
      </c>
      <c r="D26765">
        <v>0</v>
      </c>
    </row>
    <row r="26766" spans="1:4" x14ac:dyDescent="0.25">
      <c r="A26766" t="s">
        <v>40770</v>
      </c>
      <c r="B26766" t="s">
        <v>40771</v>
      </c>
      <c r="C26766">
        <v>0</v>
      </c>
      <c r="D26766">
        <v>0</v>
      </c>
    </row>
    <row r="26767" spans="1:4" x14ac:dyDescent="0.25">
      <c r="A26767" t="s">
        <v>40770</v>
      </c>
      <c r="B26767" t="s">
        <v>40772</v>
      </c>
      <c r="C26767">
        <v>1</v>
      </c>
      <c r="D26767">
        <v>0</v>
      </c>
    </row>
    <row r="26768" spans="1:4" x14ac:dyDescent="0.25">
      <c r="A26768" t="s">
        <v>40770</v>
      </c>
      <c r="B26768" t="s">
        <v>40773</v>
      </c>
      <c r="C26768">
        <v>0</v>
      </c>
      <c r="D26768">
        <v>0</v>
      </c>
    </row>
    <row r="26769" spans="1:4" x14ac:dyDescent="0.25">
      <c r="A26769" t="s">
        <v>40774</v>
      </c>
      <c r="B26769" t="s">
        <v>40775</v>
      </c>
      <c r="C26769">
        <v>2</v>
      </c>
      <c r="D26769">
        <v>0</v>
      </c>
    </row>
    <row r="26770" spans="1:4" x14ac:dyDescent="0.25">
      <c r="A26770" t="s">
        <v>40774</v>
      </c>
      <c r="B26770" t="s">
        <v>40776</v>
      </c>
      <c r="C26770">
        <v>2</v>
      </c>
      <c r="D26770">
        <v>0</v>
      </c>
    </row>
    <row r="26771" spans="1:4" x14ac:dyDescent="0.25">
      <c r="A26771" t="s">
        <v>40774</v>
      </c>
      <c r="B26771" t="s">
        <v>40777</v>
      </c>
      <c r="C26771">
        <v>1</v>
      </c>
      <c r="D26771">
        <v>0</v>
      </c>
    </row>
    <row r="26772" spans="1:4" x14ac:dyDescent="0.25">
      <c r="A26772" t="s">
        <v>40778</v>
      </c>
      <c r="B26772" t="s">
        <v>40779</v>
      </c>
      <c r="C26772">
        <v>1</v>
      </c>
      <c r="D26772">
        <v>0</v>
      </c>
    </row>
    <row r="26773" spans="1:4" x14ac:dyDescent="0.25">
      <c r="A26773" t="s">
        <v>40780</v>
      </c>
      <c r="B26773" t="s">
        <v>40781</v>
      </c>
      <c r="C26773">
        <v>2</v>
      </c>
      <c r="D26773">
        <v>0</v>
      </c>
    </row>
    <row r="26774" spans="1:4" x14ac:dyDescent="0.25">
      <c r="A26774" t="s">
        <v>40780</v>
      </c>
      <c r="B26774" t="s">
        <v>40782</v>
      </c>
      <c r="C26774">
        <v>1</v>
      </c>
      <c r="D26774">
        <v>0</v>
      </c>
    </row>
    <row r="26775" spans="1:4" x14ac:dyDescent="0.25">
      <c r="A26775" t="s">
        <v>40780</v>
      </c>
      <c r="B26775" t="s">
        <v>40783</v>
      </c>
      <c r="C26775">
        <v>1</v>
      </c>
      <c r="D26775">
        <v>0</v>
      </c>
    </row>
    <row r="26776" spans="1:4" x14ac:dyDescent="0.25">
      <c r="A26776" t="s">
        <v>40784</v>
      </c>
      <c r="B26776" t="s">
        <v>40785</v>
      </c>
      <c r="C26776">
        <v>0</v>
      </c>
      <c r="D26776">
        <v>0</v>
      </c>
    </row>
    <row r="26777" spans="1:4" x14ac:dyDescent="0.25">
      <c r="A26777" t="s">
        <v>40784</v>
      </c>
      <c r="B26777" t="s">
        <v>40786</v>
      </c>
      <c r="C26777">
        <v>1</v>
      </c>
      <c r="D26777">
        <v>0</v>
      </c>
    </row>
    <row r="26778" spans="1:4" x14ac:dyDescent="0.25">
      <c r="A26778" t="s">
        <v>40787</v>
      </c>
      <c r="B26778" t="s">
        <v>40788</v>
      </c>
      <c r="C26778">
        <v>0</v>
      </c>
      <c r="D26778">
        <v>0</v>
      </c>
    </row>
    <row r="26779" spans="1:4" x14ac:dyDescent="0.25">
      <c r="A26779" t="s">
        <v>40787</v>
      </c>
      <c r="B26779" t="s">
        <v>40789</v>
      </c>
      <c r="C26779">
        <v>0</v>
      </c>
      <c r="D26779">
        <v>0</v>
      </c>
    </row>
    <row r="26780" spans="1:4" x14ac:dyDescent="0.25">
      <c r="A26780" t="s">
        <v>40787</v>
      </c>
      <c r="B26780" t="s">
        <v>40790</v>
      </c>
      <c r="C26780">
        <v>1</v>
      </c>
      <c r="D26780">
        <v>0</v>
      </c>
    </row>
    <row r="26781" spans="1:4" x14ac:dyDescent="0.25">
      <c r="A26781" t="s">
        <v>40791</v>
      </c>
      <c r="B26781" t="s">
        <v>40792</v>
      </c>
      <c r="C26781">
        <v>1</v>
      </c>
      <c r="D26781">
        <v>0</v>
      </c>
    </row>
    <row r="26782" spans="1:4" x14ac:dyDescent="0.25">
      <c r="A26782" t="s">
        <v>40791</v>
      </c>
      <c r="B26782" t="s">
        <v>2061</v>
      </c>
      <c r="C26782">
        <v>0</v>
      </c>
      <c r="D26782">
        <v>0</v>
      </c>
    </row>
    <row r="26783" spans="1:4" x14ac:dyDescent="0.25">
      <c r="A26783" t="s">
        <v>40791</v>
      </c>
      <c r="B26783" t="s">
        <v>40793</v>
      </c>
      <c r="C26783">
        <v>1</v>
      </c>
      <c r="D26783">
        <v>0</v>
      </c>
    </row>
    <row r="26784" spans="1:4" x14ac:dyDescent="0.25">
      <c r="A26784" t="s">
        <v>40794</v>
      </c>
      <c r="B26784" t="s">
        <v>40795</v>
      </c>
      <c r="C26784">
        <v>1</v>
      </c>
      <c r="D26784">
        <v>0</v>
      </c>
    </row>
    <row r="26785" spans="1:4" x14ac:dyDescent="0.25">
      <c r="A26785" t="s">
        <v>40796</v>
      </c>
      <c r="B26785" t="s">
        <v>40797</v>
      </c>
      <c r="C26785">
        <v>2</v>
      </c>
      <c r="D26785">
        <v>0</v>
      </c>
    </row>
    <row r="26786" spans="1:4" x14ac:dyDescent="0.25">
      <c r="A26786" t="s">
        <v>40796</v>
      </c>
      <c r="B26786" t="s">
        <v>40798</v>
      </c>
      <c r="C26786">
        <v>1</v>
      </c>
      <c r="D26786">
        <v>0</v>
      </c>
    </row>
    <row r="26787" spans="1:4" x14ac:dyDescent="0.25">
      <c r="A26787" t="s">
        <v>40799</v>
      </c>
      <c r="B26787" t="s">
        <v>40800</v>
      </c>
      <c r="C26787">
        <v>1</v>
      </c>
      <c r="D26787">
        <v>0</v>
      </c>
    </row>
    <row r="26788" spans="1:4" x14ac:dyDescent="0.25">
      <c r="A26788" t="s">
        <v>40801</v>
      </c>
      <c r="B26788" t="s">
        <v>40802</v>
      </c>
      <c r="C26788">
        <v>1</v>
      </c>
      <c r="D26788">
        <v>0</v>
      </c>
    </row>
    <row r="26789" spans="1:4" x14ac:dyDescent="0.25">
      <c r="A26789" t="s">
        <v>40801</v>
      </c>
      <c r="B26789" t="s">
        <v>40803</v>
      </c>
      <c r="C26789">
        <v>1</v>
      </c>
      <c r="D26789">
        <v>0</v>
      </c>
    </row>
    <row r="26790" spans="1:4" x14ac:dyDescent="0.25">
      <c r="A26790" t="s">
        <v>40801</v>
      </c>
      <c r="B26790" t="s">
        <v>40804</v>
      </c>
      <c r="C26790">
        <v>1</v>
      </c>
      <c r="D26790">
        <v>0</v>
      </c>
    </row>
    <row r="26791" spans="1:4" x14ac:dyDescent="0.25">
      <c r="A26791" t="s">
        <v>40805</v>
      </c>
      <c r="B26791" t="s">
        <v>40806</v>
      </c>
      <c r="C26791">
        <v>0</v>
      </c>
      <c r="D26791">
        <v>0</v>
      </c>
    </row>
    <row r="26792" spans="1:4" x14ac:dyDescent="0.25">
      <c r="A26792" t="s">
        <v>40807</v>
      </c>
      <c r="B26792" t="s">
        <v>40808</v>
      </c>
      <c r="C26792">
        <v>0</v>
      </c>
      <c r="D26792">
        <v>0</v>
      </c>
    </row>
    <row r="26793" spans="1:4" x14ac:dyDescent="0.25">
      <c r="A26793" t="s">
        <v>40807</v>
      </c>
      <c r="B26793" t="s">
        <v>40809</v>
      </c>
      <c r="C26793">
        <v>1</v>
      </c>
      <c r="D26793">
        <v>0</v>
      </c>
    </row>
    <row r="26794" spans="1:4" x14ac:dyDescent="0.25">
      <c r="A26794" t="s">
        <v>40807</v>
      </c>
      <c r="B26794" t="s">
        <v>40810</v>
      </c>
      <c r="C26794">
        <v>1</v>
      </c>
      <c r="D26794">
        <v>0</v>
      </c>
    </row>
    <row r="26795" spans="1:4" x14ac:dyDescent="0.25">
      <c r="A26795" t="s">
        <v>40811</v>
      </c>
      <c r="B26795" t="s">
        <v>40812</v>
      </c>
      <c r="C26795">
        <v>0</v>
      </c>
      <c r="D26795">
        <v>0</v>
      </c>
    </row>
    <row r="26796" spans="1:4" x14ac:dyDescent="0.25">
      <c r="A26796" t="s">
        <v>40811</v>
      </c>
      <c r="B26796" t="s">
        <v>40813</v>
      </c>
      <c r="C26796">
        <v>0</v>
      </c>
      <c r="D26796">
        <v>0</v>
      </c>
    </row>
    <row r="26797" spans="1:4" x14ac:dyDescent="0.25">
      <c r="A26797" t="s">
        <v>40814</v>
      </c>
      <c r="B26797" t="s">
        <v>31515</v>
      </c>
      <c r="C26797">
        <v>2</v>
      </c>
      <c r="D26797">
        <v>0</v>
      </c>
    </row>
    <row r="26798" spans="1:4" x14ac:dyDescent="0.25">
      <c r="A26798" t="s">
        <v>40814</v>
      </c>
      <c r="B26798" t="s">
        <v>40815</v>
      </c>
      <c r="C26798">
        <v>0</v>
      </c>
      <c r="D26798">
        <v>0</v>
      </c>
    </row>
    <row r="26799" spans="1:4" x14ac:dyDescent="0.25">
      <c r="A26799" t="s">
        <v>40814</v>
      </c>
      <c r="B26799" t="s">
        <v>40816</v>
      </c>
      <c r="C26799">
        <v>1</v>
      </c>
      <c r="D26799">
        <v>0</v>
      </c>
    </row>
    <row r="26800" spans="1:4" x14ac:dyDescent="0.25">
      <c r="A26800" t="s">
        <v>40817</v>
      </c>
      <c r="B26800" t="s">
        <v>40818</v>
      </c>
      <c r="C26800">
        <v>2</v>
      </c>
      <c r="D26800">
        <v>0</v>
      </c>
    </row>
    <row r="26801" spans="1:4" x14ac:dyDescent="0.25">
      <c r="A26801" t="s">
        <v>40817</v>
      </c>
      <c r="B26801" t="s">
        <v>40819</v>
      </c>
      <c r="C26801">
        <v>1</v>
      </c>
      <c r="D26801">
        <v>0</v>
      </c>
    </row>
    <row r="26802" spans="1:4" x14ac:dyDescent="0.25">
      <c r="A26802" t="s">
        <v>40820</v>
      </c>
      <c r="B26802" t="s">
        <v>40821</v>
      </c>
      <c r="C26802">
        <v>1</v>
      </c>
      <c r="D26802">
        <v>0</v>
      </c>
    </row>
    <row r="26803" spans="1:4" x14ac:dyDescent="0.25">
      <c r="A26803" t="s">
        <v>40820</v>
      </c>
      <c r="B26803" t="s">
        <v>40822</v>
      </c>
      <c r="C26803">
        <v>1</v>
      </c>
      <c r="D26803">
        <v>0</v>
      </c>
    </row>
    <row r="26804" spans="1:4" x14ac:dyDescent="0.25">
      <c r="A26804" t="s">
        <v>40820</v>
      </c>
      <c r="B26804" t="s">
        <v>40823</v>
      </c>
      <c r="C26804">
        <v>1</v>
      </c>
      <c r="D26804">
        <v>0</v>
      </c>
    </row>
    <row r="26805" spans="1:4" x14ac:dyDescent="0.25">
      <c r="A26805" t="s">
        <v>40824</v>
      </c>
      <c r="B26805" t="s">
        <v>40825</v>
      </c>
      <c r="C26805">
        <v>2</v>
      </c>
      <c r="D26805">
        <v>0</v>
      </c>
    </row>
    <row r="26806" spans="1:4" x14ac:dyDescent="0.25">
      <c r="A26806" t="s">
        <v>40824</v>
      </c>
      <c r="B26806" t="s">
        <v>40826</v>
      </c>
      <c r="C26806">
        <v>2</v>
      </c>
      <c r="D26806">
        <v>0</v>
      </c>
    </row>
    <row r="26807" spans="1:4" x14ac:dyDescent="0.25">
      <c r="A26807" t="s">
        <v>40827</v>
      </c>
      <c r="B26807" t="s">
        <v>40828</v>
      </c>
      <c r="C26807">
        <v>0</v>
      </c>
      <c r="D26807">
        <v>0</v>
      </c>
    </row>
    <row r="26808" spans="1:4" x14ac:dyDescent="0.25">
      <c r="A26808" t="s">
        <v>40827</v>
      </c>
      <c r="B26808" t="s">
        <v>40829</v>
      </c>
      <c r="C26808">
        <v>0</v>
      </c>
      <c r="D26808">
        <v>0</v>
      </c>
    </row>
    <row r="26809" spans="1:4" x14ac:dyDescent="0.25">
      <c r="A26809" t="s">
        <v>40827</v>
      </c>
      <c r="B26809" t="s">
        <v>1001</v>
      </c>
      <c r="C26809">
        <v>1</v>
      </c>
      <c r="D26809">
        <v>0</v>
      </c>
    </row>
    <row r="26810" spans="1:4" x14ac:dyDescent="0.25">
      <c r="A26810" t="s">
        <v>40830</v>
      </c>
      <c r="B26810" t="s">
        <v>40831</v>
      </c>
      <c r="C26810">
        <v>1</v>
      </c>
      <c r="D26810">
        <v>0</v>
      </c>
    </row>
    <row r="26811" spans="1:4" x14ac:dyDescent="0.25">
      <c r="A26811" t="s">
        <v>40832</v>
      </c>
      <c r="B26811" t="s">
        <v>40833</v>
      </c>
      <c r="C26811">
        <v>0</v>
      </c>
      <c r="D26811">
        <v>0</v>
      </c>
    </row>
    <row r="26812" spans="1:4" x14ac:dyDescent="0.25">
      <c r="A26812" t="s">
        <v>40832</v>
      </c>
      <c r="B26812" t="s">
        <v>40834</v>
      </c>
      <c r="C26812">
        <v>2</v>
      </c>
      <c r="D26812">
        <v>0</v>
      </c>
    </row>
    <row r="26813" spans="1:4" x14ac:dyDescent="0.25">
      <c r="A26813" t="s">
        <v>40832</v>
      </c>
      <c r="B26813" t="s">
        <v>40835</v>
      </c>
      <c r="C26813">
        <v>1</v>
      </c>
      <c r="D26813">
        <v>0</v>
      </c>
    </row>
    <row r="26814" spans="1:4" x14ac:dyDescent="0.25">
      <c r="A26814" t="s">
        <v>40836</v>
      </c>
      <c r="B26814" t="s">
        <v>40837</v>
      </c>
      <c r="C26814">
        <v>0</v>
      </c>
      <c r="D26814">
        <v>0</v>
      </c>
    </row>
    <row r="26815" spans="1:4" x14ac:dyDescent="0.25">
      <c r="A26815" t="s">
        <v>40836</v>
      </c>
      <c r="B26815" t="s">
        <v>40838</v>
      </c>
      <c r="C26815">
        <v>0</v>
      </c>
      <c r="D26815">
        <v>0</v>
      </c>
    </row>
    <row r="26816" spans="1:4" x14ac:dyDescent="0.25">
      <c r="A26816" t="s">
        <v>40836</v>
      </c>
      <c r="B26816" t="s">
        <v>40839</v>
      </c>
      <c r="C26816">
        <v>0</v>
      </c>
      <c r="D26816">
        <v>0</v>
      </c>
    </row>
    <row r="26817" spans="1:4" x14ac:dyDescent="0.25">
      <c r="A26817" t="s">
        <v>40840</v>
      </c>
      <c r="B26817" t="s">
        <v>40841</v>
      </c>
      <c r="C26817">
        <v>1</v>
      </c>
      <c r="D26817">
        <v>0</v>
      </c>
    </row>
    <row r="26818" spans="1:4" x14ac:dyDescent="0.25">
      <c r="A26818" t="s">
        <v>40840</v>
      </c>
      <c r="B26818" t="s">
        <v>40842</v>
      </c>
      <c r="C26818">
        <v>1</v>
      </c>
      <c r="D26818">
        <v>0</v>
      </c>
    </row>
    <row r="26819" spans="1:4" x14ac:dyDescent="0.25">
      <c r="A26819" t="s">
        <v>40843</v>
      </c>
      <c r="B26819" t="s">
        <v>40844</v>
      </c>
      <c r="C26819">
        <v>0</v>
      </c>
      <c r="D26819">
        <v>0</v>
      </c>
    </row>
    <row r="26820" spans="1:4" x14ac:dyDescent="0.25">
      <c r="A26820" t="s">
        <v>40843</v>
      </c>
      <c r="B26820" t="s">
        <v>7446</v>
      </c>
      <c r="C26820">
        <v>1</v>
      </c>
      <c r="D26820">
        <v>0</v>
      </c>
    </row>
    <row r="26821" spans="1:4" x14ac:dyDescent="0.25">
      <c r="A26821" t="s">
        <v>40845</v>
      </c>
      <c r="B26821" t="s">
        <v>40846</v>
      </c>
      <c r="C26821">
        <v>1</v>
      </c>
      <c r="D26821">
        <v>0</v>
      </c>
    </row>
    <row r="26822" spans="1:4" x14ac:dyDescent="0.25">
      <c r="A26822" t="s">
        <v>40847</v>
      </c>
      <c r="B26822" t="s">
        <v>40848</v>
      </c>
      <c r="C26822">
        <v>2</v>
      </c>
      <c r="D26822">
        <v>0</v>
      </c>
    </row>
    <row r="26823" spans="1:4" x14ac:dyDescent="0.25">
      <c r="A26823" t="s">
        <v>40847</v>
      </c>
      <c r="B26823" t="s">
        <v>40849</v>
      </c>
      <c r="C26823">
        <v>1</v>
      </c>
      <c r="D26823">
        <v>0</v>
      </c>
    </row>
    <row r="26824" spans="1:4" x14ac:dyDescent="0.25">
      <c r="A26824" t="s">
        <v>40847</v>
      </c>
      <c r="B26824" t="s">
        <v>40850</v>
      </c>
      <c r="C26824">
        <v>2</v>
      </c>
      <c r="D26824">
        <v>0</v>
      </c>
    </row>
    <row r="26825" spans="1:4" x14ac:dyDescent="0.25">
      <c r="A26825" t="s">
        <v>40851</v>
      </c>
      <c r="B26825" t="s">
        <v>40852</v>
      </c>
      <c r="C26825">
        <v>1</v>
      </c>
      <c r="D26825">
        <v>0</v>
      </c>
    </row>
    <row r="26826" spans="1:4" x14ac:dyDescent="0.25">
      <c r="A26826" t="s">
        <v>40851</v>
      </c>
      <c r="B26826" t="s">
        <v>40853</v>
      </c>
      <c r="C26826">
        <v>0</v>
      </c>
      <c r="D26826">
        <v>0</v>
      </c>
    </row>
    <row r="26827" spans="1:4" x14ac:dyDescent="0.25">
      <c r="A26827" t="s">
        <v>40854</v>
      </c>
      <c r="B26827" t="s">
        <v>40855</v>
      </c>
      <c r="C26827">
        <v>1</v>
      </c>
      <c r="D26827">
        <v>0</v>
      </c>
    </row>
    <row r="26828" spans="1:4" x14ac:dyDescent="0.25">
      <c r="A26828" t="s">
        <v>40856</v>
      </c>
      <c r="B26828" t="s">
        <v>40857</v>
      </c>
      <c r="C26828">
        <v>0</v>
      </c>
      <c r="D26828">
        <v>0</v>
      </c>
    </row>
    <row r="26829" spans="1:4" x14ac:dyDescent="0.25">
      <c r="A26829" t="s">
        <v>40856</v>
      </c>
      <c r="B26829" t="s">
        <v>35985</v>
      </c>
      <c r="C26829">
        <v>0</v>
      </c>
      <c r="D26829">
        <v>0</v>
      </c>
    </row>
    <row r="26830" spans="1:4" x14ac:dyDescent="0.25">
      <c r="A26830" t="s">
        <v>40858</v>
      </c>
      <c r="B26830" t="s">
        <v>40859</v>
      </c>
      <c r="C26830">
        <v>1</v>
      </c>
      <c r="D26830">
        <v>0</v>
      </c>
    </row>
    <row r="26831" spans="1:4" x14ac:dyDescent="0.25">
      <c r="A26831" t="s">
        <v>40858</v>
      </c>
      <c r="B26831" t="s">
        <v>40860</v>
      </c>
      <c r="C26831">
        <v>2</v>
      </c>
      <c r="D26831">
        <v>0</v>
      </c>
    </row>
    <row r="26832" spans="1:4" x14ac:dyDescent="0.25">
      <c r="A26832" t="s">
        <v>40861</v>
      </c>
      <c r="B26832" t="s">
        <v>40862</v>
      </c>
      <c r="C26832">
        <v>1</v>
      </c>
      <c r="D26832">
        <v>0</v>
      </c>
    </row>
    <row r="26833" spans="1:4" x14ac:dyDescent="0.25">
      <c r="A26833" t="s">
        <v>40861</v>
      </c>
      <c r="B26833" t="s">
        <v>40863</v>
      </c>
      <c r="C26833">
        <v>0</v>
      </c>
      <c r="D26833">
        <v>0</v>
      </c>
    </row>
    <row r="26834" spans="1:4" x14ac:dyDescent="0.25">
      <c r="A26834" t="s">
        <v>40861</v>
      </c>
      <c r="B26834" t="s">
        <v>40864</v>
      </c>
      <c r="C26834">
        <v>1</v>
      </c>
      <c r="D26834">
        <v>0</v>
      </c>
    </row>
    <row r="26835" spans="1:4" x14ac:dyDescent="0.25">
      <c r="A26835" t="s">
        <v>40865</v>
      </c>
      <c r="B26835" t="s">
        <v>40866</v>
      </c>
      <c r="C26835">
        <v>2</v>
      </c>
      <c r="D26835">
        <v>0</v>
      </c>
    </row>
    <row r="26836" spans="1:4" x14ac:dyDescent="0.25">
      <c r="A26836" t="s">
        <v>40865</v>
      </c>
      <c r="B26836" t="s">
        <v>40867</v>
      </c>
      <c r="C26836">
        <v>1</v>
      </c>
      <c r="D26836">
        <v>0</v>
      </c>
    </row>
    <row r="26837" spans="1:4" x14ac:dyDescent="0.25">
      <c r="A26837" t="s">
        <v>40865</v>
      </c>
      <c r="B26837" t="s">
        <v>40868</v>
      </c>
      <c r="C26837">
        <v>0</v>
      </c>
      <c r="D26837">
        <v>0</v>
      </c>
    </row>
    <row r="26838" spans="1:4" x14ac:dyDescent="0.25">
      <c r="A26838" t="s">
        <v>40869</v>
      </c>
      <c r="B26838" t="s">
        <v>40870</v>
      </c>
      <c r="C26838">
        <v>2</v>
      </c>
      <c r="D26838">
        <v>0</v>
      </c>
    </row>
    <row r="26839" spans="1:4" x14ac:dyDescent="0.25">
      <c r="A26839" t="s">
        <v>40871</v>
      </c>
      <c r="B26839" t="s">
        <v>40872</v>
      </c>
      <c r="C26839">
        <v>1</v>
      </c>
      <c r="D26839">
        <v>0</v>
      </c>
    </row>
    <row r="26840" spans="1:4" x14ac:dyDescent="0.25">
      <c r="A26840" t="s">
        <v>40871</v>
      </c>
      <c r="B26840" t="s">
        <v>40873</v>
      </c>
      <c r="C26840">
        <v>2</v>
      </c>
      <c r="D26840">
        <v>0</v>
      </c>
    </row>
    <row r="26841" spans="1:4" x14ac:dyDescent="0.25">
      <c r="A26841" t="s">
        <v>40871</v>
      </c>
      <c r="B26841" t="s">
        <v>40874</v>
      </c>
      <c r="C26841">
        <v>0</v>
      </c>
      <c r="D26841">
        <v>0</v>
      </c>
    </row>
    <row r="26842" spans="1:4" x14ac:dyDescent="0.25">
      <c r="A26842" t="s">
        <v>40875</v>
      </c>
      <c r="B26842" t="s">
        <v>9924</v>
      </c>
      <c r="C26842">
        <v>1</v>
      </c>
      <c r="D26842">
        <v>0</v>
      </c>
    </row>
    <row r="26843" spans="1:4" x14ac:dyDescent="0.25">
      <c r="A26843" t="s">
        <v>40876</v>
      </c>
      <c r="B26843" t="s">
        <v>40877</v>
      </c>
      <c r="C26843">
        <v>1</v>
      </c>
      <c r="D26843">
        <v>0</v>
      </c>
    </row>
    <row r="26844" spans="1:4" x14ac:dyDescent="0.25">
      <c r="A26844" t="s">
        <v>40876</v>
      </c>
      <c r="B26844" t="s">
        <v>40878</v>
      </c>
      <c r="C26844">
        <v>0</v>
      </c>
      <c r="D26844">
        <v>0</v>
      </c>
    </row>
    <row r="26845" spans="1:4" x14ac:dyDescent="0.25">
      <c r="A26845" t="s">
        <v>40879</v>
      </c>
      <c r="B26845" t="s">
        <v>40880</v>
      </c>
      <c r="C26845">
        <v>1</v>
      </c>
      <c r="D26845">
        <v>0</v>
      </c>
    </row>
    <row r="26846" spans="1:4" x14ac:dyDescent="0.25">
      <c r="A26846" t="s">
        <v>40881</v>
      </c>
      <c r="B26846" t="s">
        <v>40882</v>
      </c>
      <c r="C26846">
        <v>0</v>
      </c>
      <c r="D26846">
        <v>0</v>
      </c>
    </row>
    <row r="26847" spans="1:4" x14ac:dyDescent="0.25">
      <c r="A26847" t="s">
        <v>40881</v>
      </c>
      <c r="B26847" t="s">
        <v>40883</v>
      </c>
      <c r="C26847">
        <v>2</v>
      </c>
      <c r="D26847">
        <v>0</v>
      </c>
    </row>
    <row r="26848" spans="1:4" x14ac:dyDescent="0.25">
      <c r="A26848" t="s">
        <v>40881</v>
      </c>
      <c r="B26848" t="s">
        <v>40884</v>
      </c>
      <c r="C26848">
        <v>2</v>
      </c>
      <c r="D26848">
        <v>0</v>
      </c>
    </row>
    <row r="26849" spans="1:4" x14ac:dyDescent="0.25">
      <c r="A26849" t="s">
        <v>40885</v>
      </c>
      <c r="B26849" t="s">
        <v>40886</v>
      </c>
      <c r="C26849">
        <v>2</v>
      </c>
      <c r="D26849">
        <v>0</v>
      </c>
    </row>
    <row r="26850" spans="1:4" x14ac:dyDescent="0.25">
      <c r="A26850" t="s">
        <v>40885</v>
      </c>
      <c r="B26850" t="s">
        <v>40887</v>
      </c>
      <c r="C26850">
        <v>1</v>
      </c>
      <c r="D26850">
        <v>0</v>
      </c>
    </row>
    <row r="26851" spans="1:4" x14ac:dyDescent="0.25">
      <c r="A26851" t="s">
        <v>40885</v>
      </c>
      <c r="B26851" t="s">
        <v>40888</v>
      </c>
      <c r="C26851">
        <v>2</v>
      </c>
      <c r="D26851">
        <v>0</v>
      </c>
    </row>
    <row r="26852" spans="1:4" x14ac:dyDescent="0.25">
      <c r="A26852" t="s">
        <v>40889</v>
      </c>
      <c r="B26852" t="s">
        <v>40890</v>
      </c>
      <c r="C26852">
        <v>0</v>
      </c>
      <c r="D26852">
        <v>0</v>
      </c>
    </row>
    <row r="26853" spans="1:4" x14ac:dyDescent="0.25">
      <c r="A26853" t="s">
        <v>40889</v>
      </c>
      <c r="B26853" t="s">
        <v>40891</v>
      </c>
      <c r="C26853">
        <v>0</v>
      </c>
      <c r="D26853">
        <v>0</v>
      </c>
    </row>
    <row r="26854" spans="1:4" x14ac:dyDescent="0.25">
      <c r="A26854" t="s">
        <v>40889</v>
      </c>
      <c r="B26854" t="s">
        <v>40892</v>
      </c>
      <c r="C26854">
        <v>0</v>
      </c>
      <c r="D26854">
        <v>0</v>
      </c>
    </row>
    <row r="26855" spans="1:4" x14ac:dyDescent="0.25">
      <c r="A26855" t="s">
        <v>40893</v>
      </c>
      <c r="B26855" t="s">
        <v>2061</v>
      </c>
      <c r="C26855">
        <v>0</v>
      </c>
      <c r="D26855">
        <v>0</v>
      </c>
    </row>
    <row r="26856" spans="1:4" x14ac:dyDescent="0.25">
      <c r="A26856" t="s">
        <v>40894</v>
      </c>
      <c r="B26856" t="s">
        <v>40895</v>
      </c>
      <c r="C26856">
        <v>0</v>
      </c>
      <c r="D26856">
        <v>0</v>
      </c>
    </row>
    <row r="26857" spans="1:4" x14ac:dyDescent="0.25">
      <c r="A26857" t="s">
        <v>40894</v>
      </c>
      <c r="B26857" t="s">
        <v>40896</v>
      </c>
      <c r="C26857">
        <v>0</v>
      </c>
      <c r="D26857">
        <v>0</v>
      </c>
    </row>
    <row r="26858" spans="1:4" x14ac:dyDescent="0.25">
      <c r="A26858" t="s">
        <v>40894</v>
      </c>
      <c r="B26858" t="s">
        <v>40897</v>
      </c>
      <c r="C26858">
        <v>0</v>
      </c>
      <c r="D26858">
        <v>0</v>
      </c>
    </row>
    <row r="26859" spans="1:4" x14ac:dyDescent="0.25">
      <c r="A26859" t="s">
        <v>40898</v>
      </c>
      <c r="B26859" t="s">
        <v>40899</v>
      </c>
      <c r="C26859">
        <v>1</v>
      </c>
      <c r="D26859">
        <v>0</v>
      </c>
    </row>
    <row r="26860" spans="1:4" x14ac:dyDescent="0.25">
      <c r="A26860" t="s">
        <v>40898</v>
      </c>
      <c r="B26860" t="s">
        <v>40900</v>
      </c>
      <c r="C26860">
        <v>0</v>
      </c>
      <c r="D26860">
        <v>0</v>
      </c>
    </row>
    <row r="26861" spans="1:4" x14ac:dyDescent="0.25">
      <c r="A26861" t="s">
        <v>40901</v>
      </c>
      <c r="B26861" t="s">
        <v>1001</v>
      </c>
      <c r="C26861">
        <v>1</v>
      </c>
      <c r="D26861">
        <v>0</v>
      </c>
    </row>
    <row r="26862" spans="1:4" x14ac:dyDescent="0.25">
      <c r="A26862" t="s">
        <v>40902</v>
      </c>
      <c r="B26862" t="s">
        <v>40903</v>
      </c>
      <c r="C26862">
        <v>1</v>
      </c>
      <c r="D26862">
        <v>0</v>
      </c>
    </row>
    <row r="26863" spans="1:4" x14ac:dyDescent="0.25">
      <c r="A26863" t="s">
        <v>40902</v>
      </c>
      <c r="B26863" t="s">
        <v>40904</v>
      </c>
      <c r="C26863">
        <v>0</v>
      </c>
      <c r="D26863">
        <v>0</v>
      </c>
    </row>
    <row r="26864" spans="1:4" x14ac:dyDescent="0.25">
      <c r="A26864" t="s">
        <v>40905</v>
      </c>
      <c r="B26864" t="s">
        <v>40906</v>
      </c>
      <c r="C26864">
        <v>2</v>
      </c>
      <c r="D26864">
        <v>0</v>
      </c>
    </row>
    <row r="26865" spans="1:4" x14ac:dyDescent="0.25">
      <c r="A26865" t="s">
        <v>40907</v>
      </c>
      <c r="B26865" t="s">
        <v>40908</v>
      </c>
      <c r="C26865">
        <v>2</v>
      </c>
      <c r="D26865">
        <v>0</v>
      </c>
    </row>
    <row r="26866" spans="1:4" x14ac:dyDescent="0.25">
      <c r="A26866" t="s">
        <v>40907</v>
      </c>
      <c r="B26866" t="s">
        <v>40909</v>
      </c>
      <c r="C26866">
        <v>2</v>
      </c>
      <c r="D26866">
        <v>0</v>
      </c>
    </row>
    <row r="26867" spans="1:4" x14ac:dyDescent="0.25">
      <c r="A26867" t="s">
        <v>40910</v>
      </c>
      <c r="B26867" t="s">
        <v>40911</v>
      </c>
      <c r="C26867">
        <v>0</v>
      </c>
      <c r="D26867">
        <v>0</v>
      </c>
    </row>
    <row r="26868" spans="1:4" x14ac:dyDescent="0.25">
      <c r="A26868" t="s">
        <v>40910</v>
      </c>
      <c r="B26868" t="s">
        <v>40912</v>
      </c>
      <c r="C26868">
        <v>0</v>
      </c>
      <c r="D26868">
        <v>0</v>
      </c>
    </row>
    <row r="26869" spans="1:4" x14ac:dyDescent="0.25">
      <c r="A26869" t="s">
        <v>40913</v>
      </c>
      <c r="B26869" t="s">
        <v>40914</v>
      </c>
      <c r="C26869">
        <v>2</v>
      </c>
      <c r="D26869">
        <v>0</v>
      </c>
    </row>
    <row r="26870" spans="1:4" x14ac:dyDescent="0.25">
      <c r="A26870" t="s">
        <v>40913</v>
      </c>
      <c r="B26870" t="s">
        <v>40915</v>
      </c>
      <c r="C26870">
        <v>1</v>
      </c>
      <c r="D26870">
        <v>0</v>
      </c>
    </row>
    <row r="26871" spans="1:4" x14ac:dyDescent="0.25">
      <c r="A26871" t="s">
        <v>40913</v>
      </c>
      <c r="B26871" t="s">
        <v>40916</v>
      </c>
      <c r="C26871">
        <v>1</v>
      </c>
      <c r="D26871">
        <v>0</v>
      </c>
    </row>
    <row r="26872" spans="1:4" x14ac:dyDescent="0.25">
      <c r="A26872" t="s">
        <v>40917</v>
      </c>
      <c r="B26872" t="s">
        <v>40918</v>
      </c>
      <c r="C26872">
        <v>1</v>
      </c>
      <c r="D26872">
        <v>0</v>
      </c>
    </row>
    <row r="26873" spans="1:4" x14ac:dyDescent="0.25">
      <c r="A26873" t="s">
        <v>40917</v>
      </c>
      <c r="B26873" t="s">
        <v>40919</v>
      </c>
      <c r="C26873">
        <v>1</v>
      </c>
      <c r="D26873">
        <v>0</v>
      </c>
    </row>
    <row r="26874" spans="1:4" x14ac:dyDescent="0.25">
      <c r="A26874" t="s">
        <v>40917</v>
      </c>
      <c r="B26874" t="s">
        <v>40920</v>
      </c>
      <c r="C26874">
        <v>1</v>
      </c>
      <c r="D26874">
        <v>0</v>
      </c>
    </row>
    <row r="26875" spans="1:4" x14ac:dyDescent="0.25">
      <c r="A26875" t="s">
        <v>40921</v>
      </c>
      <c r="B26875" t="s">
        <v>40922</v>
      </c>
      <c r="C26875">
        <v>0</v>
      </c>
      <c r="D26875">
        <v>0</v>
      </c>
    </row>
    <row r="26876" spans="1:4" x14ac:dyDescent="0.25">
      <c r="A26876" t="s">
        <v>40923</v>
      </c>
      <c r="B26876" t="s">
        <v>40924</v>
      </c>
      <c r="C26876">
        <v>1</v>
      </c>
      <c r="D26876">
        <v>0</v>
      </c>
    </row>
    <row r="26877" spans="1:4" x14ac:dyDescent="0.25">
      <c r="A26877" t="s">
        <v>40925</v>
      </c>
      <c r="B26877" t="s">
        <v>40926</v>
      </c>
      <c r="C26877">
        <v>2</v>
      </c>
      <c r="D26877">
        <v>0</v>
      </c>
    </row>
    <row r="26878" spans="1:4" x14ac:dyDescent="0.25">
      <c r="A26878" t="s">
        <v>40927</v>
      </c>
      <c r="B26878" t="s">
        <v>40928</v>
      </c>
      <c r="C26878">
        <v>0</v>
      </c>
      <c r="D26878">
        <v>0</v>
      </c>
    </row>
    <row r="26879" spans="1:4" x14ac:dyDescent="0.25">
      <c r="A26879" t="s">
        <v>40927</v>
      </c>
      <c r="B26879" t="s">
        <v>40929</v>
      </c>
      <c r="C26879">
        <v>0</v>
      </c>
      <c r="D26879">
        <v>0</v>
      </c>
    </row>
    <row r="26880" spans="1:4" x14ac:dyDescent="0.25">
      <c r="A26880" t="s">
        <v>40927</v>
      </c>
      <c r="B26880" t="s">
        <v>40930</v>
      </c>
      <c r="C26880">
        <v>0</v>
      </c>
      <c r="D26880">
        <v>0</v>
      </c>
    </row>
    <row r="26881" spans="1:4" x14ac:dyDescent="0.25">
      <c r="A26881" t="s">
        <v>40931</v>
      </c>
      <c r="B26881" t="s">
        <v>5703</v>
      </c>
      <c r="C26881">
        <v>0</v>
      </c>
      <c r="D26881">
        <v>0</v>
      </c>
    </row>
    <row r="26882" spans="1:4" x14ac:dyDescent="0.25">
      <c r="A26882" t="s">
        <v>40931</v>
      </c>
      <c r="B26882" t="s">
        <v>40932</v>
      </c>
      <c r="C26882">
        <v>1</v>
      </c>
      <c r="D26882">
        <v>0</v>
      </c>
    </row>
    <row r="26883" spans="1:4" x14ac:dyDescent="0.25">
      <c r="A26883" t="s">
        <v>40931</v>
      </c>
      <c r="B26883" t="s">
        <v>40933</v>
      </c>
      <c r="C26883">
        <v>1</v>
      </c>
      <c r="D26883">
        <v>0</v>
      </c>
    </row>
    <row r="26884" spans="1:4" x14ac:dyDescent="0.25">
      <c r="A26884" t="s">
        <v>40934</v>
      </c>
      <c r="B26884" t="s">
        <v>37041</v>
      </c>
      <c r="C26884">
        <v>0</v>
      </c>
      <c r="D26884">
        <v>0</v>
      </c>
    </row>
    <row r="26885" spans="1:4" x14ac:dyDescent="0.25">
      <c r="A26885" t="s">
        <v>40935</v>
      </c>
      <c r="B26885" t="s">
        <v>969</v>
      </c>
      <c r="C26885">
        <v>0</v>
      </c>
      <c r="D26885">
        <v>0</v>
      </c>
    </row>
    <row r="26886" spans="1:4" x14ac:dyDescent="0.25">
      <c r="A26886" t="s">
        <v>40935</v>
      </c>
      <c r="B26886" t="s">
        <v>40936</v>
      </c>
      <c r="C26886">
        <v>1</v>
      </c>
      <c r="D26886">
        <v>0</v>
      </c>
    </row>
    <row r="26887" spans="1:4" x14ac:dyDescent="0.25">
      <c r="A26887" t="s">
        <v>40937</v>
      </c>
      <c r="B26887" t="s">
        <v>40938</v>
      </c>
      <c r="C26887">
        <v>1</v>
      </c>
      <c r="D26887">
        <v>0</v>
      </c>
    </row>
    <row r="26888" spans="1:4" x14ac:dyDescent="0.25">
      <c r="A26888" t="s">
        <v>40939</v>
      </c>
      <c r="B26888" t="s">
        <v>40940</v>
      </c>
      <c r="C26888">
        <v>1</v>
      </c>
      <c r="D26888">
        <v>0</v>
      </c>
    </row>
    <row r="26889" spans="1:4" x14ac:dyDescent="0.25">
      <c r="A26889" t="s">
        <v>40939</v>
      </c>
      <c r="B26889" t="s">
        <v>40941</v>
      </c>
      <c r="C26889">
        <v>0</v>
      </c>
      <c r="D26889">
        <v>0</v>
      </c>
    </row>
    <row r="26890" spans="1:4" x14ac:dyDescent="0.25">
      <c r="A26890" t="s">
        <v>40942</v>
      </c>
      <c r="B26890" t="s">
        <v>398</v>
      </c>
      <c r="C26890">
        <v>0</v>
      </c>
      <c r="D26890">
        <v>0</v>
      </c>
    </row>
    <row r="26891" spans="1:4" x14ac:dyDescent="0.25">
      <c r="A26891" t="s">
        <v>40943</v>
      </c>
      <c r="B26891" t="s">
        <v>40944</v>
      </c>
      <c r="C26891">
        <v>2</v>
      </c>
      <c r="D26891">
        <v>0</v>
      </c>
    </row>
    <row r="26892" spans="1:4" x14ac:dyDescent="0.25">
      <c r="A26892" t="s">
        <v>40945</v>
      </c>
      <c r="B26892" t="s">
        <v>1097</v>
      </c>
      <c r="C26892">
        <v>1</v>
      </c>
      <c r="D26892">
        <v>0</v>
      </c>
    </row>
    <row r="26893" spans="1:4" x14ac:dyDescent="0.25">
      <c r="A26893" t="s">
        <v>40945</v>
      </c>
      <c r="B26893" t="s">
        <v>40946</v>
      </c>
      <c r="C26893">
        <v>2</v>
      </c>
      <c r="D26893">
        <v>0</v>
      </c>
    </row>
    <row r="26894" spans="1:4" x14ac:dyDescent="0.25">
      <c r="A26894" t="s">
        <v>40945</v>
      </c>
      <c r="B26894" t="s">
        <v>40947</v>
      </c>
      <c r="C26894">
        <v>1</v>
      </c>
      <c r="D26894">
        <v>0</v>
      </c>
    </row>
    <row r="26895" spans="1:4" x14ac:dyDescent="0.25">
      <c r="A26895" t="s">
        <v>40948</v>
      </c>
      <c r="B26895" t="s">
        <v>40949</v>
      </c>
      <c r="C26895">
        <v>2</v>
      </c>
      <c r="D26895">
        <v>0</v>
      </c>
    </row>
    <row r="26896" spans="1:4" x14ac:dyDescent="0.25">
      <c r="A26896" t="s">
        <v>40948</v>
      </c>
      <c r="B26896" t="s">
        <v>40950</v>
      </c>
      <c r="C26896">
        <v>0</v>
      </c>
      <c r="D26896">
        <v>0</v>
      </c>
    </row>
    <row r="26897" spans="1:4" x14ac:dyDescent="0.25">
      <c r="A26897" t="s">
        <v>40951</v>
      </c>
      <c r="B26897" t="s">
        <v>40952</v>
      </c>
      <c r="C26897">
        <v>1</v>
      </c>
      <c r="D26897">
        <v>0</v>
      </c>
    </row>
    <row r="26898" spans="1:4" x14ac:dyDescent="0.25">
      <c r="A26898" t="s">
        <v>40953</v>
      </c>
      <c r="B26898" t="s">
        <v>40954</v>
      </c>
      <c r="C26898">
        <v>0</v>
      </c>
      <c r="D26898">
        <v>0</v>
      </c>
    </row>
    <row r="26899" spans="1:4" x14ac:dyDescent="0.25">
      <c r="A26899" t="s">
        <v>40953</v>
      </c>
      <c r="B26899" t="s">
        <v>40955</v>
      </c>
      <c r="C26899">
        <v>0</v>
      </c>
      <c r="D26899">
        <v>0</v>
      </c>
    </row>
    <row r="26900" spans="1:4" x14ac:dyDescent="0.25">
      <c r="A26900" t="s">
        <v>40953</v>
      </c>
      <c r="B26900" t="s">
        <v>40956</v>
      </c>
      <c r="C26900">
        <v>0</v>
      </c>
      <c r="D26900">
        <v>0</v>
      </c>
    </row>
    <row r="26901" spans="1:4" x14ac:dyDescent="0.25">
      <c r="A26901" t="s">
        <v>40957</v>
      </c>
      <c r="B26901" t="s">
        <v>40958</v>
      </c>
      <c r="C26901">
        <v>1</v>
      </c>
      <c r="D26901">
        <v>0</v>
      </c>
    </row>
    <row r="26902" spans="1:4" x14ac:dyDescent="0.25">
      <c r="A26902" t="s">
        <v>40959</v>
      </c>
      <c r="B26902" t="s">
        <v>40960</v>
      </c>
      <c r="C26902">
        <v>1</v>
      </c>
      <c r="D26902">
        <v>0</v>
      </c>
    </row>
    <row r="26903" spans="1:4" x14ac:dyDescent="0.25">
      <c r="A26903" t="s">
        <v>40961</v>
      </c>
      <c r="B26903" t="s">
        <v>3926</v>
      </c>
      <c r="C26903">
        <v>1</v>
      </c>
      <c r="D26903">
        <v>0</v>
      </c>
    </row>
    <row r="26904" spans="1:4" x14ac:dyDescent="0.25">
      <c r="A26904" t="s">
        <v>40962</v>
      </c>
      <c r="B26904" t="s">
        <v>1001</v>
      </c>
      <c r="C26904">
        <v>1</v>
      </c>
      <c r="D26904">
        <v>0</v>
      </c>
    </row>
    <row r="26905" spans="1:4" x14ac:dyDescent="0.25">
      <c r="A26905" t="s">
        <v>40963</v>
      </c>
      <c r="B26905" t="s">
        <v>40964</v>
      </c>
      <c r="C26905">
        <v>0</v>
      </c>
      <c r="D26905">
        <v>0</v>
      </c>
    </row>
    <row r="26906" spans="1:4" x14ac:dyDescent="0.25">
      <c r="A26906" t="s">
        <v>40963</v>
      </c>
      <c r="B26906" t="s">
        <v>1097</v>
      </c>
      <c r="C26906">
        <v>1</v>
      </c>
      <c r="D26906">
        <v>0</v>
      </c>
    </row>
    <row r="26907" spans="1:4" x14ac:dyDescent="0.25">
      <c r="A26907" t="s">
        <v>40965</v>
      </c>
      <c r="B26907" t="s">
        <v>40966</v>
      </c>
      <c r="C26907">
        <v>1</v>
      </c>
      <c r="D26907">
        <v>0</v>
      </c>
    </row>
    <row r="26908" spans="1:4" x14ac:dyDescent="0.25">
      <c r="A26908" t="s">
        <v>40965</v>
      </c>
      <c r="B26908" t="s">
        <v>40967</v>
      </c>
      <c r="C26908">
        <v>1</v>
      </c>
      <c r="D26908">
        <v>0</v>
      </c>
    </row>
    <row r="26909" spans="1:4" x14ac:dyDescent="0.25">
      <c r="A26909" t="s">
        <v>40965</v>
      </c>
      <c r="B26909" t="s">
        <v>40968</v>
      </c>
      <c r="C26909">
        <v>1</v>
      </c>
      <c r="D26909">
        <v>0</v>
      </c>
    </row>
    <row r="26910" spans="1:4" x14ac:dyDescent="0.25">
      <c r="A26910" t="s">
        <v>40969</v>
      </c>
      <c r="B26910" t="s">
        <v>40970</v>
      </c>
      <c r="C26910">
        <v>1</v>
      </c>
      <c r="D26910">
        <v>0</v>
      </c>
    </row>
    <row r="26911" spans="1:4" x14ac:dyDescent="0.25">
      <c r="A26911" t="s">
        <v>40969</v>
      </c>
      <c r="B26911" t="s">
        <v>40971</v>
      </c>
      <c r="C26911">
        <v>0</v>
      </c>
      <c r="D26911">
        <v>0</v>
      </c>
    </row>
    <row r="26912" spans="1:4" x14ac:dyDescent="0.25">
      <c r="A26912" t="s">
        <v>40969</v>
      </c>
      <c r="B26912" t="s">
        <v>1580</v>
      </c>
      <c r="C26912">
        <v>1</v>
      </c>
      <c r="D26912">
        <v>0</v>
      </c>
    </row>
    <row r="26913" spans="1:4" x14ac:dyDescent="0.25">
      <c r="A26913" t="s">
        <v>40972</v>
      </c>
      <c r="B26913" t="s">
        <v>40973</v>
      </c>
      <c r="C26913">
        <v>0</v>
      </c>
      <c r="D26913">
        <v>0</v>
      </c>
    </row>
    <row r="26914" spans="1:4" x14ac:dyDescent="0.25">
      <c r="A26914" t="s">
        <v>40974</v>
      </c>
      <c r="B26914" t="s">
        <v>40975</v>
      </c>
      <c r="C26914">
        <v>1</v>
      </c>
      <c r="D26914">
        <v>0</v>
      </c>
    </row>
    <row r="26915" spans="1:4" x14ac:dyDescent="0.25">
      <c r="A26915" t="s">
        <v>40976</v>
      </c>
      <c r="B26915" t="s">
        <v>40977</v>
      </c>
      <c r="C26915">
        <v>1</v>
      </c>
      <c r="D26915">
        <v>0</v>
      </c>
    </row>
    <row r="26916" spans="1:4" x14ac:dyDescent="0.25">
      <c r="A26916" t="s">
        <v>40976</v>
      </c>
      <c r="B26916" t="s">
        <v>40978</v>
      </c>
      <c r="C26916">
        <v>2</v>
      </c>
      <c r="D26916">
        <v>0</v>
      </c>
    </row>
    <row r="26917" spans="1:4" x14ac:dyDescent="0.25">
      <c r="A26917" t="s">
        <v>40979</v>
      </c>
      <c r="B26917" t="s">
        <v>40980</v>
      </c>
      <c r="C26917">
        <v>2</v>
      </c>
      <c r="D26917">
        <v>0</v>
      </c>
    </row>
    <row r="26918" spans="1:4" x14ac:dyDescent="0.25">
      <c r="A26918" t="s">
        <v>40979</v>
      </c>
      <c r="B26918" t="s">
        <v>40981</v>
      </c>
      <c r="C26918">
        <v>1</v>
      </c>
      <c r="D26918">
        <v>0</v>
      </c>
    </row>
    <row r="26919" spans="1:4" x14ac:dyDescent="0.25">
      <c r="A26919" t="s">
        <v>40982</v>
      </c>
      <c r="B26919" t="s">
        <v>40983</v>
      </c>
      <c r="C26919">
        <v>0</v>
      </c>
      <c r="D26919">
        <v>0</v>
      </c>
    </row>
    <row r="26920" spans="1:4" x14ac:dyDescent="0.25">
      <c r="A26920" t="s">
        <v>40984</v>
      </c>
      <c r="B26920" t="s">
        <v>40985</v>
      </c>
      <c r="C26920">
        <v>1</v>
      </c>
      <c r="D26920">
        <v>0</v>
      </c>
    </row>
    <row r="26921" spans="1:4" x14ac:dyDescent="0.25">
      <c r="A26921" t="s">
        <v>40984</v>
      </c>
      <c r="B26921" t="s">
        <v>40986</v>
      </c>
      <c r="C26921">
        <v>1</v>
      </c>
      <c r="D26921">
        <v>0</v>
      </c>
    </row>
    <row r="26922" spans="1:4" x14ac:dyDescent="0.25">
      <c r="A26922" t="s">
        <v>40984</v>
      </c>
      <c r="B26922" t="s">
        <v>40987</v>
      </c>
      <c r="C26922">
        <v>1</v>
      </c>
      <c r="D26922">
        <v>0</v>
      </c>
    </row>
    <row r="26923" spans="1:4" x14ac:dyDescent="0.25">
      <c r="A26923" t="s">
        <v>40988</v>
      </c>
      <c r="B26923" t="s">
        <v>40989</v>
      </c>
      <c r="C26923">
        <v>2</v>
      </c>
      <c r="D26923">
        <v>0</v>
      </c>
    </row>
    <row r="26924" spans="1:4" x14ac:dyDescent="0.25">
      <c r="A26924" t="s">
        <v>40988</v>
      </c>
      <c r="B26924" t="s">
        <v>40990</v>
      </c>
      <c r="C26924">
        <v>1</v>
      </c>
      <c r="D26924">
        <v>0</v>
      </c>
    </row>
    <row r="26925" spans="1:4" x14ac:dyDescent="0.25">
      <c r="A26925" t="s">
        <v>40991</v>
      </c>
      <c r="B26925" t="s">
        <v>40992</v>
      </c>
      <c r="C26925">
        <v>0</v>
      </c>
      <c r="D26925">
        <v>0</v>
      </c>
    </row>
    <row r="26926" spans="1:4" x14ac:dyDescent="0.25">
      <c r="A26926" t="s">
        <v>40993</v>
      </c>
      <c r="B26926" t="s">
        <v>40994</v>
      </c>
      <c r="C26926">
        <v>1</v>
      </c>
      <c r="D26926">
        <v>0</v>
      </c>
    </row>
    <row r="26927" spans="1:4" x14ac:dyDescent="0.25">
      <c r="A26927" t="s">
        <v>40993</v>
      </c>
      <c r="B26927" t="s">
        <v>40995</v>
      </c>
      <c r="C26927">
        <v>2</v>
      </c>
      <c r="D26927">
        <v>0</v>
      </c>
    </row>
    <row r="26928" spans="1:4" x14ac:dyDescent="0.25">
      <c r="A26928" t="s">
        <v>40996</v>
      </c>
      <c r="B26928" t="s">
        <v>40997</v>
      </c>
      <c r="C26928">
        <v>1</v>
      </c>
      <c r="D26928">
        <v>0</v>
      </c>
    </row>
    <row r="26929" spans="1:4" x14ac:dyDescent="0.25">
      <c r="A26929" t="s">
        <v>40998</v>
      </c>
      <c r="B26929" t="s">
        <v>40999</v>
      </c>
      <c r="C26929">
        <v>1</v>
      </c>
      <c r="D26929">
        <v>0</v>
      </c>
    </row>
    <row r="26930" spans="1:4" x14ac:dyDescent="0.25">
      <c r="A26930" t="s">
        <v>41000</v>
      </c>
      <c r="B26930" t="s">
        <v>852</v>
      </c>
      <c r="C26930">
        <v>0</v>
      </c>
      <c r="D26930">
        <v>0</v>
      </c>
    </row>
    <row r="26931" spans="1:4" x14ac:dyDescent="0.25">
      <c r="A26931" t="s">
        <v>41001</v>
      </c>
      <c r="B26931" t="s">
        <v>945</v>
      </c>
      <c r="C26931">
        <v>1</v>
      </c>
      <c r="D26931">
        <v>0</v>
      </c>
    </row>
    <row r="26932" spans="1:4" x14ac:dyDescent="0.25">
      <c r="A26932" t="s">
        <v>41002</v>
      </c>
      <c r="B26932" t="s">
        <v>41003</v>
      </c>
      <c r="C26932">
        <v>2</v>
      </c>
      <c r="D26932">
        <v>0</v>
      </c>
    </row>
    <row r="26933" spans="1:4" x14ac:dyDescent="0.25">
      <c r="A26933" t="s">
        <v>41002</v>
      </c>
      <c r="B26933" t="s">
        <v>41004</v>
      </c>
      <c r="C26933">
        <v>0</v>
      </c>
      <c r="D26933">
        <v>0</v>
      </c>
    </row>
    <row r="26934" spans="1:4" x14ac:dyDescent="0.25">
      <c r="A26934" t="s">
        <v>41002</v>
      </c>
      <c r="B26934" t="s">
        <v>41005</v>
      </c>
      <c r="C26934">
        <v>0</v>
      </c>
      <c r="D26934">
        <v>0</v>
      </c>
    </row>
    <row r="26935" spans="1:4" x14ac:dyDescent="0.25">
      <c r="A26935" t="s">
        <v>41006</v>
      </c>
      <c r="B26935" t="s">
        <v>41007</v>
      </c>
      <c r="C26935">
        <v>1</v>
      </c>
      <c r="D26935">
        <v>0</v>
      </c>
    </row>
    <row r="26936" spans="1:4" x14ac:dyDescent="0.25">
      <c r="A26936" t="s">
        <v>41008</v>
      </c>
      <c r="B26936" t="s">
        <v>41009</v>
      </c>
      <c r="C26936">
        <v>2</v>
      </c>
      <c r="D26936">
        <v>0</v>
      </c>
    </row>
    <row r="26937" spans="1:4" x14ac:dyDescent="0.25">
      <c r="A26937" t="s">
        <v>41008</v>
      </c>
      <c r="B26937" t="s">
        <v>41010</v>
      </c>
      <c r="C26937">
        <v>1</v>
      </c>
      <c r="D26937">
        <v>0</v>
      </c>
    </row>
    <row r="26938" spans="1:4" x14ac:dyDescent="0.25">
      <c r="A26938" t="s">
        <v>41011</v>
      </c>
      <c r="B26938" t="s">
        <v>41012</v>
      </c>
      <c r="C26938">
        <v>0</v>
      </c>
      <c r="D26938">
        <v>0</v>
      </c>
    </row>
    <row r="26939" spans="1:4" x14ac:dyDescent="0.25">
      <c r="A26939" t="s">
        <v>41011</v>
      </c>
      <c r="B26939" t="s">
        <v>41013</v>
      </c>
      <c r="C26939">
        <v>1</v>
      </c>
      <c r="D26939">
        <v>0</v>
      </c>
    </row>
    <row r="26940" spans="1:4" x14ac:dyDescent="0.25">
      <c r="A26940" t="s">
        <v>41011</v>
      </c>
      <c r="B26940" t="s">
        <v>41014</v>
      </c>
      <c r="C26940">
        <v>1</v>
      </c>
      <c r="D26940">
        <v>0</v>
      </c>
    </row>
    <row r="26941" spans="1:4" x14ac:dyDescent="0.25">
      <c r="A26941" t="s">
        <v>41015</v>
      </c>
      <c r="B26941" t="s">
        <v>5713</v>
      </c>
      <c r="C26941">
        <v>1</v>
      </c>
      <c r="D26941">
        <v>0</v>
      </c>
    </row>
    <row r="26942" spans="1:4" x14ac:dyDescent="0.25">
      <c r="A26942" t="s">
        <v>41016</v>
      </c>
      <c r="B26942" t="s">
        <v>41017</v>
      </c>
      <c r="C26942">
        <v>2</v>
      </c>
      <c r="D26942">
        <v>0</v>
      </c>
    </row>
    <row r="26943" spans="1:4" x14ac:dyDescent="0.25">
      <c r="A26943" t="s">
        <v>41016</v>
      </c>
      <c r="B26943" t="s">
        <v>41018</v>
      </c>
      <c r="C26943">
        <v>2</v>
      </c>
      <c r="D26943">
        <v>0</v>
      </c>
    </row>
    <row r="26944" spans="1:4" x14ac:dyDescent="0.25">
      <c r="A26944" t="s">
        <v>41019</v>
      </c>
      <c r="B26944" t="s">
        <v>41020</v>
      </c>
      <c r="C26944">
        <v>1</v>
      </c>
      <c r="D26944">
        <v>0</v>
      </c>
    </row>
    <row r="26945" spans="1:4" x14ac:dyDescent="0.25">
      <c r="A26945" t="s">
        <v>41021</v>
      </c>
      <c r="B26945" t="s">
        <v>41022</v>
      </c>
      <c r="C26945">
        <v>2</v>
      </c>
      <c r="D26945">
        <v>0</v>
      </c>
    </row>
    <row r="26946" spans="1:4" x14ac:dyDescent="0.25">
      <c r="A26946" t="s">
        <v>41021</v>
      </c>
      <c r="B26946" t="s">
        <v>41023</v>
      </c>
      <c r="C26946">
        <v>1</v>
      </c>
      <c r="D26946">
        <v>0</v>
      </c>
    </row>
    <row r="26947" spans="1:4" x14ac:dyDescent="0.25">
      <c r="A26947" t="s">
        <v>41024</v>
      </c>
      <c r="B26947" t="s">
        <v>8871</v>
      </c>
      <c r="C26947">
        <v>1</v>
      </c>
      <c r="D26947">
        <v>0</v>
      </c>
    </row>
    <row r="26948" spans="1:4" x14ac:dyDescent="0.25">
      <c r="A26948" t="s">
        <v>41025</v>
      </c>
      <c r="B26948" t="s">
        <v>41026</v>
      </c>
      <c r="C26948">
        <v>0</v>
      </c>
      <c r="D26948">
        <v>0</v>
      </c>
    </row>
    <row r="26949" spans="1:4" x14ac:dyDescent="0.25">
      <c r="A26949" t="s">
        <v>41025</v>
      </c>
      <c r="B26949" t="s">
        <v>41027</v>
      </c>
      <c r="C26949">
        <v>0</v>
      </c>
      <c r="D26949">
        <v>0</v>
      </c>
    </row>
    <row r="26950" spans="1:4" x14ac:dyDescent="0.25">
      <c r="A26950" t="s">
        <v>41025</v>
      </c>
      <c r="B26950" t="s">
        <v>41028</v>
      </c>
      <c r="C26950">
        <v>2</v>
      </c>
      <c r="D26950">
        <v>0</v>
      </c>
    </row>
    <row r="26951" spans="1:4" x14ac:dyDescent="0.25">
      <c r="A26951" t="s">
        <v>41029</v>
      </c>
      <c r="B26951" t="s">
        <v>41030</v>
      </c>
      <c r="C26951">
        <v>1</v>
      </c>
      <c r="D26951">
        <v>0</v>
      </c>
    </row>
    <row r="26952" spans="1:4" x14ac:dyDescent="0.25">
      <c r="A26952" t="s">
        <v>41029</v>
      </c>
      <c r="B26952" t="s">
        <v>41031</v>
      </c>
      <c r="C26952">
        <v>1</v>
      </c>
      <c r="D26952">
        <v>0</v>
      </c>
    </row>
    <row r="26953" spans="1:4" x14ac:dyDescent="0.25">
      <c r="A26953" t="s">
        <v>41032</v>
      </c>
      <c r="B26953" t="s">
        <v>41033</v>
      </c>
      <c r="C26953">
        <v>0</v>
      </c>
      <c r="D26953">
        <v>0</v>
      </c>
    </row>
    <row r="26954" spans="1:4" x14ac:dyDescent="0.25">
      <c r="A26954" t="s">
        <v>41034</v>
      </c>
      <c r="B26954" t="s">
        <v>41035</v>
      </c>
      <c r="C26954">
        <v>1</v>
      </c>
      <c r="D26954">
        <v>0</v>
      </c>
    </row>
    <row r="26955" spans="1:4" x14ac:dyDescent="0.25">
      <c r="A26955" t="s">
        <v>41034</v>
      </c>
      <c r="B26955" t="s">
        <v>41036</v>
      </c>
      <c r="C26955">
        <v>1</v>
      </c>
      <c r="D26955">
        <v>0</v>
      </c>
    </row>
    <row r="26956" spans="1:4" x14ac:dyDescent="0.25">
      <c r="A26956" t="s">
        <v>41034</v>
      </c>
      <c r="B26956" t="s">
        <v>41037</v>
      </c>
      <c r="C26956">
        <v>1</v>
      </c>
      <c r="D26956">
        <v>0</v>
      </c>
    </row>
    <row r="26957" spans="1:4" x14ac:dyDescent="0.25">
      <c r="A26957" t="s">
        <v>41038</v>
      </c>
      <c r="B26957" t="s">
        <v>41039</v>
      </c>
      <c r="C26957">
        <v>0</v>
      </c>
      <c r="D26957">
        <v>0</v>
      </c>
    </row>
    <row r="26958" spans="1:4" x14ac:dyDescent="0.25">
      <c r="A26958" t="s">
        <v>41040</v>
      </c>
      <c r="B26958" t="s">
        <v>41041</v>
      </c>
      <c r="C26958">
        <v>0</v>
      </c>
      <c r="D26958">
        <v>0</v>
      </c>
    </row>
    <row r="26959" spans="1:4" x14ac:dyDescent="0.25">
      <c r="A26959" t="s">
        <v>41040</v>
      </c>
      <c r="B26959" t="s">
        <v>41042</v>
      </c>
      <c r="C26959">
        <v>0</v>
      </c>
      <c r="D26959">
        <v>0</v>
      </c>
    </row>
    <row r="26960" spans="1:4" x14ac:dyDescent="0.25">
      <c r="A26960" t="s">
        <v>41040</v>
      </c>
      <c r="B26960" t="s">
        <v>41043</v>
      </c>
      <c r="C26960">
        <v>1</v>
      </c>
      <c r="D26960">
        <v>0</v>
      </c>
    </row>
    <row r="26961" spans="1:4" x14ac:dyDescent="0.25">
      <c r="A26961" t="s">
        <v>41044</v>
      </c>
      <c r="B26961" t="s">
        <v>41045</v>
      </c>
      <c r="C26961">
        <v>2</v>
      </c>
      <c r="D26961">
        <v>0</v>
      </c>
    </row>
    <row r="26962" spans="1:4" x14ac:dyDescent="0.25">
      <c r="A26962" t="s">
        <v>41044</v>
      </c>
      <c r="B26962" t="s">
        <v>41046</v>
      </c>
      <c r="C26962">
        <v>1</v>
      </c>
      <c r="D26962">
        <v>0</v>
      </c>
    </row>
    <row r="26963" spans="1:4" x14ac:dyDescent="0.25">
      <c r="A26963" t="s">
        <v>41044</v>
      </c>
      <c r="B26963" t="s">
        <v>41047</v>
      </c>
      <c r="C26963">
        <v>0</v>
      </c>
      <c r="D26963">
        <v>0</v>
      </c>
    </row>
    <row r="26964" spans="1:4" x14ac:dyDescent="0.25">
      <c r="A26964" t="s">
        <v>41048</v>
      </c>
      <c r="B26964" t="s">
        <v>41049</v>
      </c>
      <c r="C26964">
        <v>0</v>
      </c>
      <c r="D26964">
        <v>0</v>
      </c>
    </row>
    <row r="26965" spans="1:4" x14ac:dyDescent="0.25">
      <c r="A26965" t="s">
        <v>41048</v>
      </c>
      <c r="B26965" t="s">
        <v>41050</v>
      </c>
      <c r="C26965">
        <v>1</v>
      </c>
      <c r="D26965">
        <v>0</v>
      </c>
    </row>
    <row r="26966" spans="1:4" x14ac:dyDescent="0.25">
      <c r="A26966" t="s">
        <v>41051</v>
      </c>
      <c r="B26966" t="s">
        <v>41052</v>
      </c>
      <c r="C26966">
        <v>1</v>
      </c>
      <c r="D26966">
        <v>0</v>
      </c>
    </row>
    <row r="26967" spans="1:4" x14ac:dyDescent="0.25">
      <c r="A26967" t="s">
        <v>41051</v>
      </c>
      <c r="B26967" t="s">
        <v>41053</v>
      </c>
      <c r="C26967">
        <v>1</v>
      </c>
      <c r="D26967">
        <v>0</v>
      </c>
    </row>
    <row r="26968" spans="1:4" x14ac:dyDescent="0.25">
      <c r="A26968" t="s">
        <v>41051</v>
      </c>
      <c r="B26968" t="s">
        <v>41054</v>
      </c>
      <c r="C26968">
        <v>2</v>
      </c>
      <c r="D26968">
        <v>0</v>
      </c>
    </row>
    <row r="26969" spans="1:4" x14ac:dyDescent="0.25">
      <c r="A26969" t="s">
        <v>41055</v>
      </c>
      <c r="B26969" t="s">
        <v>41056</v>
      </c>
      <c r="C26969">
        <v>1</v>
      </c>
      <c r="D26969">
        <v>0</v>
      </c>
    </row>
    <row r="26970" spans="1:4" x14ac:dyDescent="0.25">
      <c r="A26970" t="s">
        <v>41057</v>
      </c>
      <c r="B26970" t="s">
        <v>41058</v>
      </c>
      <c r="C26970">
        <v>1</v>
      </c>
      <c r="D26970">
        <v>0</v>
      </c>
    </row>
    <row r="26971" spans="1:4" x14ac:dyDescent="0.25">
      <c r="A26971" t="s">
        <v>41059</v>
      </c>
      <c r="B26971" t="s">
        <v>36858</v>
      </c>
      <c r="C26971">
        <v>2</v>
      </c>
      <c r="D26971">
        <v>0</v>
      </c>
    </row>
    <row r="26972" spans="1:4" x14ac:dyDescent="0.25">
      <c r="A26972" t="s">
        <v>41059</v>
      </c>
      <c r="B26972" t="s">
        <v>41060</v>
      </c>
      <c r="C26972">
        <v>1</v>
      </c>
      <c r="D26972">
        <v>0</v>
      </c>
    </row>
    <row r="26973" spans="1:4" x14ac:dyDescent="0.25">
      <c r="A26973" t="s">
        <v>41059</v>
      </c>
      <c r="B26973" t="s">
        <v>41061</v>
      </c>
      <c r="C26973">
        <v>2</v>
      </c>
      <c r="D26973">
        <v>0</v>
      </c>
    </row>
    <row r="26974" spans="1:4" x14ac:dyDescent="0.25">
      <c r="A26974" t="s">
        <v>41062</v>
      </c>
      <c r="B26974" t="s">
        <v>41063</v>
      </c>
      <c r="C26974">
        <v>0</v>
      </c>
      <c r="D26974">
        <v>0</v>
      </c>
    </row>
    <row r="26975" spans="1:4" x14ac:dyDescent="0.25">
      <c r="A26975" t="s">
        <v>41064</v>
      </c>
      <c r="B26975" t="s">
        <v>41065</v>
      </c>
      <c r="C26975">
        <v>1</v>
      </c>
      <c r="D26975">
        <v>0</v>
      </c>
    </row>
    <row r="26976" spans="1:4" x14ac:dyDescent="0.25">
      <c r="A26976" t="s">
        <v>41064</v>
      </c>
      <c r="B26976" t="s">
        <v>41066</v>
      </c>
      <c r="C26976">
        <v>0</v>
      </c>
      <c r="D26976">
        <v>0</v>
      </c>
    </row>
    <row r="26977" spans="1:4" x14ac:dyDescent="0.25">
      <c r="A26977" t="s">
        <v>41067</v>
      </c>
      <c r="B26977" t="s">
        <v>852</v>
      </c>
      <c r="C26977">
        <v>0</v>
      </c>
      <c r="D26977">
        <v>0</v>
      </c>
    </row>
    <row r="26978" spans="1:4" x14ac:dyDescent="0.25">
      <c r="A26978" t="s">
        <v>41068</v>
      </c>
      <c r="B26978" t="s">
        <v>41069</v>
      </c>
      <c r="C26978">
        <v>2</v>
      </c>
      <c r="D26978">
        <v>0</v>
      </c>
    </row>
    <row r="26979" spans="1:4" x14ac:dyDescent="0.25">
      <c r="A26979" t="s">
        <v>41068</v>
      </c>
      <c r="B26979" t="s">
        <v>41070</v>
      </c>
      <c r="C26979">
        <v>1</v>
      </c>
      <c r="D26979">
        <v>0</v>
      </c>
    </row>
    <row r="26980" spans="1:4" x14ac:dyDescent="0.25">
      <c r="A26980" t="s">
        <v>41068</v>
      </c>
      <c r="B26980" t="s">
        <v>41071</v>
      </c>
      <c r="C26980">
        <v>0</v>
      </c>
      <c r="D26980">
        <v>0</v>
      </c>
    </row>
    <row r="26981" spans="1:4" x14ac:dyDescent="0.25">
      <c r="A26981" t="s">
        <v>41072</v>
      </c>
      <c r="B26981" t="s">
        <v>1570</v>
      </c>
      <c r="C26981">
        <v>1</v>
      </c>
      <c r="D26981">
        <v>0</v>
      </c>
    </row>
    <row r="26982" spans="1:4" x14ac:dyDescent="0.25">
      <c r="A26982" t="s">
        <v>41072</v>
      </c>
      <c r="B26982" t="s">
        <v>41073</v>
      </c>
      <c r="C26982">
        <v>2</v>
      </c>
      <c r="D26982">
        <v>0</v>
      </c>
    </row>
    <row r="26983" spans="1:4" x14ac:dyDescent="0.25">
      <c r="A26983" t="s">
        <v>41074</v>
      </c>
      <c r="B26983" t="s">
        <v>398</v>
      </c>
      <c r="C26983">
        <v>0</v>
      </c>
      <c r="D26983">
        <v>0</v>
      </c>
    </row>
    <row r="26984" spans="1:4" x14ac:dyDescent="0.25">
      <c r="A26984" t="s">
        <v>41075</v>
      </c>
      <c r="B26984" t="s">
        <v>41076</v>
      </c>
      <c r="C26984">
        <v>1</v>
      </c>
      <c r="D26984">
        <v>0</v>
      </c>
    </row>
    <row r="26985" spans="1:4" x14ac:dyDescent="0.25">
      <c r="A26985" t="s">
        <v>41077</v>
      </c>
      <c r="B26985" t="s">
        <v>41078</v>
      </c>
      <c r="C26985">
        <v>1</v>
      </c>
      <c r="D26985">
        <v>0</v>
      </c>
    </row>
    <row r="26986" spans="1:4" x14ac:dyDescent="0.25">
      <c r="A26986" t="s">
        <v>41077</v>
      </c>
      <c r="B26986" t="s">
        <v>41079</v>
      </c>
      <c r="C26986">
        <v>1</v>
      </c>
      <c r="D26986">
        <v>0</v>
      </c>
    </row>
    <row r="26987" spans="1:4" x14ac:dyDescent="0.25">
      <c r="A26987" t="s">
        <v>41077</v>
      </c>
      <c r="B26987" t="s">
        <v>41080</v>
      </c>
      <c r="C26987">
        <v>0</v>
      </c>
      <c r="D26987">
        <v>0</v>
      </c>
    </row>
    <row r="26988" spans="1:4" x14ac:dyDescent="0.25">
      <c r="A26988" t="s">
        <v>41081</v>
      </c>
      <c r="B26988" t="s">
        <v>41082</v>
      </c>
      <c r="C26988">
        <v>1</v>
      </c>
      <c r="D26988">
        <v>0</v>
      </c>
    </row>
    <row r="26989" spans="1:4" x14ac:dyDescent="0.25">
      <c r="A26989" t="s">
        <v>41083</v>
      </c>
      <c r="B26989" t="s">
        <v>41084</v>
      </c>
      <c r="C26989">
        <v>1</v>
      </c>
      <c r="D26989">
        <v>0</v>
      </c>
    </row>
    <row r="26990" spans="1:4" x14ac:dyDescent="0.25">
      <c r="A26990" t="s">
        <v>41083</v>
      </c>
      <c r="B26990" t="s">
        <v>41085</v>
      </c>
      <c r="C26990">
        <v>2</v>
      </c>
      <c r="D26990">
        <v>0</v>
      </c>
    </row>
    <row r="26991" spans="1:4" x14ac:dyDescent="0.25">
      <c r="A26991" t="s">
        <v>41086</v>
      </c>
      <c r="B26991" t="s">
        <v>41087</v>
      </c>
      <c r="C26991">
        <v>0</v>
      </c>
      <c r="D26991">
        <v>0</v>
      </c>
    </row>
    <row r="26992" spans="1:4" x14ac:dyDescent="0.25">
      <c r="A26992" t="s">
        <v>41088</v>
      </c>
      <c r="B26992" t="s">
        <v>41089</v>
      </c>
      <c r="C26992">
        <v>2</v>
      </c>
      <c r="D26992">
        <v>0</v>
      </c>
    </row>
    <row r="26993" spans="1:4" x14ac:dyDescent="0.25">
      <c r="A26993" t="s">
        <v>41088</v>
      </c>
      <c r="B26993" t="s">
        <v>41090</v>
      </c>
      <c r="C26993">
        <v>2</v>
      </c>
      <c r="D26993">
        <v>0</v>
      </c>
    </row>
    <row r="26994" spans="1:4" x14ac:dyDescent="0.25">
      <c r="A26994" t="s">
        <v>41091</v>
      </c>
      <c r="B26994" t="s">
        <v>41092</v>
      </c>
      <c r="C26994">
        <v>0</v>
      </c>
      <c r="D26994">
        <v>0</v>
      </c>
    </row>
    <row r="26995" spans="1:4" x14ac:dyDescent="0.25">
      <c r="A26995" t="s">
        <v>41091</v>
      </c>
      <c r="B26995" t="s">
        <v>41093</v>
      </c>
      <c r="C26995">
        <v>0</v>
      </c>
      <c r="D26995">
        <v>0</v>
      </c>
    </row>
    <row r="26996" spans="1:4" x14ac:dyDescent="0.25">
      <c r="A26996" t="s">
        <v>41091</v>
      </c>
      <c r="B26996" t="s">
        <v>41094</v>
      </c>
      <c r="C26996">
        <v>1</v>
      </c>
      <c r="D26996">
        <v>0</v>
      </c>
    </row>
    <row r="26997" spans="1:4" x14ac:dyDescent="0.25">
      <c r="A26997" t="s">
        <v>41095</v>
      </c>
      <c r="B26997" t="s">
        <v>41096</v>
      </c>
      <c r="C26997">
        <v>2</v>
      </c>
      <c r="D26997">
        <v>0</v>
      </c>
    </row>
    <row r="26998" spans="1:4" x14ac:dyDescent="0.25">
      <c r="A26998" t="s">
        <v>41095</v>
      </c>
      <c r="B26998" t="s">
        <v>41097</v>
      </c>
      <c r="C26998">
        <v>2</v>
      </c>
      <c r="D26998">
        <v>0</v>
      </c>
    </row>
    <row r="26999" spans="1:4" x14ac:dyDescent="0.25">
      <c r="A26999" t="s">
        <v>41095</v>
      </c>
      <c r="B26999" t="s">
        <v>41098</v>
      </c>
      <c r="C26999">
        <v>2</v>
      </c>
      <c r="D26999">
        <v>0</v>
      </c>
    </row>
    <row r="27000" spans="1:4" x14ac:dyDescent="0.25">
      <c r="A27000" t="s">
        <v>41099</v>
      </c>
      <c r="B27000" t="s">
        <v>41100</v>
      </c>
      <c r="C27000">
        <v>2</v>
      </c>
      <c r="D27000">
        <v>0</v>
      </c>
    </row>
    <row r="27001" spans="1:4" x14ac:dyDescent="0.25">
      <c r="A27001" t="s">
        <v>41099</v>
      </c>
      <c r="B27001" t="s">
        <v>41101</v>
      </c>
      <c r="C27001">
        <v>2</v>
      </c>
      <c r="D27001">
        <v>0</v>
      </c>
    </row>
    <row r="27002" spans="1:4" x14ac:dyDescent="0.25">
      <c r="A27002" t="s">
        <v>41102</v>
      </c>
      <c r="B27002" t="s">
        <v>41103</v>
      </c>
      <c r="C27002">
        <v>1</v>
      </c>
      <c r="D27002">
        <v>0</v>
      </c>
    </row>
    <row r="27003" spans="1:4" x14ac:dyDescent="0.25">
      <c r="A27003" t="s">
        <v>41102</v>
      </c>
      <c r="B27003" t="s">
        <v>41104</v>
      </c>
      <c r="C27003">
        <v>0</v>
      </c>
      <c r="D27003">
        <v>0</v>
      </c>
    </row>
    <row r="27004" spans="1:4" x14ac:dyDescent="0.25">
      <c r="A27004" t="s">
        <v>41102</v>
      </c>
      <c r="B27004" t="s">
        <v>41105</v>
      </c>
      <c r="C27004">
        <v>1</v>
      </c>
      <c r="D27004">
        <v>0</v>
      </c>
    </row>
    <row r="27005" spans="1:4" x14ac:dyDescent="0.25">
      <c r="A27005" t="s">
        <v>41106</v>
      </c>
      <c r="B27005" t="s">
        <v>41107</v>
      </c>
      <c r="C27005">
        <v>0</v>
      </c>
      <c r="D27005">
        <v>0</v>
      </c>
    </row>
    <row r="27006" spans="1:4" x14ac:dyDescent="0.25">
      <c r="A27006" t="s">
        <v>41108</v>
      </c>
      <c r="B27006" t="s">
        <v>2267</v>
      </c>
      <c r="C27006">
        <v>0</v>
      </c>
      <c r="D27006">
        <v>0</v>
      </c>
    </row>
    <row r="27007" spans="1:4" x14ac:dyDescent="0.25">
      <c r="A27007" t="s">
        <v>41108</v>
      </c>
      <c r="B27007" t="s">
        <v>41109</v>
      </c>
      <c r="C27007">
        <v>1</v>
      </c>
      <c r="D27007">
        <v>0</v>
      </c>
    </row>
    <row r="27008" spans="1:4" x14ac:dyDescent="0.25">
      <c r="A27008" t="s">
        <v>41110</v>
      </c>
      <c r="B27008" t="s">
        <v>41111</v>
      </c>
      <c r="C27008">
        <v>2</v>
      </c>
      <c r="D27008">
        <v>0</v>
      </c>
    </row>
    <row r="27009" spans="1:4" x14ac:dyDescent="0.25">
      <c r="A27009" t="s">
        <v>41110</v>
      </c>
      <c r="B27009" t="s">
        <v>41112</v>
      </c>
      <c r="C27009">
        <v>0</v>
      </c>
      <c r="D27009">
        <v>0</v>
      </c>
    </row>
    <row r="27010" spans="1:4" x14ac:dyDescent="0.25">
      <c r="A27010" t="s">
        <v>41110</v>
      </c>
      <c r="B27010" t="s">
        <v>41113</v>
      </c>
      <c r="C27010">
        <v>0</v>
      </c>
      <c r="D27010">
        <v>0</v>
      </c>
    </row>
    <row r="27011" spans="1:4" x14ac:dyDescent="0.25">
      <c r="A27011" t="s">
        <v>41114</v>
      </c>
      <c r="B27011" t="s">
        <v>41115</v>
      </c>
      <c r="C27011">
        <v>1</v>
      </c>
      <c r="D27011">
        <v>0</v>
      </c>
    </row>
    <row r="27012" spans="1:4" x14ac:dyDescent="0.25">
      <c r="A27012" t="s">
        <v>41116</v>
      </c>
      <c r="B27012" t="s">
        <v>1151</v>
      </c>
      <c r="C27012">
        <v>1</v>
      </c>
      <c r="D27012">
        <v>0</v>
      </c>
    </row>
    <row r="27013" spans="1:4" x14ac:dyDescent="0.25">
      <c r="A27013" t="s">
        <v>41116</v>
      </c>
      <c r="B27013" t="s">
        <v>41117</v>
      </c>
      <c r="C27013">
        <v>0</v>
      </c>
      <c r="D27013">
        <v>0</v>
      </c>
    </row>
    <row r="27014" spans="1:4" x14ac:dyDescent="0.25">
      <c r="A27014" t="s">
        <v>41118</v>
      </c>
      <c r="B27014" t="s">
        <v>41119</v>
      </c>
      <c r="C27014">
        <v>0</v>
      </c>
      <c r="D27014">
        <v>0</v>
      </c>
    </row>
    <row r="27015" spans="1:4" x14ac:dyDescent="0.25">
      <c r="A27015" t="s">
        <v>41118</v>
      </c>
      <c r="B27015" t="s">
        <v>41120</v>
      </c>
      <c r="C27015">
        <v>1</v>
      </c>
      <c r="D27015">
        <v>0</v>
      </c>
    </row>
    <row r="27016" spans="1:4" x14ac:dyDescent="0.25">
      <c r="A27016" t="s">
        <v>41121</v>
      </c>
      <c r="B27016" t="s">
        <v>41122</v>
      </c>
      <c r="C27016">
        <v>1</v>
      </c>
      <c r="D27016">
        <v>0</v>
      </c>
    </row>
    <row r="27017" spans="1:4" x14ac:dyDescent="0.25">
      <c r="A27017" t="s">
        <v>41123</v>
      </c>
      <c r="B27017" t="s">
        <v>41124</v>
      </c>
      <c r="C27017">
        <v>1</v>
      </c>
      <c r="D27017">
        <v>0</v>
      </c>
    </row>
    <row r="27018" spans="1:4" x14ac:dyDescent="0.25">
      <c r="A27018" t="s">
        <v>41123</v>
      </c>
      <c r="B27018" t="s">
        <v>41125</v>
      </c>
      <c r="C27018">
        <v>1</v>
      </c>
      <c r="D27018">
        <v>0</v>
      </c>
    </row>
    <row r="27019" spans="1:4" x14ac:dyDescent="0.25">
      <c r="A27019" t="s">
        <v>41123</v>
      </c>
      <c r="B27019" t="s">
        <v>41126</v>
      </c>
      <c r="C27019">
        <v>1</v>
      </c>
      <c r="D27019">
        <v>0</v>
      </c>
    </row>
    <row r="27020" spans="1:4" x14ac:dyDescent="0.25">
      <c r="A27020" t="s">
        <v>41127</v>
      </c>
      <c r="B27020" t="s">
        <v>1387</v>
      </c>
      <c r="C27020">
        <v>1</v>
      </c>
      <c r="D27020">
        <v>0</v>
      </c>
    </row>
    <row r="27021" spans="1:4" x14ac:dyDescent="0.25">
      <c r="A27021" t="s">
        <v>41127</v>
      </c>
      <c r="B27021" t="s">
        <v>41128</v>
      </c>
      <c r="C27021">
        <v>2</v>
      </c>
      <c r="D27021">
        <v>0</v>
      </c>
    </row>
    <row r="27022" spans="1:4" x14ac:dyDescent="0.25">
      <c r="A27022" t="s">
        <v>41129</v>
      </c>
      <c r="B27022" t="s">
        <v>41130</v>
      </c>
      <c r="C27022">
        <v>0</v>
      </c>
      <c r="D27022">
        <v>0</v>
      </c>
    </row>
    <row r="27023" spans="1:4" x14ac:dyDescent="0.25">
      <c r="A27023" t="s">
        <v>41129</v>
      </c>
      <c r="B27023" t="s">
        <v>41131</v>
      </c>
      <c r="C27023">
        <v>0</v>
      </c>
      <c r="D27023">
        <v>0</v>
      </c>
    </row>
    <row r="27024" spans="1:4" x14ac:dyDescent="0.25">
      <c r="A27024" t="s">
        <v>41132</v>
      </c>
      <c r="B27024" t="s">
        <v>41133</v>
      </c>
      <c r="C27024">
        <v>1</v>
      </c>
      <c r="D27024">
        <v>0</v>
      </c>
    </row>
    <row r="27025" spans="1:4" x14ac:dyDescent="0.25">
      <c r="A27025" t="s">
        <v>41132</v>
      </c>
      <c r="B27025" t="s">
        <v>41134</v>
      </c>
      <c r="C27025">
        <v>1</v>
      </c>
      <c r="D27025">
        <v>0</v>
      </c>
    </row>
    <row r="27026" spans="1:4" x14ac:dyDescent="0.25">
      <c r="A27026" t="s">
        <v>41132</v>
      </c>
      <c r="B27026" t="s">
        <v>41135</v>
      </c>
      <c r="C27026">
        <v>1</v>
      </c>
      <c r="D27026">
        <v>0</v>
      </c>
    </row>
    <row r="27027" spans="1:4" x14ac:dyDescent="0.25">
      <c r="A27027" t="s">
        <v>41136</v>
      </c>
      <c r="B27027" t="s">
        <v>1938</v>
      </c>
      <c r="C27027">
        <v>0</v>
      </c>
      <c r="D27027">
        <v>0</v>
      </c>
    </row>
    <row r="27028" spans="1:4" x14ac:dyDescent="0.25">
      <c r="A27028" t="s">
        <v>41137</v>
      </c>
      <c r="B27028" t="s">
        <v>41138</v>
      </c>
      <c r="C27028">
        <v>1</v>
      </c>
      <c r="D27028">
        <v>0</v>
      </c>
    </row>
    <row r="27029" spans="1:4" x14ac:dyDescent="0.25">
      <c r="A27029" t="s">
        <v>41137</v>
      </c>
      <c r="B27029" t="s">
        <v>41139</v>
      </c>
      <c r="C27029">
        <v>1</v>
      </c>
      <c r="D27029">
        <v>0</v>
      </c>
    </row>
    <row r="27030" spans="1:4" x14ac:dyDescent="0.25">
      <c r="A27030" t="s">
        <v>41137</v>
      </c>
      <c r="B27030" t="s">
        <v>41140</v>
      </c>
      <c r="C27030">
        <v>1</v>
      </c>
      <c r="D27030">
        <v>0</v>
      </c>
    </row>
    <row r="27031" spans="1:4" x14ac:dyDescent="0.25">
      <c r="A27031" t="s">
        <v>41141</v>
      </c>
      <c r="B27031" t="s">
        <v>41142</v>
      </c>
      <c r="C27031">
        <v>1</v>
      </c>
      <c r="D27031">
        <v>0</v>
      </c>
    </row>
    <row r="27032" spans="1:4" x14ac:dyDescent="0.25">
      <c r="A27032" t="s">
        <v>41141</v>
      </c>
      <c r="B27032" t="s">
        <v>41143</v>
      </c>
      <c r="C27032">
        <v>0</v>
      </c>
      <c r="D27032">
        <v>0</v>
      </c>
    </row>
    <row r="27033" spans="1:4" x14ac:dyDescent="0.25">
      <c r="A27033" t="s">
        <v>41141</v>
      </c>
      <c r="B27033" t="s">
        <v>41144</v>
      </c>
      <c r="C27033">
        <v>2</v>
      </c>
      <c r="D27033">
        <v>0</v>
      </c>
    </row>
    <row r="27034" spans="1:4" x14ac:dyDescent="0.25">
      <c r="A27034" t="s">
        <v>41145</v>
      </c>
      <c r="B27034" t="s">
        <v>41146</v>
      </c>
      <c r="C27034">
        <v>0</v>
      </c>
      <c r="D27034">
        <v>0</v>
      </c>
    </row>
    <row r="27035" spans="1:4" x14ac:dyDescent="0.25">
      <c r="A27035" t="s">
        <v>41147</v>
      </c>
      <c r="B27035" t="s">
        <v>41148</v>
      </c>
      <c r="C27035">
        <v>2</v>
      </c>
      <c r="D27035">
        <v>0</v>
      </c>
    </row>
    <row r="27036" spans="1:4" x14ac:dyDescent="0.25">
      <c r="A27036" t="s">
        <v>41149</v>
      </c>
      <c r="B27036" t="s">
        <v>816</v>
      </c>
      <c r="C27036">
        <v>1</v>
      </c>
      <c r="D27036">
        <v>0</v>
      </c>
    </row>
    <row r="27037" spans="1:4" x14ac:dyDescent="0.25">
      <c r="A27037" t="s">
        <v>41149</v>
      </c>
      <c r="B27037" t="s">
        <v>41150</v>
      </c>
      <c r="C27037">
        <v>0</v>
      </c>
      <c r="D27037">
        <v>0</v>
      </c>
    </row>
    <row r="27038" spans="1:4" x14ac:dyDescent="0.25">
      <c r="A27038" t="s">
        <v>41151</v>
      </c>
      <c r="B27038" t="s">
        <v>41152</v>
      </c>
      <c r="C27038">
        <v>1</v>
      </c>
      <c r="D27038">
        <v>0</v>
      </c>
    </row>
    <row r="27039" spans="1:4" x14ac:dyDescent="0.25">
      <c r="A27039" t="s">
        <v>41153</v>
      </c>
      <c r="B27039" t="s">
        <v>41154</v>
      </c>
      <c r="C27039">
        <v>0</v>
      </c>
      <c r="D27039">
        <v>0</v>
      </c>
    </row>
    <row r="27040" spans="1:4" x14ac:dyDescent="0.25">
      <c r="A27040" t="s">
        <v>41155</v>
      </c>
      <c r="B27040" t="s">
        <v>41156</v>
      </c>
      <c r="C27040">
        <v>1</v>
      </c>
      <c r="D27040">
        <v>0</v>
      </c>
    </row>
    <row r="27041" spans="1:4" x14ac:dyDescent="0.25">
      <c r="A27041" t="s">
        <v>41155</v>
      </c>
      <c r="B27041" t="s">
        <v>41157</v>
      </c>
      <c r="C27041">
        <v>1</v>
      </c>
      <c r="D27041">
        <v>0</v>
      </c>
    </row>
    <row r="27042" spans="1:4" x14ac:dyDescent="0.25">
      <c r="A27042" t="s">
        <v>41155</v>
      </c>
      <c r="B27042" t="s">
        <v>41158</v>
      </c>
      <c r="C27042">
        <v>1</v>
      </c>
      <c r="D27042">
        <v>0</v>
      </c>
    </row>
    <row r="27043" spans="1:4" x14ac:dyDescent="0.25">
      <c r="A27043" t="s">
        <v>41159</v>
      </c>
      <c r="B27043" t="s">
        <v>41160</v>
      </c>
      <c r="C27043">
        <v>2</v>
      </c>
      <c r="D27043">
        <v>0</v>
      </c>
    </row>
    <row r="27044" spans="1:4" x14ac:dyDescent="0.25">
      <c r="A27044" t="s">
        <v>41159</v>
      </c>
      <c r="B27044" t="s">
        <v>41161</v>
      </c>
      <c r="C27044">
        <v>2</v>
      </c>
      <c r="D27044">
        <v>0</v>
      </c>
    </row>
    <row r="27045" spans="1:4" x14ac:dyDescent="0.25">
      <c r="A27045" t="s">
        <v>41162</v>
      </c>
      <c r="B27045" t="s">
        <v>41163</v>
      </c>
      <c r="C27045">
        <v>1</v>
      </c>
      <c r="D27045">
        <v>0</v>
      </c>
    </row>
    <row r="27046" spans="1:4" x14ac:dyDescent="0.25">
      <c r="A27046" t="s">
        <v>41162</v>
      </c>
      <c r="B27046" t="s">
        <v>41164</v>
      </c>
      <c r="C27046">
        <v>1</v>
      </c>
      <c r="D27046">
        <v>0</v>
      </c>
    </row>
    <row r="27047" spans="1:4" x14ac:dyDescent="0.25">
      <c r="A27047" t="s">
        <v>41162</v>
      </c>
      <c r="B27047" t="s">
        <v>41165</v>
      </c>
      <c r="C27047">
        <v>1</v>
      </c>
      <c r="D27047">
        <v>0</v>
      </c>
    </row>
    <row r="27048" spans="1:4" x14ac:dyDescent="0.25">
      <c r="A27048" t="s">
        <v>41166</v>
      </c>
      <c r="B27048" t="s">
        <v>12217</v>
      </c>
      <c r="C27048">
        <v>1</v>
      </c>
      <c r="D27048">
        <v>0</v>
      </c>
    </row>
    <row r="27049" spans="1:4" x14ac:dyDescent="0.25">
      <c r="A27049" t="s">
        <v>41166</v>
      </c>
      <c r="B27049" t="s">
        <v>41167</v>
      </c>
      <c r="C27049">
        <v>1</v>
      </c>
      <c r="D27049">
        <v>0</v>
      </c>
    </row>
    <row r="27050" spans="1:4" x14ac:dyDescent="0.25">
      <c r="A27050" t="s">
        <v>41166</v>
      </c>
      <c r="B27050" t="s">
        <v>41168</v>
      </c>
      <c r="C27050">
        <v>1</v>
      </c>
      <c r="D27050">
        <v>0</v>
      </c>
    </row>
    <row r="27051" spans="1:4" x14ac:dyDescent="0.25">
      <c r="A27051" t="s">
        <v>41169</v>
      </c>
      <c r="B27051" t="s">
        <v>41170</v>
      </c>
      <c r="C27051">
        <v>0</v>
      </c>
      <c r="D27051">
        <v>0</v>
      </c>
    </row>
    <row r="27052" spans="1:4" x14ac:dyDescent="0.25">
      <c r="A27052" t="s">
        <v>41169</v>
      </c>
      <c r="B27052" t="s">
        <v>41171</v>
      </c>
      <c r="C27052">
        <v>1</v>
      </c>
      <c r="D27052">
        <v>0</v>
      </c>
    </row>
    <row r="27053" spans="1:4" x14ac:dyDescent="0.25">
      <c r="A27053" t="s">
        <v>41172</v>
      </c>
      <c r="B27053" t="s">
        <v>41173</v>
      </c>
      <c r="C27053">
        <v>2</v>
      </c>
      <c r="D27053">
        <v>0</v>
      </c>
    </row>
    <row r="27054" spans="1:4" x14ac:dyDescent="0.25">
      <c r="A27054" t="s">
        <v>41172</v>
      </c>
      <c r="B27054" t="s">
        <v>41174</v>
      </c>
      <c r="C27054">
        <v>1</v>
      </c>
      <c r="D27054">
        <v>0</v>
      </c>
    </row>
    <row r="27055" spans="1:4" x14ac:dyDescent="0.25">
      <c r="A27055" t="s">
        <v>41175</v>
      </c>
      <c r="B27055" t="s">
        <v>41176</v>
      </c>
      <c r="C27055">
        <v>0</v>
      </c>
      <c r="D27055">
        <v>0</v>
      </c>
    </row>
    <row r="27056" spans="1:4" x14ac:dyDescent="0.25">
      <c r="A27056" t="s">
        <v>41175</v>
      </c>
      <c r="B27056" t="s">
        <v>41177</v>
      </c>
      <c r="C27056">
        <v>0</v>
      </c>
      <c r="D27056">
        <v>0</v>
      </c>
    </row>
    <row r="27057" spans="1:4" x14ac:dyDescent="0.25">
      <c r="A27057" t="s">
        <v>41175</v>
      </c>
      <c r="B27057" t="s">
        <v>41178</v>
      </c>
      <c r="C27057">
        <v>1</v>
      </c>
      <c r="D27057">
        <v>0</v>
      </c>
    </row>
    <row r="27058" spans="1:4" x14ac:dyDescent="0.25">
      <c r="A27058" t="s">
        <v>41179</v>
      </c>
      <c r="B27058" t="s">
        <v>41180</v>
      </c>
      <c r="C27058">
        <v>0</v>
      </c>
      <c r="D27058">
        <v>0</v>
      </c>
    </row>
    <row r="27059" spans="1:4" x14ac:dyDescent="0.25">
      <c r="A27059" t="s">
        <v>41179</v>
      </c>
      <c r="B27059" t="s">
        <v>41181</v>
      </c>
      <c r="C27059">
        <v>1</v>
      </c>
      <c r="D27059">
        <v>0</v>
      </c>
    </row>
    <row r="27060" spans="1:4" x14ac:dyDescent="0.25">
      <c r="A27060" t="s">
        <v>41182</v>
      </c>
      <c r="B27060" t="s">
        <v>41183</v>
      </c>
      <c r="C27060">
        <v>2</v>
      </c>
      <c r="D27060">
        <v>0</v>
      </c>
    </row>
    <row r="27061" spans="1:4" x14ac:dyDescent="0.25">
      <c r="A27061" t="s">
        <v>41182</v>
      </c>
      <c r="B27061" t="s">
        <v>41184</v>
      </c>
      <c r="C27061">
        <v>2</v>
      </c>
      <c r="D27061">
        <v>0</v>
      </c>
    </row>
    <row r="27062" spans="1:4" x14ac:dyDescent="0.25">
      <c r="A27062" t="s">
        <v>41182</v>
      </c>
      <c r="B27062" t="s">
        <v>41185</v>
      </c>
      <c r="C27062">
        <v>1</v>
      </c>
      <c r="D27062">
        <v>0</v>
      </c>
    </row>
    <row r="27063" spans="1:4" x14ac:dyDescent="0.25">
      <c r="A27063" t="s">
        <v>41186</v>
      </c>
      <c r="B27063" t="s">
        <v>41187</v>
      </c>
      <c r="C27063">
        <v>0</v>
      </c>
      <c r="D27063">
        <v>0</v>
      </c>
    </row>
    <row r="27064" spans="1:4" x14ac:dyDescent="0.25">
      <c r="A27064" t="s">
        <v>41188</v>
      </c>
      <c r="B27064" t="s">
        <v>1001</v>
      </c>
      <c r="C27064">
        <v>1</v>
      </c>
      <c r="D27064">
        <v>0</v>
      </c>
    </row>
    <row r="27065" spans="1:4" x14ac:dyDescent="0.25">
      <c r="A27065" t="s">
        <v>41189</v>
      </c>
      <c r="B27065" t="s">
        <v>41190</v>
      </c>
      <c r="C27065">
        <v>1</v>
      </c>
      <c r="D27065">
        <v>0</v>
      </c>
    </row>
    <row r="27066" spans="1:4" x14ac:dyDescent="0.25">
      <c r="A27066" t="s">
        <v>41189</v>
      </c>
      <c r="B27066" t="s">
        <v>41191</v>
      </c>
      <c r="C27066">
        <v>1</v>
      </c>
      <c r="D27066">
        <v>0</v>
      </c>
    </row>
    <row r="27067" spans="1:4" x14ac:dyDescent="0.25">
      <c r="A27067" t="s">
        <v>41189</v>
      </c>
      <c r="B27067" t="s">
        <v>3937</v>
      </c>
      <c r="C27067">
        <v>1</v>
      </c>
      <c r="D27067">
        <v>0</v>
      </c>
    </row>
    <row r="27068" spans="1:4" x14ac:dyDescent="0.25">
      <c r="A27068" t="s">
        <v>41192</v>
      </c>
      <c r="B27068" t="s">
        <v>852</v>
      </c>
      <c r="C27068">
        <v>0</v>
      </c>
      <c r="D27068">
        <v>0</v>
      </c>
    </row>
    <row r="27069" spans="1:4" x14ac:dyDescent="0.25">
      <c r="A27069" t="s">
        <v>41193</v>
      </c>
      <c r="B27069" t="s">
        <v>41194</v>
      </c>
      <c r="C27069">
        <v>0</v>
      </c>
      <c r="D27069">
        <v>0</v>
      </c>
    </row>
    <row r="27070" spans="1:4" x14ac:dyDescent="0.25">
      <c r="A27070" t="s">
        <v>41195</v>
      </c>
      <c r="B27070" t="s">
        <v>41196</v>
      </c>
      <c r="C27070">
        <v>1</v>
      </c>
      <c r="D27070">
        <v>0</v>
      </c>
    </row>
    <row r="27071" spans="1:4" x14ac:dyDescent="0.25">
      <c r="A27071" t="s">
        <v>41197</v>
      </c>
      <c r="B27071" t="s">
        <v>41198</v>
      </c>
      <c r="C27071">
        <v>2</v>
      </c>
      <c r="D27071">
        <v>0</v>
      </c>
    </row>
    <row r="27072" spans="1:4" x14ac:dyDescent="0.25">
      <c r="A27072" t="s">
        <v>41197</v>
      </c>
      <c r="B27072" t="s">
        <v>41199</v>
      </c>
      <c r="C27072">
        <v>0</v>
      </c>
      <c r="D27072">
        <v>0</v>
      </c>
    </row>
    <row r="27073" spans="1:4" x14ac:dyDescent="0.25">
      <c r="A27073" t="s">
        <v>41197</v>
      </c>
      <c r="B27073" t="s">
        <v>41200</v>
      </c>
      <c r="C27073">
        <v>2</v>
      </c>
      <c r="D27073">
        <v>0</v>
      </c>
    </row>
    <row r="27074" spans="1:4" x14ac:dyDescent="0.25">
      <c r="A27074" t="s">
        <v>41201</v>
      </c>
      <c r="B27074" t="s">
        <v>816</v>
      </c>
      <c r="C27074">
        <v>1</v>
      </c>
      <c r="D27074">
        <v>0</v>
      </c>
    </row>
    <row r="27075" spans="1:4" x14ac:dyDescent="0.25">
      <c r="A27075" t="s">
        <v>41202</v>
      </c>
      <c r="B27075" t="s">
        <v>41203</v>
      </c>
      <c r="C27075">
        <v>0</v>
      </c>
      <c r="D27075">
        <v>0</v>
      </c>
    </row>
    <row r="27076" spans="1:4" x14ac:dyDescent="0.25">
      <c r="A27076" t="s">
        <v>41202</v>
      </c>
      <c r="B27076" t="s">
        <v>41204</v>
      </c>
      <c r="C27076">
        <v>0</v>
      </c>
      <c r="D27076">
        <v>0</v>
      </c>
    </row>
    <row r="27077" spans="1:4" x14ac:dyDescent="0.25">
      <c r="A27077" t="s">
        <v>41205</v>
      </c>
      <c r="B27077" t="s">
        <v>41206</v>
      </c>
      <c r="C27077">
        <v>0</v>
      </c>
      <c r="D27077">
        <v>0</v>
      </c>
    </row>
    <row r="27078" spans="1:4" x14ac:dyDescent="0.25">
      <c r="A27078" t="s">
        <v>41207</v>
      </c>
      <c r="B27078" t="s">
        <v>41208</v>
      </c>
      <c r="C27078">
        <v>0</v>
      </c>
      <c r="D27078">
        <v>0</v>
      </c>
    </row>
    <row r="27079" spans="1:4" x14ac:dyDescent="0.25">
      <c r="A27079" t="s">
        <v>41207</v>
      </c>
      <c r="B27079" t="s">
        <v>41209</v>
      </c>
      <c r="C27079">
        <v>1</v>
      </c>
      <c r="D27079">
        <v>0</v>
      </c>
    </row>
    <row r="27080" spans="1:4" x14ac:dyDescent="0.25">
      <c r="A27080" t="s">
        <v>41207</v>
      </c>
      <c r="B27080" t="s">
        <v>41210</v>
      </c>
      <c r="C27080">
        <v>1</v>
      </c>
      <c r="D27080">
        <v>0</v>
      </c>
    </row>
    <row r="27081" spans="1:4" x14ac:dyDescent="0.25">
      <c r="A27081" t="s">
        <v>41211</v>
      </c>
      <c r="B27081" t="s">
        <v>3926</v>
      </c>
      <c r="C27081">
        <v>1</v>
      </c>
      <c r="D27081">
        <v>0</v>
      </c>
    </row>
    <row r="27082" spans="1:4" x14ac:dyDescent="0.25">
      <c r="A27082" t="s">
        <v>41212</v>
      </c>
      <c r="B27082" t="s">
        <v>41213</v>
      </c>
      <c r="C27082">
        <v>1</v>
      </c>
      <c r="D27082">
        <v>0</v>
      </c>
    </row>
    <row r="27083" spans="1:4" x14ac:dyDescent="0.25">
      <c r="A27083" t="s">
        <v>41212</v>
      </c>
      <c r="B27083" t="s">
        <v>41214</v>
      </c>
      <c r="C27083">
        <v>1</v>
      </c>
      <c r="D27083">
        <v>0</v>
      </c>
    </row>
    <row r="27084" spans="1:4" x14ac:dyDescent="0.25">
      <c r="A27084" t="s">
        <v>41215</v>
      </c>
      <c r="B27084" t="s">
        <v>41216</v>
      </c>
      <c r="C27084">
        <v>0</v>
      </c>
      <c r="D27084">
        <v>0</v>
      </c>
    </row>
    <row r="27085" spans="1:4" x14ac:dyDescent="0.25">
      <c r="A27085" t="s">
        <v>41215</v>
      </c>
      <c r="B27085" t="s">
        <v>41217</v>
      </c>
      <c r="C27085">
        <v>2</v>
      </c>
      <c r="D27085">
        <v>0</v>
      </c>
    </row>
    <row r="27086" spans="1:4" x14ac:dyDescent="0.25">
      <c r="A27086" t="s">
        <v>41215</v>
      </c>
      <c r="B27086" t="s">
        <v>41218</v>
      </c>
      <c r="C27086">
        <v>0</v>
      </c>
      <c r="D27086">
        <v>0</v>
      </c>
    </row>
    <row r="27087" spans="1:4" x14ac:dyDescent="0.25">
      <c r="A27087" t="s">
        <v>41219</v>
      </c>
      <c r="B27087" t="s">
        <v>41220</v>
      </c>
      <c r="C27087">
        <v>1</v>
      </c>
      <c r="D27087">
        <v>0</v>
      </c>
    </row>
    <row r="27088" spans="1:4" x14ac:dyDescent="0.25">
      <c r="A27088" t="s">
        <v>41221</v>
      </c>
      <c r="B27088" t="s">
        <v>8731</v>
      </c>
      <c r="C27088">
        <v>0</v>
      </c>
      <c r="D27088">
        <v>0</v>
      </c>
    </row>
    <row r="27089" spans="1:4" x14ac:dyDescent="0.25">
      <c r="A27089" t="s">
        <v>41221</v>
      </c>
      <c r="B27089" t="s">
        <v>41222</v>
      </c>
      <c r="C27089">
        <v>0</v>
      </c>
      <c r="D27089">
        <v>0</v>
      </c>
    </row>
    <row r="27090" spans="1:4" x14ac:dyDescent="0.25">
      <c r="A27090" t="s">
        <v>41223</v>
      </c>
      <c r="B27090" t="s">
        <v>41224</v>
      </c>
      <c r="C27090">
        <v>0</v>
      </c>
      <c r="D27090">
        <v>0</v>
      </c>
    </row>
    <row r="27091" spans="1:4" x14ac:dyDescent="0.25">
      <c r="A27091" t="s">
        <v>41223</v>
      </c>
      <c r="B27091" t="s">
        <v>41225</v>
      </c>
      <c r="C27091">
        <v>1</v>
      </c>
      <c r="D27091">
        <v>0</v>
      </c>
    </row>
    <row r="27092" spans="1:4" x14ac:dyDescent="0.25">
      <c r="A27092" t="s">
        <v>41226</v>
      </c>
      <c r="B27092" t="s">
        <v>9355</v>
      </c>
      <c r="C27092">
        <v>1</v>
      </c>
      <c r="D27092">
        <v>0</v>
      </c>
    </row>
    <row r="27093" spans="1:4" x14ac:dyDescent="0.25">
      <c r="A27093" t="s">
        <v>41226</v>
      </c>
      <c r="B27093" t="s">
        <v>9356</v>
      </c>
      <c r="C27093">
        <v>1</v>
      </c>
      <c r="D27093">
        <v>0</v>
      </c>
    </row>
    <row r="27094" spans="1:4" x14ac:dyDescent="0.25">
      <c r="A27094" t="s">
        <v>41227</v>
      </c>
      <c r="B27094" t="s">
        <v>41228</v>
      </c>
      <c r="C27094">
        <v>1</v>
      </c>
      <c r="D27094">
        <v>0</v>
      </c>
    </row>
    <row r="27095" spans="1:4" x14ac:dyDescent="0.25">
      <c r="A27095" t="s">
        <v>41227</v>
      </c>
      <c r="B27095" t="s">
        <v>41229</v>
      </c>
      <c r="C27095">
        <v>1</v>
      </c>
      <c r="D27095">
        <v>0</v>
      </c>
    </row>
    <row r="27096" spans="1:4" x14ac:dyDescent="0.25">
      <c r="A27096" t="s">
        <v>41230</v>
      </c>
      <c r="B27096" t="s">
        <v>41231</v>
      </c>
      <c r="C27096">
        <v>0</v>
      </c>
      <c r="D27096">
        <v>0</v>
      </c>
    </row>
    <row r="27097" spans="1:4" x14ac:dyDescent="0.25">
      <c r="A27097" t="s">
        <v>41232</v>
      </c>
      <c r="B27097" t="s">
        <v>5133</v>
      </c>
      <c r="C27097">
        <v>0</v>
      </c>
      <c r="D27097">
        <v>0</v>
      </c>
    </row>
    <row r="27098" spans="1:4" x14ac:dyDescent="0.25">
      <c r="A27098" t="s">
        <v>41232</v>
      </c>
      <c r="B27098" t="s">
        <v>1423</v>
      </c>
      <c r="C27098">
        <v>1</v>
      </c>
      <c r="D27098">
        <v>0</v>
      </c>
    </row>
    <row r="27099" spans="1:4" x14ac:dyDescent="0.25">
      <c r="A27099" t="s">
        <v>41233</v>
      </c>
      <c r="B27099" t="s">
        <v>41234</v>
      </c>
      <c r="C27099">
        <v>1</v>
      </c>
      <c r="D27099">
        <v>0</v>
      </c>
    </row>
    <row r="27100" spans="1:4" x14ac:dyDescent="0.25">
      <c r="A27100" t="s">
        <v>41233</v>
      </c>
      <c r="B27100" t="s">
        <v>41235</v>
      </c>
      <c r="C27100">
        <v>1</v>
      </c>
      <c r="D27100">
        <v>0</v>
      </c>
    </row>
    <row r="27101" spans="1:4" x14ac:dyDescent="0.25">
      <c r="A27101" t="s">
        <v>41236</v>
      </c>
      <c r="B27101" t="s">
        <v>41237</v>
      </c>
      <c r="C27101">
        <v>2</v>
      </c>
      <c r="D27101">
        <v>0</v>
      </c>
    </row>
    <row r="27102" spans="1:4" x14ac:dyDescent="0.25">
      <c r="A27102" t="s">
        <v>41236</v>
      </c>
      <c r="B27102" t="s">
        <v>41238</v>
      </c>
      <c r="C27102">
        <v>0</v>
      </c>
      <c r="D27102">
        <v>0</v>
      </c>
    </row>
    <row r="27103" spans="1:4" x14ac:dyDescent="0.25">
      <c r="A27103" t="s">
        <v>41236</v>
      </c>
      <c r="B27103" t="s">
        <v>41239</v>
      </c>
      <c r="C27103">
        <v>0</v>
      </c>
      <c r="D27103">
        <v>0</v>
      </c>
    </row>
    <row r="27104" spans="1:4" x14ac:dyDescent="0.25">
      <c r="A27104" t="s">
        <v>41240</v>
      </c>
      <c r="B27104" t="s">
        <v>41241</v>
      </c>
      <c r="C27104">
        <v>0</v>
      </c>
      <c r="D27104">
        <v>0</v>
      </c>
    </row>
    <row r="27105" spans="1:4" x14ac:dyDescent="0.25">
      <c r="A27105" t="s">
        <v>41240</v>
      </c>
      <c r="B27105" t="s">
        <v>41242</v>
      </c>
      <c r="C27105">
        <v>0</v>
      </c>
      <c r="D27105">
        <v>0</v>
      </c>
    </row>
    <row r="27106" spans="1:4" x14ac:dyDescent="0.25">
      <c r="A27106" t="s">
        <v>41243</v>
      </c>
      <c r="B27106" t="s">
        <v>41244</v>
      </c>
      <c r="C27106">
        <v>1</v>
      </c>
      <c r="D27106">
        <v>0</v>
      </c>
    </row>
    <row r="27107" spans="1:4" x14ac:dyDescent="0.25">
      <c r="A27107" t="s">
        <v>41243</v>
      </c>
      <c r="B27107" t="s">
        <v>41245</v>
      </c>
      <c r="C27107">
        <v>1</v>
      </c>
      <c r="D27107">
        <v>0</v>
      </c>
    </row>
    <row r="27108" spans="1:4" x14ac:dyDescent="0.25">
      <c r="A27108" t="s">
        <v>41243</v>
      </c>
      <c r="B27108" t="s">
        <v>41246</v>
      </c>
      <c r="C27108">
        <v>1</v>
      </c>
      <c r="D27108">
        <v>0</v>
      </c>
    </row>
    <row r="27109" spans="1:4" x14ac:dyDescent="0.25">
      <c r="A27109" t="s">
        <v>41247</v>
      </c>
      <c r="B27109" t="s">
        <v>41248</v>
      </c>
      <c r="C27109">
        <v>1</v>
      </c>
      <c r="D27109">
        <v>0</v>
      </c>
    </row>
    <row r="27110" spans="1:4" x14ac:dyDescent="0.25">
      <c r="A27110" t="s">
        <v>41247</v>
      </c>
      <c r="B27110" t="s">
        <v>41249</v>
      </c>
      <c r="C27110">
        <v>1</v>
      </c>
      <c r="D27110">
        <v>0</v>
      </c>
    </row>
    <row r="27111" spans="1:4" x14ac:dyDescent="0.25">
      <c r="A27111" t="s">
        <v>41250</v>
      </c>
      <c r="B27111" t="s">
        <v>41251</v>
      </c>
      <c r="C27111">
        <v>2</v>
      </c>
      <c r="D27111">
        <v>0</v>
      </c>
    </row>
    <row r="27112" spans="1:4" x14ac:dyDescent="0.25">
      <c r="A27112" t="s">
        <v>41250</v>
      </c>
      <c r="B27112" t="s">
        <v>41252</v>
      </c>
      <c r="C27112">
        <v>1</v>
      </c>
      <c r="D27112">
        <v>0</v>
      </c>
    </row>
    <row r="27113" spans="1:4" x14ac:dyDescent="0.25">
      <c r="A27113" t="s">
        <v>41250</v>
      </c>
      <c r="B27113" t="s">
        <v>41253</v>
      </c>
      <c r="C27113">
        <v>1</v>
      </c>
      <c r="D27113">
        <v>0</v>
      </c>
    </row>
    <row r="27114" spans="1:4" x14ac:dyDescent="0.25">
      <c r="A27114" t="s">
        <v>41254</v>
      </c>
      <c r="B27114" t="s">
        <v>41255</v>
      </c>
      <c r="C27114">
        <v>1</v>
      </c>
      <c r="D27114">
        <v>0</v>
      </c>
    </row>
    <row r="27115" spans="1:4" x14ac:dyDescent="0.25">
      <c r="A27115" t="s">
        <v>41254</v>
      </c>
      <c r="B27115" t="s">
        <v>41256</v>
      </c>
      <c r="C27115">
        <v>0</v>
      </c>
      <c r="D27115">
        <v>0</v>
      </c>
    </row>
    <row r="27116" spans="1:4" x14ac:dyDescent="0.25">
      <c r="A27116" t="s">
        <v>41254</v>
      </c>
      <c r="B27116" t="s">
        <v>41257</v>
      </c>
      <c r="C27116">
        <v>0</v>
      </c>
      <c r="D27116">
        <v>0</v>
      </c>
    </row>
    <row r="27117" spans="1:4" x14ac:dyDescent="0.25">
      <c r="A27117" t="s">
        <v>41258</v>
      </c>
      <c r="B27117" t="s">
        <v>41259</v>
      </c>
      <c r="C27117">
        <v>2</v>
      </c>
      <c r="D27117">
        <v>0</v>
      </c>
    </row>
    <row r="27118" spans="1:4" x14ac:dyDescent="0.25">
      <c r="A27118" t="s">
        <v>41258</v>
      </c>
      <c r="B27118" t="s">
        <v>41260</v>
      </c>
      <c r="C27118">
        <v>0</v>
      </c>
      <c r="D27118">
        <v>0</v>
      </c>
    </row>
    <row r="27119" spans="1:4" x14ac:dyDescent="0.25">
      <c r="A27119" t="s">
        <v>41261</v>
      </c>
      <c r="B27119" t="s">
        <v>41262</v>
      </c>
      <c r="C27119">
        <v>1</v>
      </c>
      <c r="D27119">
        <v>0</v>
      </c>
    </row>
    <row r="27120" spans="1:4" x14ac:dyDescent="0.25">
      <c r="A27120" t="s">
        <v>41263</v>
      </c>
      <c r="B27120" t="s">
        <v>969</v>
      </c>
      <c r="C27120">
        <v>0</v>
      </c>
      <c r="D27120">
        <v>0</v>
      </c>
    </row>
    <row r="27121" spans="1:4" x14ac:dyDescent="0.25">
      <c r="A27121" t="s">
        <v>41263</v>
      </c>
      <c r="B27121" t="s">
        <v>41264</v>
      </c>
      <c r="C27121">
        <v>0</v>
      </c>
      <c r="D27121">
        <v>0</v>
      </c>
    </row>
    <row r="27122" spans="1:4" x14ac:dyDescent="0.25">
      <c r="A27122" t="s">
        <v>41263</v>
      </c>
      <c r="B27122" t="s">
        <v>41265</v>
      </c>
      <c r="C27122">
        <v>1</v>
      </c>
      <c r="D27122">
        <v>0</v>
      </c>
    </row>
    <row r="27123" spans="1:4" x14ac:dyDescent="0.25">
      <c r="A27123" t="s">
        <v>41266</v>
      </c>
      <c r="B27123" t="s">
        <v>41267</v>
      </c>
      <c r="C27123">
        <v>0</v>
      </c>
      <c r="D27123">
        <v>0</v>
      </c>
    </row>
    <row r="27124" spans="1:4" x14ac:dyDescent="0.25">
      <c r="A27124" t="s">
        <v>41268</v>
      </c>
      <c r="B27124" t="s">
        <v>41269</v>
      </c>
      <c r="C27124">
        <v>1</v>
      </c>
      <c r="D27124">
        <v>0</v>
      </c>
    </row>
    <row r="27125" spans="1:4" x14ac:dyDescent="0.25">
      <c r="A27125" t="s">
        <v>41268</v>
      </c>
      <c r="B27125" t="s">
        <v>41270</v>
      </c>
      <c r="C27125">
        <v>1</v>
      </c>
      <c r="D27125">
        <v>0</v>
      </c>
    </row>
    <row r="27126" spans="1:4" x14ac:dyDescent="0.25">
      <c r="A27126" t="s">
        <v>41271</v>
      </c>
      <c r="B27126" t="s">
        <v>41272</v>
      </c>
      <c r="C27126">
        <v>1</v>
      </c>
      <c r="D27126">
        <v>0</v>
      </c>
    </row>
    <row r="27127" spans="1:4" x14ac:dyDescent="0.25">
      <c r="A27127" t="s">
        <v>41271</v>
      </c>
      <c r="B27127" t="s">
        <v>41273</v>
      </c>
      <c r="C27127">
        <v>2</v>
      </c>
      <c r="D27127">
        <v>0</v>
      </c>
    </row>
    <row r="27128" spans="1:4" x14ac:dyDescent="0.25">
      <c r="A27128" t="s">
        <v>41271</v>
      </c>
      <c r="B27128" t="s">
        <v>41274</v>
      </c>
      <c r="C27128">
        <v>1</v>
      </c>
      <c r="D27128">
        <v>0</v>
      </c>
    </row>
    <row r="27129" spans="1:4" x14ac:dyDescent="0.25">
      <c r="A27129" t="s">
        <v>41275</v>
      </c>
      <c r="B27129" t="s">
        <v>41276</v>
      </c>
      <c r="C27129">
        <v>2</v>
      </c>
      <c r="D27129">
        <v>0</v>
      </c>
    </row>
    <row r="27130" spans="1:4" x14ac:dyDescent="0.25">
      <c r="A27130" t="s">
        <v>41275</v>
      </c>
      <c r="B27130" t="s">
        <v>41277</v>
      </c>
      <c r="C27130">
        <v>2</v>
      </c>
      <c r="D27130">
        <v>0</v>
      </c>
    </row>
    <row r="27131" spans="1:4" x14ac:dyDescent="0.25">
      <c r="A27131" t="s">
        <v>41275</v>
      </c>
      <c r="B27131" t="s">
        <v>41278</v>
      </c>
      <c r="C27131">
        <v>1</v>
      </c>
      <c r="D27131">
        <v>0</v>
      </c>
    </row>
    <row r="27132" spans="1:4" x14ac:dyDescent="0.25">
      <c r="A27132" t="s">
        <v>41279</v>
      </c>
      <c r="B27132" t="s">
        <v>41280</v>
      </c>
      <c r="C27132">
        <v>2</v>
      </c>
      <c r="D27132">
        <v>0</v>
      </c>
    </row>
    <row r="27133" spans="1:4" x14ac:dyDescent="0.25">
      <c r="A27133" t="s">
        <v>41279</v>
      </c>
      <c r="B27133" t="s">
        <v>41281</v>
      </c>
      <c r="C27133">
        <v>1</v>
      </c>
      <c r="D27133">
        <v>0</v>
      </c>
    </row>
    <row r="27134" spans="1:4" x14ac:dyDescent="0.25">
      <c r="A27134" t="s">
        <v>41279</v>
      </c>
      <c r="B27134" t="s">
        <v>41282</v>
      </c>
      <c r="C27134">
        <v>1</v>
      </c>
      <c r="D27134">
        <v>0</v>
      </c>
    </row>
    <row r="27135" spans="1:4" x14ac:dyDescent="0.25">
      <c r="A27135" t="s">
        <v>41283</v>
      </c>
      <c r="B27135" t="s">
        <v>41284</v>
      </c>
      <c r="C27135">
        <v>2</v>
      </c>
      <c r="D27135">
        <v>0</v>
      </c>
    </row>
    <row r="27136" spans="1:4" x14ac:dyDescent="0.25">
      <c r="A27136" t="s">
        <v>41283</v>
      </c>
      <c r="B27136" t="s">
        <v>41285</v>
      </c>
      <c r="C27136">
        <v>2</v>
      </c>
      <c r="D27136">
        <v>0</v>
      </c>
    </row>
    <row r="27137" spans="1:4" x14ac:dyDescent="0.25">
      <c r="A27137" t="s">
        <v>41283</v>
      </c>
      <c r="B27137" t="s">
        <v>41286</v>
      </c>
      <c r="C27137">
        <v>0</v>
      </c>
      <c r="D27137">
        <v>0</v>
      </c>
    </row>
    <row r="27138" spans="1:4" x14ac:dyDescent="0.25">
      <c r="A27138" t="s">
        <v>41287</v>
      </c>
      <c r="B27138" t="s">
        <v>41288</v>
      </c>
      <c r="C27138">
        <v>0</v>
      </c>
      <c r="D27138">
        <v>0</v>
      </c>
    </row>
    <row r="27139" spans="1:4" x14ac:dyDescent="0.25">
      <c r="A27139" t="s">
        <v>41289</v>
      </c>
      <c r="B27139" t="s">
        <v>41290</v>
      </c>
      <c r="C27139">
        <v>1</v>
      </c>
      <c r="D27139">
        <v>0</v>
      </c>
    </row>
    <row r="27140" spans="1:4" x14ac:dyDescent="0.25">
      <c r="A27140" t="s">
        <v>41291</v>
      </c>
      <c r="B27140" t="s">
        <v>41292</v>
      </c>
      <c r="C27140">
        <v>2</v>
      </c>
      <c r="D27140">
        <v>0</v>
      </c>
    </row>
    <row r="27141" spans="1:4" x14ac:dyDescent="0.25">
      <c r="A27141" t="s">
        <v>41291</v>
      </c>
      <c r="B27141" t="s">
        <v>41293</v>
      </c>
      <c r="C27141">
        <v>2</v>
      </c>
      <c r="D27141">
        <v>0</v>
      </c>
    </row>
    <row r="27142" spans="1:4" x14ac:dyDescent="0.25">
      <c r="A27142" t="s">
        <v>41294</v>
      </c>
      <c r="B27142" t="s">
        <v>41295</v>
      </c>
      <c r="C27142">
        <v>1</v>
      </c>
      <c r="D27142">
        <v>0</v>
      </c>
    </row>
    <row r="27143" spans="1:4" x14ac:dyDescent="0.25">
      <c r="A27143" t="s">
        <v>41294</v>
      </c>
      <c r="B27143" t="s">
        <v>41296</v>
      </c>
      <c r="C27143">
        <v>0</v>
      </c>
      <c r="D27143">
        <v>0</v>
      </c>
    </row>
    <row r="27144" spans="1:4" x14ac:dyDescent="0.25">
      <c r="A27144" t="s">
        <v>41297</v>
      </c>
      <c r="B27144" t="s">
        <v>41298</v>
      </c>
      <c r="C27144">
        <v>1</v>
      </c>
      <c r="D27144">
        <v>0</v>
      </c>
    </row>
    <row r="27145" spans="1:4" x14ac:dyDescent="0.25">
      <c r="A27145" t="s">
        <v>41299</v>
      </c>
      <c r="B27145" t="s">
        <v>41300</v>
      </c>
      <c r="C27145">
        <v>0</v>
      </c>
      <c r="D27145">
        <v>0</v>
      </c>
    </row>
    <row r="27146" spans="1:4" x14ac:dyDescent="0.25">
      <c r="A27146" t="s">
        <v>41299</v>
      </c>
      <c r="B27146" t="s">
        <v>41301</v>
      </c>
      <c r="C27146">
        <v>1</v>
      </c>
      <c r="D27146">
        <v>0</v>
      </c>
    </row>
    <row r="27147" spans="1:4" x14ac:dyDescent="0.25">
      <c r="A27147" t="s">
        <v>41302</v>
      </c>
      <c r="B27147" t="s">
        <v>41303</v>
      </c>
      <c r="C27147">
        <v>0</v>
      </c>
      <c r="D27147">
        <v>0</v>
      </c>
    </row>
    <row r="27148" spans="1:4" x14ac:dyDescent="0.25">
      <c r="A27148" t="s">
        <v>41302</v>
      </c>
      <c r="B27148" t="s">
        <v>41304</v>
      </c>
      <c r="C27148">
        <v>0</v>
      </c>
      <c r="D27148">
        <v>0</v>
      </c>
    </row>
    <row r="27149" spans="1:4" x14ac:dyDescent="0.25">
      <c r="A27149" t="s">
        <v>41302</v>
      </c>
      <c r="B27149" t="s">
        <v>31218</v>
      </c>
      <c r="C27149">
        <v>0</v>
      </c>
      <c r="D27149">
        <v>0</v>
      </c>
    </row>
    <row r="27150" spans="1:4" x14ac:dyDescent="0.25">
      <c r="A27150" t="s">
        <v>41305</v>
      </c>
      <c r="B27150" t="s">
        <v>41306</v>
      </c>
      <c r="C27150">
        <v>1</v>
      </c>
      <c r="D27150">
        <v>0</v>
      </c>
    </row>
    <row r="27151" spans="1:4" x14ac:dyDescent="0.25">
      <c r="A27151" t="s">
        <v>41305</v>
      </c>
      <c r="B27151" t="s">
        <v>41307</v>
      </c>
      <c r="C27151">
        <v>2</v>
      </c>
      <c r="D27151">
        <v>0</v>
      </c>
    </row>
    <row r="27152" spans="1:4" x14ac:dyDescent="0.25">
      <c r="A27152" t="s">
        <v>41305</v>
      </c>
      <c r="B27152" t="s">
        <v>6548</v>
      </c>
      <c r="C27152">
        <v>0</v>
      </c>
      <c r="D27152">
        <v>0</v>
      </c>
    </row>
    <row r="27153" spans="1:4" x14ac:dyDescent="0.25">
      <c r="A27153" t="s">
        <v>41308</v>
      </c>
      <c r="B27153" t="s">
        <v>41309</v>
      </c>
      <c r="C27153">
        <v>2</v>
      </c>
      <c r="D27153">
        <v>0</v>
      </c>
    </row>
    <row r="27154" spans="1:4" x14ac:dyDescent="0.25">
      <c r="A27154" t="s">
        <v>41308</v>
      </c>
      <c r="B27154" t="s">
        <v>41310</v>
      </c>
      <c r="C27154">
        <v>0</v>
      </c>
      <c r="D27154">
        <v>0</v>
      </c>
    </row>
    <row r="27155" spans="1:4" x14ac:dyDescent="0.25">
      <c r="A27155" t="s">
        <v>41311</v>
      </c>
      <c r="B27155" t="s">
        <v>1526</v>
      </c>
      <c r="C27155">
        <v>1</v>
      </c>
      <c r="D27155">
        <v>0</v>
      </c>
    </row>
    <row r="27156" spans="1:4" x14ac:dyDescent="0.25">
      <c r="A27156" t="s">
        <v>41311</v>
      </c>
      <c r="B27156" t="s">
        <v>41312</v>
      </c>
      <c r="C27156">
        <v>0</v>
      </c>
      <c r="D27156">
        <v>0</v>
      </c>
    </row>
    <row r="27157" spans="1:4" x14ac:dyDescent="0.25">
      <c r="A27157" t="s">
        <v>41311</v>
      </c>
      <c r="B27157" t="s">
        <v>41313</v>
      </c>
      <c r="C27157">
        <v>0</v>
      </c>
      <c r="D27157">
        <v>0</v>
      </c>
    </row>
    <row r="27158" spans="1:4" x14ac:dyDescent="0.25">
      <c r="A27158" t="s">
        <v>41314</v>
      </c>
      <c r="B27158" t="s">
        <v>11813</v>
      </c>
      <c r="C27158">
        <v>1</v>
      </c>
      <c r="D27158">
        <v>0</v>
      </c>
    </row>
    <row r="27159" spans="1:4" x14ac:dyDescent="0.25">
      <c r="A27159" t="s">
        <v>41314</v>
      </c>
      <c r="B27159" t="s">
        <v>41315</v>
      </c>
      <c r="C27159">
        <v>0</v>
      </c>
      <c r="D27159">
        <v>0</v>
      </c>
    </row>
    <row r="27160" spans="1:4" x14ac:dyDescent="0.25">
      <c r="A27160" t="s">
        <v>41314</v>
      </c>
      <c r="B27160" t="s">
        <v>41316</v>
      </c>
      <c r="C27160">
        <v>1</v>
      </c>
      <c r="D27160">
        <v>0</v>
      </c>
    </row>
    <row r="27161" spans="1:4" x14ac:dyDescent="0.25">
      <c r="A27161" t="s">
        <v>41317</v>
      </c>
      <c r="B27161" t="s">
        <v>41318</v>
      </c>
      <c r="C27161">
        <v>2</v>
      </c>
      <c r="D27161">
        <v>0</v>
      </c>
    </row>
    <row r="27162" spans="1:4" x14ac:dyDescent="0.25">
      <c r="A27162" t="s">
        <v>41317</v>
      </c>
      <c r="B27162" t="s">
        <v>41319</v>
      </c>
      <c r="C27162">
        <v>2</v>
      </c>
      <c r="D27162">
        <v>0</v>
      </c>
    </row>
    <row r="27163" spans="1:4" x14ac:dyDescent="0.25">
      <c r="A27163" t="s">
        <v>41320</v>
      </c>
      <c r="B27163" t="s">
        <v>41321</v>
      </c>
      <c r="C27163">
        <v>1</v>
      </c>
      <c r="D27163">
        <v>0</v>
      </c>
    </row>
    <row r="27164" spans="1:4" x14ac:dyDescent="0.25">
      <c r="A27164" t="s">
        <v>41320</v>
      </c>
      <c r="B27164" t="s">
        <v>41322</v>
      </c>
      <c r="C27164">
        <v>1</v>
      </c>
      <c r="D27164">
        <v>0</v>
      </c>
    </row>
    <row r="27165" spans="1:4" x14ac:dyDescent="0.25">
      <c r="A27165" t="s">
        <v>41323</v>
      </c>
      <c r="B27165" t="s">
        <v>816</v>
      </c>
      <c r="C27165">
        <v>1</v>
      </c>
      <c r="D27165">
        <v>0</v>
      </c>
    </row>
    <row r="27166" spans="1:4" x14ac:dyDescent="0.25">
      <c r="A27166" t="s">
        <v>41324</v>
      </c>
      <c r="B27166" t="s">
        <v>398</v>
      </c>
      <c r="C27166">
        <v>0</v>
      </c>
      <c r="D27166">
        <v>0</v>
      </c>
    </row>
    <row r="27167" spans="1:4" x14ac:dyDescent="0.25">
      <c r="A27167" t="s">
        <v>41325</v>
      </c>
      <c r="B27167" t="s">
        <v>41326</v>
      </c>
      <c r="C27167">
        <v>1</v>
      </c>
      <c r="D27167">
        <v>0</v>
      </c>
    </row>
    <row r="27168" spans="1:4" x14ac:dyDescent="0.25">
      <c r="A27168" t="s">
        <v>41325</v>
      </c>
      <c r="B27168" t="s">
        <v>41327</v>
      </c>
      <c r="C27168">
        <v>2</v>
      </c>
      <c r="D27168">
        <v>0</v>
      </c>
    </row>
    <row r="27169" spans="1:4" x14ac:dyDescent="0.25">
      <c r="A27169" t="s">
        <v>41325</v>
      </c>
      <c r="B27169" t="s">
        <v>41328</v>
      </c>
      <c r="C27169">
        <v>0</v>
      </c>
      <c r="D27169">
        <v>0</v>
      </c>
    </row>
    <row r="27170" spans="1:4" x14ac:dyDescent="0.25">
      <c r="A27170" t="s">
        <v>41329</v>
      </c>
      <c r="B27170" t="s">
        <v>2900</v>
      </c>
      <c r="C27170">
        <v>0</v>
      </c>
      <c r="D27170">
        <v>0</v>
      </c>
    </row>
    <row r="27171" spans="1:4" x14ac:dyDescent="0.25">
      <c r="A27171" t="s">
        <v>41329</v>
      </c>
      <c r="B27171" t="s">
        <v>32168</v>
      </c>
      <c r="C27171">
        <v>2</v>
      </c>
      <c r="D27171">
        <v>0</v>
      </c>
    </row>
    <row r="27172" spans="1:4" x14ac:dyDescent="0.25">
      <c r="A27172" t="s">
        <v>41330</v>
      </c>
      <c r="B27172" t="s">
        <v>41331</v>
      </c>
      <c r="C27172">
        <v>1</v>
      </c>
      <c r="D27172">
        <v>0</v>
      </c>
    </row>
    <row r="27173" spans="1:4" x14ac:dyDescent="0.25">
      <c r="A27173" t="s">
        <v>41330</v>
      </c>
      <c r="B27173" t="s">
        <v>41332</v>
      </c>
      <c r="C27173">
        <v>1</v>
      </c>
      <c r="D27173">
        <v>0</v>
      </c>
    </row>
    <row r="27174" spans="1:4" x14ac:dyDescent="0.25">
      <c r="A27174" t="s">
        <v>41333</v>
      </c>
      <c r="B27174" t="s">
        <v>41334</v>
      </c>
      <c r="C27174">
        <v>0</v>
      </c>
      <c r="D27174">
        <v>0</v>
      </c>
    </row>
    <row r="27175" spans="1:4" x14ac:dyDescent="0.25">
      <c r="A27175" t="s">
        <v>41333</v>
      </c>
      <c r="B27175" t="s">
        <v>41335</v>
      </c>
      <c r="C27175">
        <v>1</v>
      </c>
      <c r="D27175">
        <v>0</v>
      </c>
    </row>
    <row r="27176" spans="1:4" x14ac:dyDescent="0.25">
      <c r="A27176" t="s">
        <v>41333</v>
      </c>
      <c r="B27176" t="s">
        <v>41336</v>
      </c>
      <c r="C27176">
        <v>0</v>
      </c>
      <c r="D27176">
        <v>0</v>
      </c>
    </row>
    <row r="27177" spans="1:4" x14ac:dyDescent="0.25">
      <c r="A27177" t="s">
        <v>41337</v>
      </c>
      <c r="B27177" t="s">
        <v>41338</v>
      </c>
      <c r="C27177">
        <v>0</v>
      </c>
      <c r="D27177">
        <v>0</v>
      </c>
    </row>
    <row r="27178" spans="1:4" x14ac:dyDescent="0.25">
      <c r="A27178" t="s">
        <v>41339</v>
      </c>
      <c r="B27178" t="s">
        <v>41340</v>
      </c>
      <c r="C27178">
        <v>1</v>
      </c>
      <c r="D27178">
        <v>0</v>
      </c>
    </row>
    <row r="27179" spans="1:4" x14ac:dyDescent="0.25">
      <c r="A27179" t="s">
        <v>41341</v>
      </c>
      <c r="B27179" t="s">
        <v>41342</v>
      </c>
      <c r="C27179">
        <v>0</v>
      </c>
      <c r="D27179">
        <v>0</v>
      </c>
    </row>
    <row r="27180" spans="1:4" x14ac:dyDescent="0.25">
      <c r="A27180" t="s">
        <v>41341</v>
      </c>
      <c r="B27180" t="s">
        <v>41343</v>
      </c>
      <c r="C27180">
        <v>1</v>
      </c>
      <c r="D27180">
        <v>0</v>
      </c>
    </row>
    <row r="27181" spans="1:4" x14ac:dyDescent="0.25">
      <c r="A27181" t="s">
        <v>41341</v>
      </c>
      <c r="B27181" t="s">
        <v>41344</v>
      </c>
      <c r="C27181">
        <v>1</v>
      </c>
      <c r="D27181">
        <v>0</v>
      </c>
    </row>
    <row r="27182" spans="1:4" x14ac:dyDescent="0.25">
      <c r="A27182" t="s">
        <v>41345</v>
      </c>
      <c r="B27182" t="s">
        <v>41346</v>
      </c>
      <c r="C27182">
        <v>0</v>
      </c>
      <c r="D27182">
        <v>0</v>
      </c>
    </row>
    <row r="27183" spans="1:4" x14ac:dyDescent="0.25">
      <c r="A27183" t="s">
        <v>41345</v>
      </c>
      <c r="B27183" t="s">
        <v>41347</v>
      </c>
      <c r="C27183">
        <v>0</v>
      </c>
      <c r="D27183">
        <v>0</v>
      </c>
    </row>
    <row r="27184" spans="1:4" x14ac:dyDescent="0.25">
      <c r="A27184" t="s">
        <v>41345</v>
      </c>
      <c r="B27184" t="s">
        <v>41348</v>
      </c>
      <c r="C27184">
        <v>0</v>
      </c>
      <c r="D27184">
        <v>0</v>
      </c>
    </row>
    <row r="27185" spans="1:4" x14ac:dyDescent="0.25">
      <c r="A27185" t="s">
        <v>41349</v>
      </c>
      <c r="B27185" t="s">
        <v>41350</v>
      </c>
      <c r="C27185">
        <v>2</v>
      </c>
      <c r="D27185">
        <v>0</v>
      </c>
    </row>
    <row r="27186" spans="1:4" x14ac:dyDescent="0.25">
      <c r="A27186" t="s">
        <v>41349</v>
      </c>
      <c r="B27186" t="s">
        <v>41351</v>
      </c>
      <c r="C27186">
        <v>2</v>
      </c>
      <c r="D27186">
        <v>0</v>
      </c>
    </row>
    <row r="27187" spans="1:4" x14ac:dyDescent="0.25">
      <c r="A27187" t="s">
        <v>41349</v>
      </c>
      <c r="B27187" t="s">
        <v>41352</v>
      </c>
      <c r="C27187">
        <v>2</v>
      </c>
      <c r="D27187">
        <v>0</v>
      </c>
    </row>
    <row r="27188" spans="1:4" x14ac:dyDescent="0.25">
      <c r="A27188" t="s">
        <v>41353</v>
      </c>
      <c r="B27188" t="s">
        <v>41354</v>
      </c>
      <c r="C27188">
        <v>1</v>
      </c>
      <c r="D27188">
        <v>0</v>
      </c>
    </row>
    <row r="27189" spans="1:4" x14ac:dyDescent="0.25">
      <c r="A27189" t="s">
        <v>41353</v>
      </c>
      <c r="B27189" t="s">
        <v>41355</v>
      </c>
      <c r="C27189">
        <v>2</v>
      </c>
      <c r="D27189">
        <v>0</v>
      </c>
    </row>
    <row r="27190" spans="1:4" x14ac:dyDescent="0.25">
      <c r="A27190" t="s">
        <v>41353</v>
      </c>
      <c r="B27190" t="s">
        <v>41356</v>
      </c>
      <c r="C27190">
        <v>1</v>
      </c>
      <c r="D27190">
        <v>0</v>
      </c>
    </row>
    <row r="27191" spans="1:4" x14ac:dyDescent="0.25">
      <c r="A27191" t="s">
        <v>41357</v>
      </c>
      <c r="B27191" t="s">
        <v>41358</v>
      </c>
      <c r="C27191">
        <v>1</v>
      </c>
      <c r="D27191">
        <v>0</v>
      </c>
    </row>
    <row r="27192" spans="1:4" x14ac:dyDescent="0.25">
      <c r="A27192" t="s">
        <v>41359</v>
      </c>
      <c r="B27192" t="s">
        <v>969</v>
      </c>
      <c r="C27192">
        <v>0</v>
      </c>
      <c r="D27192">
        <v>0</v>
      </c>
    </row>
    <row r="27193" spans="1:4" x14ac:dyDescent="0.25">
      <c r="A27193" t="s">
        <v>41360</v>
      </c>
      <c r="B27193" t="s">
        <v>41361</v>
      </c>
      <c r="C27193">
        <v>1</v>
      </c>
      <c r="D27193">
        <v>0</v>
      </c>
    </row>
    <row r="27194" spans="1:4" x14ac:dyDescent="0.25">
      <c r="A27194" t="s">
        <v>41360</v>
      </c>
      <c r="B27194" t="s">
        <v>41362</v>
      </c>
      <c r="C27194">
        <v>0</v>
      </c>
      <c r="D27194">
        <v>0</v>
      </c>
    </row>
    <row r="27195" spans="1:4" x14ac:dyDescent="0.25">
      <c r="A27195" t="s">
        <v>41363</v>
      </c>
      <c r="B27195" t="s">
        <v>41364</v>
      </c>
      <c r="C27195">
        <v>2</v>
      </c>
      <c r="D27195">
        <v>0</v>
      </c>
    </row>
    <row r="27196" spans="1:4" x14ac:dyDescent="0.25">
      <c r="A27196" t="s">
        <v>41363</v>
      </c>
      <c r="B27196" t="s">
        <v>41365</v>
      </c>
      <c r="C27196">
        <v>2</v>
      </c>
      <c r="D27196">
        <v>0</v>
      </c>
    </row>
    <row r="27197" spans="1:4" x14ac:dyDescent="0.25">
      <c r="A27197" t="s">
        <v>41363</v>
      </c>
      <c r="B27197" t="s">
        <v>41366</v>
      </c>
      <c r="C27197">
        <v>1</v>
      </c>
      <c r="D27197">
        <v>0</v>
      </c>
    </row>
    <row r="27198" spans="1:4" x14ac:dyDescent="0.25">
      <c r="A27198" t="s">
        <v>41367</v>
      </c>
      <c r="B27198" t="s">
        <v>41368</v>
      </c>
      <c r="C27198">
        <v>2</v>
      </c>
      <c r="D27198">
        <v>0</v>
      </c>
    </row>
    <row r="27199" spans="1:4" x14ac:dyDescent="0.25">
      <c r="A27199" t="s">
        <v>41367</v>
      </c>
      <c r="B27199" t="s">
        <v>41369</v>
      </c>
      <c r="C27199">
        <v>2</v>
      </c>
      <c r="D27199">
        <v>0</v>
      </c>
    </row>
    <row r="27200" spans="1:4" x14ac:dyDescent="0.25">
      <c r="A27200" t="s">
        <v>41370</v>
      </c>
      <c r="B27200" t="s">
        <v>3410</v>
      </c>
      <c r="C27200">
        <v>1</v>
      </c>
      <c r="D27200">
        <v>0</v>
      </c>
    </row>
    <row r="27201" spans="1:4" x14ac:dyDescent="0.25">
      <c r="A27201" t="s">
        <v>41371</v>
      </c>
      <c r="B27201" t="s">
        <v>41372</v>
      </c>
      <c r="C27201">
        <v>0</v>
      </c>
      <c r="D27201">
        <v>0</v>
      </c>
    </row>
    <row r="27202" spans="1:4" x14ac:dyDescent="0.25">
      <c r="A27202" t="s">
        <v>41371</v>
      </c>
      <c r="B27202" t="s">
        <v>41373</v>
      </c>
      <c r="C27202">
        <v>2</v>
      </c>
      <c r="D27202">
        <v>0</v>
      </c>
    </row>
    <row r="27203" spans="1:4" x14ac:dyDescent="0.25">
      <c r="A27203" t="s">
        <v>41374</v>
      </c>
      <c r="B27203" t="s">
        <v>41375</v>
      </c>
      <c r="C27203">
        <v>1</v>
      </c>
      <c r="D27203">
        <v>0</v>
      </c>
    </row>
    <row r="27204" spans="1:4" x14ac:dyDescent="0.25">
      <c r="A27204" t="s">
        <v>41374</v>
      </c>
      <c r="B27204" t="s">
        <v>41376</v>
      </c>
      <c r="C27204">
        <v>2</v>
      </c>
      <c r="D27204">
        <v>0</v>
      </c>
    </row>
    <row r="27205" spans="1:4" x14ac:dyDescent="0.25">
      <c r="A27205" t="s">
        <v>41374</v>
      </c>
      <c r="B27205" t="s">
        <v>41377</v>
      </c>
      <c r="C27205">
        <v>1</v>
      </c>
      <c r="D27205">
        <v>0</v>
      </c>
    </row>
    <row r="27206" spans="1:4" x14ac:dyDescent="0.25">
      <c r="A27206" t="s">
        <v>41378</v>
      </c>
      <c r="B27206" t="s">
        <v>41379</v>
      </c>
      <c r="C27206">
        <v>0</v>
      </c>
      <c r="D27206">
        <v>0</v>
      </c>
    </row>
    <row r="27207" spans="1:4" x14ac:dyDescent="0.25">
      <c r="A27207" t="s">
        <v>41380</v>
      </c>
      <c r="B27207" t="s">
        <v>41381</v>
      </c>
      <c r="C27207">
        <v>1</v>
      </c>
      <c r="D27207">
        <v>0</v>
      </c>
    </row>
    <row r="27208" spans="1:4" x14ac:dyDescent="0.25">
      <c r="A27208" t="s">
        <v>41380</v>
      </c>
      <c r="B27208" t="s">
        <v>41382</v>
      </c>
      <c r="C27208">
        <v>0</v>
      </c>
      <c r="D27208">
        <v>0</v>
      </c>
    </row>
    <row r="27209" spans="1:4" x14ac:dyDescent="0.25">
      <c r="A27209" t="s">
        <v>41383</v>
      </c>
      <c r="B27209" t="s">
        <v>41384</v>
      </c>
      <c r="C27209">
        <v>1</v>
      </c>
      <c r="D27209">
        <v>0</v>
      </c>
    </row>
    <row r="27210" spans="1:4" x14ac:dyDescent="0.25">
      <c r="A27210" t="s">
        <v>41383</v>
      </c>
      <c r="B27210" t="s">
        <v>41385</v>
      </c>
      <c r="C27210">
        <v>0</v>
      </c>
      <c r="D27210">
        <v>0</v>
      </c>
    </row>
    <row r="27211" spans="1:4" x14ac:dyDescent="0.25">
      <c r="A27211" t="s">
        <v>41386</v>
      </c>
      <c r="B27211" t="s">
        <v>852</v>
      </c>
      <c r="C27211">
        <v>0</v>
      </c>
      <c r="D27211">
        <v>0</v>
      </c>
    </row>
    <row r="27212" spans="1:4" x14ac:dyDescent="0.25">
      <c r="A27212" t="s">
        <v>41386</v>
      </c>
      <c r="B27212" t="s">
        <v>41387</v>
      </c>
      <c r="C27212">
        <v>1</v>
      </c>
      <c r="D27212">
        <v>0</v>
      </c>
    </row>
    <row r="27213" spans="1:4" x14ac:dyDescent="0.25">
      <c r="A27213" t="s">
        <v>41388</v>
      </c>
      <c r="B27213" t="s">
        <v>31218</v>
      </c>
      <c r="C27213">
        <v>0</v>
      </c>
      <c r="D27213">
        <v>0</v>
      </c>
    </row>
    <row r="27214" spans="1:4" x14ac:dyDescent="0.25">
      <c r="A27214" t="s">
        <v>41389</v>
      </c>
      <c r="B27214" t="s">
        <v>41390</v>
      </c>
      <c r="C27214">
        <v>0</v>
      </c>
      <c r="D27214">
        <v>0</v>
      </c>
    </row>
    <row r="27215" spans="1:4" x14ac:dyDescent="0.25">
      <c r="A27215" t="s">
        <v>41391</v>
      </c>
      <c r="B27215" t="s">
        <v>41392</v>
      </c>
      <c r="C27215">
        <v>1</v>
      </c>
      <c r="D27215">
        <v>0</v>
      </c>
    </row>
    <row r="27216" spans="1:4" x14ac:dyDescent="0.25">
      <c r="A27216" t="s">
        <v>41393</v>
      </c>
      <c r="B27216" t="s">
        <v>41394</v>
      </c>
      <c r="C27216">
        <v>2</v>
      </c>
      <c r="D27216">
        <v>0</v>
      </c>
    </row>
    <row r="27217" spans="1:4" x14ac:dyDescent="0.25">
      <c r="A27217" t="s">
        <v>41393</v>
      </c>
      <c r="B27217" t="s">
        <v>41395</v>
      </c>
      <c r="C27217">
        <v>0</v>
      </c>
      <c r="D27217">
        <v>0</v>
      </c>
    </row>
    <row r="27218" spans="1:4" x14ac:dyDescent="0.25">
      <c r="A27218" t="s">
        <v>41393</v>
      </c>
      <c r="B27218" t="s">
        <v>41396</v>
      </c>
      <c r="C27218">
        <v>2</v>
      </c>
      <c r="D27218">
        <v>0</v>
      </c>
    </row>
    <row r="27219" spans="1:4" x14ac:dyDescent="0.25">
      <c r="A27219" t="s">
        <v>41397</v>
      </c>
      <c r="B27219" t="s">
        <v>41398</v>
      </c>
      <c r="C27219">
        <v>1</v>
      </c>
      <c r="D27219">
        <v>0</v>
      </c>
    </row>
    <row r="27220" spans="1:4" x14ac:dyDescent="0.25">
      <c r="A27220" t="s">
        <v>41397</v>
      </c>
      <c r="B27220" t="s">
        <v>41399</v>
      </c>
      <c r="C27220">
        <v>1</v>
      </c>
      <c r="D27220">
        <v>0</v>
      </c>
    </row>
    <row r="27221" spans="1:4" x14ac:dyDescent="0.25">
      <c r="A27221" t="s">
        <v>41400</v>
      </c>
      <c r="B27221" t="s">
        <v>9960</v>
      </c>
      <c r="C27221">
        <v>2</v>
      </c>
      <c r="D27221">
        <v>0</v>
      </c>
    </row>
    <row r="27222" spans="1:4" x14ac:dyDescent="0.25">
      <c r="A27222" t="s">
        <v>41401</v>
      </c>
      <c r="B27222" t="s">
        <v>41402</v>
      </c>
      <c r="C27222">
        <v>0</v>
      </c>
      <c r="D27222">
        <v>0</v>
      </c>
    </row>
    <row r="27223" spans="1:4" x14ac:dyDescent="0.25">
      <c r="A27223" t="s">
        <v>41401</v>
      </c>
      <c r="B27223" t="s">
        <v>41403</v>
      </c>
      <c r="C27223">
        <v>0</v>
      </c>
      <c r="D27223">
        <v>0</v>
      </c>
    </row>
    <row r="27224" spans="1:4" x14ac:dyDescent="0.25">
      <c r="A27224" t="s">
        <v>41404</v>
      </c>
      <c r="B27224" t="s">
        <v>41405</v>
      </c>
      <c r="C27224">
        <v>0</v>
      </c>
      <c r="D27224">
        <v>0</v>
      </c>
    </row>
    <row r="27225" spans="1:4" x14ac:dyDescent="0.25">
      <c r="A27225" t="s">
        <v>41406</v>
      </c>
      <c r="B27225" t="s">
        <v>41407</v>
      </c>
      <c r="C27225">
        <v>0</v>
      </c>
      <c r="D27225">
        <v>0</v>
      </c>
    </row>
    <row r="27226" spans="1:4" x14ac:dyDescent="0.25">
      <c r="A27226" t="s">
        <v>41406</v>
      </c>
      <c r="B27226" t="s">
        <v>41408</v>
      </c>
      <c r="C27226">
        <v>1</v>
      </c>
      <c r="D27226">
        <v>0</v>
      </c>
    </row>
    <row r="27227" spans="1:4" x14ac:dyDescent="0.25">
      <c r="A27227" t="s">
        <v>41409</v>
      </c>
      <c r="B27227" t="s">
        <v>41410</v>
      </c>
      <c r="C27227">
        <v>1</v>
      </c>
      <c r="D27227">
        <v>0</v>
      </c>
    </row>
    <row r="27228" spans="1:4" x14ac:dyDescent="0.25">
      <c r="A27228" t="s">
        <v>41409</v>
      </c>
      <c r="B27228" t="s">
        <v>41411</v>
      </c>
      <c r="C27228">
        <v>2</v>
      </c>
      <c r="D27228">
        <v>0</v>
      </c>
    </row>
    <row r="27229" spans="1:4" x14ac:dyDescent="0.25">
      <c r="A27229" t="s">
        <v>41412</v>
      </c>
      <c r="B27229" t="s">
        <v>41413</v>
      </c>
      <c r="C27229">
        <v>2</v>
      </c>
      <c r="D27229">
        <v>0</v>
      </c>
    </row>
    <row r="27230" spans="1:4" x14ac:dyDescent="0.25">
      <c r="A27230" t="s">
        <v>41412</v>
      </c>
      <c r="B27230" t="s">
        <v>41414</v>
      </c>
      <c r="C27230">
        <v>0</v>
      </c>
      <c r="D27230">
        <v>0</v>
      </c>
    </row>
    <row r="27231" spans="1:4" x14ac:dyDescent="0.25">
      <c r="A27231" t="s">
        <v>41415</v>
      </c>
      <c r="B27231" t="s">
        <v>4349</v>
      </c>
      <c r="C27231">
        <v>1</v>
      </c>
      <c r="D27231">
        <v>0</v>
      </c>
    </row>
    <row r="27232" spans="1:4" x14ac:dyDescent="0.25">
      <c r="A27232" t="s">
        <v>41416</v>
      </c>
      <c r="B27232" t="s">
        <v>41417</v>
      </c>
      <c r="C27232">
        <v>1</v>
      </c>
      <c r="D27232">
        <v>0</v>
      </c>
    </row>
    <row r="27233" spans="1:4" x14ac:dyDescent="0.25">
      <c r="A27233" t="s">
        <v>41418</v>
      </c>
      <c r="B27233" t="s">
        <v>41419</v>
      </c>
      <c r="C27233">
        <v>0</v>
      </c>
      <c r="D27233">
        <v>0</v>
      </c>
    </row>
    <row r="27234" spans="1:4" x14ac:dyDescent="0.25">
      <c r="A27234" t="s">
        <v>41420</v>
      </c>
      <c r="B27234" t="s">
        <v>41421</v>
      </c>
      <c r="C27234">
        <v>2</v>
      </c>
      <c r="D27234">
        <v>0</v>
      </c>
    </row>
    <row r="27235" spans="1:4" x14ac:dyDescent="0.25">
      <c r="A27235" t="s">
        <v>41420</v>
      </c>
      <c r="B27235" t="s">
        <v>41422</v>
      </c>
      <c r="C27235">
        <v>1</v>
      </c>
      <c r="D27235">
        <v>0</v>
      </c>
    </row>
    <row r="27236" spans="1:4" x14ac:dyDescent="0.25">
      <c r="A27236" t="s">
        <v>41420</v>
      </c>
      <c r="B27236" t="s">
        <v>41423</v>
      </c>
      <c r="C27236">
        <v>1</v>
      </c>
      <c r="D27236">
        <v>0</v>
      </c>
    </row>
    <row r="27237" spans="1:4" x14ac:dyDescent="0.25">
      <c r="A27237" t="s">
        <v>41424</v>
      </c>
      <c r="B27237" t="s">
        <v>2455</v>
      </c>
      <c r="C27237">
        <v>0</v>
      </c>
      <c r="D27237">
        <v>0</v>
      </c>
    </row>
    <row r="27238" spans="1:4" x14ac:dyDescent="0.25">
      <c r="A27238" t="s">
        <v>41424</v>
      </c>
      <c r="B27238" t="s">
        <v>41425</v>
      </c>
      <c r="C27238">
        <v>0</v>
      </c>
      <c r="D27238">
        <v>0</v>
      </c>
    </row>
    <row r="27239" spans="1:4" x14ac:dyDescent="0.25">
      <c r="A27239" t="s">
        <v>41426</v>
      </c>
      <c r="B27239" t="s">
        <v>41427</v>
      </c>
      <c r="C27239">
        <v>0</v>
      </c>
      <c r="D27239">
        <v>0</v>
      </c>
    </row>
    <row r="27240" spans="1:4" x14ac:dyDescent="0.25">
      <c r="A27240" t="s">
        <v>41426</v>
      </c>
      <c r="B27240" t="s">
        <v>41428</v>
      </c>
      <c r="C27240">
        <v>0</v>
      </c>
      <c r="D27240">
        <v>0</v>
      </c>
    </row>
    <row r="27241" spans="1:4" x14ac:dyDescent="0.25">
      <c r="A27241" t="s">
        <v>41426</v>
      </c>
      <c r="B27241" t="s">
        <v>41429</v>
      </c>
      <c r="C27241">
        <v>0</v>
      </c>
      <c r="D27241">
        <v>0</v>
      </c>
    </row>
    <row r="27242" spans="1:4" x14ac:dyDescent="0.25">
      <c r="A27242" t="s">
        <v>41430</v>
      </c>
      <c r="B27242" t="s">
        <v>41431</v>
      </c>
      <c r="C27242">
        <v>0</v>
      </c>
      <c r="D27242">
        <v>0</v>
      </c>
    </row>
    <row r="27243" spans="1:4" x14ac:dyDescent="0.25">
      <c r="A27243" t="s">
        <v>41430</v>
      </c>
      <c r="B27243" t="s">
        <v>41432</v>
      </c>
      <c r="C27243">
        <v>2</v>
      </c>
      <c r="D27243">
        <v>0</v>
      </c>
    </row>
    <row r="27244" spans="1:4" x14ac:dyDescent="0.25">
      <c r="A27244" t="s">
        <v>41430</v>
      </c>
      <c r="B27244" t="s">
        <v>41433</v>
      </c>
      <c r="C27244">
        <v>0</v>
      </c>
      <c r="D27244">
        <v>0</v>
      </c>
    </row>
    <row r="27245" spans="1:4" x14ac:dyDescent="0.25">
      <c r="A27245" t="s">
        <v>41434</v>
      </c>
      <c r="B27245" t="s">
        <v>41435</v>
      </c>
      <c r="C27245">
        <v>1</v>
      </c>
      <c r="D27245">
        <v>0</v>
      </c>
    </row>
    <row r="27246" spans="1:4" x14ac:dyDescent="0.25">
      <c r="A27246" t="s">
        <v>41434</v>
      </c>
      <c r="B27246" t="s">
        <v>41436</v>
      </c>
      <c r="C27246">
        <v>0</v>
      </c>
      <c r="D27246">
        <v>0</v>
      </c>
    </row>
    <row r="27247" spans="1:4" x14ac:dyDescent="0.25">
      <c r="A27247" t="s">
        <v>41437</v>
      </c>
      <c r="B27247" t="s">
        <v>41438</v>
      </c>
      <c r="C27247">
        <v>1</v>
      </c>
      <c r="D27247">
        <v>0</v>
      </c>
    </row>
    <row r="27248" spans="1:4" x14ac:dyDescent="0.25">
      <c r="A27248" t="s">
        <v>41437</v>
      </c>
      <c r="B27248" t="s">
        <v>41439</v>
      </c>
      <c r="C27248">
        <v>0</v>
      </c>
      <c r="D27248">
        <v>0</v>
      </c>
    </row>
    <row r="27249" spans="1:4" x14ac:dyDescent="0.25">
      <c r="A27249" t="s">
        <v>41437</v>
      </c>
      <c r="B27249" t="s">
        <v>41440</v>
      </c>
      <c r="C27249">
        <v>1</v>
      </c>
      <c r="D27249">
        <v>0</v>
      </c>
    </row>
    <row r="27250" spans="1:4" x14ac:dyDescent="0.25">
      <c r="A27250" t="s">
        <v>41441</v>
      </c>
      <c r="B27250" t="s">
        <v>41442</v>
      </c>
      <c r="C27250">
        <v>0</v>
      </c>
      <c r="D27250">
        <v>0</v>
      </c>
    </row>
    <row r="27251" spans="1:4" x14ac:dyDescent="0.25">
      <c r="A27251" t="s">
        <v>41441</v>
      </c>
      <c r="B27251" t="s">
        <v>41443</v>
      </c>
      <c r="C27251">
        <v>2</v>
      </c>
      <c r="D27251">
        <v>0</v>
      </c>
    </row>
    <row r="27252" spans="1:4" x14ac:dyDescent="0.25">
      <c r="A27252" t="s">
        <v>41441</v>
      </c>
      <c r="B27252" t="s">
        <v>41444</v>
      </c>
      <c r="C27252">
        <v>0</v>
      </c>
      <c r="D27252">
        <v>0</v>
      </c>
    </row>
    <row r="27253" spans="1:4" x14ac:dyDescent="0.25">
      <c r="A27253" t="s">
        <v>41445</v>
      </c>
      <c r="B27253" t="s">
        <v>41446</v>
      </c>
      <c r="C27253">
        <v>1</v>
      </c>
      <c r="D27253">
        <v>0</v>
      </c>
    </row>
    <row r="27254" spans="1:4" x14ac:dyDescent="0.25">
      <c r="A27254" t="s">
        <v>41445</v>
      </c>
      <c r="B27254" t="s">
        <v>41447</v>
      </c>
      <c r="C27254">
        <v>1</v>
      </c>
      <c r="D27254">
        <v>0</v>
      </c>
    </row>
    <row r="27255" spans="1:4" x14ac:dyDescent="0.25">
      <c r="A27255" t="s">
        <v>41448</v>
      </c>
      <c r="B27255" t="s">
        <v>1001</v>
      </c>
      <c r="C27255">
        <v>1</v>
      </c>
      <c r="D27255">
        <v>0</v>
      </c>
    </row>
    <row r="27256" spans="1:4" x14ac:dyDescent="0.25">
      <c r="A27256" t="s">
        <v>41448</v>
      </c>
      <c r="B27256" t="s">
        <v>2061</v>
      </c>
      <c r="C27256">
        <v>0</v>
      </c>
      <c r="D27256">
        <v>0</v>
      </c>
    </row>
    <row r="27257" spans="1:4" x14ac:dyDescent="0.25">
      <c r="A27257" t="s">
        <v>41449</v>
      </c>
      <c r="B27257" t="s">
        <v>41450</v>
      </c>
      <c r="C27257">
        <v>2</v>
      </c>
      <c r="D27257">
        <v>0</v>
      </c>
    </row>
    <row r="27258" spans="1:4" x14ac:dyDescent="0.25">
      <c r="A27258" t="s">
        <v>41449</v>
      </c>
      <c r="B27258" t="s">
        <v>41451</v>
      </c>
      <c r="C27258">
        <v>2</v>
      </c>
      <c r="D27258">
        <v>0</v>
      </c>
    </row>
    <row r="27259" spans="1:4" x14ac:dyDescent="0.25">
      <c r="A27259" t="s">
        <v>41449</v>
      </c>
      <c r="B27259" t="s">
        <v>41452</v>
      </c>
      <c r="C27259">
        <v>1</v>
      </c>
      <c r="D27259">
        <v>0</v>
      </c>
    </row>
    <row r="27260" spans="1:4" x14ac:dyDescent="0.25">
      <c r="A27260" t="s">
        <v>41453</v>
      </c>
      <c r="B27260" t="s">
        <v>41454</v>
      </c>
      <c r="C27260">
        <v>1</v>
      </c>
      <c r="D27260">
        <v>0</v>
      </c>
    </row>
    <row r="27261" spans="1:4" x14ac:dyDescent="0.25">
      <c r="A27261" t="s">
        <v>41453</v>
      </c>
      <c r="B27261" t="s">
        <v>41455</v>
      </c>
      <c r="C27261">
        <v>2</v>
      </c>
      <c r="D27261">
        <v>0</v>
      </c>
    </row>
    <row r="27262" spans="1:4" x14ac:dyDescent="0.25">
      <c r="A27262" t="s">
        <v>41453</v>
      </c>
      <c r="B27262" t="s">
        <v>41456</v>
      </c>
      <c r="C27262">
        <v>1</v>
      </c>
      <c r="D27262">
        <v>0</v>
      </c>
    </row>
    <row r="27263" spans="1:4" x14ac:dyDescent="0.25">
      <c r="A27263" t="s">
        <v>41457</v>
      </c>
      <c r="B27263" t="s">
        <v>3410</v>
      </c>
      <c r="C27263">
        <v>1</v>
      </c>
      <c r="D27263">
        <v>0</v>
      </c>
    </row>
    <row r="27264" spans="1:4" x14ac:dyDescent="0.25">
      <c r="A27264" t="s">
        <v>41458</v>
      </c>
      <c r="B27264" t="s">
        <v>41459</v>
      </c>
      <c r="C27264">
        <v>0</v>
      </c>
      <c r="D27264">
        <v>0</v>
      </c>
    </row>
    <row r="27265" spans="1:4" x14ac:dyDescent="0.25">
      <c r="A27265" t="s">
        <v>41460</v>
      </c>
      <c r="B27265" t="s">
        <v>41461</v>
      </c>
      <c r="C27265">
        <v>0</v>
      </c>
      <c r="D27265">
        <v>0</v>
      </c>
    </row>
    <row r="27266" spans="1:4" x14ac:dyDescent="0.25">
      <c r="A27266" t="s">
        <v>41460</v>
      </c>
      <c r="B27266" t="s">
        <v>41462</v>
      </c>
      <c r="C27266">
        <v>0</v>
      </c>
      <c r="D27266">
        <v>0</v>
      </c>
    </row>
    <row r="27267" spans="1:4" x14ac:dyDescent="0.25">
      <c r="A27267" t="s">
        <v>41460</v>
      </c>
      <c r="B27267" t="s">
        <v>41463</v>
      </c>
      <c r="C27267">
        <v>0</v>
      </c>
      <c r="D27267">
        <v>0</v>
      </c>
    </row>
    <row r="27268" spans="1:4" x14ac:dyDescent="0.25">
      <c r="A27268" t="s">
        <v>41464</v>
      </c>
      <c r="B27268" t="s">
        <v>41465</v>
      </c>
      <c r="C27268">
        <v>1</v>
      </c>
      <c r="D27268">
        <v>0</v>
      </c>
    </row>
    <row r="27269" spans="1:4" x14ac:dyDescent="0.25">
      <c r="A27269" t="s">
        <v>41466</v>
      </c>
      <c r="B27269" t="s">
        <v>41467</v>
      </c>
      <c r="C27269">
        <v>2</v>
      </c>
      <c r="D27269">
        <v>0</v>
      </c>
    </row>
    <row r="27270" spans="1:4" x14ac:dyDescent="0.25">
      <c r="A27270" t="s">
        <v>41466</v>
      </c>
      <c r="B27270" t="s">
        <v>41468</v>
      </c>
      <c r="C27270">
        <v>2</v>
      </c>
      <c r="D27270">
        <v>0</v>
      </c>
    </row>
    <row r="27271" spans="1:4" x14ac:dyDescent="0.25">
      <c r="A27271" t="s">
        <v>41466</v>
      </c>
      <c r="B27271" t="s">
        <v>41469</v>
      </c>
      <c r="C27271">
        <v>2</v>
      </c>
      <c r="D27271">
        <v>0</v>
      </c>
    </row>
    <row r="27272" spans="1:4" x14ac:dyDescent="0.25">
      <c r="A27272" t="s">
        <v>41470</v>
      </c>
      <c r="B27272" t="s">
        <v>41471</v>
      </c>
      <c r="C27272">
        <v>0</v>
      </c>
      <c r="D27272">
        <v>0</v>
      </c>
    </row>
    <row r="27273" spans="1:4" x14ac:dyDescent="0.25">
      <c r="A27273" t="s">
        <v>41470</v>
      </c>
      <c r="B27273" t="s">
        <v>41472</v>
      </c>
      <c r="C27273">
        <v>0</v>
      </c>
      <c r="D27273">
        <v>0</v>
      </c>
    </row>
    <row r="27274" spans="1:4" x14ac:dyDescent="0.25">
      <c r="A27274" t="s">
        <v>41473</v>
      </c>
      <c r="B27274" t="s">
        <v>41474</v>
      </c>
      <c r="C27274">
        <v>2</v>
      </c>
      <c r="D27274">
        <v>0</v>
      </c>
    </row>
    <row r="27275" spans="1:4" x14ac:dyDescent="0.25">
      <c r="A27275" t="s">
        <v>41475</v>
      </c>
      <c r="B27275" t="s">
        <v>41476</v>
      </c>
      <c r="C27275">
        <v>2</v>
      </c>
      <c r="D27275">
        <v>0</v>
      </c>
    </row>
    <row r="27276" spans="1:4" x14ac:dyDescent="0.25">
      <c r="A27276" t="s">
        <v>41477</v>
      </c>
      <c r="B27276" t="s">
        <v>41478</v>
      </c>
      <c r="C27276">
        <v>2</v>
      </c>
      <c r="D27276">
        <v>0</v>
      </c>
    </row>
    <row r="27277" spans="1:4" x14ac:dyDescent="0.25">
      <c r="A27277" t="s">
        <v>41477</v>
      </c>
      <c r="B27277" t="s">
        <v>41479</v>
      </c>
      <c r="C27277">
        <v>2</v>
      </c>
      <c r="D27277">
        <v>0</v>
      </c>
    </row>
    <row r="27278" spans="1:4" x14ac:dyDescent="0.25">
      <c r="A27278" t="s">
        <v>41477</v>
      </c>
      <c r="B27278" t="s">
        <v>41480</v>
      </c>
      <c r="C27278">
        <v>2</v>
      </c>
      <c r="D27278">
        <v>0</v>
      </c>
    </row>
    <row r="27279" spans="1:4" x14ac:dyDescent="0.25">
      <c r="A27279" t="s">
        <v>41481</v>
      </c>
      <c r="B27279" t="s">
        <v>41482</v>
      </c>
      <c r="C27279">
        <v>2</v>
      </c>
      <c r="D27279">
        <v>0</v>
      </c>
    </row>
    <row r="27280" spans="1:4" x14ac:dyDescent="0.25">
      <c r="A27280" t="s">
        <v>41481</v>
      </c>
      <c r="B27280" t="s">
        <v>36271</v>
      </c>
      <c r="C27280">
        <v>1</v>
      </c>
      <c r="D27280">
        <v>0</v>
      </c>
    </row>
    <row r="27281" spans="1:4" x14ac:dyDescent="0.25">
      <c r="A27281" t="s">
        <v>41483</v>
      </c>
      <c r="B27281" t="s">
        <v>41484</v>
      </c>
      <c r="C27281">
        <v>1</v>
      </c>
      <c r="D27281">
        <v>0</v>
      </c>
    </row>
    <row r="27282" spans="1:4" x14ac:dyDescent="0.25">
      <c r="A27282" t="s">
        <v>41483</v>
      </c>
      <c r="B27282" t="s">
        <v>41485</v>
      </c>
      <c r="C27282">
        <v>0</v>
      </c>
      <c r="D27282">
        <v>0</v>
      </c>
    </row>
    <row r="27283" spans="1:4" x14ac:dyDescent="0.25">
      <c r="A27283" t="s">
        <v>41483</v>
      </c>
      <c r="B27283" t="s">
        <v>41486</v>
      </c>
      <c r="C27283">
        <v>1</v>
      </c>
      <c r="D27283">
        <v>0</v>
      </c>
    </row>
    <row r="27284" spans="1:4" x14ac:dyDescent="0.25">
      <c r="A27284" t="s">
        <v>41487</v>
      </c>
      <c r="B27284" t="s">
        <v>41488</v>
      </c>
      <c r="C27284">
        <v>1</v>
      </c>
      <c r="D27284">
        <v>0</v>
      </c>
    </row>
    <row r="27285" spans="1:4" x14ac:dyDescent="0.25">
      <c r="A27285" t="s">
        <v>41489</v>
      </c>
      <c r="B27285" t="s">
        <v>41490</v>
      </c>
      <c r="C27285">
        <v>1</v>
      </c>
      <c r="D27285">
        <v>0</v>
      </c>
    </row>
    <row r="27286" spans="1:4" x14ac:dyDescent="0.25">
      <c r="A27286" t="s">
        <v>41491</v>
      </c>
      <c r="B27286" t="s">
        <v>41492</v>
      </c>
      <c r="C27286">
        <v>1</v>
      </c>
      <c r="D27286">
        <v>0</v>
      </c>
    </row>
    <row r="27287" spans="1:4" x14ac:dyDescent="0.25">
      <c r="A27287" t="s">
        <v>41493</v>
      </c>
      <c r="B27287" t="s">
        <v>41494</v>
      </c>
      <c r="C27287">
        <v>1</v>
      </c>
      <c r="D27287">
        <v>0</v>
      </c>
    </row>
    <row r="27288" spans="1:4" x14ac:dyDescent="0.25">
      <c r="A27288" t="s">
        <v>41493</v>
      </c>
      <c r="B27288" t="s">
        <v>41495</v>
      </c>
      <c r="C27288">
        <v>1</v>
      </c>
      <c r="D27288">
        <v>0</v>
      </c>
    </row>
    <row r="27289" spans="1:4" x14ac:dyDescent="0.25">
      <c r="A27289" t="s">
        <v>41496</v>
      </c>
      <c r="B27289" t="s">
        <v>41497</v>
      </c>
      <c r="C27289">
        <v>1</v>
      </c>
      <c r="D27289">
        <v>0</v>
      </c>
    </row>
    <row r="27290" spans="1:4" x14ac:dyDescent="0.25">
      <c r="A27290" t="s">
        <v>41498</v>
      </c>
      <c r="B27290" t="s">
        <v>41499</v>
      </c>
      <c r="C27290">
        <v>1</v>
      </c>
      <c r="D27290">
        <v>0</v>
      </c>
    </row>
    <row r="27291" spans="1:4" x14ac:dyDescent="0.25">
      <c r="A27291" t="s">
        <v>41498</v>
      </c>
      <c r="B27291" t="s">
        <v>41500</v>
      </c>
      <c r="C27291">
        <v>2</v>
      </c>
      <c r="D27291">
        <v>0</v>
      </c>
    </row>
    <row r="27292" spans="1:4" x14ac:dyDescent="0.25">
      <c r="A27292" t="s">
        <v>41498</v>
      </c>
      <c r="B27292" t="s">
        <v>41501</v>
      </c>
      <c r="C27292">
        <v>1</v>
      </c>
      <c r="D27292">
        <v>0</v>
      </c>
    </row>
    <row r="27293" spans="1:4" x14ac:dyDescent="0.25">
      <c r="A27293" t="s">
        <v>41502</v>
      </c>
      <c r="B27293" t="s">
        <v>41503</v>
      </c>
      <c r="C27293">
        <v>2</v>
      </c>
      <c r="D27293">
        <v>0</v>
      </c>
    </row>
    <row r="27294" spans="1:4" x14ac:dyDescent="0.25">
      <c r="A27294" t="s">
        <v>41502</v>
      </c>
      <c r="B27294" t="s">
        <v>41504</v>
      </c>
      <c r="C27294">
        <v>0</v>
      </c>
      <c r="D27294">
        <v>0</v>
      </c>
    </row>
    <row r="27295" spans="1:4" x14ac:dyDescent="0.25">
      <c r="A27295" t="s">
        <v>41502</v>
      </c>
      <c r="B27295" t="s">
        <v>41505</v>
      </c>
      <c r="C27295">
        <v>2</v>
      </c>
      <c r="D27295">
        <v>0</v>
      </c>
    </row>
    <row r="27296" spans="1:4" x14ac:dyDescent="0.25">
      <c r="A27296" t="s">
        <v>41506</v>
      </c>
      <c r="B27296" t="s">
        <v>41507</v>
      </c>
      <c r="C27296">
        <v>1</v>
      </c>
      <c r="D27296">
        <v>0</v>
      </c>
    </row>
    <row r="27297" spans="1:4" x14ac:dyDescent="0.25">
      <c r="A27297" t="s">
        <v>41506</v>
      </c>
      <c r="B27297" t="s">
        <v>41508</v>
      </c>
      <c r="C27297">
        <v>1</v>
      </c>
      <c r="D27297">
        <v>0</v>
      </c>
    </row>
    <row r="27298" spans="1:4" x14ac:dyDescent="0.25">
      <c r="A27298" t="s">
        <v>41509</v>
      </c>
      <c r="B27298" t="s">
        <v>41510</v>
      </c>
      <c r="C27298">
        <v>2</v>
      </c>
      <c r="D27298">
        <v>0</v>
      </c>
    </row>
    <row r="27299" spans="1:4" x14ac:dyDescent="0.25">
      <c r="A27299" t="s">
        <v>41509</v>
      </c>
      <c r="B27299" t="s">
        <v>41511</v>
      </c>
      <c r="C27299">
        <v>2</v>
      </c>
      <c r="D27299">
        <v>0</v>
      </c>
    </row>
    <row r="27300" spans="1:4" x14ac:dyDescent="0.25">
      <c r="A27300" t="s">
        <v>41512</v>
      </c>
      <c r="B27300" t="s">
        <v>41513</v>
      </c>
      <c r="C27300">
        <v>1</v>
      </c>
      <c r="D27300">
        <v>0</v>
      </c>
    </row>
    <row r="27301" spans="1:4" x14ac:dyDescent="0.25">
      <c r="A27301" t="s">
        <v>41514</v>
      </c>
      <c r="B27301" t="s">
        <v>41515</v>
      </c>
      <c r="C27301">
        <v>1</v>
      </c>
      <c r="D27301">
        <v>0</v>
      </c>
    </row>
    <row r="27302" spans="1:4" x14ac:dyDescent="0.25">
      <c r="A27302" t="s">
        <v>41516</v>
      </c>
      <c r="B27302" t="s">
        <v>852</v>
      </c>
      <c r="C27302">
        <v>0</v>
      </c>
      <c r="D27302">
        <v>0</v>
      </c>
    </row>
    <row r="27303" spans="1:4" x14ac:dyDescent="0.25">
      <c r="A27303" t="s">
        <v>41517</v>
      </c>
      <c r="B27303" t="s">
        <v>41518</v>
      </c>
      <c r="C27303">
        <v>0</v>
      </c>
      <c r="D27303">
        <v>0</v>
      </c>
    </row>
    <row r="27304" spans="1:4" x14ac:dyDescent="0.25">
      <c r="A27304" t="s">
        <v>41517</v>
      </c>
      <c r="B27304" t="s">
        <v>41519</v>
      </c>
      <c r="C27304">
        <v>1</v>
      </c>
      <c r="D27304">
        <v>0</v>
      </c>
    </row>
    <row r="27305" spans="1:4" x14ac:dyDescent="0.25">
      <c r="A27305" t="s">
        <v>41520</v>
      </c>
      <c r="B27305" t="s">
        <v>41521</v>
      </c>
      <c r="C27305">
        <v>0</v>
      </c>
      <c r="D27305">
        <v>0</v>
      </c>
    </row>
    <row r="27306" spans="1:4" x14ac:dyDescent="0.25">
      <c r="A27306" t="s">
        <v>41520</v>
      </c>
      <c r="B27306" t="s">
        <v>5128</v>
      </c>
      <c r="C27306">
        <v>0</v>
      </c>
      <c r="D27306">
        <v>0</v>
      </c>
    </row>
    <row r="27307" spans="1:4" x14ac:dyDescent="0.25">
      <c r="A27307" t="s">
        <v>41522</v>
      </c>
      <c r="B27307" t="s">
        <v>816</v>
      </c>
      <c r="C27307">
        <v>1</v>
      </c>
      <c r="D27307">
        <v>0</v>
      </c>
    </row>
    <row r="27308" spans="1:4" x14ac:dyDescent="0.25">
      <c r="A27308" t="s">
        <v>41523</v>
      </c>
      <c r="B27308" t="s">
        <v>41524</v>
      </c>
      <c r="C27308">
        <v>1</v>
      </c>
      <c r="D27308">
        <v>0</v>
      </c>
    </row>
    <row r="27309" spans="1:4" x14ac:dyDescent="0.25">
      <c r="A27309" t="s">
        <v>41525</v>
      </c>
      <c r="B27309" t="s">
        <v>41526</v>
      </c>
      <c r="C27309">
        <v>1</v>
      </c>
      <c r="D27309">
        <v>0</v>
      </c>
    </row>
    <row r="27310" spans="1:4" x14ac:dyDescent="0.25">
      <c r="A27310" t="s">
        <v>41527</v>
      </c>
      <c r="B27310" t="s">
        <v>41528</v>
      </c>
      <c r="C27310">
        <v>2</v>
      </c>
      <c r="D27310">
        <v>0</v>
      </c>
    </row>
    <row r="27311" spans="1:4" x14ac:dyDescent="0.25">
      <c r="A27311" t="s">
        <v>41527</v>
      </c>
      <c r="B27311" t="s">
        <v>41529</v>
      </c>
      <c r="C27311">
        <v>1</v>
      </c>
      <c r="D27311">
        <v>0</v>
      </c>
    </row>
    <row r="27312" spans="1:4" x14ac:dyDescent="0.25">
      <c r="A27312" t="s">
        <v>41530</v>
      </c>
      <c r="B27312" t="s">
        <v>398</v>
      </c>
      <c r="C27312">
        <v>0</v>
      </c>
      <c r="D27312">
        <v>0</v>
      </c>
    </row>
    <row r="27313" spans="1:4" x14ac:dyDescent="0.25">
      <c r="A27313" t="s">
        <v>41531</v>
      </c>
      <c r="B27313" t="s">
        <v>41532</v>
      </c>
      <c r="C27313">
        <v>1</v>
      </c>
      <c r="D27313">
        <v>0</v>
      </c>
    </row>
    <row r="27314" spans="1:4" x14ac:dyDescent="0.25">
      <c r="A27314" t="s">
        <v>41531</v>
      </c>
      <c r="B27314" t="s">
        <v>41533</v>
      </c>
      <c r="C27314">
        <v>1</v>
      </c>
      <c r="D27314">
        <v>0</v>
      </c>
    </row>
    <row r="27315" spans="1:4" x14ac:dyDescent="0.25">
      <c r="A27315" t="s">
        <v>41531</v>
      </c>
      <c r="B27315" t="s">
        <v>41534</v>
      </c>
      <c r="C27315">
        <v>1</v>
      </c>
      <c r="D27315">
        <v>0</v>
      </c>
    </row>
    <row r="27316" spans="1:4" x14ac:dyDescent="0.25">
      <c r="A27316" t="s">
        <v>41535</v>
      </c>
      <c r="B27316" t="s">
        <v>11075</v>
      </c>
      <c r="C27316">
        <v>1</v>
      </c>
      <c r="D27316">
        <v>0</v>
      </c>
    </row>
    <row r="27317" spans="1:4" x14ac:dyDescent="0.25">
      <c r="A27317" t="s">
        <v>41535</v>
      </c>
      <c r="B27317" t="s">
        <v>5713</v>
      </c>
      <c r="C27317">
        <v>1</v>
      </c>
      <c r="D27317">
        <v>0</v>
      </c>
    </row>
    <row r="27318" spans="1:4" x14ac:dyDescent="0.25">
      <c r="A27318" t="s">
        <v>41535</v>
      </c>
      <c r="B27318" t="s">
        <v>41536</v>
      </c>
      <c r="C27318">
        <v>0</v>
      </c>
      <c r="D27318">
        <v>0</v>
      </c>
    </row>
    <row r="27319" spans="1:4" x14ac:dyDescent="0.25">
      <c r="A27319" t="s">
        <v>41537</v>
      </c>
      <c r="B27319" t="s">
        <v>41538</v>
      </c>
      <c r="C27319">
        <v>2</v>
      </c>
      <c r="D27319">
        <v>0</v>
      </c>
    </row>
    <row r="27320" spans="1:4" x14ac:dyDescent="0.25">
      <c r="A27320" t="s">
        <v>41537</v>
      </c>
      <c r="B27320" t="s">
        <v>41539</v>
      </c>
      <c r="C27320">
        <v>1</v>
      </c>
      <c r="D27320">
        <v>0</v>
      </c>
    </row>
    <row r="27321" spans="1:4" x14ac:dyDescent="0.25">
      <c r="A27321" t="s">
        <v>41537</v>
      </c>
      <c r="B27321" t="s">
        <v>41540</v>
      </c>
      <c r="C27321">
        <v>1</v>
      </c>
      <c r="D27321">
        <v>0</v>
      </c>
    </row>
    <row r="27322" spans="1:4" x14ac:dyDescent="0.25">
      <c r="A27322" t="s">
        <v>41541</v>
      </c>
      <c r="B27322" t="s">
        <v>41542</v>
      </c>
      <c r="C27322">
        <v>1</v>
      </c>
      <c r="D27322">
        <v>0</v>
      </c>
    </row>
    <row r="27323" spans="1:4" x14ac:dyDescent="0.25">
      <c r="A27323" t="s">
        <v>41541</v>
      </c>
      <c r="B27323" t="s">
        <v>41543</v>
      </c>
      <c r="C27323">
        <v>0</v>
      </c>
      <c r="D27323">
        <v>0</v>
      </c>
    </row>
    <row r="27324" spans="1:4" x14ac:dyDescent="0.25">
      <c r="A27324" t="s">
        <v>41544</v>
      </c>
      <c r="B27324" t="s">
        <v>35924</v>
      </c>
      <c r="C27324">
        <v>1</v>
      </c>
      <c r="D27324">
        <v>0</v>
      </c>
    </row>
    <row r="27325" spans="1:4" x14ac:dyDescent="0.25">
      <c r="A27325" t="s">
        <v>41545</v>
      </c>
      <c r="B27325" t="s">
        <v>41546</v>
      </c>
      <c r="C27325">
        <v>0</v>
      </c>
      <c r="D27325">
        <v>0</v>
      </c>
    </row>
    <row r="27326" spans="1:4" x14ac:dyDescent="0.25">
      <c r="A27326" t="s">
        <v>41545</v>
      </c>
      <c r="B27326" t="s">
        <v>41547</v>
      </c>
      <c r="C27326">
        <v>0</v>
      </c>
      <c r="D27326">
        <v>0</v>
      </c>
    </row>
    <row r="27327" spans="1:4" x14ac:dyDescent="0.25">
      <c r="A27327" t="s">
        <v>41548</v>
      </c>
      <c r="B27327" t="s">
        <v>41549</v>
      </c>
      <c r="C27327">
        <v>2</v>
      </c>
      <c r="D27327">
        <v>0</v>
      </c>
    </row>
    <row r="27328" spans="1:4" x14ac:dyDescent="0.25">
      <c r="A27328" t="s">
        <v>41548</v>
      </c>
      <c r="B27328" t="s">
        <v>41550</v>
      </c>
      <c r="C27328">
        <v>1</v>
      </c>
      <c r="D27328">
        <v>0</v>
      </c>
    </row>
    <row r="27329" spans="1:4" x14ac:dyDescent="0.25">
      <c r="A27329" t="s">
        <v>41548</v>
      </c>
      <c r="B27329" t="s">
        <v>41551</v>
      </c>
      <c r="C27329">
        <v>2</v>
      </c>
      <c r="D27329">
        <v>0</v>
      </c>
    </row>
    <row r="27330" spans="1:4" x14ac:dyDescent="0.25">
      <c r="A27330" t="s">
        <v>41552</v>
      </c>
      <c r="B27330" t="s">
        <v>41553</v>
      </c>
      <c r="C27330">
        <v>0</v>
      </c>
      <c r="D27330">
        <v>0</v>
      </c>
    </row>
    <row r="27331" spans="1:4" x14ac:dyDescent="0.25">
      <c r="A27331" t="s">
        <v>41554</v>
      </c>
      <c r="B27331" t="s">
        <v>1499</v>
      </c>
      <c r="C27331">
        <v>1</v>
      </c>
      <c r="D27331">
        <v>0</v>
      </c>
    </row>
    <row r="27332" spans="1:4" x14ac:dyDescent="0.25">
      <c r="A27332" t="s">
        <v>41555</v>
      </c>
      <c r="B27332" t="s">
        <v>41556</v>
      </c>
      <c r="C27332">
        <v>0</v>
      </c>
      <c r="D27332">
        <v>0</v>
      </c>
    </row>
    <row r="27333" spans="1:4" x14ac:dyDescent="0.25">
      <c r="A27333" t="s">
        <v>41557</v>
      </c>
      <c r="B27333" t="s">
        <v>41558</v>
      </c>
      <c r="C27333">
        <v>2</v>
      </c>
      <c r="D27333">
        <v>0</v>
      </c>
    </row>
    <row r="27334" spans="1:4" x14ac:dyDescent="0.25">
      <c r="A27334" t="s">
        <v>41557</v>
      </c>
      <c r="B27334" t="s">
        <v>41559</v>
      </c>
      <c r="C27334">
        <v>0</v>
      </c>
      <c r="D27334">
        <v>0</v>
      </c>
    </row>
    <row r="27335" spans="1:4" x14ac:dyDescent="0.25">
      <c r="A27335" t="s">
        <v>41560</v>
      </c>
      <c r="B27335" t="s">
        <v>41561</v>
      </c>
      <c r="C27335">
        <v>0</v>
      </c>
      <c r="D27335">
        <v>0</v>
      </c>
    </row>
    <row r="27336" spans="1:4" x14ac:dyDescent="0.25">
      <c r="A27336" t="s">
        <v>41562</v>
      </c>
      <c r="B27336" t="s">
        <v>2061</v>
      </c>
      <c r="C27336">
        <v>0</v>
      </c>
      <c r="D27336">
        <v>0</v>
      </c>
    </row>
    <row r="27337" spans="1:4" x14ac:dyDescent="0.25">
      <c r="A27337" t="s">
        <v>41563</v>
      </c>
      <c r="B27337" t="s">
        <v>41564</v>
      </c>
      <c r="C27337">
        <v>1</v>
      </c>
      <c r="D27337">
        <v>0</v>
      </c>
    </row>
    <row r="27338" spans="1:4" x14ac:dyDescent="0.25">
      <c r="A27338" t="s">
        <v>41563</v>
      </c>
      <c r="B27338" t="s">
        <v>41565</v>
      </c>
      <c r="C27338">
        <v>2</v>
      </c>
      <c r="D27338">
        <v>0</v>
      </c>
    </row>
    <row r="27339" spans="1:4" x14ac:dyDescent="0.25">
      <c r="A27339" t="s">
        <v>41566</v>
      </c>
      <c r="B27339" t="s">
        <v>41567</v>
      </c>
      <c r="C27339">
        <v>0</v>
      </c>
      <c r="D27339">
        <v>0</v>
      </c>
    </row>
    <row r="27340" spans="1:4" x14ac:dyDescent="0.25">
      <c r="A27340" t="s">
        <v>41566</v>
      </c>
      <c r="B27340" t="s">
        <v>41568</v>
      </c>
      <c r="C27340">
        <v>0</v>
      </c>
      <c r="D27340">
        <v>0</v>
      </c>
    </row>
    <row r="27341" spans="1:4" x14ac:dyDescent="0.25">
      <c r="A27341" t="s">
        <v>41566</v>
      </c>
      <c r="B27341" t="s">
        <v>41569</v>
      </c>
      <c r="C27341">
        <v>2</v>
      </c>
      <c r="D27341">
        <v>0</v>
      </c>
    </row>
    <row r="27342" spans="1:4" x14ac:dyDescent="0.25">
      <c r="A27342" t="s">
        <v>41570</v>
      </c>
      <c r="B27342" t="s">
        <v>41571</v>
      </c>
      <c r="C27342">
        <v>1</v>
      </c>
      <c r="D27342">
        <v>0</v>
      </c>
    </row>
    <row r="27343" spans="1:4" x14ac:dyDescent="0.25">
      <c r="A27343" t="s">
        <v>41570</v>
      </c>
      <c r="B27343" t="s">
        <v>41572</v>
      </c>
      <c r="C27343">
        <v>2</v>
      </c>
      <c r="D27343">
        <v>0</v>
      </c>
    </row>
    <row r="27344" spans="1:4" x14ac:dyDescent="0.25">
      <c r="A27344" t="s">
        <v>41573</v>
      </c>
      <c r="B27344" t="s">
        <v>41574</v>
      </c>
      <c r="C27344">
        <v>0</v>
      </c>
      <c r="D27344">
        <v>0</v>
      </c>
    </row>
    <row r="27345" spans="1:4" x14ac:dyDescent="0.25">
      <c r="A27345" t="s">
        <v>41573</v>
      </c>
      <c r="B27345" t="s">
        <v>41575</v>
      </c>
      <c r="C27345">
        <v>1</v>
      </c>
      <c r="D27345">
        <v>0</v>
      </c>
    </row>
    <row r="27346" spans="1:4" x14ac:dyDescent="0.25">
      <c r="A27346" t="s">
        <v>41576</v>
      </c>
      <c r="B27346" t="s">
        <v>41577</v>
      </c>
      <c r="C27346">
        <v>0</v>
      </c>
      <c r="D27346">
        <v>0</v>
      </c>
    </row>
    <row r="27347" spans="1:4" x14ac:dyDescent="0.25">
      <c r="A27347" t="s">
        <v>41576</v>
      </c>
      <c r="B27347" t="s">
        <v>41578</v>
      </c>
      <c r="C27347">
        <v>1</v>
      </c>
      <c r="D27347">
        <v>0</v>
      </c>
    </row>
    <row r="27348" spans="1:4" x14ac:dyDescent="0.25">
      <c r="A27348" t="s">
        <v>41579</v>
      </c>
      <c r="B27348" t="s">
        <v>41580</v>
      </c>
      <c r="C27348">
        <v>1</v>
      </c>
      <c r="D27348">
        <v>0</v>
      </c>
    </row>
    <row r="27349" spans="1:4" x14ac:dyDescent="0.25">
      <c r="A27349" t="s">
        <v>41581</v>
      </c>
      <c r="B27349" t="s">
        <v>41582</v>
      </c>
      <c r="C27349">
        <v>0</v>
      </c>
      <c r="D27349">
        <v>0</v>
      </c>
    </row>
    <row r="27350" spans="1:4" x14ac:dyDescent="0.25">
      <c r="A27350" t="s">
        <v>41581</v>
      </c>
      <c r="B27350" t="s">
        <v>41583</v>
      </c>
      <c r="C27350">
        <v>1</v>
      </c>
      <c r="D27350">
        <v>0</v>
      </c>
    </row>
    <row r="27351" spans="1:4" x14ac:dyDescent="0.25">
      <c r="A27351" t="s">
        <v>41584</v>
      </c>
      <c r="B27351" t="s">
        <v>1526</v>
      </c>
      <c r="C27351">
        <v>1</v>
      </c>
      <c r="D27351">
        <v>0</v>
      </c>
    </row>
    <row r="27352" spans="1:4" x14ac:dyDescent="0.25">
      <c r="A27352" t="s">
        <v>41584</v>
      </c>
      <c r="B27352" t="s">
        <v>41585</v>
      </c>
      <c r="C27352">
        <v>1</v>
      </c>
      <c r="D27352">
        <v>0</v>
      </c>
    </row>
    <row r="27353" spans="1:4" x14ac:dyDescent="0.25">
      <c r="A27353" t="s">
        <v>41584</v>
      </c>
      <c r="B27353" t="s">
        <v>41586</v>
      </c>
      <c r="C27353">
        <v>0</v>
      </c>
      <c r="D27353">
        <v>0</v>
      </c>
    </row>
    <row r="27354" spans="1:4" x14ac:dyDescent="0.25">
      <c r="A27354" t="s">
        <v>41587</v>
      </c>
      <c r="B27354" t="s">
        <v>41588</v>
      </c>
      <c r="C27354">
        <v>2</v>
      </c>
      <c r="D27354">
        <v>0</v>
      </c>
    </row>
    <row r="27355" spans="1:4" x14ac:dyDescent="0.25">
      <c r="A27355" t="s">
        <v>41587</v>
      </c>
      <c r="B27355" t="s">
        <v>4351</v>
      </c>
      <c r="C27355">
        <v>0</v>
      </c>
      <c r="D27355">
        <v>0</v>
      </c>
    </row>
    <row r="27356" spans="1:4" x14ac:dyDescent="0.25">
      <c r="A27356" t="s">
        <v>41589</v>
      </c>
      <c r="B27356" t="s">
        <v>41590</v>
      </c>
      <c r="C27356">
        <v>1</v>
      </c>
      <c r="D27356">
        <v>0</v>
      </c>
    </row>
    <row r="27357" spans="1:4" x14ac:dyDescent="0.25">
      <c r="A27357" t="s">
        <v>41589</v>
      </c>
      <c r="B27357" t="s">
        <v>41591</v>
      </c>
      <c r="C27357">
        <v>2</v>
      </c>
      <c r="D27357">
        <v>0</v>
      </c>
    </row>
    <row r="27358" spans="1:4" x14ac:dyDescent="0.25">
      <c r="A27358" t="s">
        <v>41592</v>
      </c>
      <c r="B27358" t="s">
        <v>28652</v>
      </c>
      <c r="C27358">
        <v>0</v>
      </c>
      <c r="D27358">
        <v>0</v>
      </c>
    </row>
    <row r="27359" spans="1:4" x14ac:dyDescent="0.25">
      <c r="A27359" t="s">
        <v>41592</v>
      </c>
      <c r="B27359" t="s">
        <v>41593</v>
      </c>
      <c r="C27359">
        <v>2</v>
      </c>
      <c r="D27359">
        <v>0</v>
      </c>
    </row>
    <row r="27360" spans="1:4" x14ac:dyDescent="0.25">
      <c r="A27360" t="s">
        <v>41594</v>
      </c>
      <c r="B27360" t="s">
        <v>41595</v>
      </c>
      <c r="C27360">
        <v>1</v>
      </c>
      <c r="D27360">
        <v>0</v>
      </c>
    </row>
    <row r="27361" spans="1:4" x14ac:dyDescent="0.25">
      <c r="A27361" t="s">
        <v>41594</v>
      </c>
      <c r="B27361" t="s">
        <v>41596</v>
      </c>
      <c r="C27361">
        <v>0</v>
      </c>
      <c r="D27361">
        <v>0</v>
      </c>
    </row>
    <row r="27362" spans="1:4" x14ac:dyDescent="0.25">
      <c r="A27362" t="s">
        <v>41597</v>
      </c>
      <c r="B27362" t="s">
        <v>41598</v>
      </c>
      <c r="C27362">
        <v>0</v>
      </c>
      <c r="D27362">
        <v>0</v>
      </c>
    </row>
    <row r="27363" spans="1:4" x14ac:dyDescent="0.25">
      <c r="A27363" t="s">
        <v>41597</v>
      </c>
      <c r="B27363" t="s">
        <v>41599</v>
      </c>
      <c r="C27363">
        <v>1</v>
      </c>
      <c r="D27363">
        <v>0</v>
      </c>
    </row>
    <row r="27364" spans="1:4" x14ac:dyDescent="0.25">
      <c r="A27364" t="s">
        <v>41597</v>
      </c>
      <c r="B27364" t="s">
        <v>41600</v>
      </c>
      <c r="C27364">
        <v>2</v>
      </c>
      <c r="D27364">
        <v>0</v>
      </c>
    </row>
    <row r="27365" spans="1:4" x14ac:dyDescent="0.25">
      <c r="A27365" t="s">
        <v>41601</v>
      </c>
      <c r="B27365" t="s">
        <v>41602</v>
      </c>
      <c r="C27365">
        <v>2</v>
      </c>
      <c r="D27365">
        <v>0</v>
      </c>
    </row>
    <row r="27366" spans="1:4" x14ac:dyDescent="0.25">
      <c r="A27366" t="s">
        <v>41601</v>
      </c>
      <c r="B27366" t="s">
        <v>41603</v>
      </c>
      <c r="C27366">
        <v>1</v>
      </c>
      <c r="D27366">
        <v>0</v>
      </c>
    </row>
    <row r="27367" spans="1:4" x14ac:dyDescent="0.25">
      <c r="A27367" t="s">
        <v>41604</v>
      </c>
      <c r="B27367" t="s">
        <v>41605</v>
      </c>
      <c r="C27367">
        <v>0</v>
      </c>
      <c r="D27367">
        <v>0</v>
      </c>
    </row>
    <row r="27368" spans="1:4" x14ac:dyDescent="0.25">
      <c r="A27368" t="s">
        <v>41606</v>
      </c>
      <c r="B27368" t="s">
        <v>41607</v>
      </c>
      <c r="C27368">
        <v>2</v>
      </c>
      <c r="D27368">
        <v>0</v>
      </c>
    </row>
    <row r="27369" spans="1:4" x14ac:dyDescent="0.25">
      <c r="A27369" t="s">
        <v>41606</v>
      </c>
      <c r="B27369" t="s">
        <v>41608</v>
      </c>
      <c r="C27369">
        <v>1</v>
      </c>
      <c r="D27369">
        <v>0</v>
      </c>
    </row>
    <row r="27370" spans="1:4" x14ac:dyDescent="0.25">
      <c r="A27370" t="s">
        <v>41606</v>
      </c>
      <c r="B27370" t="s">
        <v>41609</v>
      </c>
      <c r="C27370">
        <v>0</v>
      </c>
      <c r="D27370">
        <v>0</v>
      </c>
    </row>
    <row r="27371" spans="1:4" x14ac:dyDescent="0.25">
      <c r="A27371" t="s">
        <v>41610</v>
      </c>
      <c r="B27371" t="s">
        <v>41611</v>
      </c>
      <c r="C27371">
        <v>0</v>
      </c>
      <c r="D27371">
        <v>0</v>
      </c>
    </row>
    <row r="27372" spans="1:4" x14ac:dyDescent="0.25">
      <c r="A27372" t="s">
        <v>41610</v>
      </c>
      <c r="B27372" t="s">
        <v>41612</v>
      </c>
      <c r="C27372">
        <v>0</v>
      </c>
      <c r="D27372">
        <v>0</v>
      </c>
    </row>
    <row r="27373" spans="1:4" x14ac:dyDescent="0.25">
      <c r="A27373" t="s">
        <v>41610</v>
      </c>
      <c r="B27373" t="s">
        <v>36355</v>
      </c>
      <c r="C27373">
        <v>1</v>
      </c>
      <c r="D27373">
        <v>0</v>
      </c>
    </row>
    <row r="27374" spans="1:4" x14ac:dyDescent="0.25">
      <c r="A27374" t="s">
        <v>41613</v>
      </c>
      <c r="B27374" t="s">
        <v>969</v>
      </c>
      <c r="C27374">
        <v>0</v>
      </c>
      <c r="D27374">
        <v>0</v>
      </c>
    </row>
    <row r="27375" spans="1:4" x14ac:dyDescent="0.25">
      <c r="A27375" t="s">
        <v>41613</v>
      </c>
      <c r="B27375" t="s">
        <v>41614</v>
      </c>
      <c r="C27375">
        <v>0</v>
      </c>
      <c r="D27375">
        <v>0</v>
      </c>
    </row>
    <row r="27376" spans="1:4" x14ac:dyDescent="0.25">
      <c r="A27376" t="s">
        <v>41613</v>
      </c>
      <c r="B27376" t="s">
        <v>41615</v>
      </c>
      <c r="C27376">
        <v>2</v>
      </c>
      <c r="D27376">
        <v>0</v>
      </c>
    </row>
    <row r="27377" spans="1:4" x14ac:dyDescent="0.25">
      <c r="A27377" t="s">
        <v>41616</v>
      </c>
      <c r="B27377" t="s">
        <v>1387</v>
      </c>
      <c r="C27377">
        <v>1</v>
      </c>
      <c r="D27377">
        <v>0</v>
      </c>
    </row>
    <row r="27378" spans="1:4" x14ac:dyDescent="0.25">
      <c r="A27378" t="s">
        <v>41617</v>
      </c>
      <c r="B27378" t="s">
        <v>9039</v>
      </c>
      <c r="C27378">
        <v>2</v>
      </c>
      <c r="D27378">
        <v>0</v>
      </c>
    </row>
    <row r="27379" spans="1:4" x14ac:dyDescent="0.25">
      <c r="A27379" t="s">
        <v>41617</v>
      </c>
      <c r="B27379" t="s">
        <v>41618</v>
      </c>
      <c r="C27379">
        <v>2</v>
      </c>
      <c r="D27379">
        <v>0</v>
      </c>
    </row>
    <row r="27380" spans="1:4" x14ac:dyDescent="0.25">
      <c r="A27380" t="s">
        <v>41617</v>
      </c>
      <c r="B27380" t="s">
        <v>41619</v>
      </c>
      <c r="C27380">
        <v>2</v>
      </c>
      <c r="D27380">
        <v>0</v>
      </c>
    </row>
    <row r="27381" spans="1:4" x14ac:dyDescent="0.25">
      <c r="A27381" t="s">
        <v>41620</v>
      </c>
      <c r="B27381" t="s">
        <v>41621</v>
      </c>
      <c r="C27381">
        <v>2</v>
      </c>
      <c r="D27381">
        <v>0</v>
      </c>
    </row>
    <row r="27382" spans="1:4" x14ac:dyDescent="0.25">
      <c r="A27382" t="s">
        <v>41620</v>
      </c>
      <c r="B27382" t="s">
        <v>41622</v>
      </c>
      <c r="C27382">
        <v>0</v>
      </c>
      <c r="D27382">
        <v>0</v>
      </c>
    </row>
    <row r="27383" spans="1:4" x14ac:dyDescent="0.25">
      <c r="A27383" t="s">
        <v>41623</v>
      </c>
      <c r="B27383" t="s">
        <v>41624</v>
      </c>
      <c r="C27383">
        <v>0</v>
      </c>
      <c r="D27383">
        <v>0</v>
      </c>
    </row>
    <row r="27384" spans="1:4" x14ac:dyDescent="0.25">
      <c r="A27384" t="s">
        <v>41625</v>
      </c>
      <c r="B27384" t="s">
        <v>41626</v>
      </c>
      <c r="C27384">
        <v>0</v>
      </c>
      <c r="D27384">
        <v>0</v>
      </c>
    </row>
    <row r="27385" spans="1:4" x14ac:dyDescent="0.25">
      <c r="A27385" t="s">
        <v>41625</v>
      </c>
      <c r="B27385" t="s">
        <v>41627</v>
      </c>
      <c r="C27385">
        <v>1</v>
      </c>
      <c r="D27385">
        <v>0</v>
      </c>
    </row>
    <row r="27386" spans="1:4" x14ac:dyDescent="0.25">
      <c r="A27386" t="s">
        <v>41625</v>
      </c>
      <c r="B27386" t="s">
        <v>41628</v>
      </c>
      <c r="C27386">
        <v>0</v>
      </c>
      <c r="D27386">
        <v>0</v>
      </c>
    </row>
    <row r="27387" spans="1:4" x14ac:dyDescent="0.25">
      <c r="A27387" t="s">
        <v>41629</v>
      </c>
      <c r="B27387" t="s">
        <v>41630</v>
      </c>
      <c r="C27387">
        <v>1</v>
      </c>
      <c r="D27387">
        <v>0</v>
      </c>
    </row>
    <row r="27388" spans="1:4" x14ac:dyDescent="0.25">
      <c r="A27388" t="s">
        <v>41629</v>
      </c>
      <c r="B27388" t="s">
        <v>41631</v>
      </c>
      <c r="C27388">
        <v>1</v>
      </c>
      <c r="D27388">
        <v>0</v>
      </c>
    </row>
    <row r="27389" spans="1:4" x14ac:dyDescent="0.25">
      <c r="A27389" t="s">
        <v>41632</v>
      </c>
      <c r="B27389" t="s">
        <v>41633</v>
      </c>
      <c r="C27389">
        <v>1</v>
      </c>
      <c r="D27389">
        <v>0</v>
      </c>
    </row>
    <row r="27390" spans="1:4" x14ac:dyDescent="0.25">
      <c r="A27390" t="s">
        <v>41632</v>
      </c>
      <c r="B27390" t="s">
        <v>41634</v>
      </c>
      <c r="C27390">
        <v>2</v>
      </c>
      <c r="D27390">
        <v>0</v>
      </c>
    </row>
    <row r="27391" spans="1:4" x14ac:dyDescent="0.25">
      <c r="A27391" t="s">
        <v>41632</v>
      </c>
      <c r="B27391" t="s">
        <v>41635</v>
      </c>
      <c r="C27391">
        <v>2</v>
      </c>
      <c r="D27391">
        <v>0</v>
      </c>
    </row>
    <row r="27392" spans="1:4" x14ac:dyDescent="0.25">
      <c r="A27392" t="s">
        <v>41636</v>
      </c>
      <c r="B27392" t="s">
        <v>33100</v>
      </c>
      <c r="C27392">
        <v>1</v>
      </c>
      <c r="D27392">
        <v>0</v>
      </c>
    </row>
    <row r="27393" spans="1:4" x14ac:dyDescent="0.25">
      <c r="A27393" t="s">
        <v>41636</v>
      </c>
      <c r="B27393" t="s">
        <v>41637</v>
      </c>
      <c r="C27393">
        <v>1</v>
      </c>
      <c r="D27393">
        <v>0</v>
      </c>
    </row>
    <row r="27394" spans="1:4" x14ac:dyDescent="0.25">
      <c r="A27394" t="s">
        <v>41638</v>
      </c>
      <c r="B27394" t="s">
        <v>41639</v>
      </c>
      <c r="C27394">
        <v>0</v>
      </c>
      <c r="D27394">
        <v>0</v>
      </c>
    </row>
    <row r="27395" spans="1:4" x14ac:dyDescent="0.25">
      <c r="A27395" t="s">
        <v>41638</v>
      </c>
      <c r="B27395" t="s">
        <v>41640</v>
      </c>
      <c r="C27395">
        <v>1</v>
      </c>
      <c r="D27395">
        <v>0</v>
      </c>
    </row>
    <row r="27396" spans="1:4" x14ac:dyDescent="0.25">
      <c r="A27396" t="s">
        <v>41641</v>
      </c>
      <c r="B27396" t="s">
        <v>41642</v>
      </c>
      <c r="C27396">
        <v>1</v>
      </c>
      <c r="D27396">
        <v>0</v>
      </c>
    </row>
    <row r="27397" spans="1:4" x14ac:dyDescent="0.25">
      <c r="A27397" t="s">
        <v>41641</v>
      </c>
      <c r="B27397" t="s">
        <v>41643</v>
      </c>
      <c r="C27397">
        <v>1</v>
      </c>
      <c r="D27397">
        <v>0</v>
      </c>
    </row>
    <row r="27398" spans="1:4" x14ac:dyDescent="0.25">
      <c r="A27398" t="s">
        <v>41641</v>
      </c>
      <c r="B27398" t="s">
        <v>41644</v>
      </c>
      <c r="C27398">
        <v>1</v>
      </c>
      <c r="D27398">
        <v>0</v>
      </c>
    </row>
    <row r="27399" spans="1:4" x14ac:dyDescent="0.25">
      <c r="A27399" t="s">
        <v>41645</v>
      </c>
      <c r="B27399" t="s">
        <v>41646</v>
      </c>
      <c r="C27399">
        <v>1</v>
      </c>
      <c r="D27399">
        <v>0</v>
      </c>
    </row>
    <row r="27400" spans="1:4" x14ac:dyDescent="0.25">
      <c r="A27400" t="s">
        <v>41645</v>
      </c>
      <c r="B27400" t="s">
        <v>41647</v>
      </c>
      <c r="C27400">
        <v>2</v>
      </c>
      <c r="D27400">
        <v>0</v>
      </c>
    </row>
    <row r="27401" spans="1:4" x14ac:dyDescent="0.25">
      <c r="A27401" t="s">
        <v>41648</v>
      </c>
      <c r="B27401" t="s">
        <v>41649</v>
      </c>
      <c r="C27401">
        <v>1</v>
      </c>
      <c r="D27401">
        <v>0</v>
      </c>
    </row>
    <row r="27402" spans="1:4" x14ac:dyDescent="0.25">
      <c r="A27402" t="s">
        <v>41650</v>
      </c>
      <c r="B27402" t="s">
        <v>968</v>
      </c>
      <c r="C27402">
        <v>1</v>
      </c>
      <c r="D27402">
        <v>0</v>
      </c>
    </row>
    <row r="27403" spans="1:4" x14ac:dyDescent="0.25">
      <c r="A27403" t="s">
        <v>41651</v>
      </c>
      <c r="B27403" t="s">
        <v>41652</v>
      </c>
      <c r="C27403">
        <v>1</v>
      </c>
      <c r="D27403">
        <v>0</v>
      </c>
    </row>
    <row r="27404" spans="1:4" x14ac:dyDescent="0.25">
      <c r="A27404" t="s">
        <v>41651</v>
      </c>
      <c r="B27404" t="s">
        <v>41653</v>
      </c>
      <c r="C27404">
        <v>2</v>
      </c>
      <c r="D27404">
        <v>0</v>
      </c>
    </row>
    <row r="27405" spans="1:4" x14ac:dyDescent="0.25">
      <c r="A27405" t="s">
        <v>41651</v>
      </c>
      <c r="B27405" t="s">
        <v>41654</v>
      </c>
      <c r="C27405">
        <v>1</v>
      </c>
      <c r="D27405">
        <v>0</v>
      </c>
    </row>
    <row r="27406" spans="1:4" x14ac:dyDescent="0.25">
      <c r="A27406" t="s">
        <v>41655</v>
      </c>
      <c r="B27406" t="s">
        <v>41656</v>
      </c>
      <c r="C27406">
        <v>1</v>
      </c>
      <c r="D27406">
        <v>0</v>
      </c>
    </row>
    <row r="27407" spans="1:4" x14ac:dyDescent="0.25">
      <c r="A27407" t="s">
        <v>41657</v>
      </c>
      <c r="B27407" t="s">
        <v>41658</v>
      </c>
      <c r="C27407">
        <v>2</v>
      </c>
      <c r="D27407">
        <v>0</v>
      </c>
    </row>
    <row r="27408" spans="1:4" x14ac:dyDescent="0.25">
      <c r="A27408" t="s">
        <v>41659</v>
      </c>
      <c r="B27408" t="s">
        <v>41660</v>
      </c>
      <c r="C27408">
        <v>1</v>
      </c>
      <c r="D27408">
        <v>0</v>
      </c>
    </row>
    <row r="27409" spans="1:4" x14ac:dyDescent="0.25">
      <c r="A27409" t="s">
        <v>41661</v>
      </c>
      <c r="B27409" t="s">
        <v>816</v>
      </c>
      <c r="C27409">
        <v>1</v>
      </c>
      <c r="D27409">
        <v>0</v>
      </c>
    </row>
    <row r="27410" spans="1:4" x14ac:dyDescent="0.25">
      <c r="A27410" t="s">
        <v>41661</v>
      </c>
      <c r="B27410" t="s">
        <v>41662</v>
      </c>
      <c r="C27410">
        <v>1</v>
      </c>
      <c r="D27410">
        <v>0</v>
      </c>
    </row>
    <row r="27411" spans="1:4" x14ac:dyDescent="0.25">
      <c r="A27411" t="s">
        <v>41663</v>
      </c>
      <c r="B27411" t="s">
        <v>41664</v>
      </c>
      <c r="C27411">
        <v>0</v>
      </c>
      <c r="D27411">
        <v>0</v>
      </c>
    </row>
    <row r="27412" spans="1:4" x14ac:dyDescent="0.25">
      <c r="A27412" t="s">
        <v>41663</v>
      </c>
      <c r="B27412" t="s">
        <v>334</v>
      </c>
      <c r="C27412">
        <v>1</v>
      </c>
      <c r="D27412">
        <v>0</v>
      </c>
    </row>
    <row r="27413" spans="1:4" x14ac:dyDescent="0.25">
      <c r="A27413" t="s">
        <v>41665</v>
      </c>
      <c r="B27413" t="s">
        <v>41666</v>
      </c>
      <c r="C27413">
        <v>0</v>
      </c>
      <c r="D27413">
        <v>0</v>
      </c>
    </row>
    <row r="27414" spans="1:4" x14ac:dyDescent="0.25">
      <c r="A27414" t="s">
        <v>41667</v>
      </c>
      <c r="B27414" t="s">
        <v>41668</v>
      </c>
      <c r="C27414">
        <v>0</v>
      </c>
      <c r="D27414">
        <v>0</v>
      </c>
    </row>
    <row r="27415" spans="1:4" x14ac:dyDescent="0.25">
      <c r="A27415" t="s">
        <v>41667</v>
      </c>
      <c r="B27415" t="s">
        <v>41669</v>
      </c>
      <c r="C27415">
        <v>0</v>
      </c>
      <c r="D27415">
        <v>0</v>
      </c>
    </row>
    <row r="27416" spans="1:4" x14ac:dyDescent="0.25">
      <c r="A27416" t="s">
        <v>41670</v>
      </c>
      <c r="B27416" t="s">
        <v>6837</v>
      </c>
      <c r="C27416">
        <v>1</v>
      </c>
      <c r="D27416">
        <v>0</v>
      </c>
    </row>
    <row r="27417" spans="1:4" x14ac:dyDescent="0.25">
      <c r="A27417" t="s">
        <v>41671</v>
      </c>
      <c r="B27417" t="s">
        <v>41672</v>
      </c>
      <c r="C27417">
        <v>2</v>
      </c>
      <c r="D27417">
        <v>0</v>
      </c>
    </row>
    <row r="27418" spans="1:4" x14ac:dyDescent="0.25">
      <c r="A27418" t="s">
        <v>41671</v>
      </c>
      <c r="B27418" t="s">
        <v>41673</v>
      </c>
      <c r="C27418">
        <v>2</v>
      </c>
      <c r="D27418">
        <v>0</v>
      </c>
    </row>
    <row r="27419" spans="1:4" x14ac:dyDescent="0.25">
      <c r="A27419" t="s">
        <v>41674</v>
      </c>
      <c r="B27419" t="s">
        <v>41675</v>
      </c>
      <c r="C27419">
        <v>1</v>
      </c>
      <c r="D27419">
        <v>0</v>
      </c>
    </row>
    <row r="27420" spans="1:4" x14ac:dyDescent="0.25">
      <c r="A27420" t="s">
        <v>41674</v>
      </c>
      <c r="B27420" t="s">
        <v>41676</v>
      </c>
      <c r="C27420">
        <v>2</v>
      </c>
      <c r="D27420">
        <v>0</v>
      </c>
    </row>
    <row r="27421" spans="1:4" x14ac:dyDescent="0.25">
      <c r="A27421" t="s">
        <v>41677</v>
      </c>
      <c r="B27421" t="s">
        <v>41678</v>
      </c>
      <c r="C27421">
        <v>2</v>
      </c>
      <c r="D27421">
        <v>0</v>
      </c>
    </row>
    <row r="27422" spans="1:4" x14ac:dyDescent="0.25">
      <c r="A27422" t="s">
        <v>41677</v>
      </c>
      <c r="B27422" t="s">
        <v>41679</v>
      </c>
      <c r="C27422">
        <v>0</v>
      </c>
      <c r="D27422">
        <v>0</v>
      </c>
    </row>
    <row r="27423" spans="1:4" x14ac:dyDescent="0.25">
      <c r="A27423" t="s">
        <v>41677</v>
      </c>
      <c r="B27423" t="s">
        <v>41680</v>
      </c>
      <c r="C27423">
        <v>1</v>
      </c>
      <c r="D27423">
        <v>0</v>
      </c>
    </row>
    <row r="27424" spans="1:4" x14ac:dyDescent="0.25">
      <c r="A27424" t="s">
        <v>41681</v>
      </c>
      <c r="B27424" t="s">
        <v>41682</v>
      </c>
      <c r="C27424">
        <v>1</v>
      </c>
      <c r="D27424">
        <v>0</v>
      </c>
    </row>
    <row r="27425" spans="1:4" x14ac:dyDescent="0.25">
      <c r="A27425" t="s">
        <v>41683</v>
      </c>
      <c r="B27425" t="s">
        <v>41684</v>
      </c>
      <c r="C27425">
        <v>0</v>
      </c>
      <c r="D27425">
        <v>0</v>
      </c>
    </row>
    <row r="27426" spans="1:4" x14ac:dyDescent="0.25">
      <c r="A27426" t="s">
        <v>41685</v>
      </c>
      <c r="B27426" t="s">
        <v>41686</v>
      </c>
      <c r="C27426">
        <v>2</v>
      </c>
      <c r="D27426">
        <v>0</v>
      </c>
    </row>
    <row r="27427" spans="1:4" x14ac:dyDescent="0.25">
      <c r="A27427" t="s">
        <v>41685</v>
      </c>
      <c r="B27427" t="s">
        <v>41687</v>
      </c>
      <c r="C27427">
        <v>2</v>
      </c>
      <c r="D27427">
        <v>0</v>
      </c>
    </row>
    <row r="27428" spans="1:4" x14ac:dyDescent="0.25">
      <c r="A27428" t="s">
        <v>41685</v>
      </c>
      <c r="B27428" t="s">
        <v>41688</v>
      </c>
      <c r="C27428">
        <v>2</v>
      </c>
      <c r="D27428">
        <v>0</v>
      </c>
    </row>
    <row r="27429" spans="1:4" x14ac:dyDescent="0.25">
      <c r="A27429" t="s">
        <v>41689</v>
      </c>
      <c r="B27429" t="s">
        <v>41690</v>
      </c>
      <c r="C27429">
        <v>2</v>
      </c>
      <c r="D27429">
        <v>0</v>
      </c>
    </row>
    <row r="27430" spans="1:4" x14ac:dyDescent="0.25">
      <c r="A27430" t="s">
        <v>41691</v>
      </c>
      <c r="B27430" t="s">
        <v>41692</v>
      </c>
      <c r="C27430">
        <v>0</v>
      </c>
      <c r="D27430">
        <v>0</v>
      </c>
    </row>
    <row r="27431" spans="1:4" x14ac:dyDescent="0.25">
      <c r="A27431" t="s">
        <v>41691</v>
      </c>
      <c r="B27431" t="s">
        <v>41693</v>
      </c>
      <c r="C27431">
        <v>1</v>
      </c>
      <c r="D27431">
        <v>0</v>
      </c>
    </row>
    <row r="27432" spans="1:4" x14ac:dyDescent="0.25">
      <c r="A27432" t="s">
        <v>41691</v>
      </c>
      <c r="B27432" t="s">
        <v>41694</v>
      </c>
      <c r="C27432">
        <v>1</v>
      </c>
      <c r="D27432">
        <v>0</v>
      </c>
    </row>
    <row r="27433" spans="1:4" x14ac:dyDescent="0.25">
      <c r="A27433" t="s">
        <v>41695</v>
      </c>
      <c r="B27433" t="s">
        <v>41696</v>
      </c>
      <c r="C27433">
        <v>1</v>
      </c>
      <c r="D27433">
        <v>0</v>
      </c>
    </row>
    <row r="27434" spans="1:4" x14ac:dyDescent="0.25">
      <c r="A27434" t="s">
        <v>41695</v>
      </c>
      <c r="B27434" t="s">
        <v>41697</v>
      </c>
      <c r="C27434">
        <v>1</v>
      </c>
      <c r="D27434">
        <v>0</v>
      </c>
    </row>
    <row r="27435" spans="1:4" x14ac:dyDescent="0.25">
      <c r="A27435" t="s">
        <v>41695</v>
      </c>
      <c r="B27435" t="s">
        <v>41698</v>
      </c>
      <c r="C27435">
        <v>2</v>
      </c>
      <c r="D27435">
        <v>0</v>
      </c>
    </row>
    <row r="27436" spans="1:4" x14ac:dyDescent="0.25">
      <c r="A27436" t="s">
        <v>41699</v>
      </c>
      <c r="B27436" t="s">
        <v>41700</v>
      </c>
      <c r="C27436">
        <v>1</v>
      </c>
      <c r="D27436">
        <v>0</v>
      </c>
    </row>
    <row r="27437" spans="1:4" x14ac:dyDescent="0.25">
      <c r="A27437" t="s">
        <v>41701</v>
      </c>
      <c r="B27437" t="s">
        <v>41702</v>
      </c>
      <c r="C27437">
        <v>0</v>
      </c>
      <c r="D27437">
        <v>0</v>
      </c>
    </row>
    <row r="27438" spans="1:4" x14ac:dyDescent="0.25">
      <c r="A27438" t="s">
        <v>41703</v>
      </c>
      <c r="B27438" t="s">
        <v>41704</v>
      </c>
      <c r="C27438">
        <v>0</v>
      </c>
      <c r="D27438">
        <v>0</v>
      </c>
    </row>
    <row r="27439" spans="1:4" x14ac:dyDescent="0.25">
      <c r="A27439" t="s">
        <v>41705</v>
      </c>
      <c r="B27439" t="s">
        <v>41706</v>
      </c>
      <c r="C27439">
        <v>1</v>
      </c>
      <c r="D27439">
        <v>0</v>
      </c>
    </row>
    <row r="27440" spans="1:4" x14ac:dyDescent="0.25">
      <c r="A27440" t="s">
        <v>41705</v>
      </c>
      <c r="B27440" t="s">
        <v>41707</v>
      </c>
      <c r="C27440">
        <v>1</v>
      </c>
      <c r="D27440">
        <v>0</v>
      </c>
    </row>
    <row r="27441" spans="1:4" x14ac:dyDescent="0.25">
      <c r="A27441" t="s">
        <v>41705</v>
      </c>
      <c r="B27441" t="s">
        <v>41708</v>
      </c>
      <c r="C27441">
        <v>2</v>
      </c>
      <c r="D27441">
        <v>0</v>
      </c>
    </row>
    <row r="27442" spans="1:4" x14ac:dyDescent="0.25">
      <c r="A27442" t="s">
        <v>41709</v>
      </c>
      <c r="B27442" t="s">
        <v>1387</v>
      </c>
      <c r="C27442">
        <v>1</v>
      </c>
      <c r="D27442">
        <v>0</v>
      </c>
    </row>
    <row r="27443" spans="1:4" x14ac:dyDescent="0.25">
      <c r="A27443" t="s">
        <v>41710</v>
      </c>
      <c r="B27443" t="s">
        <v>41711</v>
      </c>
      <c r="C27443">
        <v>0</v>
      </c>
      <c r="D27443">
        <v>0</v>
      </c>
    </row>
    <row r="27444" spans="1:4" x14ac:dyDescent="0.25">
      <c r="A27444" t="s">
        <v>41712</v>
      </c>
      <c r="B27444" t="s">
        <v>41713</v>
      </c>
      <c r="C27444">
        <v>1</v>
      </c>
      <c r="D27444">
        <v>0</v>
      </c>
    </row>
    <row r="27445" spans="1:4" x14ac:dyDescent="0.25">
      <c r="A27445" t="s">
        <v>41712</v>
      </c>
      <c r="B27445" t="s">
        <v>41714</v>
      </c>
      <c r="C27445">
        <v>1</v>
      </c>
      <c r="D27445">
        <v>0</v>
      </c>
    </row>
    <row r="27446" spans="1:4" x14ac:dyDescent="0.25">
      <c r="A27446" t="s">
        <v>41715</v>
      </c>
      <c r="B27446" t="s">
        <v>41716</v>
      </c>
      <c r="C27446">
        <v>2</v>
      </c>
      <c r="D27446">
        <v>0</v>
      </c>
    </row>
    <row r="27447" spans="1:4" x14ac:dyDescent="0.25">
      <c r="A27447" t="s">
        <v>41715</v>
      </c>
      <c r="B27447" t="s">
        <v>41717</v>
      </c>
      <c r="C27447">
        <v>1</v>
      </c>
      <c r="D27447">
        <v>0</v>
      </c>
    </row>
    <row r="27448" spans="1:4" x14ac:dyDescent="0.25">
      <c r="A27448" t="s">
        <v>41715</v>
      </c>
      <c r="B27448" t="s">
        <v>41718</v>
      </c>
      <c r="C27448">
        <v>1</v>
      </c>
      <c r="D27448">
        <v>0</v>
      </c>
    </row>
    <row r="27449" spans="1:4" x14ac:dyDescent="0.25">
      <c r="A27449" t="s">
        <v>41719</v>
      </c>
      <c r="B27449" t="s">
        <v>2421</v>
      </c>
      <c r="C27449">
        <v>0</v>
      </c>
      <c r="D27449">
        <v>0</v>
      </c>
    </row>
    <row r="27450" spans="1:4" x14ac:dyDescent="0.25">
      <c r="A27450" t="s">
        <v>41719</v>
      </c>
      <c r="B27450" t="s">
        <v>41720</v>
      </c>
      <c r="C27450">
        <v>1</v>
      </c>
      <c r="D27450">
        <v>0</v>
      </c>
    </row>
    <row r="27451" spans="1:4" x14ac:dyDescent="0.25">
      <c r="A27451" t="s">
        <v>41719</v>
      </c>
      <c r="B27451" t="s">
        <v>41721</v>
      </c>
      <c r="C27451">
        <v>0</v>
      </c>
      <c r="D27451">
        <v>0</v>
      </c>
    </row>
    <row r="27452" spans="1:4" x14ac:dyDescent="0.25">
      <c r="A27452" t="s">
        <v>41722</v>
      </c>
      <c r="B27452" t="s">
        <v>41723</v>
      </c>
      <c r="C27452">
        <v>0</v>
      </c>
      <c r="D27452">
        <v>0</v>
      </c>
    </row>
    <row r="27453" spans="1:4" x14ac:dyDescent="0.25">
      <c r="A27453" t="s">
        <v>41724</v>
      </c>
      <c r="B27453" t="s">
        <v>41725</v>
      </c>
      <c r="C27453">
        <v>0</v>
      </c>
      <c r="D27453">
        <v>0</v>
      </c>
    </row>
    <row r="27454" spans="1:4" x14ac:dyDescent="0.25">
      <c r="A27454" t="s">
        <v>41724</v>
      </c>
      <c r="B27454" t="s">
        <v>41726</v>
      </c>
      <c r="C27454">
        <v>1</v>
      </c>
      <c r="D27454">
        <v>0</v>
      </c>
    </row>
    <row r="27455" spans="1:4" x14ac:dyDescent="0.25">
      <c r="A27455" t="s">
        <v>41727</v>
      </c>
      <c r="B27455" t="s">
        <v>41728</v>
      </c>
      <c r="C27455">
        <v>1</v>
      </c>
      <c r="D27455">
        <v>0</v>
      </c>
    </row>
    <row r="27456" spans="1:4" x14ac:dyDescent="0.25">
      <c r="A27456" t="s">
        <v>41727</v>
      </c>
      <c r="B27456" t="s">
        <v>41729</v>
      </c>
      <c r="C27456">
        <v>1</v>
      </c>
      <c r="D27456">
        <v>0</v>
      </c>
    </row>
    <row r="27457" spans="1:4" x14ac:dyDescent="0.25">
      <c r="A27457" t="s">
        <v>41727</v>
      </c>
      <c r="B27457" t="s">
        <v>41730</v>
      </c>
      <c r="C27457">
        <v>1</v>
      </c>
      <c r="D27457">
        <v>0</v>
      </c>
    </row>
    <row r="27458" spans="1:4" x14ac:dyDescent="0.25">
      <c r="A27458" t="s">
        <v>41731</v>
      </c>
      <c r="B27458" t="s">
        <v>843</v>
      </c>
      <c r="C27458">
        <v>1</v>
      </c>
      <c r="D27458">
        <v>0</v>
      </c>
    </row>
    <row r="27459" spans="1:4" x14ac:dyDescent="0.25">
      <c r="A27459" t="s">
        <v>41732</v>
      </c>
      <c r="B27459" t="s">
        <v>41733</v>
      </c>
      <c r="C27459">
        <v>0</v>
      </c>
      <c r="D27459">
        <v>0</v>
      </c>
    </row>
    <row r="27460" spans="1:4" x14ac:dyDescent="0.25">
      <c r="A27460" t="s">
        <v>41732</v>
      </c>
      <c r="B27460" t="s">
        <v>41734</v>
      </c>
      <c r="C27460">
        <v>1</v>
      </c>
      <c r="D27460">
        <v>0</v>
      </c>
    </row>
    <row r="27461" spans="1:4" x14ac:dyDescent="0.25">
      <c r="A27461" t="s">
        <v>41735</v>
      </c>
      <c r="B27461" t="s">
        <v>41736</v>
      </c>
      <c r="C27461">
        <v>1</v>
      </c>
      <c r="D27461">
        <v>0</v>
      </c>
    </row>
    <row r="27462" spans="1:4" x14ac:dyDescent="0.25">
      <c r="A27462" t="s">
        <v>41735</v>
      </c>
      <c r="B27462" t="s">
        <v>41737</v>
      </c>
      <c r="C27462">
        <v>0</v>
      </c>
      <c r="D27462">
        <v>0</v>
      </c>
    </row>
    <row r="27463" spans="1:4" x14ac:dyDescent="0.25">
      <c r="A27463" t="s">
        <v>41738</v>
      </c>
      <c r="B27463" t="s">
        <v>41739</v>
      </c>
      <c r="C27463">
        <v>1</v>
      </c>
      <c r="D27463">
        <v>0</v>
      </c>
    </row>
    <row r="27464" spans="1:4" x14ac:dyDescent="0.25">
      <c r="A27464" t="s">
        <v>41740</v>
      </c>
      <c r="B27464" t="s">
        <v>41741</v>
      </c>
      <c r="C27464">
        <v>2</v>
      </c>
      <c r="D27464">
        <v>0</v>
      </c>
    </row>
    <row r="27465" spans="1:4" x14ac:dyDescent="0.25">
      <c r="A27465" t="s">
        <v>41740</v>
      </c>
      <c r="B27465" t="s">
        <v>41742</v>
      </c>
      <c r="C27465">
        <v>0</v>
      </c>
      <c r="D27465">
        <v>0</v>
      </c>
    </row>
    <row r="27466" spans="1:4" x14ac:dyDescent="0.25">
      <c r="A27466" t="s">
        <v>41743</v>
      </c>
      <c r="B27466" t="s">
        <v>41744</v>
      </c>
      <c r="C27466">
        <v>1</v>
      </c>
      <c r="D27466">
        <v>0</v>
      </c>
    </row>
    <row r="27467" spans="1:4" x14ac:dyDescent="0.25">
      <c r="A27467" t="s">
        <v>41743</v>
      </c>
      <c r="B27467" t="s">
        <v>41745</v>
      </c>
      <c r="C27467">
        <v>2</v>
      </c>
      <c r="D27467">
        <v>0</v>
      </c>
    </row>
    <row r="27468" spans="1:4" x14ac:dyDescent="0.25">
      <c r="A27468" t="s">
        <v>41746</v>
      </c>
      <c r="B27468" t="s">
        <v>41747</v>
      </c>
      <c r="C27468">
        <v>1</v>
      </c>
      <c r="D27468">
        <v>0</v>
      </c>
    </row>
    <row r="27469" spans="1:4" x14ac:dyDescent="0.25">
      <c r="A27469" t="s">
        <v>41748</v>
      </c>
      <c r="B27469" t="s">
        <v>41749</v>
      </c>
      <c r="C27469">
        <v>1</v>
      </c>
      <c r="D27469">
        <v>0</v>
      </c>
    </row>
    <row r="27470" spans="1:4" x14ac:dyDescent="0.25">
      <c r="A27470" t="s">
        <v>41748</v>
      </c>
      <c r="B27470" t="s">
        <v>41750</v>
      </c>
      <c r="C27470">
        <v>2</v>
      </c>
      <c r="D27470">
        <v>0</v>
      </c>
    </row>
    <row r="27471" spans="1:4" x14ac:dyDescent="0.25">
      <c r="A27471" t="s">
        <v>41748</v>
      </c>
      <c r="B27471" t="s">
        <v>41751</v>
      </c>
      <c r="C27471">
        <v>2</v>
      </c>
      <c r="D27471">
        <v>0</v>
      </c>
    </row>
    <row r="27472" spans="1:4" x14ac:dyDescent="0.25">
      <c r="A27472" t="s">
        <v>41752</v>
      </c>
      <c r="B27472" t="s">
        <v>41753</v>
      </c>
      <c r="C27472">
        <v>1</v>
      </c>
      <c r="D27472">
        <v>0</v>
      </c>
    </row>
    <row r="27473" spans="1:4" x14ac:dyDescent="0.25">
      <c r="A27473" t="s">
        <v>41752</v>
      </c>
      <c r="B27473" t="s">
        <v>33922</v>
      </c>
      <c r="C27473">
        <v>1</v>
      </c>
      <c r="D27473">
        <v>0</v>
      </c>
    </row>
    <row r="27474" spans="1:4" x14ac:dyDescent="0.25">
      <c r="A27474" t="s">
        <v>41752</v>
      </c>
      <c r="B27474" t="s">
        <v>30486</v>
      </c>
      <c r="C27474">
        <v>0</v>
      </c>
      <c r="D27474">
        <v>0</v>
      </c>
    </row>
    <row r="27475" spans="1:4" x14ac:dyDescent="0.25">
      <c r="A27475" t="s">
        <v>41754</v>
      </c>
      <c r="B27475" t="s">
        <v>41755</v>
      </c>
      <c r="C27475">
        <v>1</v>
      </c>
      <c r="D27475">
        <v>0</v>
      </c>
    </row>
    <row r="27476" spans="1:4" x14ac:dyDescent="0.25">
      <c r="A27476" t="s">
        <v>41754</v>
      </c>
      <c r="B27476" t="s">
        <v>41756</v>
      </c>
      <c r="C27476">
        <v>0</v>
      </c>
      <c r="D27476">
        <v>0</v>
      </c>
    </row>
    <row r="27477" spans="1:4" x14ac:dyDescent="0.25">
      <c r="A27477" t="s">
        <v>41757</v>
      </c>
      <c r="B27477" t="s">
        <v>969</v>
      </c>
      <c r="C27477">
        <v>0</v>
      </c>
      <c r="D27477">
        <v>0</v>
      </c>
    </row>
    <row r="27478" spans="1:4" x14ac:dyDescent="0.25">
      <c r="A27478" t="s">
        <v>41757</v>
      </c>
      <c r="B27478" t="s">
        <v>1001</v>
      </c>
      <c r="C27478">
        <v>1</v>
      </c>
      <c r="D27478">
        <v>0</v>
      </c>
    </row>
    <row r="27479" spans="1:4" x14ac:dyDescent="0.25">
      <c r="A27479" t="s">
        <v>41758</v>
      </c>
      <c r="B27479" t="s">
        <v>41759</v>
      </c>
      <c r="C27479">
        <v>0</v>
      </c>
      <c r="D27479">
        <v>0</v>
      </c>
    </row>
    <row r="27480" spans="1:4" x14ac:dyDescent="0.25">
      <c r="A27480" t="s">
        <v>41758</v>
      </c>
      <c r="B27480" t="s">
        <v>41760</v>
      </c>
      <c r="C27480">
        <v>1</v>
      </c>
      <c r="D27480">
        <v>0</v>
      </c>
    </row>
    <row r="27481" spans="1:4" x14ac:dyDescent="0.25">
      <c r="A27481" t="s">
        <v>41761</v>
      </c>
      <c r="B27481" t="s">
        <v>4972</v>
      </c>
      <c r="C27481">
        <v>1</v>
      </c>
      <c r="D27481">
        <v>0</v>
      </c>
    </row>
    <row r="27482" spans="1:4" x14ac:dyDescent="0.25">
      <c r="A27482" t="s">
        <v>41762</v>
      </c>
      <c r="B27482" t="s">
        <v>5903</v>
      </c>
      <c r="C27482">
        <v>0</v>
      </c>
      <c r="D27482">
        <v>0</v>
      </c>
    </row>
    <row r="27483" spans="1:4" x14ac:dyDescent="0.25">
      <c r="A27483" t="s">
        <v>41763</v>
      </c>
      <c r="B27483" t="s">
        <v>41764</v>
      </c>
      <c r="C27483">
        <v>0</v>
      </c>
      <c r="D27483">
        <v>0</v>
      </c>
    </row>
    <row r="27484" spans="1:4" x14ac:dyDescent="0.25">
      <c r="A27484" t="s">
        <v>41765</v>
      </c>
      <c r="B27484" t="s">
        <v>41766</v>
      </c>
      <c r="C27484">
        <v>1</v>
      </c>
      <c r="D27484">
        <v>0</v>
      </c>
    </row>
    <row r="27485" spans="1:4" x14ac:dyDescent="0.25">
      <c r="A27485" t="s">
        <v>41765</v>
      </c>
      <c r="B27485" t="s">
        <v>41767</v>
      </c>
      <c r="C27485">
        <v>1</v>
      </c>
      <c r="D27485">
        <v>0</v>
      </c>
    </row>
    <row r="27486" spans="1:4" x14ac:dyDescent="0.25">
      <c r="A27486" t="s">
        <v>41768</v>
      </c>
      <c r="B27486" t="s">
        <v>41769</v>
      </c>
      <c r="C27486">
        <v>1</v>
      </c>
      <c r="D27486">
        <v>0</v>
      </c>
    </row>
    <row r="27487" spans="1:4" x14ac:dyDescent="0.25">
      <c r="A27487" t="s">
        <v>41770</v>
      </c>
      <c r="B27487" t="s">
        <v>41771</v>
      </c>
      <c r="C27487">
        <v>0</v>
      </c>
      <c r="D27487">
        <v>0</v>
      </c>
    </row>
    <row r="27488" spans="1:4" x14ac:dyDescent="0.25">
      <c r="A27488" t="s">
        <v>41770</v>
      </c>
      <c r="B27488" t="s">
        <v>41772</v>
      </c>
      <c r="C27488">
        <v>0</v>
      </c>
      <c r="D27488">
        <v>0</v>
      </c>
    </row>
    <row r="27489" spans="1:4" x14ac:dyDescent="0.25">
      <c r="A27489" t="s">
        <v>41770</v>
      </c>
      <c r="B27489" t="s">
        <v>41773</v>
      </c>
      <c r="C27489">
        <v>0</v>
      </c>
      <c r="D27489">
        <v>0</v>
      </c>
    </row>
    <row r="27490" spans="1:4" x14ac:dyDescent="0.25">
      <c r="A27490" t="s">
        <v>41774</v>
      </c>
      <c r="B27490" t="s">
        <v>41775</v>
      </c>
      <c r="C27490">
        <v>1</v>
      </c>
      <c r="D27490">
        <v>0</v>
      </c>
    </row>
    <row r="27491" spans="1:4" x14ac:dyDescent="0.25">
      <c r="A27491" t="s">
        <v>41774</v>
      </c>
      <c r="B27491" t="s">
        <v>41776</v>
      </c>
      <c r="C27491">
        <v>1</v>
      </c>
      <c r="D27491">
        <v>0</v>
      </c>
    </row>
    <row r="27492" spans="1:4" x14ac:dyDescent="0.25">
      <c r="A27492" t="s">
        <v>41774</v>
      </c>
      <c r="B27492" t="s">
        <v>41777</v>
      </c>
      <c r="C27492">
        <v>1</v>
      </c>
      <c r="D27492">
        <v>0</v>
      </c>
    </row>
    <row r="27493" spans="1:4" x14ac:dyDescent="0.25">
      <c r="A27493" t="s">
        <v>41778</v>
      </c>
      <c r="B27493" t="s">
        <v>41779</v>
      </c>
      <c r="C27493">
        <v>1</v>
      </c>
      <c r="D27493">
        <v>0</v>
      </c>
    </row>
    <row r="27494" spans="1:4" x14ac:dyDescent="0.25">
      <c r="A27494" t="s">
        <v>41780</v>
      </c>
      <c r="B27494" t="s">
        <v>969</v>
      </c>
      <c r="C27494">
        <v>0</v>
      </c>
      <c r="D27494">
        <v>0</v>
      </c>
    </row>
    <row r="27495" spans="1:4" x14ac:dyDescent="0.25">
      <c r="A27495" t="s">
        <v>41780</v>
      </c>
      <c r="B27495" t="s">
        <v>41781</v>
      </c>
      <c r="C27495">
        <v>2</v>
      </c>
      <c r="D27495">
        <v>0</v>
      </c>
    </row>
    <row r="27496" spans="1:4" x14ac:dyDescent="0.25">
      <c r="A27496" t="s">
        <v>41780</v>
      </c>
      <c r="B27496" t="s">
        <v>41782</v>
      </c>
      <c r="C27496">
        <v>0</v>
      </c>
      <c r="D27496">
        <v>0</v>
      </c>
    </row>
    <row r="27497" spans="1:4" x14ac:dyDescent="0.25">
      <c r="A27497" t="s">
        <v>41783</v>
      </c>
      <c r="B27497" t="s">
        <v>41784</v>
      </c>
      <c r="C27497">
        <v>1</v>
      </c>
      <c r="D27497">
        <v>0</v>
      </c>
    </row>
    <row r="27498" spans="1:4" x14ac:dyDescent="0.25">
      <c r="A27498" t="s">
        <v>41785</v>
      </c>
      <c r="B27498" t="s">
        <v>41786</v>
      </c>
      <c r="C27498">
        <v>0</v>
      </c>
      <c r="D27498">
        <v>0</v>
      </c>
    </row>
    <row r="27499" spans="1:4" x14ac:dyDescent="0.25">
      <c r="A27499" t="s">
        <v>41785</v>
      </c>
      <c r="B27499" t="s">
        <v>41787</v>
      </c>
      <c r="C27499">
        <v>1</v>
      </c>
      <c r="D27499">
        <v>0</v>
      </c>
    </row>
    <row r="27500" spans="1:4" x14ac:dyDescent="0.25">
      <c r="A27500" t="s">
        <v>41788</v>
      </c>
      <c r="B27500" t="s">
        <v>41789</v>
      </c>
      <c r="C27500">
        <v>1</v>
      </c>
      <c r="D27500">
        <v>0</v>
      </c>
    </row>
    <row r="27501" spans="1:4" x14ac:dyDescent="0.25">
      <c r="A27501" t="s">
        <v>41788</v>
      </c>
      <c r="B27501" t="s">
        <v>41790</v>
      </c>
      <c r="C27501">
        <v>0</v>
      </c>
      <c r="D27501">
        <v>0</v>
      </c>
    </row>
    <row r="27502" spans="1:4" x14ac:dyDescent="0.25">
      <c r="A27502" t="s">
        <v>41791</v>
      </c>
      <c r="B27502" t="s">
        <v>41792</v>
      </c>
      <c r="C27502">
        <v>0</v>
      </c>
      <c r="D27502">
        <v>0</v>
      </c>
    </row>
    <row r="27503" spans="1:4" x14ac:dyDescent="0.25">
      <c r="A27503" t="s">
        <v>41793</v>
      </c>
      <c r="B27503" t="s">
        <v>41794</v>
      </c>
      <c r="C27503">
        <v>0</v>
      </c>
      <c r="D27503">
        <v>0</v>
      </c>
    </row>
    <row r="27504" spans="1:4" x14ac:dyDescent="0.25">
      <c r="A27504" t="s">
        <v>41793</v>
      </c>
      <c r="B27504" t="s">
        <v>41795</v>
      </c>
      <c r="C27504">
        <v>1</v>
      </c>
      <c r="D27504">
        <v>0</v>
      </c>
    </row>
    <row r="27505" spans="1:4" x14ac:dyDescent="0.25">
      <c r="A27505" t="s">
        <v>41796</v>
      </c>
      <c r="B27505" t="s">
        <v>41797</v>
      </c>
      <c r="C27505">
        <v>2</v>
      </c>
      <c r="D27505">
        <v>0</v>
      </c>
    </row>
    <row r="27506" spans="1:4" x14ac:dyDescent="0.25">
      <c r="A27506" t="s">
        <v>41796</v>
      </c>
      <c r="B27506" t="s">
        <v>41798</v>
      </c>
      <c r="C27506">
        <v>1</v>
      </c>
      <c r="D27506">
        <v>0</v>
      </c>
    </row>
    <row r="27507" spans="1:4" x14ac:dyDescent="0.25">
      <c r="A27507" t="s">
        <v>41796</v>
      </c>
      <c r="B27507" t="s">
        <v>41799</v>
      </c>
      <c r="C27507">
        <v>0</v>
      </c>
      <c r="D27507">
        <v>0</v>
      </c>
    </row>
    <row r="27508" spans="1:4" x14ac:dyDescent="0.25">
      <c r="A27508" t="s">
        <v>41800</v>
      </c>
      <c r="B27508" t="s">
        <v>41801</v>
      </c>
      <c r="C27508">
        <v>0</v>
      </c>
      <c r="D27508">
        <v>0</v>
      </c>
    </row>
    <row r="27509" spans="1:4" x14ac:dyDescent="0.25">
      <c r="A27509" t="s">
        <v>41800</v>
      </c>
      <c r="B27509" t="s">
        <v>41802</v>
      </c>
      <c r="C27509">
        <v>0</v>
      </c>
      <c r="D27509">
        <v>0</v>
      </c>
    </row>
    <row r="27510" spans="1:4" x14ac:dyDescent="0.25">
      <c r="A27510" t="s">
        <v>41800</v>
      </c>
      <c r="B27510" t="s">
        <v>41803</v>
      </c>
      <c r="C27510">
        <v>1</v>
      </c>
      <c r="D27510">
        <v>0</v>
      </c>
    </row>
    <row r="27511" spans="1:4" x14ac:dyDescent="0.25">
      <c r="A27511" t="s">
        <v>41804</v>
      </c>
      <c r="B27511" t="s">
        <v>41805</v>
      </c>
      <c r="C27511">
        <v>0</v>
      </c>
      <c r="D27511">
        <v>0</v>
      </c>
    </row>
    <row r="27512" spans="1:4" x14ac:dyDescent="0.25">
      <c r="A27512" t="s">
        <v>41804</v>
      </c>
      <c r="B27512" t="s">
        <v>41806</v>
      </c>
      <c r="C27512">
        <v>0</v>
      </c>
      <c r="D27512">
        <v>0</v>
      </c>
    </row>
    <row r="27513" spans="1:4" x14ac:dyDescent="0.25">
      <c r="A27513" t="s">
        <v>41807</v>
      </c>
      <c r="B27513" t="s">
        <v>41808</v>
      </c>
      <c r="C27513">
        <v>1</v>
      </c>
      <c r="D27513">
        <v>0</v>
      </c>
    </row>
    <row r="27514" spans="1:4" x14ac:dyDescent="0.25">
      <c r="A27514" t="s">
        <v>41807</v>
      </c>
      <c r="B27514" t="s">
        <v>41809</v>
      </c>
      <c r="C27514">
        <v>2</v>
      </c>
      <c r="D27514">
        <v>0</v>
      </c>
    </row>
    <row r="27515" spans="1:4" x14ac:dyDescent="0.25">
      <c r="A27515" t="s">
        <v>41807</v>
      </c>
      <c r="B27515" t="s">
        <v>41810</v>
      </c>
      <c r="C27515">
        <v>1</v>
      </c>
      <c r="D27515">
        <v>0</v>
      </c>
    </row>
    <row r="27516" spans="1:4" x14ac:dyDescent="0.25">
      <c r="A27516" t="s">
        <v>41811</v>
      </c>
      <c r="B27516" t="s">
        <v>41812</v>
      </c>
      <c r="C27516">
        <v>1</v>
      </c>
      <c r="D27516">
        <v>0</v>
      </c>
    </row>
    <row r="27517" spans="1:4" x14ac:dyDescent="0.25">
      <c r="A27517" t="s">
        <v>41811</v>
      </c>
      <c r="B27517" t="s">
        <v>41813</v>
      </c>
      <c r="C27517">
        <v>1</v>
      </c>
      <c r="D27517">
        <v>0</v>
      </c>
    </row>
    <row r="27518" spans="1:4" x14ac:dyDescent="0.25">
      <c r="A27518" t="s">
        <v>41811</v>
      </c>
      <c r="B27518" t="s">
        <v>41814</v>
      </c>
      <c r="C27518">
        <v>1</v>
      </c>
      <c r="D27518">
        <v>0</v>
      </c>
    </row>
    <row r="27519" spans="1:4" x14ac:dyDescent="0.25">
      <c r="A27519" t="s">
        <v>41815</v>
      </c>
      <c r="B27519" t="s">
        <v>41816</v>
      </c>
      <c r="C27519">
        <v>2</v>
      </c>
      <c r="D27519">
        <v>0</v>
      </c>
    </row>
    <row r="27520" spans="1:4" x14ac:dyDescent="0.25">
      <c r="A27520" t="s">
        <v>41817</v>
      </c>
      <c r="B27520" t="s">
        <v>41818</v>
      </c>
      <c r="C27520">
        <v>0</v>
      </c>
      <c r="D27520">
        <v>0</v>
      </c>
    </row>
    <row r="27521" spans="1:4" x14ac:dyDescent="0.25">
      <c r="A27521" t="s">
        <v>41819</v>
      </c>
      <c r="B27521" t="s">
        <v>31440</v>
      </c>
      <c r="C27521">
        <v>0</v>
      </c>
      <c r="D27521">
        <v>0</v>
      </c>
    </row>
    <row r="27522" spans="1:4" x14ac:dyDescent="0.25">
      <c r="A27522" t="s">
        <v>41820</v>
      </c>
      <c r="B27522" t="s">
        <v>28544</v>
      </c>
      <c r="C27522">
        <v>0</v>
      </c>
      <c r="D27522">
        <v>0</v>
      </c>
    </row>
    <row r="27523" spans="1:4" x14ac:dyDescent="0.25">
      <c r="A27523" t="s">
        <v>41820</v>
      </c>
      <c r="B27523" t="s">
        <v>1294</v>
      </c>
      <c r="C27523">
        <v>1</v>
      </c>
      <c r="D27523">
        <v>0</v>
      </c>
    </row>
    <row r="27524" spans="1:4" x14ac:dyDescent="0.25">
      <c r="A27524" t="s">
        <v>41820</v>
      </c>
      <c r="B27524" t="s">
        <v>28545</v>
      </c>
      <c r="C27524">
        <v>0</v>
      </c>
      <c r="D27524">
        <v>0</v>
      </c>
    </row>
    <row r="27525" spans="1:4" x14ac:dyDescent="0.25">
      <c r="A27525" t="s">
        <v>41821</v>
      </c>
      <c r="B27525" t="s">
        <v>41822</v>
      </c>
      <c r="C27525">
        <v>0</v>
      </c>
      <c r="D27525">
        <v>0</v>
      </c>
    </row>
    <row r="27526" spans="1:4" x14ac:dyDescent="0.25">
      <c r="A27526" t="s">
        <v>41821</v>
      </c>
      <c r="B27526" t="s">
        <v>41823</v>
      </c>
      <c r="C27526">
        <v>0</v>
      </c>
      <c r="D27526">
        <v>0</v>
      </c>
    </row>
    <row r="27527" spans="1:4" x14ac:dyDescent="0.25">
      <c r="A27527" t="s">
        <v>41821</v>
      </c>
      <c r="B27527" t="s">
        <v>41824</v>
      </c>
      <c r="C27527">
        <v>2</v>
      </c>
      <c r="D27527">
        <v>0</v>
      </c>
    </row>
    <row r="27528" spans="1:4" x14ac:dyDescent="0.25">
      <c r="A27528" t="s">
        <v>41825</v>
      </c>
      <c r="B27528" t="s">
        <v>11398</v>
      </c>
      <c r="C27528">
        <v>1</v>
      </c>
      <c r="D27528">
        <v>0</v>
      </c>
    </row>
    <row r="27529" spans="1:4" x14ac:dyDescent="0.25">
      <c r="A27529" t="s">
        <v>41825</v>
      </c>
      <c r="B27529" t="s">
        <v>41826</v>
      </c>
      <c r="C27529">
        <v>1</v>
      </c>
      <c r="D27529">
        <v>0</v>
      </c>
    </row>
    <row r="27530" spans="1:4" x14ac:dyDescent="0.25">
      <c r="A27530" t="s">
        <v>41827</v>
      </c>
      <c r="B27530" t="s">
        <v>41828</v>
      </c>
      <c r="C27530">
        <v>1</v>
      </c>
      <c r="D27530">
        <v>0</v>
      </c>
    </row>
    <row r="27531" spans="1:4" x14ac:dyDescent="0.25">
      <c r="A27531" t="s">
        <v>41829</v>
      </c>
      <c r="B27531" t="s">
        <v>41830</v>
      </c>
      <c r="C27531">
        <v>0</v>
      </c>
      <c r="D27531">
        <v>0</v>
      </c>
    </row>
    <row r="27532" spans="1:4" x14ac:dyDescent="0.25">
      <c r="A27532" t="s">
        <v>41831</v>
      </c>
      <c r="B27532" t="s">
        <v>41832</v>
      </c>
      <c r="C27532">
        <v>0</v>
      </c>
      <c r="D27532">
        <v>0</v>
      </c>
    </row>
    <row r="27533" spans="1:4" x14ac:dyDescent="0.25">
      <c r="A27533" t="s">
        <v>41831</v>
      </c>
      <c r="B27533" t="s">
        <v>41833</v>
      </c>
      <c r="C27533">
        <v>0</v>
      </c>
      <c r="D27533">
        <v>0</v>
      </c>
    </row>
    <row r="27534" spans="1:4" x14ac:dyDescent="0.25">
      <c r="A27534" t="s">
        <v>41834</v>
      </c>
      <c r="B27534" t="s">
        <v>41835</v>
      </c>
      <c r="C27534">
        <v>2</v>
      </c>
      <c r="D27534">
        <v>0</v>
      </c>
    </row>
    <row r="27535" spans="1:4" x14ac:dyDescent="0.25">
      <c r="A27535" t="s">
        <v>41834</v>
      </c>
      <c r="B27535" t="s">
        <v>41836</v>
      </c>
      <c r="C27535">
        <v>1</v>
      </c>
      <c r="D27535">
        <v>0</v>
      </c>
    </row>
    <row r="27536" spans="1:4" x14ac:dyDescent="0.25">
      <c r="A27536" t="s">
        <v>41834</v>
      </c>
      <c r="B27536" t="s">
        <v>41837</v>
      </c>
      <c r="C27536">
        <v>1</v>
      </c>
      <c r="D27536">
        <v>0</v>
      </c>
    </row>
    <row r="27537" spans="1:4" x14ac:dyDescent="0.25">
      <c r="A27537" t="s">
        <v>41838</v>
      </c>
      <c r="B27537" t="s">
        <v>41839</v>
      </c>
      <c r="C27537">
        <v>2</v>
      </c>
      <c r="D27537">
        <v>0</v>
      </c>
    </row>
    <row r="27538" spans="1:4" x14ac:dyDescent="0.25">
      <c r="A27538" t="s">
        <v>41838</v>
      </c>
      <c r="B27538" t="s">
        <v>41840</v>
      </c>
      <c r="C27538">
        <v>2</v>
      </c>
      <c r="D27538">
        <v>0</v>
      </c>
    </row>
    <row r="27539" spans="1:4" x14ac:dyDescent="0.25">
      <c r="A27539" t="s">
        <v>41841</v>
      </c>
      <c r="B27539" t="s">
        <v>41842</v>
      </c>
      <c r="C27539">
        <v>0</v>
      </c>
      <c r="D27539">
        <v>0</v>
      </c>
    </row>
    <row r="27540" spans="1:4" x14ac:dyDescent="0.25">
      <c r="A27540" t="s">
        <v>41841</v>
      </c>
      <c r="B27540" t="s">
        <v>41843</v>
      </c>
      <c r="C27540">
        <v>0</v>
      </c>
      <c r="D27540">
        <v>0</v>
      </c>
    </row>
    <row r="27541" spans="1:4" x14ac:dyDescent="0.25">
      <c r="A27541" t="s">
        <v>41844</v>
      </c>
      <c r="B27541" t="s">
        <v>41845</v>
      </c>
      <c r="C27541">
        <v>2</v>
      </c>
      <c r="D27541">
        <v>0</v>
      </c>
    </row>
    <row r="27542" spans="1:4" x14ac:dyDescent="0.25">
      <c r="A27542" t="s">
        <v>41844</v>
      </c>
      <c r="B27542" t="s">
        <v>41846</v>
      </c>
      <c r="C27542">
        <v>2</v>
      </c>
      <c r="D27542">
        <v>0</v>
      </c>
    </row>
    <row r="27543" spans="1:4" x14ac:dyDescent="0.25">
      <c r="A27543" t="s">
        <v>41847</v>
      </c>
      <c r="B27543" t="s">
        <v>13882</v>
      </c>
      <c r="C27543">
        <v>1</v>
      </c>
      <c r="D27543">
        <v>0</v>
      </c>
    </row>
    <row r="27544" spans="1:4" x14ac:dyDescent="0.25">
      <c r="A27544" t="s">
        <v>41847</v>
      </c>
      <c r="B27544" t="s">
        <v>41848</v>
      </c>
      <c r="C27544">
        <v>2</v>
      </c>
      <c r="D27544">
        <v>0</v>
      </c>
    </row>
    <row r="27545" spans="1:4" x14ac:dyDescent="0.25">
      <c r="A27545" t="s">
        <v>41847</v>
      </c>
      <c r="B27545" t="s">
        <v>41849</v>
      </c>
      <c r="C27545">
        <v>0</v>
      </c>
      <c r="D27545">
        <v>0</v>
      </c>
    </row>
    <row r="27546" spans="1:4" x14ac:dyDescent="0.25">
      <c r="A27546" t="s">
        <v>41850</v>
      </c>
      <c r="B27546" t="s">
        <v>41851</v>
      </c>
      <c r="C27546">
        <v>2</v>
      </c>
      <c r="D27546">
        <v>0</v>
      </c>
    </row>
    <row r="27547" spans="1:4" x14ac:dyDescent="0.25">
      <c r="A27547" t="s">
        <v>41850</v>
      </c>
      <c r="B27547" t="s">
        <v>41852</v>
      </c>
      <c r="C27547">
        <v>1</v>
      </c>
      <c r="D27547">
        <v>0</v>
      </c>
    </row>
    <row r="27548" spans="1:4" x14ac:dyDescent="0.25">
      <c r="A27548" t="s">
        <v>41853</v>
      </c>
      <c r="B27548" t="s">
        <v>41854</v>
      </c>
      <c r="C27548">
        <v>1</v>
      </c>
      <c r="D27548">
        <v>0</v>
      </c>
    </row>
    <row r="27549" spans="1:4" x14ac:dyDescent="0.25">
      <c r="A27549" t="s">
        <v>41853</v>
      </c>
      <c r="B27549" t="s">
        <v>41855</v>
      </c>
      <c r="C27549">
        <v>0</v>
      </c>
      <c r="D27549">
        <v>0</v>
      </c>
    </row>
    <row r="27550" spans="1:4" x14ac:dyDescent="0.25">
      <c r="A27550" t="s">
        <v>41853</v>
      </c>
      <c r="B27550" t="s">
        <v>41856</v>
      </c>
      <c r="C27550">
        <v>1</v>
      </c>
      <c r="D27550">
        <v>0</v>
      </c>
    </row>
    <row r="27551" spans="1:4" x14ac:dyDescent="0.25">
      <c r="A27551" t="s">
        <v>41857</v>
      </c>
      <c r="B27551" t="s">
        <v>41858</v>
      </c>
      <c r="C27551">
        <v>1</v>
      </c>
      <c r="D27551">
        <v>0</v>
      </c>
    </row>
    <row r="27552" spans="1:4" x14ac:dyDescent="0.25">
      <c r="A27552" t="s">
        <v>41859</v>
      </c>
      <c r="B27552" t="s">
        <v>41860</v>
      </c>
      <c r="C27552">
        <v>1</v>
      </c>
      <c r="D27552">
        <v>0</v>
      </c>
    </row>
    <row r="27553" spans="1:4" x14ac:dyDescent="0.25">
      <c r="A27553" t="s">
        <v>41859</v>
      </c>
      <c r="B27553" t="s">
        <v>41861</v>
      </c>
      <c r="C27553">
        <v>1</v>
      </c>
      <c r="D27553">
        <v>0</v>
      </c>
    </row>
    <row r="27554" spans="1:4" x14ac:dyDescent="0.25">
      <c r="A27554" t="s">
        <v>41859</v>
      </c>
      <c r="B27554" t="s">
        <v>41862</v>
      </c>
      <c r="C27554">
        <v>1</v>
      </c>
      <c r="D27554">
        <v>0</v>
      </c>
    </row>
    <row r="27555" spans="1:4" x14ac:dyDescent="0.25">
      <c r="A27555" t="s">
        <v>41863</v>
      </c>
      <c r="B27555" t="s">
        <v>41864</v>
      </c>
      <c r="C27555">
        <v>2</v>
      </c>
      <c r="D27555">
        <v>0</v>
      </c>
    </row>
    <row r="27556" spans="1:4" x14ac:dyDescent="0.25">
      <c r="A27556" t="s">
        <v>41863</v>
      </c>
      <c r="B27556" t="s">
        <v>41865</v>
      </c>
      <c r="C27556">
        <v>0</v>
      </c>
      <c r="D27556">
        <v>0</v>
      </c>
    </row>
    <row r="27557" spans="1:4" x14ac:dyDescent="0.25">
      <c r="A27557" t="s">
        <v>41866</v>
      </c>
      <c r="B27557" t="s">
        <v>41867</v>
      </c>
      <c r="C27557">
        <v>2</v>
      </c>
      <c r="D27557">
        <v>0</v>
      </c>
    </row>
    <row r="27558" spans="1:4" x14ac:dyDescent="0.25">
      <c r="A27558" t="s">
        <v>41866</v>
      </c>
      <c r="B27558" t="s">
        <v>41868</v>
      </c>
      <c r="C27558">
        <v>2</v>
      </c>
      <c r="D27558">
        <v>0</v>
      </c>
    </row>
    <row r="27559" spans="1:4" x14ac:dyDescent="0.25">
      <c r="A27559" t="s">
        <v>41866</v>
      </c>
      <c r="B27559" t="s">
        <v>41869</v>
      </c>
      <c r="C27559">
        <v>0</v>
      </c>
      <c r="D27559">
        <v>0</v>
      </c>
    </row>
    <row r="27560" spans="1:4" x14ac:dyDescent="0.25">
      <c r="A27560" t="s">
        <v>41870</v>
      </c>
      <c r="B27560" t="s">
        <v>41871</v>
      </c>
      <c r="C27560">
        <v>1</v>
      </c>
      <c r="D27560">
        <v>0</v>
      </c>
    </row>
    <row r="27561" spans="1:4" x14ac:dyDescent="0.25">
      <c r="A27561" t="s">
        <v>41872</v>
      </c>
      <c r="B27561" t="s">
        <v>41873</v>
      </c>
      <c r="C27561">
        <v>1</v>
      </c>
      <c r="D27561">
        <v>0</v>
      </c>
    </row>
    <row r="27562" spans="1:4" x14ac:dyDescent="0.25">
      <c r="A27562" t="s">
        <v>41872</v>
      </c>
      <c r="B27562" t="s">
        <v>41874</v>
      </c>
      <c r="C27562">
        <v>1</v>
      </c>
      <c r="D27562">
        <v>0</v>
      </c>
    </row>
    <row r="27563" spans="1:4" x14ac:dyDescent="0.25">
      <c r="A27563" t="s">
        <v>41872</v>
      </c>
      <c r="B27563" t="s">
        <v>41875</v>
      </c>
      <c r="C27563">
        <v>0</v>
      </c>
      <c r="D27563">
        <v>0</v>
      </c>
    </row>
    <row r="27564" spans="1:4" x14ac:dyDescent="0.25">
      <c r="A27564" t="s">
        <v>41876</v>
      </c>
      <c r="B27564" t="s">
        <v>41877</v>
      </c>
      <c r="C27564">
        <v>1</v>
      </c>
      <c r="D27564">
        <v>0</v>
      </c>
    </row>
    <row r="27565" spans="1:4" x14ac:dyDescent="0.25">
      <c r="A27565" t="s">
        <v>41876</v>
      </c>
      <c r="B27565" t="s">
        <v>41878</v>
      </c>
      <c r="C27565">
        <v>0</v>
      </c>
      <c r="D27565">
        <v>0</v>
      </c>
    </row>
    <row r="27566" spans="1:4" x14ac:dyDescent="0.25">
      <c r="A27566" t="s">
        <v>41879</v>
      </c>
      <c r="B27566" t="s">
        <v>41880</v>
      </c>
      <c r="C27566">
        <v>0</v>
      </c>
      <c r="D27566">
        <v>0</v>
      </c>
    </row>
    <row r="27567" spans="1:4" x14ac:dyDescent="0.25">
      <c r="A27567" t="s">
        <v>41879</v>
      </c>
      <c r="B27567" t="s">
        <v>41881</v>
      </c>
      <c r="C27567">
        <v>0</v>
      </c>
      <c r="D27567">
        <v>0</v>
      </c>
    </row>
    <row r="27568" spans="1:4" x14ac:dyDescent="0.25">
      <c r="A27568" t="s">
        <v>41882</v>
      </c>
      <c r="B27568" t="s">
        <v>41883</v>
      </c>
      <c r="C27568">
        <v>0</v>
      </c>
      <c r="D27568">
        <v>0</v>
      </c>
    </row>
    <row r="27569" spans="1:4" x14ac:dyDescent="0.25">
      <c r="A27569" t="s">
        <v>41884</v>
      </c>
      <c r="B27569" t="s">
        <v>41885</v>
      </c>
      <c r="C27569">
        <v>0</v>
      </c>
      <c r="D27569">
        <v>0</v>
      </c>
    </row>
    <row r="27570" spans="1:4" x14ac:dyDescent="0.25">
      <c r="A27570" t="s">
        <v>41884</v>
      </c>
      <c r="B27570" t="s">
        <v>41886</v>
      </c>
      <c r="C27570">
        <v>0</v>
      </c>
      <c r="D27570">
        <v>0</v>
      </c>
    </row>
    <row r="27571" spans="1:4" x14ac:dyDescent="0.25">
      <c r="A27571" t="s">
        <v>41887</v>
      </c>
      <c r="B27571" t="s">
        <v>41888</v>
      </c>
      <c r="C27571">
        <v>1</v>
      </c>
      <c r="D27571">
        <v>0</v>
      </c>
    </row>
    <row r="27572" spans="1:4" x14ac:dyDescent="0.25">
      <c r="A27572" t="s">
        <v>41889</v>
      </c>
      <c r="B27572" t="s">
        <v>41890</v>
      </c>
      <c r="C27572">
        <v>1</v>
      </c>
      <c r="D27572">
        <v>0</v>
      </c>
    </row>
    <row r="27573" spans="1:4" x14ac:dyDescent="0.25">
      <c r="A27573" t="s">
        <v>41889</v>
      </c>
      <c r="B27573" t="s">
        <v>41891</v>
      </c>
      <c r="C27573">
        <v>2</v>
      </c>
      <c r="D27573">
        <v>0</v>
      </c>
    </row>
    <row r="27574" spans="1:4" x14ac:dyDescent="0.25">
      <c r="A27574" t="s">
        <v>41892</v>
      </c>
      <c r="B27574" t="s">
        <v>41893</v>
      </c>
      <c r="C27574">
        <v>0</v>
      </c>
      <c r="D27574">
        <v>0</v>
      </c>
    </row>
    <row r="27575" spans="1:4" x14ac:dyDescent="0.25">
      <c r="A27575" t="s">
        <v>41892</v>
      </c>
      <c r="B27575" t="s">
        <v>41894</v>
      </c>
      <c r="C27575">
        <v>2</v>
      </c>
      <c r="D27575">
        <v>0</v>
      </c>
    </row>
    <row r="27576" spans="1:4" x14ac:dyDescent="0.25">
      <c r="A27576" t="s">
        <v>41892</v>
      </c>
      <c r="B27576" t="s">
        <v>41895</v>
      </c>
      <c r="C27576">
        <v>1</v>
      </c>
      <c r="D27576">
        <v>0</v>
      </c>
    </row>
    <row r="27577" spans="1:4" x14ac:dyDescent="0.25">
      <c r="A27577" t="s">
        <v>41896</v>
      </c>
      <c r="B27577" t="s">
        <v>41897</v>
      </c>
      <c r="C27577">
        <v>2</v>
      </c>
      <c r="D27577">
        <v>0</v>
      </c>
    </row>
    <row r="27578" spans="1:4" x14ac:dyDescent="0.25">
      <c r="A27578" t="s">
        <v>41898</v>
      </c>
      <c r="B27578" t="s">
        <v>41899</v>
      </c>
      <c r="C27578">
        <v>1</v>
      </c>
      <c r="D27578">
        <v>0</v>
      </c>
    </row>
    <row r="27579" spans="1:4" x14ac:dyDescent="0.25">
      <c r="A27579" t="s">
        <v>41900</v>
      </c>
      <c r="B27579" t="s">
        <v>852</v>
      </c>
      <c r="C27579">
        <v>0</v>
      </c>
      <c r="D27579">
        <v>0</v>
      </c>
    </row>
    <row r="27580" spans="1:4" x14ac:dyDescent="0.25">
      <c r="A27580" t="s">
        <v>41901</v>
      </c>
      <c r="B27580" t="s">
        <v>41902</v>
      </c>
      <c r="C27580">
        <v>2</v>
      </c>
      <c r="D27580">
        <v>0</v>
      </c>
    </row>
    <row r="27581" spans="1:4" x14ac:dyDescent="0.25">
      <c r="A27581" t="s">
        <v>41901</v>
      </c>
      <c r="B27581" t="s">
        <v>41903</v>
      </c>
      <c r="C27581">
        <v>1</v>
      </c>
      <c r="D27581">
        <v>0</v>
      </c>
    </row>
    <row r="27582" spans="1:4" x14ac:dyDescent="0.25">
      <c r="A27582" t="s">
        <v>41904</v>
      </c>
      <c r="B27582" t="s">
        <v>41905</v>
      </c>
      <c r="C27582">
        <v>2</v>
      </c>
      <c r="D27582">
        <v>0</v>
      </c>
    </row>
    <row r="27583" spans="1:4" x14ac:dyDescent="0.25">
      <c r="A27583" t="s">
        <v>41904</v>
      </c>
      <c r="B27583" t="s">
        <v>3049</v>
      </c>
      <c r="C27583">
        <v>1</v>
      </c>
      <c r="D27583">
        <v>0</v>
      </c>
    </row>
    <row r="27584" spans="1:4" x14ac:dyDescent="0.25">
      <c r="A27584" t="s">
        <v>41904</v>
      </c>
      <c r="B27584" t="s">
        <v>41906</v>
      </c>
      <c r="C27584">
        <v>1</v>
      </c>
      <c r="D27584">
        <v>0</v>
      </c>
    </row>
    <row r="27585" spans="1:4" x14ac:dyDescent="0.25">
      <c r="A27585" t="s">
        <v>41907</v>
      </c>
      <c r="B27585" t="s">
        <v>41908</v>
      </c>
      <c r="C27585">
        <v>0</v>
      </c>
      <c r="D27585">
        <v>0</v>
      </c>
    </row>
    <row r="27586" spans="1:4" x14ac:dyDescent="0.25">
      <c r="A27586" t="s">
        <v>41907</v>
      </c>
      <c r="B27586" t="s">
        <v>41909</v>
      </c>
      <c r="C27586">
        <v>0</v>
      </c>
      <c r="D27586">
        <v>0</v>
      </c>
    </row>
    <row r="27587" spans="1:4" x14ac:dyDescent="0.25">
      <c r="A27587" t="s">
        <v>41907</v>
      </c>
      <c r="B27587" t="s">
        <v>41910</v>
      </c>
      <c r="C27587">
        <v>0</v>
      </c>
      <c r="D27587">
        <v>0</v>
      </c>
    </row>
    <row r="27588" spans="1:4" x14ac:dyDescent="0.25">
      <c r="A27588" t="s">
        <v>41911</v>
      </c>
      <c r="B27588" t="s">
        <v>41912</v>
      </c>
      <c r="C27588">
        <v>0</v>
      </c>
      <c r="D27588">
        <v>0</v>
      </c>
    </row>
    <row r="27589" spans="1:4" x14ac:dyDescent="0.25">
      <c r="A27589" t="s">
        <v>41913</v>
      </c>
      <c r="B27589" t="s">
        <v>41914</v>
      </c>
      <c r="C27589">
        <v>1</v>
      </c>
      <c r="D27589">
        <v>0</v>
      </c>
    </row>
    <row r="27590" spans="1:4" x14ac:dyDescent="0.25">
      <c r="A27590" t="s">
        <v>41913</v>
      </c>
      <c r="B27590" t="s">
        <v>41915</v>
      </c>
      <c r="C27590">
        <v>1</v>
      </c>
      <c r="D27590">
        <v>0</v>
      </c>
    </row>
    <row r="27591" spans="1:4" x14ac:dyDescent="0.25">
      <c r="A27591" t="s">
        <v>41913</v>
      </c>
      <c r="B27591" t="s">
        <v>41916</v>
      </c>
      <c r="C27591">
        <v>1</v>
      </c>
      <c r="D27591">
        <v>0</v>
      </c>
    </row>
    <row r="27592" spans="1:4" x14ac:dyDescent="0.25">
      <c r="A27592" t="s">
        <v>41917</v>
      </c>
      <c r="B27592" t="s">
        <v>2267</v>
      </c>
      <c r="C27592">
        <v>1</v>
      </c>
      <c r="D27592">
        <v>0</v>
      </c>
    </row>
    <row r="27593" spans="1:4" x14ac:dyDescent="0.25">
      <c r="A27593" t="s">
        <v>41917</v>
      </c>
      <c r="B27593" t="s">
        <v>1101</v>
      </c>
      <c r="C27593">
        <v>1</v>
      </c>
      <c r="D27593">
        <v>0</v>
      </c>
    </row>
    <row r="27594" spans="1:4" x14ac:dyDescent="0.25">
      <c r="A27594" t="s">
        <v>41918</v>
      </c>
      <c r="B27594" t="s">
        <v>41919</v>
      </c>
      <c r="C27594">
        <v>2</v>
      </c>
      <c r="D27594">
        <v>0</v>
      </c>
    </row>
    <row r="27595" spans="1:4" x14ac:dyDescent="0.25">
      <c r="A27595" t="s">
        <v>41920</v>
      </c>
      <c r="B27595" t="s">
        <v>41921</v>
      </c>
      <c r="C27595">
        <v>1</v>
      </c>
      <c r="D27595">
        <v>0</v>
      </c>
    </row>
    <row r="27596" spans="1:4" x14ac:dyDescent="0.25">
      <c r="A27596" t="s">
        <v>41920</v>
      </c>
      <c r="B27596" t="s">
        <v>41922</v>
      </c>
      <c r="C27596">
        <v>1</v>
      </c>
      <c r="D27596">
        <v>0</v>
      </c>
    </row>
    <row r="27597" spans="1:4" x14ac:dyDescent="0.25">
      <c r="A27597" t="s">
        <v>41923</v>
      </c>
      <c r="B27597" t="s">
        <v>41924</v>
      </c>
      <c r="C27597">
        <v>1</v>
      </c>
      <c r="D27597">
        <v>0</v>
      </c>
    </row>
    <row r="27598" spans="1:4" x14ac:dyDescent="0.25">
      <c r="A27598" t="s">
        <v>41923</v>
      </c>
      <c r="B27598" t="s">
        <v>41925</v>
      </c>
      <c r="C27598">
        <v>1</v>
      </c>
      <c r="D27598">
        <v>0</v>
      </c>
    </row>
    <row r="27599" spans="1:4" x14ac:dyDescent="0.25">
      <c r="A27599" t="s">
        <v>41923</v>
      </c>
      <c r="B27599" t="s">
        <v>41926</v>
      </c>
      <c r="C27599">
        <v>2</v>
      </c>
      <c r="D27599">
        <v>0</v>
      </c>
    </row>
    <row r="27600" spans="1:4" x14ac:dyDescent="0.25">
      <c r="A27600" t="s">
        <v>41927</v>
      </c>
      <c r="B27600" t="s">
        <v>41928</v>
      </c>
      <c r="C27600">
        <v>1</v>
      </c>
      <c r="D27600">
        <v>0</v>
      </c>
    </row>
    <row r="27601" spans="1:4" x14ac:dyDescent="0.25">
      <c r="A27601" t="s">
        <v>41927</v>
      </c>
      <c r="B27601" t="s">
        <v>41929</v>
      </c>
      <c r="C27601">
        <v>1</v>
      </c>
      <c r="D27601">
        <v>0</v>
      </c>
    </row>
    <row r="27602" spans="1:4" x14ac:dyDescent="0.25">
      <c r="A27602" t="s">
        <v>41930</v>
      </c>
      <c r="B27602" t="s">
        <v>41931</v>
      </c>
      <c r="C27602">
        <v>1</v>
      </c>
      <c r="D27602">
        <v>0</v>
      </c>
    </row>
    <row r="27603" spans="1:4" x14ac:dyDescent="0.25">
      <c r="A27603" t="s">
        <v>41930</v>
      </c>
      <c r="B27603" t="s">
        <v>41932</v>
      </c>
      <c r="C27603">
        <v>0</v>
      </c>
      <c r="D27603">
        <v>0</v>
      </c>
    </row>
    <row r="27604" spans="1:4" x14ac:dyDescent="0.25">
      <c r="A27604" t="s">
        <v>41933</v>
      </c>
      <c r="B27604" t="s">
        <v>41934</v>
      </c>
      <c r="C27604">
        <v>1</v>
      </c>
      <c r="D27604">
        <v>0</v>
      </c>
    </row>
    <row r="27605" spans="1:4" x14ac:dyDescent="0.25">
      <c r="A27605" t="s">
        <v>41933</v>
      </c>
      <c r="B27605" t="s">
        <v>41935</v>
      </c>
      <c r="C27605">
        <v>0</v>
      </c>
      <c r="D27605">
        <v>0</v>
      </c>
    </row>
    <row r="27606" spans="1:4" x14ac:dyDescent="0.25">
      <c r="A27606" t="s">
        <v>41936</v>
      </c>
      <c r="B27606" t="s">
        <v>3578</v>
      </c>
      <c r="C27606">
        <v>1</v>
      </c>
      <c r="D27606">
        <v>0</v>
      </c>
    </row>
    <row r="27607" spans="1:4" x14ac:dyDescent="0.25">
      <c r="A27607" t="s">
        <v>41937</v>
      </c>
      <c r="B27607" t="s">
        <v>41938</v>
      </c>
      <c r="C27607">
        <v>2</v>
      </c>
      <c r="D27607">
        <v>0</v>
      </c>
    </row>
    <row r="27608" spans="1:4" x14ac:dyDescent="0.25">
      <c r="A27608" t="s">
        <v>41937</v>
      </c>
      <c r="B27608" t="s">
        <v>41939</v>
      </c>
      <c r="C27608">
        <v>2</v>
      </c>
      <c r="D27608">
        <v>0</v>
      </c>
    </row>
    <row r="27609" spans="1:4" x14ac:dyDescent="0.25">
      <c r="A27609" t="s">
        <v>41940</v>
      </c>
      <c r="B27609" t="s">
        <v>41941</v>
      </c>
      <c r="C27609">
        <v>2</v>
      </c>
      <c r="D27609">
        <v>0</v>
      </c>
    </row>
    <row r="27610" spans="1:4" x14ac:dyDescent="0.25">
      <c r="A27610" t="s">
        <v>41942</v>
      </c>
      <c r="B27610" t="s">
        <v>41943</v>
      </c>
      <c r="C27610">
        <v>2</v>
      </c>
      <c r="D27610">
        <v>0</v>
      </c>
    </row>
    <row r="27611" spans="1:4" x14ac:dyDescent="0.25">
      <c r="A27611" t="s">
        <v>41942</v>
      </c>
      <c r="B27611" t="s">
        <v>41944</v>
      </c>
      <c r="C27611">
        <v>2</v>
      </c>
      <c r="D27611">
        <v>0</v>
      </c>
    </row>
    <row r="27612" spans="1:4" x14ac:dyDescent="0.25">
      <c r="A27612" t="s">
        <v>41942</v>
      </c>
      <c r="B27612" t="s">
        <v>41945</v>
      </c>
      <c r="C27612">
        <v>1</v>
      </c>
      <c r="D27612">
        <v>0</v>
      </c>
    </row>
    <row r="27613" spans="1:4" x14ac:dyDescent="0.25">
      <c r="A27613" t="s">
        <v>41946</v>
      </c>
      <c r="B27613" t="s">
        <v>9425</v>
      </c>
      <c r="C27613">
        <v>0</v>
      </c>
      <c r="D27613">
        <v>0</v>
      </c>
    </row>
    <row r="27614" spans="1:4" x14ac:dyDescent="0.25">
      <c r="A27614" t="s">
        <v>41946</v>
      </c>
      <c r="B27614" t="s">
        <v>41947</v>
      </c>
      <c r="C27614">
        <v>0</v>
      </c>
      <c r="D27614">
        <v>0</v>
      </c>
    </row>
    <row r="27615" spans="1:4" x14ac:dyDescent="0.25">
      <c r="A27615" t="s">
        <v>41946</v>
      </c>
      <c r="B27615" t="s">
        <v>41948</v>
      </c>
      <c r="C27615">
        <v>0</v>
      </c>
      <c r="D27615">
        <v>0</v>
      </c>
    </row>
    <row r="27616" spans="1:4" x14ac:dyDescent="0.25">
      <c r="A27616" t="s">
        <v>41949</v>
      </c>
      <c r="B27616" t="s">
        <v>4637</v>
      </c>
      <c r="C27616">
        <v>1</v>
      </c>
      <c r="D27616">
        <v>0</v>
      </c>
    </row>
    <row r="27617" spans="1:4" x14ac:dyDescent="0.25">
      <c r="A27617" t="s">
        <v>41949</v>
      </c>
      <c r="B27617" t="s">
        <v>41950</v>
      </c>
      <c r="C27617">
        <v>1</v>
      </c>
      <c r="D27617">
        <v>0</v>
      </c>
    </row>
    <row r="27618" spans="1:4" x14ac:dyDescent="0.25">
      <c r="A27618" t="s">
        <v>41949</v>
      </c>
      <c r="B27618" t="s">
        <v>41951</v>
      </c>
      <c r="C27618">
        <v>1</v>
      </c>
      <c r="D27618">
        <v>0</v>
      </c>
    </row>
    <row r="27619" spans="1:4" x14ac:dyDescent="0.25">
      <c r="A27619" t="s">
        <v>41952</v>
      </c>
      <c r="B27619" t="s">
        <v>41953</v>
      </c>
      <c r="C27619">
        <v>0</v>
      </c>
      <c r="D27619">
        <v>0</v>
      </c>
    </row>
    <row r="27620" spans="1:4" x14ac:dyDescent="0.25">
      <c r="A27620" t="s">
        <v>41954</v>
      </c>
      <c r="B27620" t="s">
        <v>8664</v>
      </c>
      <c r="C27620">
        <v>0</v>
      </c>
      <c r="D27620">
        <v>0</v>
      </c>
    </row>
    <row r="27621" spans="1:4" x14ac:dyDescent="0.25">
      <c r="A27621" t="s">
        <v>41954</v>
      </c>
      <c r="B27621" t="s">
        <v>41955</v>
      </c>
      <c r="C27621">
        <v>2</v>
      </c>
      <c r="D27621">
        <v>0</v>
      </c>
    </row>
    <row r="27622" spans="1:4" x14ac:dyDescent="0.25">
      <c r="A27622" t="s">
        <v>41954</v>
      </c>
      <c r="B27622" t="s">
        <v>41956</v>
      </c>
      <c r="C27622">
        <v>2</v>
      </c>
      <c r="D27622">
        <v>0</v>
      </c>
    </row>
    <row r="27623" spans="1:4" x14ac:dyDescent="0.25">
      <c r="A27623" t="s">
        <v>41957</v>
      </c>
      <c r="B27623" t="s">
        <v>41860</v>
      </c>
      <c r="C27623">
        <v>1</v>
      </c>
      <c r="D27623">
        <v>0</v>
      </c>
    </row>
    <row r="27624" spans="1:4" x14ac:dyDescent="0.25">
      <c r="A27624" t="s">
        <v>41958</v>
      </c>
      <c r="B27624" t="s">
        <v>2267</v>
      </c>
      <c r="C27624">
        <v>0</v>
      </c>
      <c r="D27624">
        <v>0</v>
      </c>
    </row>
    <row r="27625" spans="1:4" x14ac:dyDescent="0.25">
      <c r="A27625" t="s">
        <v>41958</v>
      </c>
      <c r="B27625" t="s">
        <v>1101</v>
      </c>
      <c r="C27625">
        <v>1</v>
      </c>
      <c r="D27625">
        <v>0</v>
      </c>
    </row>
    <row r="27626" spans="1:4" x14ac:dyDescent="0.25">
      <c r="A27626" t="s">
        <v>41959</v>
      </c>
      <c r="B27626" t="s">
        <v>41960</v>
      </c>
      <c r="C27626">
        <v>2</v>
      </c>
      <c r="D27626">
        <v>0</v>
      </c>
    </row>
    <row r="27627" spans="1:4" x14ac:dyDescent="0.25">
      <c r="A27627" t="s">
        <v>41959</v>
      </c>
      <c r="B27627" t="s">
        <v>41961</v>
      </c>
      <c r="C27627">
        <v>1</v>
      </c>
      <c r="D27627">
        <v>0</v>
      </c>
    </row>
    <row r="27628" spans="1:4" x14ac:dyDescent="0.25">
      <c r="A27628" t="s">
        <v>41959</v>
      </c>
      <c r="B27628" t="s">
        <v>11867</v>
      </c>
      <c r="C27628">
        <v>0</v>
      </c>
      <c r="D27628">
        <v>0</v>
      </c>
    </row>
    <row r="27629" spans="1:4" x14ac:dyDescent="0.25">
      <c r="A27629" t="s">
        <v>41962</v>
      </c>
      <c r="B27629" t="s">
        <v>41963</v>
      </c>
      <c r="C27629">
        <v>2</v>
      </c>
      <c r="D27629">
        <v>0</v>
      </c>
    </row>
    <row r="27630" spans="1:4" x14ac:dyDescent="0.25">
      <c r="A27630" t="s">
        <v>41962</v>
      </c>
      <c r="B27630" t="s">
        <v>41964</v>
      </c>
      <c r="C27630">
        <v>1</v>
      </c>
      <c r="D27630">
        <v>0</v>
      </c>
    </row>
    <row r="27631" spans="1:4" x14ac:dyDescent="0.25">
      <c r="A27631" t="s">
        <v>41965</v>
      </c>
      <c r="B27631" t="s">
        <v>945</v>
      </c>
      <c r="C27631">
        <v>1</v>
      </c>
      <c r="D27631">
        <v>0</v>
      </c>
    </row>
    <row r="27632" spans="1:4" x14ac:dyDescent="0.25">
      <c r="A27632" t="s">
        <v>41966</v>
      </c>
      <c r="B27632" t="s">
        <v>41967</v>
      </c>
      <c r="C27632">
        <v>2</v>
      </c>
      <c r="D27632">
        <v>0</v>
      </c>
    </row>
    <row r="27633" spans="1:4" x14ac:dyDescent="0.25">
      <c r="A27633" t="s">
        <v>41966</v>
      </c>
      <c r="B27633" t="s">
        <v>41968</v>
      </c>
      <c r="C27633">
        <v>1</v>
      </c>
      <c r="D27633">
        <v>0</v>
      </c>
    </row>
    <row r="27634" spans="1:4" x14ac:dyDescent="0.25">
      <c r="A27634" t="s">
        <v>41969</v>
      </c>
      <c r="B27634" t="s">
        <v>41970</v>
      </c>
      <c r="C27634">
        <v>1</v>
      </c>
      <c r="D27634">
        <v>0</v>
      </c>
    </row>
    <row r="27635" spans="1:4" x14ac:dyDescent="0.25">
      <c r="A27635" t="s">
        <v>41969</v>
      </c>
      <c r="B27635" t="s">
        <v>398</v>
      </c>
      <c r="C27635">
        <v>0</v>
      </c>
      <c r="D27635">
        <v>0</v>
      </c>
    </row>
    <row r="27636" spans="1:4" x14ac:dyDescent="0.25">
      <c r="A27636" t="s">
        <v>41971</v>
      </c>
      <c r="B27636" t="s">
        <v>41972</v>
      </c>
      <c r="C27636">
        <v>2</v>
      </c>
      <c r="D27636">
        <v>0</v>
      </c>
    </row>
    <row r="27637" spans="1:4" x14ac:dyDescent="0.25">
      <c r="A27637" t="s">
        <v>41971</v>
      </c>
      <c r="B27637" t="s">
        <v>31042</v>
      </c>
      <c r="C27637">
        <v>1</v>
      </c>
      <c r="D27637">
        <v>0</v>
      </c>
    </row>
    <row r="27638" spans="1:4" x14ac:dyDescent="0.25">
      <c r="A27638" t="s">
        <v>41971</v>
      </c>
      <c r="B27638" t="s">
        <v>41973</v>
      </c>
      <c r="C27638">
        <v>2</v>
      </c>
      <c r="D27638">
        <v>0</v>
      </c>
    </row>
    <row r="27639" spans="1:4" x14ac:dyDescent="0.25">
      <c r="A27639" t="s">
        <v>41974</v>
      </c>
      <c r="B27639" t="s">
        <v>41975</v>
      </c>
      <c r="C27639">
        <v>0</v>
      </c>
      <c r="D27639">
        <v>0</v>
      </c>
    </row>
    <row r="27640" spans="1:4" x14ac:dyDescent="0.25">
      <c r="A27640" t="s">
        <v>41976</v>
      </c>
      <c r="B27640" t="s">
        <v>41977</v>
      </c>
      <c r="C27640">
        <v>1</v>
      </c>
      <c r="D27640">
        <v>0</v>
      </c>
    </row>
    <row r="27641" spans="1:4" x14ac:dyDescent="0.25">
      <c r="A27641" t="s">
        <v>41976</v>
      </c>
      <c r="B27641" t="s">
        <v>41978</v>
      </c>
      <c r="C27641">
        <v>0</v>
      </c>
      <c r="D27641">
        <v>0</v>
      </c>
    </row>
    <row r="27642" spans="1:4" x14ac:dyDescent="0.25">
      <c r="A27642" t="s">
        <v>41976</v>
      </c>
      <c r="B27642" t="s">
        <v>41979</v>
      </c>
      <c r="C27642">
        <v>1</v>
      </c>
      <c r="D27642">
        <v>0</v>
      </c>
    </row>
    <row r="27643" spans="1:4" x14ac:dyDescent="0.25">
      <c r="A27643" t="s">
        <v>41980</v>
      </c>
      <c r="B27643" t="s">
        <v>41981</v>
      </c>
      <c r="C27643">
        <v>2</v>
      </c>
      <c r="D27643">
        <v>0</v>
      </c>
    </row>
    <row r="27644" spans="1:4" x14ac:dyDescent="0.25">
      <c r="A27644" t="s">
        <v>41980</v>
      </c>
      <c r="B27644" t="s">
        <v>41982</v>
      </c>
      <c r="C27644">
        <v>1</v>
      </c>
      <c r="D27644">
        <v>0</v>
      </c>
    </row>
    <row r="27645" spans="1:4" x14ac:dyDescent="0.25">
      <c r="A27645" t="s">
        <v>41983</v>
      </c>
      <c r="B27645" t="s">
        <v>41984</v>
      </c>
      <c r="C27645">
        <v>2</v>
      </c>
      <c r="D27645">
        <v>0</v>
      </c>
    </row>
    <row r="27646" spans="1:4" x14ac:dyDescent="0.25">
      <c r="A27646" t="s">
        <v>41985</v>
      </c>
      <c r="B27646" t="s">
        <v>41986</v>
      </c>
      <c r="C27646">
        <v>1</v>
      </c>
      <c r="D27646">
        <v>0</v>
      </c>
    </row>
    <row r="27647" spans="1:4" x14ac:dyDescent="0.25">
      <c r="A27647" t="s">
        <v>41985</v>
      </c>
      <c r="B27647" t="s">
        <v>41987</v>
      </c>
      <c r="C27647">
        <v>1</v>
      </c>
      <c r="D27647">
        <v>0</v>
      </c>
    </row>
    <row r="27648" spans="1:4" x14ac:dyDescent="0.25">
      <c r="A27648" t="s">
        <v>41988</v>
      </c>
      <c r="B27648" t="s">
        <v>41989</v>
      </c>
      <c r="C27648">
        <v>1</v>
      </c>
      <c r="D27648">
        <v>0</v>
      </c>
    </row>
    <row r="27649" spans="1:4" x14ac:dyDescent="0.25">
      <c r="A27649" t="s">
        <v>41988</v>
      </c>
      <c r="B27649" t="s">
        <v>41990</v>
      </c>
      <c r="C27649">
        <v>1</v>
      </c>
      <c r="D27649">
        <v>0</v>
      </c>
    </row>
    <row r="27650" spans="1:4" x14ac:dyDescent="0.25">
      <c r="A27650" t="s">
        <v>41988</v>
      </c>
      <c r="B27650" t="s">
        <v>41991</v>
      </c>
      <c r="C27650">
        <v>1</v>
      </c>
      <c r="D27650">
        <v>0</v>
      </c>
    </row>
    <row r="27651" spans="1:4" x14ac:dyDescent="0.25">
      <c r="A27651" t="s">
        <v>41992</v>
      </c>
      <c r="B27651" t="s">
        <v>11948</v>
      </c>
      <c r="C27651">
        <v>0</v>
      </c>
      <c r="D27651">
        <v>0</v>
      </c>
    </row>
    <row r="27652" spans="1:4" x14ac:dyDescent="0.25">
      <c r="A27652" t="s">
        <v>41993</v>
      </c>
      <c r="B27652" t="s">
        <v>41994</v>
      </c>
      <c r="C27652">
        <v>1</v>
      </c>
      <c r="D27652">
        <v>0</v>
      </c>
    </row>
    <row r="27653" spans="1:4" x14ac:dyDescent="0.25">
      <c r="A27653" t="s">
        <v>41995</v>
      </c>
      <c r="B27653" t="s">
        <v>41996</v>
      </c>
      <c r="C27653">
        <v>1</v>
      </c>
      <c r="D27653">
        <v>0</v>
      </c>
    </row>
    <row r="27654" spans="1:4" x14ac:dyDescent="0.25">
      <c r="A27654" t="s">
        <v>41997</v>
      </c>
      <c r="B27654" t="s">
        <v>41998</v>
      </c>
      <c r="C27654">
        <v>1</v>
      </c>
      <c r="D27654">
        <v>0</v>
      </c>
    </row>
    <row r="27655" spans="1:4" x14ac:dyDescent="0.25">
      <c r="A27655" t="s">
        <v>41997</v>
      </c>
      <c r="B27655" t="s">
        <v>41999</v>
      </c>
      <c r="C27655">
        <v>0</v>
      </c>
      <c r="D27655">
        <v>0</v>
      </c>
    </row>
    <row r="27656" spans="1:4" x14ac:dyDescent="0.25">
      <c r="A27656" t="s">
        <v>41997</v>
      </c>
      <c r="B27656" t="s">
        <v>42000</v>
      </c>
      <c r="C27656">
        <v>2</v>
      </c>
      <c r="D27656">
        <v>0</v>
      </c>
    </row>
    <row r="27657" spans="1:4" x14ac:dyDescent="0.25">
      <c r="A27657" t="s">
        <v>42001</v>
      </c>
      <c r="B27657" t="s">
        <v>42002</v>
      </c>
      <c r="C27657">
        <v>0</v>
      </c>
      <c r="D27657">
        <v>0</v>
      </c>
    </row>
    <row r="27658" spans="1:4" x14ac:dyDescent="0.25">
      <c r="A27658" t="s">
        <v>42003</v>
      </c>
      <c r="B27658" t="s">
        <v>42004</v>
      </c>
      <c r="C27658">
        <v>0</v>
      </c>
      <c r="D27658">
        <v>0</v>
      </c>
    </row>
    <row r="27659" spans="1:4" x14ac:dyDescent="0.25">
      <c r="A27659" t="s">
        <v>42003</v>
      </c>
      <c r="B27659" t="s">
        <v>42005</v>
      </c>
      <c r="C27659">
        <v>0</v>
      </c>
      <c r="D27659">
        <v>0</v>
      </c>
    </row>
    <row r="27660" spans="1:4" x14ac:dyDescent="0.25">
      <c r="A27660" t="s">
        <v>42003</v>
      </c>
      <c r="B27660" t="s">
        <v>42006</v>
      </c>
      <c r="C27660">
        <v>1</v>
      </c>
      <c r="D27660">
        <v>0</v>
      </c>
    </row>
    <row r="27661" spans="1:4" x14ac:dyDescent="0.25">
      <c r="A27661" t="s">
        <v>42007</v>
      </c>
      <c r="B27661" t="s">
        <v>4179</v>
      </c>
      <c r="C27661">
        <v>1</v>
      </c>
      <c r="D27661">
        <v>0</v>
      </c>
    </row>
    <row r="27662" spans="1:4" x14ac:dyDescent="0.25">
      <c r="A27662" t="s">
        <v>42008</v>
      </c>
      <c r="B27662" t="s">
        <v>1001</v>
      </c>
      <c r="C27662">
        <v>1</v>
      </c>
      <c r="D27662">
        <v>0</v>
      </c>
    </row>
    <row r="27663" spans="1:4" x14ac:dyDescent="0.25">
      <c r="A27663" t="s">
        <v>42009</v>
      </c>
      <c r="B27663" t="s">
        <v>42010</v>
      </c>
      <c r="C27663">
        <v>1</v>
      </c>
      <c r="D27663">
        <v>0</v>
      </c>
    </row>
    <row r="27664" spans="1:4" x14ac:dyDescent="0.25">
      <c r="A27664" t="s">
        <v>42009</v>
      </c>
      <c r="B27664" t="s">
        <v>42011</v>
      </c>
      <c r="C27664">
        <v>1</v>
      </c>
      <c r="D27664">
        <v>0</v>
      </c>
    </row>
    <row r="27665" spans="1:4" x14ac:dyDescent="0.25">
      <c r="A27665" t="s">
        <v>42012</v>
      </c>
      <c r="B27665" t="s">
        <v>398</v>
      </c>
      <c r="C27665">
        <v>0</v>
      </c>
      <c r="D27665">
        <v>0</v>
      </c>
    </row>
    <row r="27666" spans="1:4" x14ac:dyDescent="0.25">
      <c r="A27666" t="s">
        <v>42013</v>
      </c>
      <c r="B27666" t="s">
        <v>42014</v>
      </c>
      <c r="C27666">
        <v>0</v>
      </c>
      <c r="D27666">
        <v>0</v>
      </c>
    </row>
    <row r="27667" spans="1:4" x14ac:dyDescent="0.25">
      <c r="A27667" t="s">
        <v>42013</v>
      </c>
      <c r="B27667" t="s">
        <v>42015</v>
      </c>
      <c r="C27667">
        <v>2</v>
      </c>
      <c r="D27667">
        <v>0</v>
      </c>
    </row>
    <row r="27668" spans="1:4" x14ac:dyDescent="0.25">
      <c r="A27668" t="s">
        <v>42016</v>
      </c>
      <c r="B27668" t="s">
        <v>42017</v>
      </c>
      <c r="C27668">
        <v>1</v>
      </c>
      <c r="D27668">
        <v>0</v>
      </c>
    </row>
    <row r="27669" spans="1:4" x14ac:dyDescent="0.25">
      <c r="A27669" t="s">
        <v>42018</v>
      </c>
      <c r="B27669" t="s">
        <v>42019</v>
      </c>
      <c r="C27669">
        <v>1</v>
      </c>
      <c r="D27669">
        <v>0</v>
      </c>
    </row>
    <row r="27670" spans="1:4" x14ac:dyDescent="0.25">
      <c r="A27670" t="s">
        <v>42020</v>
      </c>
      <c r="B27670" t="s">
        <v>1001</v>
      </c>
      <c r="C27670">
        <v>1</v>
      </c>
      <c r="D27670">
        <v>0</v>
      </c>
    </row>
    <row r="27671" spans="1:4" x14ac:dyDescent="0.25">
      <c r="A27671" t="s">
        <v>42021</v>
      </c>
      <c r="B27671" t="s">
        <v>9375</v>
      </c>
      <c r="C27671">
        <v>1</v>
      </c>
      <c r="D27671">
        <v>0</v>
      </c>
    </row>
    <row r="27672" spans="1:4" x14ac:dyDescent="0.25">
      <c r="A27672" t="s">
        <v>42022</v>
      </c>
      <c r="B27672" t="s">
        <v>42023</v>
      </c>
      <c r="C27672">
        <v>0</v>
      </c>
      <c r="D27672">
        <v>0</v>
      </c>
    </row>
    <row r="27673" spans="1:4" x14ac:dyDescent="0.25">
      <c r="A27673" t="s">
        <v>42022</v>
      </c>
      <c r="B27673" t="s">
        <v>42024</v>
      </c>
      <c r="C27673">
        <v>0</v>
      </c>
      <c r="D27673">
        <v>0</v>
      </c>
    </row>
    <row r="27674" spans="1:4" x14ac:dyDescent="0.25">
      <c r="A27674" t="s">
        <v>42022</v>
      </c>
      <c r="B27674" t="s">
        <v>42025</v>
      </c>
      <c r="C27674">
        <v>0</v>
      </c>
      <c r="D27674">
        <v>0</v>
      </c>
    </row>
    <row r="27675" spans="1:4" x14ac:dyDescent="0.25">
      <c r="A27675" t="s">
        <v>42026</v>
      </c>
      <c r="B27675" t="s">
        <v>13383</v>
      </c>
      <c r="C27675">
        <v>0</v>
      </c>
      <c r="D27675">
        <v>0</v>
      </c>
    </row>
    <row r="27676" spans="1:4" x14ac:dyDescent="0.25">
      <c r="A27676" t="s">
        <v>42027</v>
      </c>
      <c r="B27676" t="s">
        <v>38020</v>
      </c>
      <c r="C27676">
        <v>1</v>
      </c>
      <c r="D27676">
        <v>0</v>
      </c>
    </row>
    <row r="27677" spans="1:4" x14ac:dyDescent="0.25">
      <c r="A27677" t="s">
        <v>42028</v>
      </c>
      <c r="B27677" t="s">
        <v>42029</v>
      </c>
      <c r="C27677">
        <v>0</v>
      </c>
      <c r="D27677">
        <v>0</v>
      </c>
    </row>
    <row r="27678" spans="1:4" x14ac:dyDescent="0.25">
      <c r="A27678" t="s">
        <v>42028</v>
      </c>
      <c r="B27678" t="s">
        <v>42030</v>
      </c>
      <c r="C27678">
        <v>1</v>
      </c>
      <c r="D27678">
        <v>0</v>
      </c>
    </row>
    <row r="27679" spans="1:4" x14ac:dyDescent="0.25">
      <c r="A27679" t="s">
        <v>42031</v>
      </c>
      <c r="B27679" t="s">
        <v>42032</v>
      </c>
      <c r="C27679">
        <v>0</v>
      </c>
      <c r="D27679">
        <v>0</v>
      </c>
    </row>
    <row r="27680" spans="1:4" x14ac:dyDescent="0.25">
      <c r="A27680" t="s">
        <v>42031</v>
      </c>
      <c r="B27680" t="s">
        <v>42033</v>
      </c>
      <c r="C27680">
        <v>0</v>
      </c>
      <c r="D27680">
        <v>0</v>
      </c>
    </row>
    <row r="27681" spans="1:4" x14ac:dyDescent="0.25">
      <c r="A27681" t="s">
        <v>42031</v>
      </c>
      <c r="B27681" t="s">
        <v>42034</v>
      </c>
      <c r="C27681">
        <v>1</v>
      </c>
      <c r="D27681">
        <v>0</v>
      </c>
    </row>
    <row r="27682" spans="1:4" x14ac:dyDescent="0.25">
      <c r="A27682" t="s">
        <v>42035</v>
      </c>
      <c r="B27682" t="s">
        <v>42036</v>
      </c>
      <c r="C27682">
        <v>0</v>
      </c>
      <c r="D27682">
        <v>0</v>
      </c>
    </row>
    <row r="27683" spans="1:4" x14ac:dyDescent="0.25">
      <c r="A27683" t="s">
        <v>42035</v>
      </c>
      <c r="B27683" t="s">
        <v>1294</v>
      </c>
      <c r="C27683">
        <v>1</v>
      </c>
      <c r="D27683">
        <v>0</v>
      </c>
    </row>
    <row r="27684" spans="1:4" x14ac:dyDescent="0.25">
      <c r="A27684" t="s">
        <v>42035</v>
      </c>
      <c r="B27684" t="s">
        <v>42037</v>
      </c>
      <c r="C27684">
        <v>0</v>
      </c>
      <c r="D27684">
        <v>0</v>
      </c>
    </row>
    <row r="27685" spans="1:4" x14ac:dyDescent="0.25">
      <c r="A27685" t="s">
        <v>42038</v>
      </c>
      <c r="B27685" t="s">
        <v>42039</v>
      </c>
      <c r="C27685">
        <v>1</v>
      </c>
      <c r="D27685">
        <v>0</v>
      </c>
    </row>
    <row r="27686" spans="1:4" x14ac:dyDescent="0.25">
      <c r="A27686" t="s">
        <v>42040</v>
      </c>
      <c r="B27686" t="s">
        <v>42041</v>
      </c>
      <c r="C27686">
        <v>1</v>
      </c>
      <c r="D27686">
        <v>0</v>
      </c>
    </row>
    <row r="27687" spans="1:4" x14ac:dyDescent="0.25">
      <c r="A27687" t="s">
        <v>42042</v>
      </c>
      <c r="B27687" t="s">
        <v>42043</v>
      </c>
      <c r="C27687">
        <v>0</v>
      </c>
      <c r="D27687">
        <v>0</v>
      </c>
    </row>
    <row r="27688" spans="1:4" x14ac:dyDescent="0.25">
      <c r="A27688" t="s">
        <v>42044</v>
      </c>
      <c r="B27688" t="s">
        <v>42045</v>
      </c>
      <c r="C27688">
        <v>1</v>
      </c>
      <c r="D27688">
        <v>0</v>
      </c>
    </row>
    <row r="27689" spans="1:4" x14ac:dyDescent="0.25">
      <c r="A27689" t="s">
        <v>42044</v>
      </c>
      <c r="B27689" t="s">
        <v>42046</v>
      </c>
      <c r="C27689">
        <v>1</v>
      </c>
      <c r="D27689">
        <v>0</v>
      </c>
    </row>
    <row r="27690" spans="1:4" x14ac:dyDescent="0.25">
      <c r="A27690" t="s">
        <v>42047</v>
      </c>
      <c r="B27690" t="s">
        <v>398</v>
      </c>
      <c r="C27690">
        <v>0</v>
      </c>
      <c r="D27690">
        <v>0</v>
      </c>
    </row>
    <row r="27691" spans="1:4" x14ac:dyDescent="0.25">
      <c r="A27691" t="s">
        <v>42047</v>
      </c>
      <c r="B27691" t="s">
        <v>843</v>
      </c>
      <c r="C27691">
        <v>1</v>
      </c>
      <c r="D27691">
        <v>0</v>
      </c>
    </row>
    <row r="27692" spans="1:4" x14ac:dyDescent="0.25">
      <c r="A27692" t="s">
        <v>42048</v>
      </c>
      <c r="B27692" t="s">
        <v>42049</v>
      </c>
      <c r="C27692">
        <v>0</v>
      </c>
      <c r="D27692">
        <v>0</v>
      </c>
    </row>
    <row r="27693" spans="1:4" x14ac:dyDescent="0.25">
      <c r="A27693" t="s">
        <v>42048</v>
      </c>
      <c r="B27693" t="s">
        <v>42050</v>
      </c>
      <c r="C27693">
        <v>2</v>
      </c>
      <c r="D27693">
        <v>0</v>
      </c>
    </row>
    <row r="27694" spans="1:4" x14ac:dyDescent="0.25">
      <c r="A27694" t="s">
        <v>42048</v>
      </c>
      <c r="B27694" t="s">
        <v>42051</v>
      </c>
      <c r="C27694">
        <v>1</v>
      </c>
      <c r="D27694">
        <v>0</v>
      </c>
    </row>
    <row r="27695" spans="1:4" x14ac:dyDescent="0.25">
      <c r="A27695" t="s">
        <v>42052</v>
      </c>
      <c r="B27695" t="s">
        <v>42053</v>
      </c>
      <c r="C27695">
        <v>1</v>
      </c>
      <c r="D27695">
        <v>0</v>
      </c>
    </row>
    <row r="27696" spans="1:4" x14ac:dyDescent="0.25">
      <c r="A27696" t="s">
        <v>42052</v>
      </c>
      <c r="B27696" t="s">
        <v>5322</v>
      </c>
      <c r="C27696">
        <v>0</v>
      </c>
      <c r="D27696">
        <v>0</v>
      </c>
    </row>
    <row r="27697" spans="1:4" x14ac:dyDescent="0.25">
      <c r="A27697" t="s">
        <v>42054</v>
      </c>
      <c r="B27697" t="s">
        <v>31119</v>
      </c>
      <c r="C27697">
        <v>1</v>
      </c>
      <c r="D27697">
        <v>0</v>
      </c>
    </row>
    <row r="27698" spans="1:4" x14ac:dyDescent="0.25">
      <c r="A27698" t="s">
        <v>42054</v>
      </c>
      <c r="B27698" t="s">
        <v>42055</v>
      </c>
      <c r="C27698">
        <v>1</v>
      </c>
      <c r="D27698">
        <v>0</v>
      </c>
    </row>
    <row r="27699" spans="1:4" x14ac:dyDescent="0.25">
      <c r="A27699" t="s">
        <v>42054</v>
      </c>
      <c r="B27699" t="s">
        <v>42056</v>
      </c>
      <c r="C27699">
        <v>2</v>
      </c>
      <c r="D27699">
        <v>0</v>
      </c>
    </row>
    <row r="27700" spans="1:4" x14ac:dyDescent="0.25">
      <c r="A27700" t="s">
        <v>42057</v>
      </c>
      <c r="B27700" t="s">
        <v>42058</v>
      </c>
      <c r="C27700">
        <v>0</v>
      </c>
      <c r="D27700">
        <v>0</v>
      </c>
    </row>
    <row r="27701" spans="1:4" x14ac:dyDescent="0.25">
      <c r="A27701" t="s">
        <v>42057</v>
      </c>
      <c r="B27701" t="s">
        <v>1813</v>
      </c>
      <c r="C27701">
        <v>0</v>
      </c>
      <c r="D27701">
        <v>0</v>
      </c>
    </row>
    <row r="27702" spans="1:4" x14ac:dyDescent="0.25">
      <c r="A27702" t="s">
        <v>42057</v>
      </c>
      <c r="B27702" t="s">
        <v>42059</v>
      </c>
      <c r="C27702">
        <v>1</v>
      </c>
      <c r="D27702">
        <v>0</v>
      </c>
    </row>
    <row r="27703" spans="1:4" x14ac:dyDescent="0.25">
      <c r="A27703" t="s">
        <v>42060</v>
      </c>
      <c r="B27703" t="s">
        <v>42061</v>
      </c>
      <c r="C27703">
        <v>0</v>
      </c>
      <c r="D27703">
        <v>0</v>
      </c>
    </row>
    <row r="27704" spans="1:4" x14ac:dyDescent="0.25">
      <c r="A27704" t="s">
        <v>42062</v>
      </c>
      <c r="B27704" t="s">
        <v>42063</v>
      </c>
      <c r="C27704">
        <v>0</v>
      </c>
      <c r="D27704">
        <v>0</v>
      </c>
    </row>
    <row r="27705" spans="1:4" x14ac:dyDescent="0.25">
      <c r="A27705" t="s">
        <v>42062</v>
      </c>
      <c r="B27705" t="s">
        <v>42064</v>
      </c>
      <c r="C27705">
        <v>1</v>
      </c>
      <c r="D27705">
        <v>0</v>
      </c>
    </row>
    <row r="27706" spans="1:4" x14ac:dyDescent="0.25">
      <c r="A27706" t="s">
        <v>42065</v>
      </c>
      <c r="B27706" t="s">
        <v>42066</v>
      </c>
      <c r="C27706">
        <v>2</v>
      </c>
      <c r="D27706">
        <v>0</v>
      </c>
    </row>
    <row r="27707" spans="1:4" x14ac:dyDescent="0.25">
      <c r="A27707" t="s">
        <v>42065</v>
      </c>
      <c r="B27707" t="s">
        <v>42067</v>
      </c>
      <c r="C27707">
        <v>1</v>
      </c>
      <c r="D27707">
        <v>0</v>
      </c>
    </row>
    <row r="27708" spans="1:4" x14ac:dyDescent="0.25">
      <c r="A27708" t="s">
        <v>42068</v>
      </c>
      <c r="B27708" t="s">
        <v>42069</v>
      </c>
      <c r="C27708">
        <v>1</v>
      </c>
      <c r="D27708">
        <v>0</v>
      </c>
    </row>
    <row r="27709" spans="1:4" x14ac:dyDescent="0.25">
      <c r="A27709" t="s">
        <v>42070</v>
      </c>
      <c r="B27709" t="s">
        <v>4436</v>
      </c>
      <c r="C27709">
        <v>1</v>
      </c>
      <c r="D27709">
        <v>0</v>
      </c>
    </row>
    <row r="27710" spans="1:4" x14ac:dyDescent="0.25">
      <c r="A27710" t="s">
        <v>42070</v>
      </c>
      <c r="B27710" t="s">
        <v>42071</v>
      </c>
      <c r="C27710">
        <v>2</v>
      </c>
      <c r="D27710">
        <v>0</v>
      </c>
    </row>
    <row r="27711" spans="1:4" x14ac:dyDescent="0.25">
      <c r="A27711" t="s">
        <v>42072</v>
      </c>
      <c r="B27711" t="s">
        <v>6837</v>
      </c>
      <c r="C27711">
        <v>1</v>
      </c>
      <c r="D27711">
        <v>0</v>
      </c>
    </row>
    <row r="27712" spans="1:4" x14ac:dyDescent="0.25">
      <c r="A27712" t="s">
        <v>42073</v>
      </c>
      <c r="B27712" t="s">
        <v>34346</v>
      </c>
      <c r="C27712">
        <v>0</v>
      </c>
      <c r="D27712">
        <v>0</v>
      </c>
    </row>
    <row r="27713" spans="1:4" x14ac:dyDescent="0.25">
      <c r="A27713" t="s">
        <v>42074</v>
      </c>
      <c r="B27713" t="s">
        <v>42075</v>
      </c>
      <c r="C27713">
        <v>1</v>
      </c>
      <c r="D27713">
        <v>0</v>
      </c>
    </row>
    <row r="27714" spans="1:4" x14ac:dyDescent="0.25">
      <c r="A27714" t="s">
        <v>42074</v>
      </c>
      <c r="B27714" t="s">
        <v>42076</v>
      </c>
      <c r="C27714">
        <v>1</v>
      </c>
      <c r="D27714">
        <v>0</v>
      </c>
    </row>
    <row r="27715" spans="1:4" x14ac:dyDescent="0.25">
      <c r="A27715" t="s">
        <v>42074</v>
      </c>
      <c r="B27715" t="s">
        <v>42077</v>
      </c>
      <c r="C27715">
        <v>2</v>
      </c>
      <c r="D27715">
        <v>0</v>
      </c>
    </row>
    <row r="27716" spans="1:4" x14ac:dyDescent="0.25">
      <c r="A27716" t="s">
        <v>42078</v>
      </c>
      <c r="B27716" t="s">
        <v>42079</v>
      </c>
      <c r="C27716">
        <v>1</v>
      </c>
      <c r="D27716">
        <v>0</v>
      </c>
    </row>
    <row r="27717" spans="1:4" x14ac:dyDescent="0.25">
      <c r="A27717" t="s">
        <v>42078</v>
      </c>
      <c r="B27717" t="s">
        <v>42080</v>
      </c>
      <c r="C27717">
        <v>2</v>
      </c>
      <c r="D27717">
        <v>0</v>
      </c>
    </row>
    <row r="27718" spans="1:4" x14ac:dyDescent="0.25">
      <c r="A27718" t="s">
        <v>42078</v>
      </c>
      <c r="B27718" t="s">
        <v>42081</v>
      </c>
      <c r="C27718">
        <v>2</v>
      </c>
      <c r="D27718">
        <v>0</v>
      </c>
    </row>
    <row r="27719" spans="1:4" x14ac:dyDescent="0.25">
      <c r="A27719" t="s">
        <v>42082</v>
      </c>
      <c r="B27719" t="s">
        <v>42083</v>
      </c>
      <c r="C27719">
        <v>2</v>
      </c>
      <c r="D27719">
        <v>0</v>
      </c>
    </row>
    <row r="27720" spans="1:4" x14ac:dyDescent="0.25">
      <c r="A27720" t="s">
        <v>42084</v>
      </c>
      <c r="B27720" t="s">
        <v>42085</v>
      </c>
      <c r="C27720">
        <v>0</v>
      </c>
      <c r="D27720">
        <v>0</v>
      </c>
    </row>
    <row r="27721" spans="1:4" x14ac:dyDescent="0.25">
      <c r="A27721" t="s">
        <v>42084</v>
      </c>
      <c r="B27721" t="s">
        <v>42086</v>
      </c>
      <c r="C27721">
        <v>0</v>
      </c>
      <c r="D27721">
        <v>0</v>
      </c>
    </row>
    <row r="27722" spans="1:4" x14ac:dyDescent="0.25">
      <c r="A27722" t="s">
        <v>42087</v>
      </c>
      <c r="B27722" t="s">
        <v>42088</v>
      </c>
      <c r="C27722">
        <v>0</v>
      </c>
      <c r="D27722">
        <v>0</v>
      </c>
    </row>
    <row r="27723" spans="1:4" x14ac:dyDescent="0.25">
      <c r="A27723" t="s">
        <v>42089</v>
      </c>
      <c r="B27723" t="s">
        <v>42090</v>
      </c>
      <c r="C27723">
        <v>1</v>
      </c>
      <c r="D27723">
        <v>0</v>
      </c>
    </row>
    <row r="27724" spans="1:4" x14ac:dyDescent="0.25">
      <c r="A27724" t="s">
        <v>42091</v>
      </c>
      <c r="B27724" t="s">
        <v>42092</v>
      </c>
      <c r="C27724">
        <v>2</v>
      </c>
      <c r="D27724">
        <v>0</v>
      </c>
    </row>
    <row r="27725" spans="1:4" x14ac:dyDescent="0.25">
      <c r="A27725" t="s">
        <v>42091</v>
      </c>
      <c r="B27725" t="s">
        <v>42093</v>
      </c>
      <c r="C27725">
        <v>2</v>
      </c>
      <c r="D27725">
        <v>0</v>
      </c>
    </row>
    <row r="27726" spans="1:4" x14ac:dyDescent="0.25">
      <c r="A27726" t="s">
        <v>42094</v>
      </c>
      <c r="B27726" t="s">
        <v>42095</v>
      </c>
      <c r="C27726">
        <v>2</v>
      </c>
      <c r="D27726">
        <v>0</v>
      </c>
    </row>
    <row r="27727" spans="1:4" x14ac:dyDescent="0.25">
      <c r="A27727" t="s">
        <v>42094</v>
      </c>
      <c r="B27727" t="s">
        <v>42096</v>
      </c>
      <c r="C27727">
        <v>2</v>
      </c>
      <c r="D27727">
        <v>0</v>
      </c>
    </row>
    <row r="27728" spans="1:4" x14ac:dyDescent="0.25">
      <c r="A27728" t="s">
        <v>42094</v>
      </c>
      <c r="B27728" t="s">
        <v>42097</v>
      </c>
      <c r="C27728">
        <v>0</v>
      </c>
      <c r="D27728">
        <v>0</v>
      </c>
    </row>
    <row r="27729" spans="1:4" x14ac:dyDescent="0.25">
      <c r="A27729" t="s">
        <v>42098</v>
      </c>
      <c r="B27729" t="s">
        <v>42099</v>
      </c>
      <c r="C27729">
        <v>0</v>
      </c>
      <c r="D27729">
        <v>0</v>
      </c>
    </row>
    <row r="27730" spans="1:4" x14ac:dyDescent="0.25">
      <c r="A27730" t="s">
        <v>42098</v>
      </c>
      <c r="B27730" t="s">
        <v>42100</v>
      </c>
      <c r="C27730">
        <v>1</v>
      </c>
      <c r="D27730">
        <v>0</v>
      </c>
    </row>
    <row r="27731" spans="1:4" x14ac:dyDescent="0.25">
      <c r="A27731" t="s">
        <v>42098</v>
      </c>
      <c r="B27731" t="s">
        <v>42101</v>
      </c>
      <c r="C27731">
        <v>2</v>
      </c>
      <c r="D27731">
        <v>0</v>
      </c>
    </row>
    <row r="27732" spans="1:4" x14ac:dyDescent="0.25">
      <c r="A27732" t="s">
        <v>42102</v>
      </c>
      <c r="B27732" t="s">
        <v>42103</v>
      </c>
      <c r="C27732">
        <v>1</v>
      </c>
      <c r="D27732">
        <v>0</v>
      </c>
    </row>
    <row r="27733" spans="1:4" x14ac:dyDescent="0.25">
      <c r="A27733" t="s">
        <v>42104</v>
      </c>
      <c r="B27733" t="s">
        <v>42105</v>
      </c>
      <c r="C27733">
        <v>1</v>
      </c>
      <c r="D27733">
        <v>0</v>
      </c>
    </row>
    <row r="27734" spans="1:4" x14ac:dyDescent="0.25">
      <c r="A27734" t="s">
        <v>42104</v>
      </c>
      <c r="B27734" t="s">
        <v>42106</v>
      </c>
      <c r="C27734">
        <v>2</v>
      </c>
      <c r="D27734">
        <v>0</v>
      </c>
    </row>
    <row r="27735" spans="1:4" x14ac:dyDescent="0.25">
      <c r="A27735" t="s">
        <v>42104</v>
      </c>
      <c r="B27735" t="s">
        <v>42107</v>
      </c>
      <c r="C27735">
        <v>1</v>
      </c>
      <c r="D27735">
        <v>0</v>
      </c>
    </row>
    <row r="27736" spans="1:4" x14ac:dyDescent="0.25">
      <c r="A27736" t="s">
        <v>42108</v>
      </c>
      <c r="B27736" t="s">
        <v>42109</v>
      </c>
      <c r="C27736">
        <v>1</v>
      </c>
      <c r="D27736">
        <v>0</v>
      </c>
    </row>
    <row r="27737" spans="1:4" x14ac:dyDescent="0.25">
      <c r="A27737" t="s">
        <v>42108</v>
      </c>
      <c r="B27737" t="s">
        <v>42110</v>
      </c>
      <c r="C27737">
        <v>1</v>
      </c>
      <c r="D27737">
        <v>0</v>
      </c>
    </row>
    <row r="27738" spans="1:4" x14ac:dyDescent="0.25">
      <c r="A27738" t="s">
        <v>42108</v>
      </c>
      <c r="B27738" t="s">
        <v>42111</v>
      </c>
      <c r="C27738">
        <v>1</v>
      </c>
      <c r="D27738">
        <v>0</v>
      </c>
    </row>
    <row r="27739" spans="1:4" x14ac:dyDescent="0.25">
      <c r="A27739" t="s">
        <v>42112</v>
      </c>
      <c r="B27739" t="s">
        <v>42113</v>
      </c>
      <c r="C27739">
        <v>0</v>
      </c>
      <c r="D27739">
        <v>0</v>
      </c>
    </row>
    <row r="27740" spans="1:4" x14ac:dyDescent="0.25">
      <c r="A27740" t="s">
        <v>42114</v>
      </c>
      <c r="B27740" t="s">
        <v>42115</v>
      </c>
      <c r="C27740">
        <v>1</v>
      </c>
      <c r="D27740">
        <v>0</v>
      </c>
    </row>
    <row r="27741" spans="1:4" x14ac:dyDescent="0.25">
      <c r="A27741" t="s">
        <v>42114</v>
      </c>
      <c r="B27741" t="s">
        <v>2953</v>
      </c>
      <c r="C27741">
        <v>0</v>
      </c>
      <c r="D27741">
        <v>0</v>
      </c>
    </row>
    <row r="27742" spans="1:4" x14ac:dyDescent="0.25">
      <c r="A27742" t="s">
        <v>42116</v>
      </c>
      <c r="B27742" t="s">
        <v>35545</v>
      </c>
      <c r="C27742">
        <v>1</v>
      </c>
      <c r="D27742">
        <v>0</v>
      </c>
    </row>
    <row r="27743" spans="1:4" x14ac:dyDescent="0.25">
      <c r="A27743" t="s">
        <v>42117</v>
      </c>
      <c r="B27743" t="s">
        <v>42118</v>
      </c>
      <c r="C27743">
        <v>1</v>
      </c>
      <c r="D27743">
        <v>0</v>
      </c>
    </row>
    <row r="27744" spans="1:4" x14ac:dyDescent="0.25">
      <c r="A27744" t="s">
        <v>42119</v>
      </c>
      <c r="B27744" t="s">
        <v>42120</v>
      </c>
      <c r="C27744">
        <v>1</v>
      </c>
      <c r="D27744">
        <v>0</v>
      </c>
    </row>
    <row r="27745" spans="1:4" x14ac:dyDescent="0.25">
      <c r="A27745" t="s">
        <v>42119</v>
      </c>
      <c r="B27745" t="s">
        <v>42121</v>
      </c>
      <c r="C27745">
        <v>2</v>
      </c>
      <c r="D27745">
        <v>0</v>
      </c>
    </row>
    <row r="27746" spans="1:4" x14ac:dyDescent="0.25">
      <c r="A27746" t="s">
        <v>42122</v>
      </c>
      <c r="B27746" t="s">
        <v>42123</v>
      </c>
      <c r="C27746">
        <v>0</v>
      </c>
      <c r="D27746">
        <v>0</v>
      </c>
    </row>
    <row r="27747" spans="1:4" x14ac:dyDescent="0.25">
      <c r="A27747" t="s">
        <v>42124</v>
      </c>
      <c r="B27747" t="s">
        <v>843</v>
      </c>
      <c r="C27747">
        <v>1</v>
      </c>
      <c r="D27747">
        <v>0</v>
      </c>
    </row>
    <row r="27748" spans="1:4" x14ac:dyDescent="0.25">
      <c r="A27748" t="s">
        <v>42125</v>
      </c>
      <c r="B27748" t="s">
        <v>42126</v>
      </c>
      <c r="C27748">
        <v>0</v>
      </c>
      <c r="D27748">
        <v>0</v>
      </c>
    </row>
    <row r="27749" spans="1:4" x14ac:dyDescent="0.25">
      <c r="A27749" t="s">
        <v>42125</v>
      </c>
      <c r="B27749" t="s">
        <v>42127</v>
      </c>
      <c r="C27749">
        <v>1</v>
      </c>
      <c r="D27749">
        <v>0</v>
      </c>
    </row>
    <row r="27750" spans="1:4" x14ac:dyDescent="0.25">
      <c r="A27750" t="s">
        <v>42128</v>
      </c>
      <c r="B27750" t="s">
        <v>42129</v>
      </c>
      <c r="C27750">
        <v>0</v>
      </c>
      <c r="D27750">
        <v>0</v>
      </c>
    </row>
    <row r="27751" spans="1:4" x14ac:dyDescent="0.25">
      <c r="A27751" t="s">
        <v>42128</v>
      </c>
      <c r="B27751" t="s">
        <v>42130</v>
      </c>
      <c r="C27751">
        <v>2</v>
      </c>
      <c r="D27751">
        <v>0</v>
      </c>
    </row>
    <row r="27752" spans="1:4" x14ac:dyDescent="0.25">
      <c r="A27752" t="s">
        <v>42128</v>
      </c>
      <c r="B27752" t="s">
        <v>42131</v>
      </c>
      <c r="C27752">
        <v>2</v>
      </c>
      <c r="D27752">
        <v>0</v>
      </c>
    </row>
    <row r="27753" spans="1:4" x14ac:dyDescent="0.25">
      <c r="A27753" t="s">
        <v>42132</v>
      </c>
      <c r="B27753" t="s">
        <v>398</v>
      </c>
      <c r="C27753">
        <v>0</v>
      </c>
      <c r="D27753">
        <v>0</v>
      </c>
    </row>
    <row r="27754" spans="1:4" x14ac:dyDescent="0.25">
      <c r="A27754" t="s">
        <v>42133</v>
      </c>
      <c r="B27754" t="s">
        <v>42134</v>
      </c>
      <c r="C27754">
        <v>2</v>
      </c>
      <c r="D27754">
        <v>0</v>
      </c>
    </row>
    <row r="27755" spans="1:4" x14ac:dyDescent="0.25">
      <c r="A27755" t="s">
        <v>42133</v>
      </c>
      <c r="B27755" t="s">
        <v>42135</v>
      </c>
      <c r="C27755">
        <v>2</v>
      </c>
      <c r="D27755">
        <v>0</v>
      </c>
    </row>
    <row r="27756" spans="1:4" x14ac:dyDescent="0.25">
      <c r="A27756" t="s">
        <v>42133</v>
      </c>
      <c r="B27756" t="s">
        <v>42136</v>
      </c>
      <c r="C27756">
        <v>2</v>
      </c>
      <c r="D27756">
        <v>0</v>
      </c>
    </row>
    <row r="27757" spans="1:4" x14ac:dyDescent="0.25">
      <c r="A27757" t="s">
        <v>42137</v>
      </c>
      <c r="B27757" t="s">
        <v>42138</v>
      </c>
      <c r="C27757">
        <v>0</v>
      </c>
      <c r="D27757">
        <v>0</v>
      </c>
    </row>
    <row r="27758" spans="1:4" x14ac:dyDescent="0.25">
      <c r="A27758" t="s">
        <v>42137</v>
      </c>
      <c r="B27758" t="s">
        <v>42139</v>
      </c>
      <c r="C27758">
        <v>2</v>
      </c>
      <c r="D27758">
        <v>0</v>
      </c>
    </row>
    <row r="27759" spans="1:4" x14ac:dyDescent="0.25">
      <c r="A27759" t="s">
        <v>42140</v>
      </c>
      <c r="B27759" t="s">
        <v>42141</v>
      </c>
      <c r="C27759">
        <v>0</v>
      </c>
      <c r="D27759">
        <v>0</v>
      </c>
    </row>
    <row r="27760" spans="1:4" x14ac:dyDescent="0.25">
      <c r="A27760" t="s">
        <v>42142</v>
      </c>
      <c r="B27760" t="s">
        <v>42143</v>
      </c>
      <c r="C27760">
        <v>2</v>
      </c>
      <c r="D27760">
        <v>0</v>
      </c>
    </row>
    <row r="27761" spans="1:4" x14ac:dyDescent="0.25">
      <c r="A27761" t="s">
        <v>42144</v>
      </c>
      <c r="B27761" t="s">
        <v>42145</v>
      </c>
      <c r="C27761">
        <v>1</v>
      </c>
      <c r="D27761">
        <v>0</v>
      </c>
    </row>
    <row r="27762" spans="1:4" x14ac:dyDescent="0.25">
      <c r="A27762" t="s">
        <v>42144</v>
      </c>
      <c r="B27762" t="s">
        <v>42146</v>
      </c>
      <c r="C27762">
        <v>0</v>
      </c>
      <c r="D27762">
        <v>0</v>
      </c>
    </row>
    <row r="27763" spans="1:4" x14ac:dyDescent="0.25">
      <c r="A27763" t="s">
        <v>42144</v>
      </c>
      <c r="B27763" t="s">
        <v>42147</v>
      </c>
      <c r="C27763">
        <v>2</v>
      </c>
      <c r="D27763">
        <v>0</v>
      </c>
    </row>
    <row r="27764" spans="1:4" x14ac:dyDescent="0.25">
      <c r="A27764" t="s">
        <v>42148</v>
      </c>
      <c r="B27764" t="s">
        <v>42149</v>
      </c>
      <c r="C27764">
        <v>0</v>
      </c>
      <c r="D27764">
        <v>0</v>
      </c>
    </row>
    <row r="27765" spans="1:4" x14ac:dyDescent="0.25">
      <c r="A27765" t="s">
        <v>42150</v>
      </c>
      <c r="B27765" t="s">
        <v>42151</v>
      </c>
      <c r="C27765">
        <v>0</v>
      </c>
      <c r="D27765">
        <v>0</v>
      </c>
    </row>
    <row r="27766" spans="1:4" x14ac:dyDescent="0.25">
      <c r="A27766" t="s">
        <v>42150</v>
      </c>
      <c r="B27766" t="s">
        <v>42152</v>
      </c>
      <c r="C27766">
        <v>0</v>
      </c>
      <c r="D27766">
        <v>0</v>
      </c>
    </row>
    <row r="27767" spans="1:4" x14ac:dyDescent="0.25">
      <c r="A27767" t="s">
        <v>42153</v>
      </c>
      <c r="B27767" t="s">
        <v>42154</v>
      </c>
      <c r="C27767">
        <v>2</v>
      </c>
      <c r="D27767">
        <v>0</v>
      </c>
    </row>
    <row r="27768" spans="1:4" x14ac:dyDescent="0.25">
      <c r="A27768" t="s">
        <v>42155</v>
      </c>
      <c r="B27768" t="s">
        <v>42156</v>
      </c>
      <c r="C27768">
        <v>0</v>
      </c>
      <c r="D27768">
        <v>0</v>
      </c>
    </row>
    <row r="27769" spans="1:4" x14ac:dyDescent="0.25">
      <c r="A27769" t="s">
        <v>42155</v>
      </c>
      <c r="B27769" t="s">
        <v>1695</v>
      </c>
      <c r="C27769">
        <v>1</v>
      </c>
      <c r="D27769">
        <v>0</v>
      </c>
    </row>
    <row r="27770" spans="1:4" x14ac:dyDescent="0.25">
      <c r="A27770" t="s">
        <v>42157</v>
      </c>
      <c r="B27770" t="s">
        <v>42158</v>
      </c>
      <c r="C27770">
        <v>1</v>
      </c>
      <c r="D27770">
        <v>0</v>
      </c>
    </row>
    <row r="27771" spans="1:4" x14ac:dyDescent="0.25">
      <c r="A27771" t="s">
        <v>42157</v>
      </c>
      <c r="B27771" t="s">
        <v>42159</v>
      </c>
      <c r="C27771">
        <v>2</v>
      </c>
      <c r="D27771">
        <v>0</v>
      </c>
    </row>
    <row r="27772" spans="1:4" x14ac:dyDescent="0.25">
      <c r="A27772" t="s">
        <v>42157</v>
      </c>
      <c r="B27772" t="s">
        <v>42160</v>
      </c>
      <c r="C27772">
        <v>1</v>
      </c>
      <c r="D27772">
        <v>0</v>
      </c>
    </row>
    <row r="27773" spans="1:4" x14ac:dyDescent="0.25">
      <c r="A27773" t="s">
        <v>42161</v>
      </c>
      <c r="B27773" t="s">
        <v>42162</v>
      </c>
      <c r="C27773">
        <v>1</v>
      </c>
      <c r="D27773">
        <v>0</v>
      </c>
    </row>
    <row r="27774" spans="1:4" x14ac:dyDescent="0.25">
      <c r="A27774" t="s">
        <v>42161</v>
      </c>
      <c r="B27774" t="s">
        <v>42163</v>
      </c>
      <c r="C27774">
        <v>2</v>
      </c>
      <c r="D27774">
        <v>0</v>
      </c>
    </row>
    <row r="27775" spans="1:4" x14ac:dyDescent="0.25">
      <c r="A27775" t="s">
        <v>42161</v>
      </c>
      <c r="B27775" t="s">
        <v>2267</v>
      </c>
      <c r="C27775">
        <v>0</v>
      </c>
      <c r="D27775">
        <v>0</v>
      </c>
    </row>
    <row r="27776" spans="1:4" x14ac:dyDescent="0.25">
      <c r="A27776" t="s">
        <v>42164</v>
      </c>
      <c r="B27776" t="s">
        <v>42165</v>
      </c>
      <c r="C27776">
        <v>1</v>
      </c>
      <c r="D27776">
        <v>0</v>
      </c>
    </row>
    <row r="27777" spans="1:4" x14ac:dyDescent="0.25">
      <c r="A27777" t="s">
        <v>42166</v>
      </c>
      <c r="B27777" t="s">
        <v>42167</v>
      </c>
      <c r="C27777">
        <v>1</v>
      </c>
      <c r="D27777">
        <v>0</v>
      </c>
    </row>
    <row r="27778" spans="1:4" x14ac:dyDescent="0.25">
      <c r="A27778" t="s">
        <v>42168</v>
      </c>
      <c r="B27778" t="s">
        <v>4170</v>
      </c>
      <c r="C27778">
        <v>0</v>
      </c>
      <c r="D27778">
        <v>0</v>
      </c>
    </row>
    <row r="27779" spans="1:4" x14ac:dyDescent="0.25">
      <c r="A27779" t="s">
        <v>42168</v>
      </c>
      <c r="B27779" t="s">
        <v>42169</v>
      </c>
      <c r="C27779">
        <v>1</v>
      </c>
      <c r="D27779">
        <v>0</v>
      </c>
    </row>
    <row r="27780" spans="1:4" x14ac:dyDescent="0.25">
      <c r="A27780" t="s">
        <v>42170</v>
      </c>
      <c r="B27780" t="s">
        <v>42171</v>
      </c>
      <c r="C27780">
        <v>1</v>
      </c>
      <c r="D27780">
        <v>0</v>
      </c>
    </row>
    <row r="27781" spans="1:4" x14ac:dyDescent="0.25">
      <c r="A27781" t="s">
        <v>42170</v>
      </c>
      <c r="B27781" t="s">
        <v>42172</v>
      </c>
      <c r="C27781">
        <v>2</v>
      </c>
      <c r="D27781">
        <v>0</v>
      </c>
    </row>
    <row r="27782" spans="1:4" x14ac:dyDescent="0.25">
      <c r="A27782" t="s">
        <v>42173</v>
      </c>
      <c r="B27782" t="s">
        <v>42174</v>
      </c>
      <c r="C27782">
        <v>1</v>
      </c>
      <c r="D27782">
        <v>0</v>
      </c>
    </row>
    <row r="27783" spans="1:4" x14ac:dyDescent="0.25">
      <c r="A27783" t="s">
        <v>42173</v>
      </c>
      <c r="B27783" t="s">
        <v>42175</v>
      </c>
      <c r="C27783">
        <v>0</v>
      </c>
      <c r="D27783">
        <v>0</v>
      </c>
    </row>
    <row r="27784" spans="1:4" x14ac:dyDescent="0.25">
      <c r="A27784" t="s">
        <v>42173</v>
      </c>
      <c r="B27784" t="s">
        <v>42176</v>
      </c>
      <c r="C27784">
        <v>2</v>
      </c>
      <c r="D27784">
        <v>0</v>
      </c>
    </row>
    <row r="27785" spans="1:4" x14ac:dyDescent="0.25">
      <c r="A27785" t="s">
        <v>42177</v>
      </c>
      <c r="B27785" t="s">
        <v>42178</v>
      </c>
      <c r="C27785">
        <v>1</v>
      </c>
      <c r="D27785">
        <v>0</v>
      </c>
    </row>
    <row r="27786" spans="1:4" x14ac:dyDescent="0.25">
      <c r="A27786" t="s">
        <v>42177</v>
      </c>
      <c r="B27786" t="s">
        <v>42179</v>
      </c>
      <c r="C27786">
        <v>1</v>
      </c>
      <c r="D27786">
        <v>0</v>
      </c>
    </row>
    <row r="27787" spans="1:4" x14ac:dyDescent="0.25">
      <c r="A27787" t="s">
        <v>42177</v>
      </c>
      <c r="B27787" t="s">
        <v>42180</v>
      </c>
      <c r="C27787">
        <v>1</v>
      </c>
      <c r="D27787">
        <v>0</v>
      </c>
    </row>
    <row r="27788" spans="1:4" x14ac:dyDescent="0.25">
      <c r="A27788" t="s">
        <v>42181</v>
      </c>
      <c r="B27788" t="s">
        <v>816</v>
      </c>
      <c r="C27788">
        <v>1</v>
      </c>
      <c r="D27788">
        <v>0</v>
      </c>
    </row>
    <row r="27789" spans="1:4" x14ac:dyDescent="0.25">
      <c r="A27789" t="s">
        <v>42182</v>
      </c>
      <c r="B27789" t="s">
        <v>42183</v>
      </c>
      <c r="C27789">
        <v>1</v>
      </c>
      <c r="D27789">
        <v>0</v>
      </c>
    </row>
    <row r="27790" spans="1:4" x14ac:dyDescent="0.25">
      <c r="A27790" t="s">
        <v>42182</v>
      </c>
      <c r="B27790" t="s">
        <v>42184</v>
      </c>
      <c r="C27790">
        <v>2</v>
      </c>
      <c r="D27790">
        <v>0</v>
      </c>
    </row>
    <row r="27791" spans="1:4" x14ac:dyDescent="0.25">
      <c r="A27791" t="s">
        <v>42185</v>
      </c>
      <c r="B27791" t="s">
        <v>42186</v>
      </c>
      <c r="C27791">
        <v>0</v>
      </c>
      <c r="D27791">
        <v>0</v>
      </c>
    </row>
    <row r="27792" spans="1:4" x14ac:dyDescent="0.25">
      <c r="A27792" t="s">
        <v>42185</v>
      </c>
      <c r="B27792" t="s">
        <v>42187</v>
      </c>
      <c r="C27792">
        <v>0</v>
      </c>
      <c r="D27792">
        <v>0</v>
      </c>
    </row>
    <row r="27793" spans="1:4" x14ac:dyDescent="0.25">
      <c r="A27793" t="s">
        <v>42188</v>
      </c>
      <c r="B27793" t="s">
        <v>42189</v>
      </c>
      <c r="C27793">
        <v>2</v>
      </c>
      <c r="D27793">
        <v>0</v>
      </c>
    </row>
    <row r="27794" spans="1:4" x14ac:dyDescent="0.25">
      <c r="A27794" t="s">
        <v>42188</v>
      </c>
      <c r="B27794" t="s">
        <v>42190</v>
      </c>
      <c r="C27794">
        <v>0</v>
      </c>
      <c r="D27794">
        <v>0</v>
      </c>
    </row>
    <row r="27795" spans="1:4" x14ac:dyDescent="0.25">
      <c r="A27795" t="s">
        <v>42188</v>
      </c>
      <c r="B27795" t="s">
        <v>42191</v>
      </c>
      <c r="C27795">
        <v>1</v>
      </c>
      <c r="D27795">
        <v>0</v>
      </c>
    </row>
    <row r="27796" spans="1:4" x14ac:dyDescent="0.25">
      <c r="A27796" t="s">
        <v>42192</v>
      </c>
      <c r="B27796" t="s">
        <v>42193</v>
      </c>
      <c r="C27796">
        <v>0</v>
      </c>
      <c r="D27796">
        <v>0</v>
      </c>
    </row>
    <row r="27797" spans="1:4" x14ac:dyDescent="0.25">
      <c r="A27797" t="s">
        <v>42194</v>
      </c>
      <c r="B27797" t="s">
        <v>42195</v>
      </c>
      <c r="C27797">
        <v>1</v>
      </c>
      <c r="D27797">
        <v>0</v>
      </c>
    </row>
    <row r="27798" spans="1:4" x14ac:dyDescent="0.25">
      <c r="A27798" t="s">
        <v>42196</v>
      </c>
      <c r="B27798" t="s">
        <v>32957</v>
      </c>
      <c r="C27798">
        <v>2</v>
      </c>
      <c r="D27798">
        <v>0</v>
      </c>
    </row>
    <row r="27799" spans="1:4" x14ac:dyDescent="0.25">
      <c r="A27799" t="s">
        <v>42197</v>
      </c>
      <c r="B27799" t="s">
        <v>42198</v>
      </c>
      <c r="C27799">
        <v>1</v>
      </c>
      <c r="D27799">
        <v>0</v>
      </c>
    </row>
    <row r="27800" spans="1:4" x14ac:dyDescent="0.25">
      <c r="A27800" t="s">
        <v>42197</v>
      </c>
      <c r="B27800" t="s">
        <v>42199</v>
      </c>
      <c r="C27800">
        <v>2</v>
      </c>
      <c r="D27800">
        <v>0</v>
      </c>
    </row>
    <row r="27801" spans="1:4" x14ac:dyDescent="0.25">
      <c r="A27801" t="s">
        <v>42200</v>
      </c>
      <c r="B27801" t="s">
        <v>852</v>
      </c>
      <c r="C27801">
        <v>0</v>
      </c>
      <c r="D27801">
        <v>0</v>
      </c>
    </row>
    <row r="27802" spans="1:4" x14ac:dyDescent="0.25">
      <c r="A27802" t="s">
        <v>42201</v>
      </c>
      <c r="B27802" t="s">
        <v>42202</v>
      </c>
      <c r="C27802">
        <v>1</v>
      </c>
      <c r="D27802">
        <v>0</v>
      </c>
    </row>
    <row r="27803" spans="1:4" x14ac:dyDescent="0.25">
      <c r="A27803" t="s">
        <v>42201</v>
      </c>
      <c r="B27803" t="s">
        <v>42203</v>
      </c>
      <c r="C27803">
        <v>0</v>
      </c>
      <c r="D27803">
        <v>0</v>
      </c>
    </row>
    <row r="27804" spans="1:4" x14ac:dyDescent="0.25">
      <c r="A27804" t="s">
        <v>42204</v>
      </c>
      <c r="B27804" t="s">
        <v>42205</v>
      </c>
      <c r="C27804">
        <v>2</v>
      </c>
      <c r="D27804">
        <v>0</v>
      </c>
    </row>
    <row r="27805" spans="1:4" x14ac:dyDescent="0.25">
      <c r="A27805" t="s">
        <v>42204</v>
      </c>
      <c r="B27805" t="s">
        <v>42206</v>
      </c>
      <c r="C27805">
        <v>1</v>
      </c>
      <c r="D27805">
        <v>0</v>
      </c>
    </row>
    <row r="27806" spans="1:4" x14ac:dyDescent="0.25">
      <c r="A27806" t="s">
        <v>42204</v>
      </c>
      <c r="B27806" t="s">
        <v>42207</v>
      </c>
      <c r="C27806">
        <v>1</v>
      </c>
      <c r="D27806">
        <v>0</v>
      </c>
    </row>
    <row r="27807" spans="1:4" x14ac:dyDescent="0.25">
      <c r="A27807" t="s">
        <v>42208</v>
      </c>
      <c r="B27807" t="s">
        <v>42209</v>
      </c>
      <c r="C27807">
        <v>1</v>
      </c>
      <c r="D27807">
        <v>0</v>
      </c>
    </row>
    <row r="27808" spans="1:4" x14ac:dyDescent="0.25">
      <c r="A27808" t="s">
        <v>42208</v>
      </c>
      <c r="B27808" t="s">
        <v>42210</v>
      </c>
      <c r="C27808">
        <v>2</v>
      </c>
      <c r="D27808">
        <v>0</v>
      </c>
    </row>
    <row r="27809" spans="1:4" x14ac:dyDescent="0.25">
      <c r="A27809" t="s">
        <v>42211</v>
      </c>
      <c r="B27809" t="s">
        <v>42212</v>
      </c>
      <c r="C27809">
        <v>2</v>
      </c>
      <c r="D27809">
        <v>0</v>
      </c>
    </row>
    <row r="27810" spans="1:4" x14ac:dyDescent="0.25">
      <c r="A27810" t="s">
        <v>42211</v>
      </c>
      <c r="B27810" t="s">
        <v>42213</v>
      </c>
      <c r="C27810">
        <v>1</v>
      </c>
      <c r="D27810">
        <v>0</v>
      </c>
    </row>
    <row r="27811" spans="1:4" x14ac:dyDescent="0.25">
      <c r="A27811" t="s">
        <v>42211</v>
      </c>
      <c r="B27811" t="s">
        <v>42214</v>
      </c>
      <c r="C27811">
        <v>1</v>
      </c>
      <c r="D27811">
        <v>0</v>
      </c>
    </row>
    <row r="27812" spans="1:4" x14ac:dyDescent="0.25">
      <c r="A27812" t="s">
        <v>42215</v>
      </c>
      <c r="B27812" t="s">
        <v>42216</v>
      </c>
      <c r="C27812">
        <v>0</v>
      </c>
      <c r="D27812">
        <v>0</v>
      </c>
    </row>
    <row r="27813" spans="1:4" x14ac:dyDescent="0.25">
      <c r="A27813" t="s">
        <v>42215</v>
      </c>
      <c r="B27813" t="s">
        <v>42217</v>
      </c>
      <c r="C27813">
        <v>2</v>
      </c>
      <c r="D27813">
        <v>0</v>
      </c>
    </row>
    <row r="27814" spans="1:4" x14ac:dyDescent="0.25">
      <c r="A27814" t="s">
        <v>42215</v>
      </c>
      <c r="B27814" t="s">
        <v>42218</v>
      </c>
      <c r="C27814">
        <v>1</v>
      </c>
      <c r="D27814">
        <v>0</v>
      </c>
    </row>
    <row r="27815" spans="1:4" x14ac:dyDescent="0.25">
      <c r="A27815" t="s">
        <v>42219</v>
      </c>
      <c r="B27815" t="s">
        <v>42220</v>
      </c>
      <c r="C27815">
        <v>2</v>
      </c>
      <c r="D27815">
        <v>0</v>
      </c>
    </row>
    <row r="27816" spans="1:4" x14ac:dyDescent="0.25">
      <c r="A27816" t="s">
        <v>42221</v>
      </c>
      <c r="B27816" t="s">
        <v>42222</v>
      </c>
      <c r="C27816">
        <v>0</v>
      </c>
      <c r="D27816">
        <v>0</v>
      </c>
    </row>
    <row r="27817" spans="1:4" x14ac:dyDescent="0.25">
      <c r="A27817" t="s">
        <v>42223</v>
      </c>
      <c r="B27817" t="s">
        <v>42224</v>
      </c>
      <c r="C27817">
        <v>0</v>
      </c>
      <c r="D27817">
        <v>0</v>
      </c>
    </row>
    <row r="27818" spans="1:4" x14ac:dyDescent="0.25">
      <c r="A27818" t="s">
        <v>42223</v>
      </c>
      <c r="B27818" t="s">
        <v>3743</v>
      </c>
      <c r="C27818">
        <v>0</v>
      </c>
      <c r="D27818">
        <v>0</v>
      </c>
    </row>
    <row r="27819" spans="1:4" x14ac:dyDescent="0.25">
      <c r="A27819" t="s">
        <v>42223</v>
      </c>
      <c r="B27819" t="s">
        <v>42225</v>
      </c>
      <c r="C27819">
        <v>0</v>
      </c>
      <c r="D27819">
        <v>0</v>
      </c>
    </row>
    <row r="27820" spans="1:4" x14ac:dyDescent="0.25">
      <c r="A27820" t="s">
        <v>42226</v>
      </c>
      <c r="B27820" t="s">
        <v>42227</v>
      </c>
      <c r="C27820">
        <v>1</v>
      </c>
      <c r="D27820">
        <v>0</v>
      </c>
    </row>
    <row r="27821" spans="1:4" x14ac:dyDescent="0.25">
      <c r="A27821" t="s">
        <v>42228</v>
      </c>
      <c r="B27821" t="s">
        <v>5713</v>
      </c>
      <c r="C27821">
        <v>1</v>
      </c>
      <c r="D27821">
        <v>0</v>
      </c>
    </row>
    <row r="27822" spans="1:4" x14ac:dyDescent="0.25">
      <c r="A27822" t="s">
        <v>42229</v>
      </c>
      <c r="B27822" t="s">
        <v>42230</v>
      </c>
      <c r="C27822">
        <v>0</v>
      </c>
      <c r="D27822">
        <v>0</v>
      </c>
    </row>
    <row r="27823" spans="1:4" x14ac:dyDescent="0.25">
      <c r="A27823" t="s">
        <v>42231</v>
      </c>
      <c r="B27823" t="s">
        <v>42232</v>
      </c>
      <c r="C27823">
        <v>0</v>
      </c>
      <c r="D27823">
        <v>0</v>
      </c>
    </row>
    <row r="27824" spans="1:4" x14ac:dyDescent="0.25">
      <c r="A27824" t="s">
        <v>42233</v>
      </c>
      <c r="B27824" t="s">
        <v>42234</v>
      </c>
      <c r="C27824">
        <v>1</v>
      </c>
      <c r="D27824">
        <v>0</v>
      </c>
    </row>
    <row r="27825" spans="1:4" x14ac:dyDescent="0.25">
      <c r="A27825" t="s">
        <v>42235</v>
      </c>
      <c r="B27825" t="s">
        <v>42236</v>
      </c>
      <c r="C27825">
        <v>2</v>
      </c>
      <c r="D27825">
        <v>0</v>
      </c>
    </row>
    <row r="27826" spans="1:4" x14ac:dyDescent="0.25">
      <c r="A27826" t="s">
        <v>42235</v>
      </c>
      <c r="B27826" t="s">
        <v>42237</v>
      </c>
      <c r="C27826">
        <v>0</v>
      </c>
      <c r="D27826">
        <v>0</v>
      </c>
    </row>
    <row r="27827" spans="1:4" x14ac:dyDescent="0.25">
      <c r="A27827" t="s">
        <v>42238</v>
      </c>
      <c r="B27827" t="s">
        <v>42239</v>
      </c>
      <c r="C27827">
        <v>1</v>
      </c>
      <c r="D27827">
        <v>0</v>
      </c>
    </row>
    <row r="27828" spans="1:4" x14ac:dyDescent="0.25">
      <c r="A27828" t="s">
        <v>42238</v>
      </c>
      <c r="B27828" t="s">
        <v>42240</v>
      </c>
      <c r="C27828">
        <v>2</v>
      </c>
      <c r="D27828">
        <v>0</v>
      </c>
    </row>
    <row r="27829" spans="1:4" x14ac:dyDescent="0.25">
      <c r="A27829" t="s">
        <v>42238</v>
      </c>
      <c r="B27829" t="s">
        <v>42241</v>
      </c>
      <c r="C27829">
        <v>2</v>
      </c>
      <c r="D27829">
        <v>0</v>
      </c>
    </row>
    <row r="27830" spans="1:4" x14ac:dyDescent="0.25">
      <c r="A27830" t="s">
        <v>42242</v>
      </c>
      <c r="B27830" t="s">
        <v>42243</v>
      </c>
      <c r="C27830">
        <v>1</v>
      </c>
      <c r="D27830">
        <v>0</v>
      </c>
    </row>
    <row r="27831" spans="1:4" x14ac:dyDescent="0.25">
      <c r="A27831" t="s">
        <v>42242</v>
      </c>
      <c r="B27831" t="s">
        <v>42244</v>
      </c>
      <c r="C27831">
        <v>2</v>
      </c>
      <c r="D27831">
        <v>0</v>
      </c>
    </row>
    <row r="27832" spans="1:4" x14ac:dyDescent="0.25">
      <c r="A27832" t="s">
        <v>42245</v>
      </c>
      <c r="B27832" t="s">
        <v>42246</v>
      </c>
      <c r="C27832">
        <v>1</v>
      </c>
      <c r="D27832">
        <v>0</v>
      </c>
    </row>
    <row r="27833" spans="1:4" x14ac:dyDescent="0.25">
      <c r="A27833" t="s">
        <v>42245</v>
      </c>
      <c r="B27833" t="s">
        <v>42247</v>
      </c>
      <c r="C27833">
        <v>0</v>
      </c>
      <c r="D27833">
        <v>0</v>
      </c>
    </row>
    <row r="27834" spans="1:4" x14ac:dyDescent="0.25">
      <c r="A27834" t="s">
        <v>42245</v>
      </c>
      <c r="B27834" t="s">
        <v>42248</v>
      </c>
      <c r="C27834">
        <v>1</v>
      </c>
      <c r="D27834">
        <v>0</v>
      </c>
    </row>
    <row r="27835" spans="1:4" x14ac:dyDescent="0.25">
      <c r="A27835" t="s">
        <v>42249</v>
      </c>
      <c r="B27835" t="s">
        <v>398</v>
      </c>
      <c r="C27835">
        <v>0</v>
      </c>
      <c r="D27835">
        <v>0</v>
      </c>
    </row>
    <row r="27836" spans="1:4" x14ac:dyDescent="0.25">
      <c r="A27836" t="s">
        <v>42249</v>
      </c>
      <c r="B27836" t="s">
        <v>42250</v>
      </c>
      <c r="C27836">
        <v>2</v>
      </c>
      <c r="D27836">
        <v>0</v>
      </c>
    </row>
    <row r="27837" spans="1:4" x14ac:dyDescent="0.25">
      <c r="A27837" t="s">
        <v>42249</v>
      </c>
      <c r="B27837" t="s">
        <v>42251</v>
      </c>
      <c r="C27837">
        <v>1</v>
      </c>
      <c r="D27837">
        <v>0</v>
      </c>
    </row>
    <row r="27838" spans="1:4" x14ac:dyDescent="0.25">
      <c r="A27838" t="s">
        <v>42252</v>
      </c>
      <c r="B27838" t="s">
        <v>398</v>
      </c>
      <c r="C27838">
        <v>0</v>
      </c>
      <c r="D27838">
        <v>0</v>
      </c>
    </row>
    <row r="27839" spans="1:4" x14ac:dyDescent="0.25">
      <c r="A27839" t="s">
        <v>42252</v>
      </c>
      <c r="B27839" t="s">
        <v>843</v>
      </c>
      <c r="C27839">
        <v>1</v>
      </c>
      <c r="D27839">
        <v>0</v>
      </c>
    </row>
    <row r="27840" spans="1:4" x14ac:dyDescent="0.25">
      <c r="A27840" t="s">
        <v>42253</v>
      </c>
      <c r="B27840" t="s">
        <v>42254</v>
      </c>
      <c r="C27840">
        <v>0</v>
      </c>
      <c r="D27840">
        <v>0</v>
      </c>
    </row>
    <row r="27841" spans="1:4" x14ac:dyDescent="0.25">
      <c r="A27841" t="s">
        <v>42253</v>
      </c>
      <c r="B27841" t="s">
        <v>42255</v>
      </c>
      <c r="C27841">
        <v>1</v>
      </c>
      <c r="D27841">
        <v>0</v>
      </c>
    </row>
    <row r="27842" spans="1:4" x14ac:dyDescent="0.25">
      <c r="A27842" t="s">
        <v>42256</v>
      </c>
      <c r="B27842" t="s">
        <v>42257</v>
      </c>
      <c r="C27842">
        <v>1</v>
      </c>
      <c r="D27842">
        <v>0</v>
      </c>
    </row>
    <row r="27843" spans="1:4" x14ac:dyDescent="0.25">
      <c r="A27843" t="s">
        <v>42258</v>
      </c>
      <c r="B27843" t="s">
        <v>2943</v>
      </c>
      <c r="C27843">
        <v>0</v>
      </c>
      <c r="D27843">
        <v>0</v>
      </c>
    </row>
    <row r="27844" spans="1:4" x14ac:dyDescent="0.25">
      <c r="A27844" t="s">
        <v>42259</v>
      </c>
      <c r="B27844" t="s">
        <v>888</v>
      </c>
      <c r="C27844">
        <v>1</v>
      </c>
      <c r="D27844">
        <v>0</v>
      </c>
    </row>
    <row r="27845" spans="1:4" x14ac:dyDescent="0.25">
      <c r="A27845" t="s">
        <v>42259</v>
      </c>
      <c r="B27845" t="s">
        <v>2953</v>
      </c>
      <c r="C27845">
        <v>0</v>
      </c>
      <c r="D27845">
        <v>0</v>
      </c>
    </row>
    <row r="27846" spans="1:4" x14ac:dyDescent="0.25">
      <c r="A27846" t="s">
        <v>42260</v>
      </c>
      <c r="B27846" t="s">
        <v>42261</v>
      </c>
      <c r="C27846">
        <v>2</v>
      </c>
      <c r="D27846">
        <v>0</v>
      </c>
    </row>
    <row r="27847" spans="1:4" x14ac:dyDescent="0.25">
      <c r="A27847" t="s">
        <v>42260</v>
      </c>
      <c r="B27847" t="s">
        <v>42262</v>
      </c>
      <c r="C27847">
        <v>0</v>
      </c>
      <c r="D27847">
        <v>0</v>
      </c>
    </row>
    <row r="27848" spans="1:4" x14ac:dyDescent="0.25">
      <c r="A27848" t="s">
        <v>42260</v>
      </c>
      <c r="B27848" t="s">
        <v>42263</v>
      </c>
      <c r="C27848">
        <v>1</v>
      </c>
      <c r="D27848">
        <v>0</v>
      </c>
    </row>
    <row r="27849" spans="1:4" x14ac:dyDescent="0.25">
      <c r="A27849" t="s">
        <v>42264</v>
      </c>
      <c r="B27849" t="s">
        <v>42265</v>
      </c>
      <c r="C27849">
        <v>1</v>
      </c>
      <c r="D27849">
        <v>0</v>
      </c>
    </row>
    <row r="27850" spans="1:4" x14ac:dyDescent="0.25">
      <c r="A27850" t="s">
        <v>42264</v>
      </c>
      <c r="B27850" t="s">
        <v>42266</v>
      </c>
      <c r="C27850">
        <v>0</v>
      </c>
      <c r="D27850">
        <v>0</v>
      </c>
    </row>
    <row r="27851" spans="1:4" x14ac:dyDescent="0.25">
      <c r="A27851" t="s">
        <v>42267</v>
      </c>
      <c r="B27851" t="s">
        <v>42268</v>
      </c>
      <c r="C27851">
        <v>2</v>
      </c>
      <c r="D27851">
        <v>0</v>
      </c>
    </row>
    <row r="27852" spans="1:4" x14ac:dyDescent="0.25">
      <c r="A27852" t="s">
        <v>42267</v>
      </c>
      <c r="B27852" t="s">
        <v>42269</v>
      </c>
      <c r="C27852">
        <v>0</v>
      </c>
      <c r="D27852">
        <v>0</v>
      </c>
    </row>
    <row r="27853" spans="1:4" x14ac:dyDescent="0.25">
      <c r="A27853" t="s">
        <v>42270</v>
      </c>
      <c r="B27853" t="s">
        <v>42271</v>
      </c>
      <c r="C27853">
        <v>0</v>
      </c>
      <c r="D27853">
        <v>0</v>
      </c>
    </row>
    <row r="27854" spans="1:4" x14ac:dyDescent="0.25">
      <c r="A27854" t="s">
        <v>42272</v>
      </c>
      <c r="B27854" t="s">
        <v>42273</v>
      </c>
      <c r="C27854">
        <v>0</v>
      </c>
      <c r="D27854">
        <v>0</v>
      </c>
    </row>
    <row r="27855" spans="1:4" x14ac:dyDescent="0.25">
      <c r="A27855" t="s">
        <v>42272</v>
      </c>
      <c r="B27855" t="s">
        <v>42274</v>
      </c>
      <c r="C27855">
        <v>1</v>
      </c>
      <c r="D27855">
        <v>0</v>
      </c>
    </row>
    <row r="27856" spans="1:4" x14ac:dyDescent="0.25">
      <c r="A27856" t="s">
        <v>42275</v>
      </c>
      <c r="B27856" t="s">
        <v>42276</v>
      </c>
      <c r="C27856">
        <v>1</v>
      </c>
      <c r="D27856">
        <v>0</v>
      </c>
    </row>
    <row r="27857" spans="1:4" x14ac:dyDescent="0.25">
      <c r="A27857" t="s">
        <v>42275</v>
      </c>
      <c r="B27857" t="s">
        <v>42277</v>
      </c>
      <c r="C27857">
        <v>2</v>
      </c>
      <c r="D27857">
        <v>0</v>
      </c>
    </row>
    <row r="27858" spans="1:4" x14ac:dyDescent="0.25">
      <c r="A27858" t="s">
        <v>42275</v>
      </c>
      <c r="B27858" t="s">
        <v>42278</v>
      </c>
      <c r="C27858">
        <v>2</v>
      </c>
      <c r="D27858">
        <v>0</v>
      </c>
    </row>
    <row r="27859" spans="1:4" x14ac:dyDescent="0.25">
      <c r="A27859" t="s">
        <v>42279</v>
      </c>
      <c r="B27859" t="s">
        <v>42280</v>
      </c>
      <c r="C27859">
        <v>1</v>
      </c>
      <c r="D27859">
        <v>0</v>
      </c>
    </row>
    <row r="27860" spans="1:4" x14ac:dyDescent="0.25">
      <c r="A27860" t="s">
        <v>42279</v>
      </c>
      <c r="B27860" t="s">
        <v>42281</v>
      </c>
      <c r="C27860">
        <v>1</v>
      </c>
      <c r="D27860">
        <v>0</v>
      </c>
    </row>
    <row r="27861" spans="1:4" x14ac:dyDescent="0.25">
      <c r="A27861" t="s">
        <v>42279</v>
      </c>
      <c r="B27861" t="s">
        <v>42282</v>
      </c>
      <c r="C27861">
        <v>1</v>
      </c>
      <c r="D27861">
        <v>0</v>
      </c>
    </row>
    <row r="27862" spans="1:4" x14ac:dyDescent="0.25">
      <c r="A27862" t="s">
        <v>42283</v>
      </c>
      <c r="B27862" t="s">
        <v>42284</v>
      </c>
      <c r="C27862">
        <v>0</v>
      </c>
      <c r="D27862">
        <v>0</v>
      </c>
    </row>
    <row r="27863" spans="1:4" x14ac:dyDescent="0.25">
      <c r="A27863" t="s">
        <v>42285</v>
      </c>
      <c r="B27863" t="s">
        <v>42286</v>
      </c>
      <c r="C27863">
        <v>0</v>
      </c>
      <c r="D27863">
        <v>0</v>
      </c>
    </row>
    <row r="27864" spans="1:4" x14ac:dyDescent="0.25">
      <c r="A27864" t="s">
        <v>42285</v>
      </c>
      <c r="B27864" t="s">
        <v>42287</v>
      </c>
      <c r="C27864">
        <v>1</v>
      </c>
      <c r="D27864">
        <v>0</v>
      </c>
    </row>
    <row r="27865" spans="1:4" x14ac:dyDescent="0.25">
      <c r="A27865" t="s">
        <v>42288</v>
      </c>
      <c r="B27865" t="s">
        <v>10253</v>
      </c>
      <c r="C27865">
        <v>2</v>
      </c>
      <c r="D27865">
        <v>0</v>
      </c>
    </row>
    <row r="27866" spans="1:4" x14ac:dyDescent="0.25">
      <c r="A27866" t="s">
        <v>42289</v>
      </c>
      <c r="B27866" t="s">
        <v>42290</v>
      </c>
      <c r="C27866">
        <v>0</v>
      </c>
      <c r="D27866">
        <v>0</v>
      </c>
    </row>
    <row r="27867" spans="1:4" x14ac:dyDescent="0.25">
      <c r="A27867" t="s">
        <v>42289</v>
      </c>
      <c r="B27867" t="s">
        <v>42291</v>
      </c>
      <c r="C27867">
        <v>1</v>
      </c>
      <c r="D27867">
        <v>0</v>
      </c>
    </row>
    <row r="27868" spans="1:4" x14ac:dyDescent="0.25">
      <c r="A27868" t="s">
        <v>42292</v>
      </c>
      <c r="B27868" t="s">
        <v>42293</v>
      </c>
      <c r="C27868">
        <v>1</v>
      </c>
      <c r="D27868">
        <v>0</v>
      </c>
    </row>
    <row r="27869" spans="1:4" x14ac:dyDescent="0.25">
      <c r="A27869" t="s">
        <v>42292</v>
      </c>
      <c r="B27869" t="s">
        <v>42294</v>
      </c>
      <c r="C27869">
        <v>0</v>
      </c>
      <c r="D27869">
        <v>0</v>
      </c>
    </row>
    <row r="27870" spans="1:4" x14ac:dyDescent="0.25">
      <c r="A27870" t="s">
        <v>42295</v>
      </c>
      <c r="B27870" t="s">
        <v>1499</v>
      </c>
      <c r="C27870">
        <v>1</v>
      </c>
      <c r="D27870">
        <v>0</v>
      </c>
    </row>
    <row r="27871" spans="1:4" x14ac:dyDescent="0.25">
      <c r="A27871" t="s">
        <v>42296</v>
      </c>
      <c r="B27871" t="s">
        <v>42297</v>
      </c>
      <c r="C27871">
        <v>1</v>
      </c>
      <c r="D27871">
        <v>0</v>
      </c>
    </row>
    <row r="27872" spans="1:4" x14ac:dyDescent="0.25">
      <c r="A27872" t="s">
        <v>42298</v>
      </c>
      <c r="B27872" t="s">
        <v>42299</v>
      </c>
      <c r="C27872">
        <v>1</v>
      </c>
      <c r="D27872">
        <v>0</v>
      </c>
    </row>
    <row r="27873" spans="1:4" x14ac:dyDescent="0.25">
      <c r="A27873" t="s">
        <v>42298</v>
      </c>
      <c r="B27873" t="s">
        <v>42300</v>
      </c>
      <c r="C27873">
        <v>0</v>
      </c>
      <c r="D27873">
        <v>0</v>
      </c>
    </row>
    <row r="27874" spans="1:4" x14ac:dyDescent="0.25">
      <c r="A27874" t="s">
        <v>42298</v>
      </c>
      <c r="B27874" t="s">
        <v>42301</v>
      </c>
      <c r="C27874">
        <v>1</v>
      </c>
      <c r="D27874">
        <v>0</v>
      </c>
    </row>
    <row r="27875" spans="1:4" x14ac:dyDescent="0.25">
      <c r="A27875" t="s">
        <v>42302</v>
      </c>
      <c r="B27875" t="s">
        <v>42303</v>
      </c>
      <c r="C27875">
        <v>1</v>
      </c>
      <c r="D27875">
        <v>0</v>
      </c>
    </row>
    <row r="27876" spans="1:4" x14ac:dyDescent="0.25">
      <c r="A27876" t="s">
        <v>42304</v>
      </c>
      <c r="B27876" t="s">
        <v>42305</v>
      </c>
      <c r="C27876">
        <v>1</v>
      </c>
      <c r="D27876">
        <v>0</v>
      </c>
    </row>
    <row r="27877" spans="1:4" x14ac:dyDescent="0.25">
      <c r="A27877" t="s">
        <v>42304</v>
      </c>
      <c r="B27877" t="s">
        <v>42306</v>
      </c>
      <c r="C27877">
        <v>0</v>
      </c>
      <c r="D27877">
        <v>0</v>
      </c>
    </row>
    <row r="27878" spans="1:4" x14ac:dyDescent="0.25">
      <c r="A27878" t="s">
        <v>42307</v>
      </c>
      <c r="B27878" t="s">
        <v>42308</v>
      </c>
      <c r="C27878">
        <v>1</v>
      </c>
      <c r="D27878">
        <v>0</v>
      </c>
    </row>
    <row r="27879" spans="1:4" x14ac:dyDescent="0.25">
      <c r="A27879" t="s">
        <v>42307</v>
      </c>
      <c r="B27879" t="s">
        <v>42309</v>
      </c>
      <c r="C27879">
        <v>2</v>
      </c>
      <c r="D27879">
        <v>0</v>
      </c>
    </row>
    <row r="27880" spans="1:4" x14ac:dyDescent="0.25">
      <c r="A27880" t="s">
        <v>42307</v>
      </c>
      <c r="B27880" t="s">
        <v>35545</v>
      </c>
      <c r="C27880">
        <v>1</v>
      </c>
      <c r="D27880">
        <v>0</v>
      </c>
    </row>
    <row r="27881" spans="1:4" x14ac:dyDescent="0.25">
      <c r="A27881" t="s">
        <v>42310</v>
      </c>
      <c r="B27881" t="s">
        <v>1097</v>
      </c>
      <c r="C27881">
        <v>1</v>
      </c>
      <c r="D27881">
        <v>0</v>
      </c>
    </row>
    <row r="27882" spans="1:4" x14ac:dyDescent="0.25">
      <c r="A27882" t="s">
        <v>42311</v>
      </c>
      <c r="B27882" t="s">
        <v>42312</v>
      </c>
      <c r="C27882">
        <v>1</v>
      </c>
      <c r="D27882">
        <v>0</v>
      </c>
    </row>
    <row r="27883" spans="1:4" x14ac:dyDescent="0.25">
      <c r="A27883" t="s">
        <v>42311</v>
      </c>
      <c r="B27883" t="s">
        <v>42313</v>
      </c>
      <c r="C27883">
        <v>1</v>
      </c>
      <c r="D27883">
        <v>0</v>
      </c>
    </row>
    <row r="27884" spans="1:4" x14ac:dyDescent="0.25">
      <c r="A27884" t="s">
        <v>42311</v>
      </c>
      <c r="B27884" t="s">
        <v>42314</v>
      </c>
      <c r="C27884">
        <v>2</v>
      </c>
      <c r="D27884">
        <v>0</v>
      </c>
    </row>
    <row r="27885" spans="1:4" x14ac:dyDescent="0.25">
      <c r="A27885" t="s">
        <v>42315</v>
      </c>
      <c r="B27885" t="s">
        <v>4958</v>
      </c>
      <c r="C27885">
        <v>1</v>
      </c>
      <c r="D27885">
        <v>0</v>
      </c>
    </row>
    <row r="27886" spans="1:4" x14ac:dyDescent="0.25">
      <c r="A27886" t="s">
        <v>42315</v>
      </c>
      <c r="B27886" t="s">
        <v>2061</v>
      </c>
      <c r="C27886">
        <v>0</v>
      </c>
      <c r="D27886">
        <v>0</v>
      </c>
    </row>
    <row r="27887" spans="1:4" x14ac:dyDescent="0.25">
      <c r="A27887" t="s">
        <v>42315</v>
      </c>
      <c r="B27887" t="s">
        <v>42316</v>
      </c>
      <c r="C27887">
        <v>2</v>
      </c>
      <c r="D27887">
        <v>0</v>
      </c>
    </row>
    <row r="27888" spans="1:4" x14ac:dyDescent="0.25">
      <c r="A27888" t="s">
        <v>42317</v>
      </c>
      <c r="B27888" t="s">
        <v>42318</v>
      </c>
      <c r="C27888">
        <v>2</v>
      </c>
      <c r="D27888">
        <v>0</v>
      </c>
    </row>
    <row r="27889" spans="1:4" x14ac:dyDescent="0.25">
      <c r="A27889" t="s">
        <v>42319</v>
      </c>
      <c r="B27889" t="s">
        <v>42320</v>
      </c>
      <c r="C27889">
        <v>2</v>
      </c>
      <c r="D27889">
        <v>0</v>
      </c>
    </row>
    <row r="27890" spans="1:4" x14ac:dyDescent="0.25">
      <c r="A27890" t="s">
        <v>42321</v>
      </c>
      <c r="B27890" t="s">
        <v>42322</v>
      </c>
      <c r="C27890">
        <v>1</v>
      </c>
      <c r="D27890">
        <v>0</v>
      </c>
    </row>
    <row r="27891" spans="1:4" x14ac:dyDescent="0.25">
      <c r="A27891" t="s">
        <v>42321</v>
      </c>
      <c r="B27891" t="s">
        <v>42323</v>
      </c>
      <c r="C27891">
        <v>2</v>
      </c>
      <c r="D27891">
        <v>0</v>
      </c>
    </row>
    <row r="27892" spans="1:4" x14ac:dyDescent="0.25">
      <c r="A27892" t="s">
        <v>42321</v>
      </c>
      <c r="B27892" t="s">
        <v>42324</v>
      </c>
      <c r="C27892">
        <v>1</v>
      </c>
      <c r="D27892">
        <v>0</v>
      </c>
    </row>
    <row r="27893" spans="1:4" x14ac:dyDescent="0.25">
      <c r="A27893" t="s">
        <v>42325</v>
      </c>
      <c r="B27893" t="s">
        <v>816</v>
      </c>
      <c r="C27893">
        <v>1</v>
      </c>
      <c r="D27893">
        <v>0</v>
      </c>
    </row>
    <row r="27894" spans="1:4" x14ac:dyDescent="0.25">
      <c r="A27894" t="s">
        <v>42325</v>
      </c>
      <c r="B27894" t="s">
        <v>42326</v>
      </c>
      <c r="C27894">
        <v>0</v>
      </c>
      <c r="D27894">
        <v>0</v>
      </c>
    </row>
    <row r="27895" spans="1:4" x14ac:dyDescent="0.25">
      <c r="A27895" t="s">
        <v>42325</v>
      </c>
      <c r="B27895" t="s">
        <v>42327</v>
      </c>
      <c r="C27895">
        <v>1</v>
      </c>
      <c r="D27895">
        <v>0</v>
      </c>
    </row>
    <row r="27896" spans="1:4" x14ac:dyDescent="0.25">
      <c r="A27896" t="s">
        <v>42328</v>
      </c>
      <c r="B27896" t="s">
        <v>42329</v>
      </c>
      <c r="C27896">
        <v>0</v>
      </c>
      <c r="D27896">
        <v>0</v>
      </c>
    </row>
    <row r="27897" spans="1:4" x14ac:dyDescent="0.25">
      <c r="A27897" t="s">
        <v>42328</v>
      </c>
      <c r="B27897" t="s">
        <v>5903</v>
      </c>
      <c r="C27897">
        <v>0</v>
      </c>
      <c r="D27897">
        <v>0</v>
      </c>
    </row>
    <row r="27898" spans="1:4" x14ac:dyDescent="0.25">
      <c r="A27898" t="s">
        <v>42330</v>
      </c>
      <c r="B27898" t="s">
        <v>42331</v>
      </c>
      <c r="C27898">
        <v>2</v>
      </c>
      <c r="D27898">
        <v>0</v>
      </c>
    </row>
    <row r="27899" spans="1:4" x14ac:dyDescent="0.25">
      <c r="A27899" t="s">
        <v>42330</v>
      </c>
      <c r="B27899" t="s">
        <v>24772</v>
      </c>
      <c r="C27899">
        <v>1</v>
      </c>
      <c r="D27899">
        <v>0</v>
      </c>
    </row>
    <row r="27900" spans="1:4" x14ac:dyDescent="0.25">
      <c r="A27900" t="s">
        <v>42330</v>
      </c>
      <c r="B27900" t="s">
        <v>42332</v>
      </c>
      <c r="C27900">
        <v>1</v>
      </c>
      <c r="D27900">
        <v>0</v>
      </c>
    </row>
    <row r="27901" spans="1:4" x14ac:dyDescent="0.25">
      <c r="A27901" t="s">
        <v>42333</v>
      </c>
      <c r="B27901" t="s">
        <v>42334</v>
      </c>
      <c r="C27901">
        <v>2</v>
      </c>
      <c r="D27901">
        <v>0</v>
      </c>
    </row>
    <row r="27902" spans="1:4" x14ac:dyDescent="0.25">
      <c r="A27902" t="s">
        <v>42333</v>
      </c>
      <c r="B27902" t="s">
        <v>42335</v>
      </c>
      <c r="C27902">
        <v>2</v>
      </c>
      <c r="D27902">
        <v>0</v>
      </c>
    </row>
    <row r="27903" spans="1:4" x14ac:dyDescent="0.25">
      <c r="A27903" t="s">
        <v>42336</v>
      </c>
      <c r="B27903" t="s">
        <v>42337</v>
      </c>
      <c r="C27903">
        <v>1</v>
      </c>
      <c r="D27903">
        <v>0</v>
      </c>
    </row>
    <row r="27904" spans="1:4" x14ac:dyDescent="0.25">
      <c r="A27904" t="s">
        <v>42336</v>
      </c>
      <c r="B27904" t="s">
        <v>42338</v>
      </c>
      <c r="C27904">
        <v>0</v>
      </c>
      <c r="D27904">
        <v>0</v>
      </c>
    </row>
    <row r="27905" spans="1:4" x14ac:dyDescent="0.25">
      <c r="A27905" t="s">
        <v>42339</v>
      </c>
      <c r="B27905" t="s">
        <v>42340</v>
      </c>
      <c r="C27905">
        <v>0</v>
      </c>
      <c r="D27905">
        <v>0</v>
      </c>
    </row>
    <row r="27906" spans="1:4" x14ac:dyDescent="0.25">
      <c r="A27906" t="s">
        <v>42339</v>
      </c>
      <c r="B27906" t="s">
        <v>42341</v>
      </c>
      <c r="C27906">
        <v>1</v>
      </c>
      <c r="D27906">
        <v>0</v>
      </c>
    </row>
    <row r="27907" spans="1:4" x14ac:dyDescent="0.25">
      <c r="A27907" t="s">
        <v>42339</v>
      </c>
      <c r="B27907" t="s">
        <v>42342</v>
      </c>
      <c r="C27907">
        <v>1</v>
      </c>
      <c r="D27907">
        <v>0</v>
      </c>
    </row>
    <row r="27908" spans="1:4" x14ac:dyDescent="0.25">
      <c r="A27908" t="s">
        <v>42343</v>
      </c>
      <c r="B27908" t="s">
        <v>42344</v>
      </c>
      <c r="C27908">
        <v>0</v>
      </c>
      <c r="D27908">
        <v>0</v>
      </c>
    </row>
    <row r="27909" spans="1:4" x14ac:dyDescent="0.25">
      <c r="A27909" t="s">
        <v>42345</v>
      </c>
      <c r="B27909" t="s">
        <v>34864</v>
      </c>
      <c r="C27909">
        <v>1</v>
      </c>
      <c r="D27909">
        <v>0</v>
      </c>
    </row>
    <row r="27910" spans="1:4" x14ac:dyDescent="0.25">
      <c r="A27910" t="s">
        <v>42345</v>
      </c>
      <c r="B27910" t="s">
        <v>42346</v>
      </c>
      <c r="C27910">
        <v>0</v>
      </c>
      <c r="D27910">
        <v>0</v>
      </c>
    </row>
    <row r="27911" spans="1:4" x14ac:dyDescent="0.25">
      <c r="A27911" t="s">
        <v>42347</v>
      </c>
      <c r="B27911" t="s">
        <v>42348</v>
      </c>
      <c r="C27911">
        <v>1</v>
      </c>
      <c r="D27911">
        <v>0</v>
      </c>
    </row>
    <row r="27912" spans="1:4" x14ac:dyDescent="0.25">
      <c r="A27912" t="s">
        <v>42349</v>
      </c>
      <c r="B27912" t="s">
        <v>3347</v>
      </c>
      <c r="C27912">
        <v>0</v>
      </c>
      <c r="D27912">
        <v>0</v>
      </c>
    </row>
    <row r="27913" spans="1:4" x14ac:dyDescent="0.25">
      <c r="A27913" t="s">
        <v>42349</v>
      </c>
      <c r="B27913" t="s">
        <v>42350</v>
      </c>
      <c r="C27913">
        <v>2</v>
      </c>
      <c r="D27913">
        <v>0</v>
      </c>
    </row>
    <row r="27914" spans="1:4" x14ac:dyDescent="0.25">
      <c r="A27914" t="s">
        <v>42349</v>
      </c>
      <c r="B27914" t="s">
        <v>42351</v>
      </c>
      <c r="C27914">
        <v>2</v>
      </c>
      <c r="D27914">
        <v>0</v>
      </c>
    </row>
    <row r="27915" spans="1:4" x14ac:dyDescent="0.25">
      <c r="A27915" t="s">
        <v>42352</v>
      </c>
      <c r="B27915" t="s">
        <v>42353</v>
      </c>
      <c r="C27915">
        <v>2</v>
      </c>
      <c r="D27915">
        <v>0</v>
      </c>
    </row>
    <row r="27916" spans="1:4" x14ac:dyDescent="0.25">
      <c r="A27916" t="s">
        <v>42352</v>
      </c>
      <c r="B27916" t="s">
        <v>42354</v>
      </c>
      <c r="C27916">
        <v>2</v>
      </c>
      <c r="D27916">
        <v>0</v>
      </c>
    </row>
    <row r="27917" spans="1:4" x14ac:dyDescent="0.25">
      <c r="A27917" t="s">
        <v>42355</v>
      </c>
      <c r="B27917" t="s">
        <v>42356</v>
      </c>
      <c r="C27917">
        <v>1</v>
      </c>
      <c r="D27917">
        <v>0</v>
      </c>
    </row>
    <row r="27918" spans="1:4" x14ac:dyDescent="0.25">
      <c r="A27918" t="s">
        <v>42355</v>
      </c>
      <c r="B27918" t="s">
        <v>42357</v>
      </c>
      <c r="C27918">
        <v>0</v>
      </c>
      <c r="D27918">
        <v>0</v>
      </c>
    </row>
    <row r="27919" spans="1:4" x14ac:dyDescent="0.25">
      <c r="A27919" t="s">
        <v>42355</v>
      </c>
      <c r="B27919" t="s">
        <v>42358</v>
      </c>
      <c r="C27919">
        <v>0</v>
      </c>
      <c r="D27919">
        <v>0</v>
      </c>
    </row>
    <row r="27920" spans="1:4" x14ac:dyDescent="0.25">
      <c r="A27920" t="s">
        <v>42359</v>
      </c>
      <c r="B27920" t="s">
        <v>42360</v>
      </c>
      <c r="C27920">
        <v>1</v>
      </c>
      <c r="D27920">
        <v>0</v>
      </c>
    </row>
    <row r="27921" spans="1:4" x14ac:dyDescent="0.25">
      <c r="A27921" t="s">
        <v>42361</v>
      </c>
      <c r="B27921" t="s">
        <v>42362</v>
      </c>
      <c r="C27921">
        <v>0</v>
      </c>
      <c r="D27921">
        <v>0</v>
      </c>
    </row>
    <row r="27922" spans="1:4" x14ac:dyDescent="0.25">
      <c r="A27922" t="s">
        <v>42361</v>
      </c>
      <c r="B27922" t="s">
        <v>42363</v>
      </c>
      <c r="C27922">
        <v>0</v>
      </c>
      <c r="D27922">
        <v>0</v>
      </c>
    </row>
    <row r="27923" spans="1:4" x14ac:dyDescent="0.25">
      <c r="A27923" t="s">
        <v>42361</v>
      </c>
      <c r="B27923" t="s">
        <v>42364</v>
      </c>
      <c r="C27923">
        <v>2</v>
      </c>
      <c r="D27923">
        <v>0</v>
      </c>
    </row>
    <row r="27924" spans="1:4" x14ac:dyDescent="0.25">
      <c r="A27924" t="s">
        <v>42365</v>
      </c>
      <c r="B27924" t="s">
        <v>42366</v>
      </c>
      <c r="C27924">
        <v>1</v>
      </c>
      <c r="D27924">
        <v>0</v>
      </c>
    </row>
    <row r="27925" spans="1:4" x14ac:dyDescent="0.25">
      <c r="A27925" t="s">
        <v>42365</v>
      </c>
      <c r="B27925" t="s">
        <v>42367</v>
      </c>
      <c r="C27925">
        <v>2</v>
      </c>
      <c r="D27925">
        <v>0</v>
      </c>
    </row>
    <row r="27926" spans="1:4" x14ac:dyDescent="0.25">
      <c r="A27926" t="s">
        <v>42368</v>
      </c>
      <c r="B27926" t="s">
        <v>42369</v>
      </c>
      <c r="C27926">
        <v>0</v>
      </c>
      <c r="D27926">
        <v>0</v>
      </c>
    </row>
    <row r="27927" spans="1:4" x14ac:dyDescent="0.25">
      <c r="A27927" t="s">
        <v>42368</v>
      </c>
      <c r="B27927" t="s">
        <v>42370</v>
      </c>
      <c r="C27927">
        <v>0</v>
      </c>
      <c r="D27927">
        <v>0</v>
      </c>
    </row>
    <row r="27928" spans="1:4" x14ac:dyDescent="0.25">
      <c r="A27928" t="s">
        <v>42371</v>
      </c>
      <c r="B27928" t="s">
        <v>42372</v>
      </c>
      <c r="C27928">
        <v>0</v>
      </c>
      <c r="D27928">
        <v>0</v>
      </c>
    </row>
    <row r="27929" spans="1:4" x14ac:dyDescent="0.25">
      <c r="A27929" t="s">
        <v>42371</v>
      </c>
      <c r="B27929" t="s">
        <v>42373</v>
      </c>
      <c r="C27929">
        <v>0</v>
      </c>
      <c r="D27929">
        <v>0</v>
      </c>
    </row>
    <row r="27930" spans="1:4" x14ac:dyDescent="0.25">
      <c r="A27930" t="s">
        <v>42371</v>
      </c>
      <c r="B27930" t="s">
        <v>42374</v>
      </c>
      <c r="C27930">
        <v>1</v>
      </c>
      <c r="D27930">
        <v>0</v>
      </c>
    </row>
    <row r="27931" spans="1:4" x14ac:dyDescent="0.25">
      <c r="A27931" t="s">
        <v>42375</v>
      </c>
      <c r="B27931" t="s">
        <v>42376</v>
      </c>
      <c r="C27931">
        <v>1</v>
      </c>
      <c r="D27931">
        <v>0</v>
      </c>
    </row>
    <row r="27932" spans="1:4" x14ac:dyDescent="0.25">
      <c r="A27932" t="s">
        <v>42377</v>
      </c>
      <c r="B27932" t="s">
        <v>1499</v>
      </c>
      <c r="C27932">
        <v>1</v>
      </c>
      <c r="D27932">
        <v>0</v>
      </c>
    </row>
    <row r="27933" spans="1:4" x14ac:dyDescent="0.25">
      <c r="A27933" t="s">
        <v>42378</v>
      </c>
      <c r="B27933" t="s">
        <v>42379</v>
      </c>
      <c r="C27933">
        <v>0</v>
      </c>
      <c r="D27933">
        <v>0</v>
      </c>
    </row>
    <row r="27934" spans="1:4" x14ac:dyDescent="0.25">
      <c r="A27934" t="s">
        <v>42378</v>
      </c>
      <c r="B27934" t="s">
        <v>42380</v>
      </c>
      <c r="C27934">
        <v>0</v>
      </c>
      <c r="D27934">
        <v>0</v>
      </c>
    </row>
    <row r="27935" spans="1:4" x14ac:dyDescent="0.25">
      <c r="A27935" t="s">
        <v>42381</v>
      </c>
      <c r="B27935" t="s">
        <v>42382</v>
      </c>
      <c r="C27935">
        <v>0</v>
      </c>
      <c r="D27935">
        <v>0</v>
      </c>
    </row>
    <row r="27936" spans="1:4" x14ac:dyDescent="0.25">
      <c r="A27936" t="s">
        <v>42383</v>
      </c>
      <c r="B27936" t="s">
        <v>42384</v>
      </c>
      <c r="C27936">
        <v>0</v>
      </c>
      <c r="D27936">
        <v>0</v>
      </c>
    </row>
    <row r="27937" spans="1:4" x14ac:dyDescent="0.25">
      <c r="A27937" t="s">
        <v>42383</v>
      </c>
      <c r="B27937" t="s">
        <v>42385</v>
      </c>
      <c r="C27937">
        <v>0</v>
      </c>
      <c r="D27937">
        <v>0</v>
      </c>
    </row>
    <row r="27938" spans="1:4" x14ac:dyDescent="0.25">
      <c r="A27938" t="s">
        <v>42383</v>
      </c>
      <c r="B27938" t="s">
        <v>42386</v>
      </c>
      <c r="C27938">
        <v>1</v>
      </c>
      <c r="D27938">
        <v>0</v>
      </c>
    </row>
    <row r="27939" spans="1:4" x14ac:dyDescent="0.25">
      <c r="A27939" t="s">
        <v>42387</v>
      </c>
      <c r="B27939" t="s">
        <v>28525</v>
      </c>
      <c r="C27939">
        <v>0</v>
      </c>
      <c r="D27939">
        <v>0</v>
      </c>
    </row>
    <row r="27940" spans="1:4" x14ac:dyDescent="0.25">
      <c r="A27940" t="s">
        <v>42388</v>
      </c>
      <c r="B27940" t="s">
        <v>42389</v>
      </c>
      <c r="C27940">
        <v>1</v>
      </c>
      <c r="D27940">
        <v>0</v>
      </c>
    </row>
    <row r="27941" spans="1:4" x14ac:dyDescent="0.25">
      <c r="A27941" t="s">
        <v>42388</v>
      </c>
      <c r="B27941" t="s">
        <v>5434</v>
      </c>
      <c r="C27941">
        <v>1</v>
      </c>
      <c r="D27941">
        <v>0</v>
      </c>
    </row>
    <row r="27942" spans="1:4" x14ac:dyDescent="0.25">
      <c r="A27942" t="s">
        <v>42390</v>
      </c>
      <c r="B27942" t="s">
        <v>42391</v>
      </c>
      <c r="C27942">
        <v>1</v>
      </c>
      <c r="D27942">
        <v>0</v>
      </c>
    </row>
    <row r="27943" spans="1:4" x14ac:dyDescent="0.25">
      <c r="A27943" t="s">
        <v>42390</v>
      </c>
      <c r="B27943" t="s">
        <v>42392</v>
      </c>
      <c r="C27943">
        <v>1</v>
      </c>
      <c r="D27943">
        <v>0</v>
      </c>
    </row>
    <row r="27944" spans="1:4" x14ac:dyDescent="0.25">
      <c r="A27944" t="s">
        <v>42390</v>
      </c>
      <c r="B27944" t="s">
        <v>42393</v>
      </c>
      <c r="C27944">
        <v>2</v>
      </c>
      <c r="D27944">
        <v>0</v>
      </c>
    </row>
    <row r="27945" spans="1:4" x14ac:dyDescent="0.25">
      <c r="A27945" t="s">
        <v>42394</v>
      </c>
      <c r="B27945" t="s">
        <v>42395</v>
      </c>
      <c r="C27945">
        <v>0</v>
      </c>
      <c r="D27945">
        <v>0</v>
      </c>
    </row>
    <row r="27946" spans="1:4" x14ac:dyDescent="0.25">
      <c r="A27946" t="s">
        <v>42394</v>
      </c>
      <c r="B27946" t="s">
        <v>42396</v>
      </c>
      <c r="C27946">
        <v>2</v>
      </c>
      <c r="D27946">
        <v>0</v>
      </c>
    </row>
    <row r="27947" spans="1:4" x14ac:dyDescent="0.25">
      <c r="A27947" t="s">
        <v>42394</v>
      </c>
      <c r="B27947" t="s">
        <v>42397</v>
      </c>
      <c r="C27947">
        <v>2</v>
      </c>
      <c r="D27947">
        <v>0</v>
      </c>
    </row>
    <row r="27948" spans="1:4" x14ac:dyDescent="0.25">
      <c r="A27948" t="s">
        <v>42398</v>
      </c>
      <c r="B27948" t="s">
        <v>398</v>
      </c>
      <c r="C27948">
        <v>0</v>
      </c>
      <c r="D27948">
        <v>0</v>
      </c>
    </row>
    <row r="27949" spans="1:4" x14ac:dyDescent="0.25">
      <c r="A27949" t="s">
        <v>42399</v>
      </c>
      <c r="B27949" t="s">
        <v>42400</v>
      </c>
      <c r="C27949">
        <v>1</v>
      </c>
      <c r="D27949">
        <v>0</v>
      </c>
    </row>
    <row r="27950" spans="1:4" x14ac:dyDescent="0.25">
      <c r="A27950" t="s">
        <v>42399</v>
      </c>
      <c r="B27950" t="s">
        <v>42401</v>
      </c>
      <c r="C27950">
        <v>1</v>
      </c>
      <c r="D27950">
        <v>0</v>
      </c>
    </row>
    <row r="27951" spans="1:4" x14ac:dyDescent="0.25">
      <c r="A27951" t="s">
        <v>42399</v>
      </c>
      <c r="B27951" t="s">
        <v>42402</v>
      </c>
      <c r="C27951">
        <v>0</v>
      </c>
      <c r="D27951">
        <v>0</v>
      </c>
    </row>
    <row r="27952" spans="1:4" x14ac:dyDescent="0.25">
      <c r="A27952" t="s">
        <v>42403</v>
      </c>
      <c r="B27952" t="s">
        <v>42404</v>
      </c>
      <c r="C27952">
        <v>0</v>
      </c>
      <c r="D27952">
        <v>0</v>
      </c>
    </row>
    <row r="27953" spans="1:4" x14ac:dyDescent="0.25">
      <c r="A27953" t="s">
        <v>42403</v>
      </c>
      <c r="B27953" t="s">
        <v>42405</v>
      </c>
      <c r="C27953">
        <v>0</v>
      </c>
      <c r="D27953">
        <v>0</v>
      </c>
    </row>
    <row r="27954" spans="1:4" x14ac:dyDescent="0.25">
      <c r="A27954" t="s">
        <v>42406</v>
      </c>
      <c r="B27954" t="s">
        <v>42407</v>
      </c>
      <c r="C27954">
        <v>0</v>
      </c>
      <c r="D27954">
        <v>0</v>
      </c>
    </row>
    <row r="27955" spans="1:4" x14ac:dyDescent="0.25">
      <c r="A27955" t="s">
        <v>42406</v>
      </c>
      <c r="B27955" t="s">
        <v>42408</v>
      </c>
      <c r="C27955">
        <v>2</v>
      </c>
      <c r="D27955">
        <v>0</v>
      </c>
    </row>
    <row r="27956" spans="1:4" x14ac:dyDescent="0.25">
      <c r="A27956" t="s">
        <v>42409</v>
      </c>
      <c r="B27956" t="s">
        <v>42410</v>
      </c>
      <c r="C27956">
        <v>1</v>
      </c>
      <c r="D27956">
        <v>0</v>
      </c>
    </row>
    <row r="27957" spans="1:4" x14ac:dyDescent="0.25">
      <c r="A27957" t="s">
        <v>42411</v>
      </c>
      <c r="B27957" t="s">
        <v>42412</v>
      </c>
      <c r="C27957">
        <v>1</v>
      </c>
      <c r="D27957">
        <v>0</v>
      </c>
    </row>
    <row r="27958" spans="1:4" x14ac:dyDescent="0.25">
      <c r="A27958" t="s">
        <v>42413</v>
      </c>
      <c r="B27958" t="s">
        <v>42414</v>
      </c>
      <c r="C27958">
        <v>1</v>
      </c>
      <c r="D27958">
        <v>0</v>
      </c>
    </row>
    <row r="27959" spans="1:4" x14ac:dyDescent="0.25">
      <c r="A27959" t="s">
        <v>42415</v>
      </c>
      <c r="B27959" t="s">
        <v>42416</v>
      </c>
      <c r="C27959">
        <v>0</v>
      </c>
      <c r="D27959">
        <v>0</v>
      </c>
    </row>
    <row r="27960" spans="1:4" x14ac:dyDescent="0.25">
      <c r="A27960" t="s">
        <v>42417</v>
      </c>
      <c r="B27960" t="s">
        <v>42418</v>
      </c>
      <c r="C27960">
        <v>1</v>
      </c>
      <c r="D27960">
        <v>0</v>
      </c>
    </row>
    <row r="27961" spans="1:4" x14ac:dyDescent="0.25">
      <c r="A27961" t="s">
        <v>42419</v>
      </c>
      <c r="B27961" t="s">
        <v>42420</v>
      </c>
      <c r="C27961">
        <v>2</v>
      </c>
      <c r="D27961">
        <v>0</v>
      </c>
    </row>
    <row r="27962" spans="1:4" x14ac:dyDescent="0.25">
      <c r="A27962" t="s">
        <v>42419</v>
      </c>
      <c r="B27962" t="s">
        <v>12906</v>
      </c>
      <c r="C27962">
        <v>1</v>
      </c>
      <c r="D27962">
        <v>0</v>
      </c>
    </row>
    <row r="27963" spans="1:4" x14ac:dyDescent="0.25">
      <c r="A27963" t="s">
        <v>42419</v>
      </c>
      <c r="B27963" t="s">
        <v>42421</v>
      </c>
      <c r="C27963">
        <v>1</v>
      </c>
      <c r="D27963">
        <v>0</v>
      </c>
    </row>
    <row r="27964" spans="1:4" x14ac:dyDescent="0.25">
      <c r="A27964" t="s">
        <v>42422</v>
      </c>
      <c r="B27964" t="s">
        <v>42423</v>
      </c>
      <c r="C27964">
        <v>2</v>
      </c>
      <c r="D27964">
        <v>0</v>
      </c>
    </row>
    <row r="27965" spans="1:4" x14ac:dyDescent="0.25">
      <c r="A27965" t="s">
        <v>42422</v>
      </c>
      <c r="B27965" t="s">
        <v>42424</v>
      </c>
      <c r="C27965">
        <v>1</v>
      </c>
      <c r="D27965">
        <v>0</v>
      </c>
    </row>
    <row r="27966" spans="1:4" x14ac:dyDescent="0.25">
      <c r="A27966" t="s">
        <v>42425</v>
      </c>
      <c r="B27966" t="s">
        <v>42426</v>
      </c>
      <c r="C27966">
        <v>2</v>
      </c>
      <c r="D27966">
        <v>0</v>
      </c>
    </row>
    <row r="27967" spans="1:4" x14ac:dyDescent="0.25">
      <c r="A27967" t="s">
        <v>42425</v>
      </c>
      <c r="B27967" t="s">
        <v>42427</v>
      </c>
      <c r="C27967">
        <v>2</v>
      </c>
      <c r="D27967">
        <v>0</v>
      </c>
    </row>
    <row r="27968" spans="1:4" x14ac:dyDescent="0.25">
      <c r="A27968" t="s">
        <v>42428</v>
      </c>
      <c r="B27968" t="s">
        <v>42429</v>
      </c>
      <c r="C27968">
        <v>1</v>
      </c>
      <c r="D27968">
        <v>0</v>
      </c>
    </row>
    <row r="27969" spans="1:4" x14ac:dyDescent="0.25">
      <c r="A27969" t="s">
        <v>42430</v>
      </c>
      <c r="B27969" t="s">
        <v>42431</v>
      </c>
      <c r="C27969">
        <v>1</v>
      </c>
      <c r="D27969">
        <v>0</v>
      </c>
    </row>
    <row r="27970" spans="1:4" x14ac:dyDescent="0.25">
      <c r="A27970" t="s">
        <v>42430</v>
      </c>
      <c r="B27970" t="s">
        <v>42432</v>
      </c>
      <c r="C27970">
        <v>1</v>
      </c>
      <c r="D27970">
        <v>0</v>
      </c>
    </row>
    <row r="27971" spans="1:4" x14ac:dyDescent="0.25">
      <c r="A27971" t="s">
        <v>42433</v>
      </c>
      <c r="B27971" t="s">
        <v>9112</v>
      </c>
      <c r="C27971">
        <v>1</v>
      </c>
      <c r="D27971">
        <v>0</v>
      </c>
    </row>
    <row r="27972" spans="1:4" x14ac:dyDescent="0.25">
      <c r="A27972" t="s">
        <v>42434</v>
      </c>
      <c r="B27972" t="s">
        <v>42435</v>
      </c>
      <c r="C27972">
        <v>1</v>
      </c>
      <c r="D27972">
        <v>0</v>
      </c>
    </row>
    <row r="27973" spans="1:4" x14ac:dyDescent="0.25">
      <c r="A27973" t="s">
        <v>42436</v>
      </c>
      <c r="B27973" t="s">
        <v>816</v>
      </c>
      <c r="C27973">
        <v>1</v>
      </c>
      <c r="D27973">
        <v>0</v>
      </c>
    </row>
    <row r="27974" spans="1:4" x14ac:dyDescent="0.25">
      <c r="A27974" t="s">
        <v>42437</v>
      </c>
      <c r="B27974" t="s">
        <v>42438</v>
      </c>
      <c r="C27974">
        <v>0</v>
      </c>
      <c r="D27974">
        <v>0</v>
      </c>
    </row>
    <row r="27975" spans="1:4" x14ac:dyDescent="0.25">
      <c r="A27975" t="s">
        <v>42437</v>
      </c>
      <c r="B27975" t="s">
        <v>42439</v>
      </c>
      <c r="C27975">
        <v>0</v>
      </c>
      <c r="D27975">
        <v>0</v>
      </c>
    </row>
    <row r="27976" spans="1:4" x14ac:dyDescent="0.25">
      <c r="A27976" t="s">
        <v>42437</v>
      </c>
      <c r="B27976" t="s">
        <v>42440</v>
      </c>
      <c r="C27976">
        <v>1</v>
      </c>
      <c r="D27976">
        <v>0</v>
      </c>
    </row>
    <row r="27977" spans="1:4" x14ac:dyDescent="0.25">
      <c r="A27977" t="s">
        <v>42441</v>
      </c>
      <c r="B27977" t="s">
        <v>42442</v>
      </c>
      <c r="C27977">
        <v>1</v>
      </c>
      <c r="D27977">
        <v>0</v>
      </c>
    </row>
    <row r="27978" spans="1:4" x14ac:dyDescent="0.25">
      <c r="A27978" t="s">
        <v>42441</v>
      </c>
      <c r="B27978" t="s">
        <v>42443</v>
      </c>
      <c r="C27978">
        <v>2</v>
      </c>
      <c r="D27978">
        <v>0</v>
      </c>
    </row>
    <row r="27979" spans="1:4" x14ac:dyDescent="0.25">
      <c r="A27979" t="s">
        <v>42441</v>
      </c>
      <c r="B27979" t="s">
        <v>42444</v>
      </c>
      <c r="C27979">
        <v>1</v>
      </c>
      <c r="D27979">
        <v>0</v>
      </c>
    </row>
    <row r="27980" spans="1:4" x14ac:dyDescent="0.25">
      <c r="A27980" t="s">
        <v>42445</v>
      </c>
      <c r="B27980" t="s">
        <v>843</v>
      </c>
      <c r="C27980">
        <v>1</v>
      </c>
      <c r="D27980">
        <v>0</v>
      </c>
    </row>
    <row r="27981" spans="1:4" x14ac:dyDescent="0.25">
      <c r="A27981" t="s">
        <v>42445</v>
      </c>
      <c r="B27981" t="s">
        <v>398</v>
      </c>
      <c r="C27981">
        <v>0</v>
      </c>
      <c r="D27981">
        <v>0</v>
      </c>
    </row>
    <row r="27982" spans="1:4" x14ac:dyDescent="0.25">
      <c r="A27982" t="s">
        <v>42446</v>
      </c>
      <c r="B27982" t="s">
        <v>42447</v>
      </c>
      <c r="C27982">
        <v>1</v>
      </c>
      <c r="D27982">
        <v>0</v>
      </c>
    </row>
    <row r="27983" spans="1:4" x14ac:dyDescent="0.25">
      <c r="A27983" t="s">
        <v>42446</v>
      </c>
      <c r="B27983" t="s">
        <v>42448</v>
      </c>
      <c r="C27983">
        <v>1</v>
      </c>
      <c r="D27983">
        <v>0</v>
      </c>
    </row>
    <row r="27984" spans="1:4" x14ac:dyDescent="0.25">
      <c r="A27984" t="s">
        <v>42449</v>
      </c>
      <c r="B27984" t="s">
        <v>36404</v>
      </c>
      <c r="C27984">
        <v>0</v>
      </c>
      <c r="D27984">
        <v>0</v>
      </c>
    </row>
    <row r="27985" spans="1:4" x14ac:dyDescent="0.25">
      <c r="A27985" t="s">
        <v>42450</v>
      </c>
      <c r="B27985" t="s">
        <v>968</v>
      </c>
      <c r="C27985">
        <v>1</v>
      </c>
      <c r="D27985">
        <v>0</v>
      </c>
    </row>
    <row r="27986" spans="1:4" x14ac:dyDescent="0.25">
      <c r="A27986" t="s">
        <v>42451</v>
      </c>
      <c r="B27986" t="s">
        <v>42452</v>
      </c>
      <c r="C27986">
        <v>1</v>
      </c>
      <c r="D27986">
        <v>0</v>
      </c>
    </row>
    <row r="27987" spans="1:4" x14ac:dyDescent="0.25">
      <c r="A27987" t="s">
        <v>42453</v>
      </c>
      <c r="B27987" t="s">
        <v>42454</v>
      </c>
      <c r="C27987">
        <v>1</v>
      </c>
      <c r="D27987">
        <v>0</v>
      </c>
    </row>
    <row r="27988" spans="1:4" x14ac:dyDescent="0.25">
      <c r="A27988" t="s">
        <v>42453</v>
      </c>
      <c r="B27988" t="s">
        <v>42455</v>
      </c>
      <c r="C27988">
        <v>2</v>
      </c>
      <c r="D27988">
        <v>0</v>
      </c>
    </row>
    <row r="27989" spans="1:4" x14ac:dyDescent="0.25">
      <c r="A27989" t="s">
        <v>42453</v>
      </c>
      <c r="B27989" t="s">
        <v>42456</v>
      </c>
      <c r="C27989">
        <v>0</v>
      </c>
      <c r="D27989">
        <v>0</v>
      </c>
    </row>
    <row r="27990" spans="1:4" x14ac:dyDescent="0.25">
      <c r="A27990" t="s">
        <v>42457</v>
      </c>
      <c r="B27990" t="s">
        <v>42458</v>
      </c>
      <c r="C27990">
        <v>1</v>
      </c>
      <c r="D27990">
        <v>0</v>
      </c>
    </row>
    <row r="27991" spans="1:4" x14ac:dyDescent="0.25">
      <c r="A27991" t="s">
        <v>42459</v>
      </c>
      <c r="B27991" t="s">
        <v>10120</v>
      </c>
      <c r="C27991">
        <v>1</v>
      </c>
      <c r="D27991">
        <v>0</v>
      </c>
    </row>
    <row r="27992" spans="1:4" x14ac:dyDescent="0.25">
      <c r="A27992" t="s">
        <v>42460</v>
      </c>
      <c r="B27992" t="s">
        <v>42461</v>
      </c>
      <c r="C27992">
        <v>2</v>
      </c>
      <c r="D27992">
        <v>0</v>
      </c>
    </row>
    <row r="27993" spans="1:4" x14ac:dyDescent="0.25">
      <c r="A27993" t="s">
        <v>42460</v>
      </c>
      <c r="B27993" t="s">
        <v>42462</v>
      </c>
      <c r="C27993">
        <v>0</v>
      </c>
      <c r="D27993">
        <v>0</v>
      </c>
    </row>
    <row r="27994" spans="1:4" x14ac:dyDescent="0.25">
      <c r="A27994" t="s">
        <v>42463</v>
      </c>
      <c r="B27994" t="s">
        <v>42464</v>
      </c>
      <c r="C27994">
        <v>1</v>
      </c>
      <c r="D27994">
        <v>0</v>
      </c>
    </row>
    <row r="27995" spans="1:4" x14ac:dyDescent="0.25">
      <c r="A27995" t="s">
        <v>42465</v>
      </c>
      <c r="B27995" t="s">
        <v>42206</v>
      </c>
      <c r="C27995">
        <v>0</v>
      </c>
      <c r="D27995">
        <v>0</v>
      </c>
    </row>
    <row r="27996" spans="1:4" x14ac:dyDescent="0.25">
      <c r="A27996" t="s">
        <v>42465</v>
      </c>
      <c r="B27996" t="s">
        <v>42466</v>
      </c>
      <c r="C27996">
        <v>1</v>
      </c>
      <c r="D27996">
        <v>0</v>
      </c>
    </row>
    <row r="27997" spans="1:4" x14ac:dyDescent="0.25">
      <c r="A27997" t="s">
        <v>42467</v>
      </c>
      <c r="B27997" t="s">
        <v>42468</v>
      </c>
      <c r="C27997">
        <v>1</v>
      </c>
      <c r="D27997">
        <v>0</v>
      </c>
    </row>
    <row r="27998" spans="1:4" x14ac:dyDescent="0.25">
      <c r="A27998" t="s">
        <v>42469</v>
      </c>
      <c r="B27998" t="s">
        <v>968</v>
      </c>
      <c r="C27998">
        <v>1</v>
      </c>
      <c r="D27998">
        <v>0</v>
      </c>
    </row>
    <row r="27999" spans="1:4" x14ac:dyDescent="0.25">
      <c r="A27999" t="s">
        <v>42470</v>
      </c>
      <c r="B27999" t="s">
        <v>42471</v>
      </c>
      <c r="C27999">
        <v>2</v>
      </c>
      <c r="D27999">
        <v>0</v>
      </c>
    </row>
    <row r="28000" spans="1:4" x14ac:dyDescent="0.25">
      <c r="A28000" t="s">
        <v>42470</v>
      </c>
      <c r="B28000" t="s">
        <v>42472</v>
      </c>
      <c r="C28000">
        <v>0</v>
      </c>
      <c r="D28000">
        <v>0</v>
      </c>
    </row>
    <row r="28001" spans="1:4" x14ac:dyDescent="0.25">
      <c r="A28001" t="s">
        <v>42470</v>
      </c>
      <c r="B28001" t="s">
        <v>42473</v>
      </c>
      <c r="C28001">
        <v>1</v>
      </c>
      <c r="D28001">
        <v>0</v>
      </c>
    </row>
    <row r="28002" spans="1:4" x14ac:dyDescent="0.25">
      <c r="A28002" t="s">
        <v>42474</v>
      </c>
      <c r="B28002" t="s">
        <v>42475</v>
      </c>
      <c r="C28002">
        <v>0</v>
      </c>
      <c r="D28002">
        <v>0</v>
      </c>
    </row>
    <row r="28003" spans="1:4" x14ac:dyDescent="0.25">
      <c r="A28003" t="s">
        <v>42476</v>
      </c>
      <c r="B28003" t="s">
        <v>42477</v>
      </c>
      <c r="C28003">
        <v>2</v>
      </c>
      <c r="D28003">
        <v>0</v>
      </c>
    </row>
    <row r="28004" spans="1:4" x14ac:dyDescent="0.25">
      <c r="A28004" t="s">
        <v>42476</v>
      </c>
      <c r="B28004" t="s">
        <v>42478</v>
      </c>
      <c r="C28004">
        <v>1</v>
      </c>
      <c r="D28004">
        <v>0</v>
      </c>
    </row>
    <row r="28005" spans="1:4" x14ac:dyDescent="0.25">
      <c r="A28005" t="s">
        <v>42476</v>
      </c>
      <c r="B28005" t="s">
        <v>39240</v>
      </c>
      <c r="C28005">
        <v>0</v>
      </c>
      <c r="D28005">
        <v>0</v>
      </c>
    </row>
    <row r="28006" spans="1:4" x14ac:dyDescent="0.25">
      <c r="A28006" t="s">
        <v>42479</v>
      </c>
      <c r="B28006" t="s">
        <v>42480</v>
      </c>
      <c r="C28006">
        <v>0</v>
      </c>
      <c r="D28006">
        <v>0</v>
      </c>
    </row>
    <row r="28007" spans="1:4" x14ac:dyDescent="0.25">
      <c r="A28007" t="s">
        <v>42479</v>
      </c>
      <c r="B28007" t="s">
        <v>42481</v>
      </c>
      <c r="C28007">
        <v>1</v>
      </c>
      <c r="D28007">
        <v>0</v>
      </c>
    </row>
    <row r="28008" spans="1:4" x14ac:dyDescent="0.25">
      <c r="A28008" t="s">
        <v>42482</v>
      </c>
      <c r="B28008" t="s">
        <v>42483</v>
      </c>
      <c r="C28008">
        <v>0</v>
      </c>
      <c r="D28008">
        <v>0</v>
      </c>
    </row>
    <row r="28009" spans="1:4" x14ac:dyDescent="0.25">
      <c r="A28009" t="s">
        <v>42484</v>
      </c>
      <c r="B28009" t="s">
        <v>42485</v>
      </c>
      <c r="C28009">
        <v>1</v>
      </c>
      <c r="D28009">
        <v>0</v>
      </c>
    </row>
    <row r="28010" spans="1:4" x14ac:dyDescent="0.25">
      <c r="A28010" t="s">
        <v>42484</v>
      </c>
      <c r="B28010" t="s">
        <v>42486</v>
      </c>
      <c r="C28010">
        <v>0</v>
      </c>
      <c r="D28010">
        <v>0</v>
      </c>
    </row>
    <row r="28011" spans="1:4" x14ac:dyDescent="0.25">
      <c r="A28011" t="s">
        <v>42487</v>
      </c>
      <c r="B28011" t="s">
        <v>42488</v>
      </c>
      <c r="C28011">
        <v>0</v>
      </c>
      <c r="D28011">
        <v>0</v>
      </c>
    </row>
    <row r="28012" spans="1:4" x14ac:dyDescent="0.25">
      <c r="A28012" t="s">
        <v>42487</v>
      </c>
      <c r="B28012" t="s">
        <v>42489</v>
      </c>
      <c r="C28012">
        <v>0</v>
      </c>
      <c r="D28012">
        <v>0</v>
      </c>
    </row>
    <row r="28013" spans="1:4" x14ac:dyDescent="0.25">
      <c r="A28013" t="s">
        <v>42490</v>
      </c>
      <c r="B28013" t="s">
        <v>42491</v>
      </c>
      <c r="C28013">
        <v>1</v>
      </c>
      <c r="D28013">
        <v>0</v>
      </c>
    </row>
    <row r="28014" spans="1:4" x14ac:dyDescent="0.25">
      <c r="A28014" t="s">
        <v>42490</v>
      </c>
      <c r="B28014" t="s">
        <v>42492</v>
      </c>
      <c r="C28014">
        <v>1</v>
      </c>
      <c r="D28014">
        <v>0</v>
      </c>
    </row>
    <row r="28015" spans="1:4" x14ac:dyDescent="0.25">
      <c r="A28015" t="s">
        <v>42490</v>
      </c>
      <c r="B28015" t="s">
        <v>42493</v>
      </c>
      <c r="C28015">
        <v>2</v>
      </c>
      <c r="D28015">
        <v>0</v>
      </c>
    </row>
    <row r="28016" spans="1:4" x14ac:dyDescent="0.25">
      <c r="A28016" t="s">
        <v>42494</v>
      </c>
      <c r="B28016" t="s">
        <v>42495</v>
      </c>
      <c r="C28016">
        <v>1</v>
      </c>
      <c r="D28016">
        <v>0</v>
      </c>
    </row>
    <row r="28017" spans="1:4" x14ac:dyDescent="0.25">
      <c r="A28017" t="s">
        <v>42494</v>
      </c>
      <c r="B28017" t="s">
        <v>42496</v>
      </c>
      <c r="C28017">
        <v>0</v>
      </c>
      <c r="D28017">
        <v>0</v>
      </c>
    </row>
    <row r="28018" spans="1:4" x14ac:dyDescent="0.25">
      <c r="A28018" t="s">
        <v>42494</v>
      </c>
      <c r="B28018" t="s">
        <v>42497</v>
      </c>
      <c r="C28018">
        <v>2</v>
      </c>
      <c r="D28018">
        <v>0</v>
      </c>
    </row>
    <row r="28019" spans="1:4" x14ac:dyDescent="0.25">
      <c r="A28019" t="s">
        <v>42498</v>
      </c>
      <c r="B28019" t="s">
        <v>42499</v>
      </c>
      <c r="C28019">
        <v>1</v>
      </c>
      <c r="D28019">
        <v>0</v>
      </c>
    </row>
    <row r="28020" spans="1:4" x14ac:dyDescent="0.25">
      <c r="A28020" t="s">
        <v>42498</v>
      </c>
      <c r="B28020" t="s">
        <v>42500</v>
      </c>
      <c r="C28020">
        <v>1</v>
      </c>
      <c r="D28020">
        <v>0</v>
      </c>
    </row>
    <row r="28021" spans="1:4" x14ac:dyDescent="0.25">
      <c r="A28021" t="s">
        <v>42498</v>
      </c>
      <c r="B28021" t="s">
        <v>42501</v>
      </c>
      <c r="C28021">
        <v>0</v>
      </c>
      <c r="D28021">
        <v>0</v>
      </c>
    </row>
    <row r="28022" spans="1:4" x14ac:dyDescent="0.25">
      <c r="A28022" t="s">
        <v>42502</v>
      </c>
      <c r="B28022" t="s">
        <v>42503</v>
      </c>
      <c r="C28022">
        <v>1</v>
      </c>
      <c r="D28022">
        <v>0</v>
      </c>
    </row>
    <row r="28023" spans="1:4" x14ac:dyDescent="0.25">
      <c r="A28023" t="s">
        <v>42502</v>
      </c>
      <c r="B28023" t="s">
        <v>42504</v>
      </c>
      <c r="C28023">
        <v>1</v>
      </c>
      <c r="D28023">
        <v>0</v>
      </c>
    </row>
    <row r="28024" spans="1:4" x14ac:dyDescent="0.25">
      <c r="A28024" t="s">
        <v>42502</v>
      </c>
      <c r="B28024" t="s">
        <v>42505</v>
      </c>
      <c r="C28024">
        <v>1</v>
      </c>
      <c r="D28024">
        <v>0</v>
      </c>
    </row>
    <row r="28025" spans="1:4" x14ac:dyDescent="0.25">
      <c r="A28025" t="s">
        <v>42506</v>
      </c>
      <c r="B28025" t="s">
        <v>42507</v>
      </c>
      <c r="C28025">
        <v>2</v>
      </c>
      <c r="D28025">
        <v>0</v>
      </c>
    </row>
    <row r="28026" spans="1:4" x14ac:dyDescent="0.25">
      <c r="A28026" t="s">
        <v>42506</v>
      </c>
      <c r="B28026" t="s">
        <v>42508</v>
      </c>
      <c r="C28026">
        <v>2</v>
      </c>
      <c r="D28026">
        <v>0</v>
      </c>
    </row>
    <row r="28027" spans="1:4" x14ac:dyDescent="0.25">
      <c r="A28027" t="s">
        <v>42506</v>
      </c>
      <c r="B28027" t="s">
        <v>42509</v>
      </c>
      <c r="C28027">
        <v>1</v>
      </c>
      <c r="D28027">
        <v>0</v>
      </c>
    </row>
    <row r="28028" spans="1:4" x14ac:dyDescent="0.25">
      <c r="A28028" t="s">
        <v>42510</v>
      </c>
      <c r="B28028" t="s">
        <v>42511</v>
      </c>
      <c r="C28028">
        <v>0</v>
      </c>
      <c r="D28028">
        <v>0</v>
      </c>
    </row>
    <row r="28029" spans="1:4" x14ac:dyDescent="0.25">
      <c r="A28029" t="s">
        <v>42512</v>
      </c>
      <c r="B28029" t="s">
        <v>42513</v>
      </c>
      <c r="C28029">
        <v>0</v>
      </c>
      <c r="D28029">
        <v>0</v>
      </c>
    </row>
    <row r="28030" spans="1:4" x14ac:dyDescent="0.25">
      <c r="A28030" t="s">
        <v>42512</v>
      </c>
      <c r="B28030" t="s">
        <v>42514</v>
      </c>
      <c r="C28030">
        <v>2</v>
      </c>
      <c r="D28030">
        <v>0</v>
      </c>
    </row>
    <row r="28031" spans="1:4" x14ac:dyDescent="0.25">
      <c r="A28031" t="s">
        <v>42512</v>
      </c>
      <c r="B28031" t="s">
        <v>42515</v>
      </c>
      <c r="C28031">
        <v>1</v>
      </c>
      <c r="D28031">
        <v>0</v>
      </c>
    </row>
    <row r="28032" spans="1:4" x14ac:dyDescent="0.25">
      <c r="A28032" t="s">
        <v>42516</v>
      </c>
      <c r="B28032" t="s">
        <v>1499</v>
      </c>
      <c r="C28032">
        <v>1</v>
      </c>
      <c r="D28032">
        <v>0</v>
      </c>
    </row>
    <row r="28033" spans="1:4" x14ac:dyDescent="0.25">
      <c r="A28033" t="s">
        <v>42516</v>
      </c>
      <c r="B28033" t="s">
        <v>42517</v>
      </c>
      <c r="C28033">
        <v>0</v>
      </c>
      <c r="D28033">
        <v>0</v>
      </c>
    </row>
    <row r="28034" spans="1:4" x14ac:dyDescent="0.25">
      <c r="A28034" t="s">
        <v>42516</v>
      </c>
      <c r="B28034" t="s">
        <v>42518</v>
      </c>
      <c r="C28034">
        <v>0</v>
      </c>
      <c r="D28034">
        <v>0</v>
      </c>
    </row>
    <row r="28035" spans="1:4" x14ac:dyDescent="0.25">
      <c r="A28035" t="s">
        <v>42519</v>
      </c>
      <c r="B28035" t="s">
        <v>42520</v>
      </c>
      <c r="C28035">
        <v>1</v>
      </c>
      <c r="D28035">
        <v>0</v>
      </c>
    </row>
    <row r="28036" spans="1:4" x14ac:dyDescent="0.25">
      <c r="A28036" t="s">
        <v>42519</v>
      </c>
      <c r="B28036" t="s">
        <v>969</v>
      </c>
      <c r="C28036">
        <v>0</v>
      </c>
      <c r="D28036">
        <v>0</v>
      </c>
    </row>
    <row r="28037" spans="1:4" x14ac:dyDescent="0.25">
      <c r="A28037" t="s">
        <v>42521</v>
      </c>
      <c r="B28037" t="s">
        <v>42522</v>
      </c>
      <c r="C28037">
        <v>0</v>
      </c>
      <c r="D28037">
        <v>0</v>
      </c>
    </row>
    <row r="28038" spans="1:4" x14ac:dyDescent="0.25">
      <c r="A28038" t="s">
        <v>42521</v>
      </c>
      <c r="B28038" t="s">
        <v>42523</v>
      </c>
      <c r="C28038">
        <v>0</v>
      </c>
      <c r="D28038">
        <v>0</v>
      </c>
    </row>
    <row r="28039" spans="1:4" x14ac:dyDescent="0.25">
      <c r="A28039" t="s">
        <v>42521</v>
      </c>
      <c r="B28039" t="s">
        <v>42524</v>
      </c>
      <c r="C28039">
        <v>0</v>
      </c>
      <c r="D28039">
        <v>0</v>
      </c>
    </row>
    <row r="28040" spans="1:4" x14ac:dyDescent="0.25">
      <c r="A28040" t="s">
        <v>42525</v>
      </c>
      <c r="B28040" t="s">
        <v>30203</v>
      </c>
      <c r="C28040">
        <v>2</v>
      </c>
      <c r="D28040">
        <v>0</v>
      </c>
    </row>
    <row r="28041" spans="1:4" x14ac:dyDescent="0.25">
      <c r="A28041" t="s">
        <v>42525</v>
      </c>
      <c r="B28041" t="s">
        <v>42526</v>
      </c>
      <c r="C28041">
        <v>1</v>
      </c>
      <c r="D28041">
        <v>0</v>
      </c>
    </row>
    <row r="28042" spans="1:4" x14ac:dyDescent="0.25">
      <c r="A28042" t="s">
        <v>42525</v>
      </c>
      <c r="B28042" t="s">
        <v>42527</v>
      </c>
      <c r="C28042">
        <v>1</v>
      </c>
      <c r="D28042">
        <v>0</v>
      </c>
    </row>
    <row r="28043" spans="1:4" x14ac:dyDescent="0.25">
      <c r="A28043" t="s">
        <v>42528</v>
      </c>
      <c r="B28043" t="s">
        <v>42529</v>
      </c>
      <c r="C28043">
        <v>0</v>
      </c>
      <c r="D28043">
        <v>0</v>
      </c>
    </row>
    <row r="28044" spans="1:4" x14ac:dyDescent="0.25">
      <c r="A28044" t="s">
        <v>42528</v>
      </c>
      <c r="B28044" t="s">
        <v>42530</v>
      </c>
      <c r="C28044">
        <v>0</v>
      </c>
      <c r="D28044">
        <v>0</v>
      </c>
    </row>
    <row r="28045" spans="1:4" x14ac:dyDescent="0.25">
      <c r="A28045" t="s">
        <v>42531</v>
      </c>
      <c r="B28045" t="s">
        <v>42532</v>
      </c>
      <c r="C28045">
        <v>1</v>
      </c>
      <c r="D28045">
        <v>0</v>
      </c>
    </row>
    <row r="28046" spans="1:4" x14ac:dyDescent="0.25">
      <c r="A28046" t="s">
        <v>42533</v>
      </c>
      <c r="B28046" t="s">
        <v>42534</v>
      </c>
      <c r="C28046">
        <v>1</v>
      </c>
      <c r="D28046">
        <v>0</v>
      </c>
    </row>
    <row r="28047" spans="1:4" x14ac:dyDescent="0.25">
      <c r="A28047" t="s">
        <v>42535</v>
      </c>
      <c r="B28047" t="s">
        <v>42536</v>
      </c>
      <c r="C28047">
        <v>0</v>
      </c>
      <c r="D28047">
        <v>0</v>
      </c>
    </row>
    <row r="28048" spans="1:4" x14ac:dyDescent="0.25">
      <c r="A28048" t="s">
        <v>42535</v>
      </c>
      <c r="B28048" t="s">
        <v>42537</v>
      </c>
      <c r="C28048">
        <v>1</v>
      </c>
      <c r="D28048">
        <v>0</v>
      </c>
    </row>
    <row r="28049" spans="1:4" x14ac:dyDescent="0.25">
      <c r="A28049" t="s">
        <v>42538</v>
      </c>
      <c r="B28049" t="s">
        <v>42539</v>
      </c>
      <c r="C28049">
        <v>0</v>
      </c>
      <c r="D28049">
        <v>0</v>
      </c>
    </row>
    <row r="28050" spans="1:4" x14ac:dyDescent="0.25">
      <c r="A28050" t="s">
        <v>42538</v>
      </c>
      <c r="B28050" t="s">
        <v>42540</v>
      </c>
      <c r="C28050">
        <v>2</v>
      </c>
      <c r="D28050">
        <v>0</v>
      </c>
    </row>
    <row r="28051" spans="1:4" x14ac:dyDescent="0.25">
      <c r="A28051" t="s">
        <v>42538</v>
      </c>
      <c r="B28051" t="s">
        <v>42541</v>
      </c>
      <c r="C28051">
        <v>2</v>
      </c>
      <c r="D28051">
        <v>0</v>
      </c>
    </row>
    <row r="28052" spans="1:4" x14ac:dyDescent="0.25">
      <c r="A28052" t="s">
        <v>42542</v>
      </c>
      <c r="B28052" t="s">
        <v>42543</v>
      </c>
      <c r="C28052">
        <v>0</v>
      </c>
      <c r="D28052">
        <v>0</v>
      </c>
    </row>
    <row r="28053" spans="1:4" x14ac:dyDescent="0.25">
      <c r="A28053" t="s">
        <v>42542</v>
      </c>
      <c r="B28053" t="s">
        <v>42544</v>
      </c>
      <c r="C28053">
        <v>0</v>
      </c>
      <c r="D28053">
        <v>0</v>
      </c>
    </row>
    <row r="28054" spans="1:4" x14ac:dyDescent="0.25">
      <c r="A28054" t="s">
        <v>42542</v>
      </c>
      <c r="B28054" t="s">
        <v>42545</v>
      </c>
      <c r="C28054">
        <v>0</v>
      </c>
      <c r="D28054">
        <v>0</v>
      </c>
    </row>
    <row r="28055" spans="1:4" x14ac:dyDescent="0.25">
      <c r="A28055" t="s">
        <v>42546</v>
      </c>
      <c r="B28055" t="s">
        <v>42547</v>
      </c>
      <c r="C28055">
        <v>2</v>
      </c>
      <c r="D28055">
        <v>0</v>
      </c>
    </row>
    <row r="28056" spans="1:4" x14ac:dyDescent="0.25">
      <c r="A28056" t="s">
        <v>42546</v>
      </c>
      <c r="B28056" t="s">
        <v>42548</v>
      </c>
      <c r="C28056">
        <v>0</v>
      </c>
      <c r="D28056">
        <v>0</v>
      </c>
    </row>
    <row r="28057" spans="1:4" x14ac:dyDescent="0.25">
      <c r="A28057" t="s">
        <v>42549</v>
      </c>
      <c r="B28057" t="s">
        <v>42550</v>
      </c>
      <c r="C28057">
        <v>2</v>
      </c>
      <c r="D28057">
        <v>0</v>
      </c>
    </row>
    <row r="28058" spans="1:4" x14ac:dyDescent="0.25">
      <c r="A28058" t="s">
        <v>42549</v>
      </c>
      <c r="B28058" t="s">
        <v>2865</v>
      </c>
      <c r="C28058">
        <v>0</v>
      </c>
      <c r="D28058">
        <v>0</v>
      </c>
    </row>
    <row r="28059" spans="1:4" x14ac:dyDescent="0.25">
      <c r="A28059" t="s">
        <v>42549</v>
      </c>
      <c r="B28059" t="s">
        <v>42551</v>
      </c>
      <c r="C28059">
        <v>1</v>
      </c>
      <c r="D28059">
        <v>0</v>
      </c>
    </row>
    <row r="28060" spans="1:4" x14ac:dyDescent="0.25">
      <c r="A28060" t="s">
        <v>42552</v>
      </c>
      <c r="B28060" t="s">
        <v>42553</v>
      </c>
      <c r="C28060">
        <v>0</v>
      </c>
      <c r="D28060">
        <v>0</v>
      </c>
    </row>
    <row r="28061" spans="1:4" x14ac:dyDescent="0.25">
      <c r="A28061" t="s">
        <v>42552</v>
      </c>
      <c r="B28061" t="s">
        <v>42554</v>
      </c>
      <c r="C28061">
        <v>0</v>
      </c>
      <c r="D28061">
        <v>0</v>
      </c>
    </row>
    <row r="28062" spans="1:4" x14ac:dyDescent="0.25">
      <c r="A28062" t="s">
        <v>42555</v>
      </c>
      <c r="B28062" t="s">
        <v>42556</v>
      </c>
      <c r="C28062">
        <v>0</v>
      </c>
      <c r="D28062">
        <v>0</v>
      </c>
    </row>
    <row r="28063" spans="1:4" x14ac:dyDescent="0.25">
      <c r="A28063" t="s">
        <v>42555</v>
      </c>
      <c r="B28063" t="s">
        <v>42557</v>
      </c>
      <c r="C28063">
        <v>1</v>
      </c>
      <c r="D28063">
        <v>0</v>
      </c>
    </row>
    <row r="28064" spans="1:4" x14ac:dyDescent="0.25">
      <c r="A28064" t="s">
        <v>42558</v>
      </c>
      <c r="B28064" t="s">
        <v>42559</v>
      </c>
      <c r="C28064">
        <v>1</v>
      </c>
      <c r="D28064">
        <v>0</v>
      </c>
    </row>
    <row r="28065" spans="1:4" x14ac:dyDescent="0.25">
      <c r="A28065" t="s">
        <v>42558</v>
      </c>
      <c r="B28065" t="s">
        <v>42560</v>
      </c>
      <c r="C28065">
        <v>2</v>
      </c>
      <c r="D28065">
        <v>0</v>
      </c>
    </row>
    <row r="28066" spans="1:4" x14ac:dyDescent="0.25">
      <c r="A28066" t="s">
        <v>42558</v>
      </c>
      <c r="B28066" t="s">
        <v>42561</v>
      </c>
      <c r="C28066">
        <v>0</v>
      </c>
      <c r="D28066">
        <v>0</v>
      </c>
    </row>
    <row r="28067" spans="1:4" x14ac:dyDescent="0.25">
      <c r="A28067" t="s">
        <v>42562</v>
      </c>
      <c r="B28067" t="s">
        <v>42563</v>
      </c>
      <c r="C28067">
        <v>0</v>
      </c>
      <c r="D28067">
        <v>0</v>
      </c>
    </row>
    <row r="28068" spans="1:4" x14ac:dyDescent="0.25">
      <c r="A28068" t="s">
        <v>42562</v>
      </c>
      <c r="B28068" t="s">
        <v>42564</v>
      </c>
      <c r="C28068">
        <v>2</v>
      </c>
      <c r="D28068">
        <v>0</v>
      </c>
    </row>
    <row r="28069" spans="1:4" x14ac:dyDescent="0.25">
      <c r="A28069" t="s">
        <v>42565</v>
      </c>
      <c r="B28069" t="s">
        <v>42566</v>
      </c>
      <c r="C28069">
        <v>0</v>
      </c>
      <c r="D28069">
        <v>0</v>
      </c>
    </row>
    <row r="28070" spans="1:4" x14ac:dyDescent="0.25">
      <c r="A28070" t="s">
        <v>42565</v>
      </c>
      <c r="B28070" t="s">
        <v>42567</v>
      </c>
      <c r="C28070">
        <v>1</v>
      </c>
      <c r="D28070">
        <v>0</v>
      </c>
    </row>
    <row r="28071" spans="1:4" x14ac:dyDescent="0.25">
      <c r="A28071" t="s">
        <v>42565</v>
      </c>
      <c r="B28071" t="s">
        <v>42568</v>
      </c>
      <c r="C28071">
        <v>1</v>
      </c>
      <c r="D28071">
        <v>0</v>
      </c>
    </row>
    <row r="28072" spans="1:4" x14ac:dyDescent="0.25">
      <c r="A28072" t="s">
        <v>42569</v>
      </c>
      <c r="B28072" t="s">
        <v>42570</v>
      </c>
      <c r="C28072">
        <v>2</v>
      </c>
      <c r="D28072">
        <v>0</v>
      </c>
    </row>
    <row r="28073" spans="1:4" x14ac:dyDescent="0.25">
      <c r="A28073" t="s">
        <v>42569</v>
      </c>
      <c r="B28073" t="s">
        <v>42571</v>
      </c>
      <c r="C28073">
        <v>0</v>
      </c>
      <c r="D28073">
        <v>0</v>
      </c>
    </row>
    <row r="28074" spans="1:4" x14ac:dyDescent="0.25">
      <c r="A28074" t="s">
        <v>42569</v>
      </c>
      <c r="B28074" t="s">
        <v>42572</v>
      </c>
      <c r="C28074">
        <v>2</v>
      </c>
      <c r="D28074">
        <v>0</v>
      </c>
    </row>
    <row r="28075" spans="1:4" x14ac:dyDescent="0.25">
      <c r="A28075" t="s">
        <v>42573</v>
      </c>
      <c r="B28075" t="s">
        <v>42574</v>
      </c>
      <c r="C28075">
        <v>1</v>
      </c>
      <c r="D28075">
        <v>0</v>
      </c>
    </row>
    <row r="28076" spans="1:4" x14ac:dyDescent="0.25">
      <c r="A28076" t="s">
        <v>42573</v>
      </c>
      <c r="B28076" t="s">
        <v>42575</v>
      </c>
      <c r="C28076">
        <v>0</v>
      </c>
      <c r="D28076">
        <v>0</v>
      </c>
    </row>
    <row r="28077" spans="1:4" x14ac:dyDescent="0.25">
      <c r="A28077" t="s">
        <v>42576</v>
      </c>
      <c r="B28077" t="s">
        <v>1769</v>
      </c>
      <c r="C28077">
        <v>1</v>
      </c>
      <c r="D28077">
        <v>0</v>
      </c>
    </row>
    <row r="28078" spans="1:4" x14ac:dyDescent="0.25">
      <c r="A28078" t="s">
        <v>42577</v>
      </c>
      <c r="B28078" t="s">
        <v>42578</v>
      </c>
      <c r="C28078">
        <v>1</v>
      </c>
      <c r="D28078">
        <v>0</v>
      </c>
    </row>
    <row r="28079" spans="1:4" x14ac:dyDescent="0.25">
      <c r="A28079" t="s">
        <v>42577</v>
      </c>
      <c r="B28079" t="s">
        <v>42579</v>
      </c>
      <c r="C28079">
        <v>2</v>
      </c>
      <c r="D28079">
        <v>0</v>
      </c>
    </row>
    <row r="28080" spans="1:4" x14ac:dyDescent="0.25">
      <c r="A28080" t="s">
        <v>42577</v>
      </c>
      <c r="B28080" t="s">
        <v>42580</v>
      </c>
      <c r="C28080">
        <v>0</v>
      </c>
      <c r="D28080">
        <v>0</v>
      </c>
    </row>
    <row r="28081" spans="1:4" x14ac:dyDescent="0.25">
      <c r="A28081" t="s">
        <v>42581</v>
      </c>
      <c r="B28081" t="s">
        <v>42582</v>
      </c>
      <c r="C28081">
        <v>0</v>
      </c>
      <c r="D28081">
        <v>0</v>
      </c>
    </row>
    <row r="28082" spans="1:4" x14ac:dyDescent="0.25">
      <c r="A28082" t="s">
        <v>42581</v>
      </c>
      <c r="B28082" t="s">
        <v>42583</v>
      </c>
      <c r="C28082">
        <v>0</v>
      </c>
      <c r="D28082">
        <v>0</v>
      </c>
    </row>
    <row r="28083" spans="1:4" x14ac:dyDescent="0.25">
      <c r="A28083" t="s">
        <v>42584</v>
      </c>
      <c r="B28083" t="s">
        <v>42585</v>
      </c>
      <c r="C28083">
        <v>1</v>
      </c>
      <c r="D28083">
        <v>0</v>
      </c>
    </row>
    <row r="28084" spans="1:4" x14ac:dyDescent="0.25">
      <c r="A28084" t="s">
        <v>42584</v>
      </c>
      <c r="B28084" t="s">
        <v>42586</v>
      </c>
      <c r="C28084">
        <v>0</v>
      </c>
      <c r="D28084">
        <v>0</v>
      </c>
    </row>
    <row r="28085" spans="1:4" x14ac:dyDescent="0.25">
      <c r="A28085" t="s">
        <v>42584</v>
      </c>
      <c r="B28085" t="s">
        <v>42587</v>
      </c>
      <c r="C28085">
        <v>0</v>
      </c>
      <c r="D28085">
        <v>0</v>
      </c>
    </row>
    <row r="28086" spans="1:4" x14ac:dyDescent="0.25">
      <c r="A28086" t="s">
        <v>42588</v>
      </c>
      <c r="B28086" t="s">
        <v>42589</v>
      </c>
      <c r="C28086">
        <v>2</v>
      </c>
      <c r="D28086">
        <v>0</v>
      </c>
    </row>
    <row r="28087" spans="1:4" x14ac:dyDescent="0.25">
      <c r="A28087" t="s">
        <v>42590</v>
      </c>
      <c r="B28087" t="s">
        <v>42591</v>
      </c>
      <c r="C28087">
        <v>2</v>
      </c>
      <c r="D28087">
        <v>0</v>
      </c>
    </row>
    <row r="28088" spans="1:4" x14ac:dyDescent="0.25">
      <c r="A28088" t="s">
        <v>42590</v>
      </c>
      <c r="B28088" t="s">
        <v>42592</v>
      </c>
      <c r="C28088">
        <v>2</v>
      </c>
      <c r="D28088">
        <v>0</v>
      </c>
    </row>
    <row r="28089" spans="1:4" x14ac:dyDescent="0.25">
      <c r="A28089" t="s">
        <v>42593</v>
      </c>
      <c r="B28089" t="s">
        <v>42594</v>
      </c>
      <c r="C28089">
        <v>0</v>
      </c>
      <c r="D28089">
        <v>0</v>
      </c>
    </row>
    <row r="28090" spans="1:4" x14ac:dyDescent="0.25">
      <c r="A28090" t="s">
        <v>42595</v>
      </c>
      <c r="B28090" t="s">
        <v>42596</v>
      </c>
      <c r="C28090">
        <v>1</v>
      </c>
      <c r="D28090">
        <v>0</v>
      </c>
    </row>
    <row r="28091" spans="1:4" x14ac:dyDescent="0.25">
      <c r="A28091" t="s">
        <v>42595</v>
      </c>
      <c r="B28091" t="s">
        <v>42597</v>
      </c>
      <c r="C28091">
        <v>1</v>
      </c>
      <c r="D28091">
        <v>0</v>
      </c>
    </row>
    <row r="28092" spans="1:4" x14ac:dyDescent="0.25">
      <c r="A28092" t="s">
        <v>42595</v>
      </c>
      <c r="B28092" t="s">
        <v>42598</v>
      </c>
      <c r="C28092">
        <v>1</v>
      </c>
      <c r="D28092">
        <v>0</v>
      </c>
    </row>
    <row r="28093" spans="1:4" x14ac:dyDescent="0.25">
      <c r="A28093" t="s">
        <v>42599</v>
      </c>
      <c r="B28093" t="s">
        <v>42600</v>
      </c>
      <c r="C28093">
        <v>0</v>
      </c>
      <c r="D28093">
        <v>0</v>
      </c>
    </row>
    <row r="28094" spans="1:4" x14ac:dyDescent="0.25">
      <c r="A28094" t="s">
        <v>42599</v>
      </c>
      <c r="B28094" t="s">
        <v>6155</v>
      </c>
      <c r="C28094">
        <v>0</v>
      </c>
      <c r="D28094">
        <v>0</v>
      </c>
    </row>
    <row r="28095" spans="1:4" x14ac:dyDescent="0.25">
      <c r="A28095" t="s">
        <v>42599</v>
      </c>
      <c r="B28095" t="s">
        <v>2061</v>
      </c>
      <c r="C28095">
        <v>0</v>
      </c>
      <c r="D28095">
        <v>0</v>
      </c>
    </row>
    <row r="28096" spans="1:4" x14ac:dyDescent="0.25">
      <c r="A28096" t="s">
        <v>42601</v>
      </c>
      <c r="B28096" t="s">
        <v>42602</v>
      </c>
      <c r="C28096">
        <v>1</v>
      </c>
      <c r="D28096">
        <v>0</v>
      </c>
    </row>
    <row r="28097" spans="1:4" x14ac:dyDescent="0.25">
      <c r="A28097" t="s">
        <v>42601</v>
      </c>
      <c r="B28097" t="s">
        <v>42603</v>
      </c>
      <c r="C28097">
        <v>1</v>
      </c>
      <c r="D28097">
        <v>0</v>
      </c>
    </row>
    <row r="28098" spans="1:4" x14ac:dyDescent="0.25">
      <c r="A28098" t="s">
        <v>42601</v>
      </c>
      <c r="B28098" t="s">
        <v>35533</v>
      </c>
      <c r="C28098">
        <v>2</v>
      </c>
      <c r="D28098">
        <v>0</v>
      </c>
    </row>
    <row r="28099" spans="1:4" x14ac:dyDescent="0.25">
      <c r="A28099" t="s">
        <v>42604</v>
      </c>
      <c r="B28099" t="s">
        <v>42605</v>
      </c>
      <c r="C28099">
        <v>2</v>
      </c>
      <c r="D28099">
        <v>0</v>
      </c>
    </row>
    <row r="28100" spans="1:4" x14ac:dyDescent="0.25">
      <c r="A28100" t="s">
        <v>42604</v>
      </c>
      <c r="B28100" t="s">
        <v>42606</v>
      </c>
      <c r="C28100">
        <v>1</v>
      </c>
      <c r="D28100">
        <v>0</v>
      </c>
    </row>
    <row r="28101" spans="1:4" x14ac:dyDescent="0.25">
      <c r="A28101" t="s">
        <v>42607</v>
      </c>
      <c r="B28101" t="s">
        <v>42608</v>
      </c>
      <c r="C28101">
        <v>2</v>
      </c>
      <c r="D28101">
        <v>0</v>
      </c>
    </row>
    <row r="28102" spans="1:4" x14ac:dyDescent="0.25">
      <c r="A28102" t="s">
        <v>42607</v>
      </c>
      <c r="B28102" t="s">
        <v>42609</v>
      </c>
      <c r="C28102">
        <v>1</v>
      </c>
      <c r="D28102">
        <v>0</v>
      </c>
    </row>
    <row r="28103" spans="1:4" x14ac:dyDescent="0.25">
      <c r="A28103" t="s">
        <v>42610</v>
      </c>
      <c r="B28103" t="s">
        <v>42611</v>
      </c>
      <c r="C28103">
        <v>0</v>
      </c>
      <c r="D28103">
        <v>0</v>
      </c>
    </row>
    <row r="28104" spans="1:4" x14ac:dyDescent="0.25">
      <c r="A28104" t="s">
        <v>42612</v>
      </c>
      <c r="B28104" t="s">
        <v>42613</v>
      </c>
      <c r="C28104">
        <v>0</v>
      </c>
      <c r="D28104">
        <v>0</v>
      </c>
    </row>
    <row r="28105" spans="1:4" x14ac:dyDescent="0.25">
      <c r="A28105" t="s">
        <v>42614</v>
      </c>
      <c r="B28105" t="s">
        <v>42615</v>
      </c>
      <c r="C28105">
        <v>1</v>
      </c>
      <c r="D28105">
        <v>0</v>
      </c>
    </row>
    <row r="28106" spans="1:4" x14ac:dyDescent="0.25">
      <c r="A28106" t="s">
        <v>42614</v>
      </c>
      <c r="B28106" t="s">
        <v>852</v>
      </c>
      <c r="C28106">
        <v>0</v>
      </c>
      <c r="D28106">
        <v>0</v>
      </c>
    </row>
    <row r="28107" spans="1:4" x14ac:dyDescent="0.25">
      <c r="A28107" t="s">
        <v>42616</v>
      </c>
      <c r="B28107" t="s">
        <v>42617</v>
      </c>
      <c r="C28107">
        <v>1</v>
      </c>
      <c r="D28107">
        <v>0</v>
      </c>
    </row>
    <row r="28108" spans="1:4" x14ac:dyDescent="0.25">
      <c r="A28108" t="s">
        <v>42616</v>
      </c>
      <c r="B28108" t="s">
        <v>42618</v>
      </c>
      <c r="C28108">
        <v>1</v>
      </c>
      <c r="D28108">
        <v>0</v>
      </c>
    </row>
    <row r="28109" spans="1:4" x14ac:dyDescent="0.25">
      <c r="A28109" t="s">
        <v>42616</v>
      </c>
      <c r="B28109" t="s">
        <v>42619</v>
      </c>
      <c r="C28109">
        <v>2</v>
      </c>
      <c r="D28109">
        <v>0</v>
      </c>
    </row>
    <row r="28110" spans="1:4" x14ac:dyDescent="0.25">
      <c r="A28110" t="s">
        <v>42620</v>
      </c>
      <c r="B28110" t="s">
        <v>42621</v>
      </c>
      <c r="C28110">
        <v>1</v>
      </c>
      <c r="D28110">
        <v>0</v>
      </c>
    </row>
    <row r="28111" spans="1:4" x14ac:dyDescent="0.25">
      <c r="A28111" t="s">
        <v>42622</v>
      </c>
      <c r="B28111" t="s">
        <v>42623</v>
      </c>
      <c r="C28111">
        <v>2</v>
      </c>
      <c r="D28111">
        <v>0</v>
      </c>
    </row>
    <row r="28112" spans="1:4" x14ac:dyDescent="0.25">
      <c r="A28112" t="s">
        <v>42622</v>
      </c>
      <c r="B28112" t="s">
        <v>42624</v>
      </c>
      <c r="C28112">
        <v>2</v>
      </c>
      <c r="D28112">
        <v>0</v>
      </c>
    </row>
    <row r="28113" spans="1:4" x14ac:dyDescent="0.25">
      <c r="A28113" t="s">
        <v>42622</v>
      </c>
      <c r="B28113" t="s">
        <v>42625</v>
      </c>
      <c r="C28113">
        <v>0</v>
      </c>
      <c r="D28113">
        <v>0</v>
      </c>
    </row>
    <row r="28114" spans="1:4" x14ac:dyDescent="0.25">
      <c r="A28114" t="s">
        <v>42626</v>
      </c>
      <c r="B28114" t="s">
        <v>42627</v>
      </c>
      <c r="C28114">
        <v>0</v>
      </c>
      <c r="D28114">
        <v>0</v>
      </c>
    </row>
    <row r="28115" spans="1:4" x14ac:dyDescent="0.25">
      <c r="A28115" t="s">
        <v>42626</v>
      </c>
      <c r="B28115" t="s">
        <v>42628</v>
      </c>
      <c r="C28115">
        <v>0</v>
      </c>
      <c r="D28115">
        <v>0</v>
      </c>
    </row>
    <row r="28116" spans="1:4" x14ac:dyDescent="0.25">
      <c r="A28116" t="s">
        <v>42626</v>
      </c>
      <c r="B28116" t="s">
        <v>42629</v>
      </c>
      <c r="C28116">
        <v>1</v>
      </c>
      <c r="D28116">
        <v>0</v>
      </c>
    </row>
    <row r="28117" spans="1:4" x14ac:dyDescent="0.25">
      <c r="A28117" t="s">
        <v>42630</v>
      </c>
      <c r="B28117" t="s">
        <v>42631</v>
      </c>
      <c r="C28117">
        <v>2</v>
      </c>
      <c r="D28117">
        <v>0</v>
      </c>
    </row>
    <row r="28118" spans="1:4" x14ac:dyDescent="0.25">
      <c r="A28118" t="s">
        <v>42630</v>
      </c>
      <c r="B28118" t="s">
        <v>42632</v>
      </c>
      <c r="C28118">
        <v>2</v>
      </c>
      <c r="D28118">
        <v>0</v>
      </c>
    </row>
    <row r="28119" spans="1:4" x14ac:dyDescent="0.25">
      <c r="A28119" t="s">
        <v>42633</v>
      </c>
      <c r="B28119" t="s">
        <v>42634</v>
      </c>
      <c r="C28119">
        <v>1</v>
      </c>
      <c r="D28119">
        <v>0</v>
      </c>
    </row>
    <row r="28120" spans="1:4" x14ac:dyDescent="0.25">
      <c r="A28120" t="s">
        <v>42633</v>
      </c>
      <c r="B28120" t="s">
        <v>42635</v>
      </c>
      <c r="C28120">
        <v>1</v>
      </c>
      <c r="D28120">
        <v>0</v>
      </c>
    </row>
    <row r="28121" spans="1:4" x14ac:dyDescent="0.25">
      <c r="A28121" t="s">
        <v>42636</v>
      </c>
      <c r="B28121" t="s">
        <v>42637</v>
      </c>
      <c r="C28121">
        <v>1</v>
      </c>
      <c r="D28121">
        <v>0</v>
      </c>
    </row>
    <row r="28122" spans="1:4" x14ac:dyDescent="0.25">
      <c r="A28122" t="s">
        <v>42636</v>
      </c>
      <c r="B28122" t="s">
        <v>42638</v>
      </c>
      <c r="C28122">
        <v>2</v>
      </c>
      <c r="D28122">
        <v>0</v>
      </c>
    </row>
    <row r="28123" spans="1:4" x14ac:dyDescent="0.25">
      <c r="A28123" t="s">
        <v>42636</v>
      </c>
      <c r="B28123" t="s">
        <v>42639</v>
      </c>
      <c r="C28123">
        <v>2</v>
      </c>
      <c r="D28123">
        <v>0</v>
      </c>
    </row>
    <row r="28124" spans="1:4" x14ac:dyDescent="0.25">
      <c r="A28124" t="s">
        <v>42640</v>
      </c>
      <c r="B28124" t="s">
        <v>1001</v>
      </c>
      <c r="C28124">
        <v>1</v>
      </c>
      <c r="D28124">
        <v>0</v>
      </c>
    </row>
    <row r="28125" spans="1:4" x14ac:dyDescent="0.25">
      <c r="A28125" t="s">
        <v>42640</v>
      </c>
      <c r="B28125" t="s">
        <v>42641</v>
      </c>
      <c r="C28125">
        <v>0</v>
      </c>
      <c r="D28125">
        <v>0</v>
      </c>
    </row>
    <row r="28126" spans="1:4" x14ac:dyDescent="0.25">
      <c r="A28126" t="s">
        <v>42642</v>
      </c>
      <c r="B28126" t="s">
        <v>42643</v>
      </c>
      <c r="C28126">
        <v>1</v>
      </c>
      <c r="D28126">
        <v>0</v>
      </c>
    </row>
    <row r="28127" spans="1:4" x14ac:dyDescent="0.25">
      <c r="A28127" t="s">
        <v>42644</v>
      </c>
      <c r="B28127" t="s">
        <v>42645</v>
      </c>
      <c r="C28127">
        <v>2</v>
      </c>
      <c r="D28127">
        <v>0</v>
      </c>
    </row>
    <row r="28128" spans="1:4" x14ac:dyDescent="0.25">
      <c r="A28128" t="s">
        <v>42646</v>
      </c>
      <c r="B28128" t="s">
        <v>968</v>
      </c>
      <c r="C28128">
        <v>1</v>
      </c>
      <c r="D28128">
        <v>0</v>
      </c>
    </row>
    <row r="28129" spans="1:4" x14ac:dyDescent="0.25">
      <c r="A28129" t="s">
        <v>42646</v>
      </c>
      <c r="B28129" t="s">
        <v>42647</v>
      </c>
      <c r="C28129">
        <v>0</v>
      </c>
      <c r="D28129">
        <v>0</v>
      </c>
    </row>
    <row r="28130" spans="1:4" x14ac:dyDescent="0.25">
      <c r="A28130" t="s">
        <v>42648</v>
      </c>
      <c r="B28130" t="s">
        <v>42649</v>
      </c>
      <c r="C28130">
        <v>1</v>
      </c>
      <c r="D28130">
        <v>0</v>
      </c>
    </row>
    <row r="28131" spans="1:4" x14ac:dyDescent="0.25">
      <c r="A28131" t="s">
        <v>42648</v>
      </c>
      <c r="B28131" t="s">
        <v>42650</v>
      </c>
      <c r="C28131">
        <v>0</v>
      </c>
      <c r="D28131">
        <v>0</v>
      </c>
    </row>
    <row r="28132" spans="1:4" x14ac:dyDescent="0.25">
      <c r="A28132" t="s">
        <v>42651</v>
      </c>
      <c r="B28132" t="s">
        <v>42652</v>
      </c>
      <c r="C28132">
        <v>1</v>
      </c>
      <c r="D28132">
        <v>0</v>
      </c>
    </row>
    <row r="28133" spans="1:4" x14ac:dyDescent="0.25">
      <c r="A28133" t="s">
        <v>42651</v>
      </c>
      <c r="B28133" t="s">
        <v>42653</v>
      </c>
      <c r="C28133">
        <v>1</v>
      </c>
      <c r="D28133">
        <v>0</v>
      </c>
    </row>
    <row r="28134" spans="1:4" x14ac:dyDescent="0.25">
      <c r="A28134" t="s">
        <v>42651</v>
      </c>
      <c r="B28134" t="s">
        <v>42654</v>
      </c>
      <c r="C28134">
        <v>0</v>
      </c>
      <c r="D28134">
        <v>0</v>
      </c>
    </row>
    <row r="28135" spans="1:4" x14ac:dyDescent="0.25">
      <c r="A28135" t="s">
        <v>42655</v>
      </c>
      <c r="B28135" t="s">
        <v>42656</v>
      </c>
      <c r="C28135">
        <v>1</v>
      </c>
      <c r="D28135">
        <v>0</v>
      </c>
    </row>
    <row r="28136" spans="1:4" x14ac:dyDescent="0.25">
      <c r="A28136" t="s">
        <v>42655</v>
      </c>
      <c r="B28136" t="s">
        <v>42657</v>
      </c>
      <c r="C28136">
        <v>1</v>
      </c>
      <c r="D28136">
        <v>0</v>
      </c>
    </row>
    <row r="28137" spans="1:4" x14ac:dyDescent="0.25">
      <c r="A28137" t="s">
        <v>42655</v>
      </c>
      <c r="B28137" t="s">
        <v>42658</v>
      </c>
      <c r="C28137">
        <v>1</v>
      </c>
      <c r="D28137">
        <v>0</v>
      </c>
    </row>
    <row r="28138" spans="1:4" x14ac:dyDescent="0.25">
      <c r="A28138" t="s">
        <v>42659</v>
      </c>
      <c r="B28138" t="s">
        <v>42660</v>
      </c>
      <c r="C28138">
        <v>0</v>
      </c>
      <c r="D28138">
        <v>0</v>
      </c>
    </row>
    <row r="28139" spans="1:4" x14ac:dyDescent="0.25">
      <c r="A28139" t="s">
        <v>42661</v>
      </c>
      <c r="B28139" t="s">
        <v>42662</v>
      </c>
      <c r="C28139">
        <v>2</v>
      </c>
      <c r="D28139">
        <v>0</v>
      </c>
    </row>
    <row r="28140" spans="1:4" x14ac:dyDescent="0.25">
      <c r="A28140" t="s">
        <v>42663</v>
      </c>
      <c r="B28140" t="s">
        <v>4639</v>
      </c>
      <c r="C28140">
        <v>0</v>
      </c>
      <c r="D28140">
        <v>0</v>
      </c>
    </row>
    <row r="28141" spans="1:4" x14ac:dyDescent="0.25">
      <c r="A28141" t="s">
        <v>42664</v>
      </c>
      <c r="B28141" t="s">
        <v>42665</v>
      </c>
      <c r="C28141">
        <v>0</v>
      </c>
      <c r="D28141">
        <v>0</v>
      </c>
    </row>
    <row r="28142" spans="1:4" x14ac:dyDescent="0.25">
      <c r="A28142" t="s">
        <v>42664</v>
      </c>
      <c r="B28142" t="s">
        <v>42666</v>
      </c>
      <c r="C28142">
        <v>1</v>
      </c>
      <c r="D28142">
        <v>0</v>
      </c>
    </row>
    <row r="28143" spans="1:4" x14ac:dyDescent="0.25">
      <c r="A28143" t="s">
        <v>42664</v>
      </c>
      <c r="B28143" t="s">
        <v>42667</v>
      </c>
      <c r="C28143">
        <v>1</v>
      </c>
      <c r="D28143">
        <v>0</v>
      </c>
    </row>
    <row r="28144" spans="1:4" x14ac:dyDescent="0.25">
      <c r="A28144" t="s">
        <v>42668</v>
      </c>
      <c r="B28144" t="s">
        <v>42669</v>
      </c>
      <c r="C28144">
        <v>0</v>
      </c>
      <c r="D28144">
        <v>0</v>
      </c>
    </row>
    <row r="28145" spans="1:4" x14ac:dyDescent="0.25">
      <c r="A28145" t="s">
        <v>42668</v>
      </c>
      <c r="B28145" t="s">
        <v>42670</v>
      </c>
      <c r="C28145">
        <v>1</v>
      </c>
      <c r="D28145">
        <v>0</v>
      </c>
    </row>
    <row r="28146" spans="1:4" x14ac:dyDescent="0.25">
      <c r="A28146" t="s">
        <v>42671</v>
      </c>
      <c r="B28146" t="s">
        <v>42672</v>
      </c>
      <c r="C28146">
        <v>2</v>
      </c>
      <c r="D28146">
        <v>0</v>
      </c>
    </row>
    <row r="28147" spans="1:4" x14ac:dyDescent="0.25">
      <c r="A28147" t="s">
        <v>42671</v>
      </c>
      <c r="B28147" t="s">
        <v>42673</v>
      </c>
      <c r="C28147">
        <v>2</v>
      </c>
      <c r="D28147">
        <v>0</v>
      </c>
    </row>
    <row r="28148" spans="1:4" x14ac:dyDescent="0.25">
      <c r="A28148" t="s">
        <v>42671</v>
      </c>
      <c r="B28148" t="s">
        <v>42674</v>
      </c>
      <c r="C28148">
        <v>1</v>
      </c>
      <c r="D28148">
        <v>0</v>
      </c>
    </row>
    <row r="28149" spans="1:4" x14ac:dyDescent="0.25">
      <c r="A28149" t="s">
        <v>42675</v>
      </c>
      <c r="B28149" t="s">
        <v>42676</v>
      </c>
      <c r="C28149">
        <v>0</v>
      </c>
      <c r="D28149">
        <v>0</v>
      </c>
    </row>
    <row r="28150" spans="1:4" x14ac:dyDescent="0.25">
      <c r="A28150" t="s">
        <v>42675</v>
      </c>
      <c r="B28150" t="s">
        <v>42677</v>
      </c>
      <c r="C28150">
        <v>1</v>
      </c>
      <c r="D28150">
        <v>0</v>
      </c>
    </row>
    <row r="28151" spans="1:4" x14ac:dyDescent="0.25">
      <c r="A28151" t="s">
        <v>42675</v>
      </c>
      <c r="B28151" t="s">
        <v>42678</v>
      </c>
      <c r="C28151">
        <v>0</v>
      </c>
      <c r="D28151">
        <v>0</v>
      </c>
    </row>
    <row r="28152" spans="1:4" x14ac:dyDescent="0.25">
      <c r="A28152" t="s">
        <v>42679</v>
      </c>
      <c r="B28152" t="s">
        <v>398</v>
      </c>
      <c r="C28152">
        <v>0</v>
      </c>
      <c r="D28152">
        <v>0</v>
      </c>
    </row>
    <row r="28153" spans="1:4" x14ac:dyDescent="0.25">
      <c r="A28153" t="s">
        <v>42679</v>
      </c>
      <c r="B28153" t="s">
        <v>42680</v>
      </c>
      <c r="C28153">
        <v>1</v>
      </c>
      <c r="D28153">
        <v>0</v>
      </c>
    </row>
    <row r="28154" spans="1:4" x14ac:dyDescent="0.25">
      <c r="A28154" t="s">
        <v>42681</v>
      </c>
      <c r="B28154" t="s">
        <v>42682</v>
      </c>
      <c r="C28154">
        <v>0</v>
      </c>
      <c r="D28154">
        <v>0</v>
      </c>
    </row>
    <row r="28155" spans="1:4" x14ac:dyDescent="0.25">
      <c r="A28155" t="s">
        <v>42681</v>
      </c>
      <c r="B28155" t="s">
        <v>42683</v>
      </c>
      <c r="C28155">
        <v>1</v>
      </c>
      <c r="D28155">
        <v>0</v>
      </c>
    </row>
    <row r="28156" spans="1:4" x14ac:dyDescent="0.25">
      <c r="A28156" t="s">
        <v>42684</v>
      </c>
      <c r="B28156" t="s">
        <v>42685</v>
      </c>
      <c r="C28156">
        <v>2</v>
      </c>
      <c r="D28156">
        <v>0</v>
      </c>
    </row>
    <row r="28157" spans="1:4" x14ac:dyDescent="0.25">
      <c r="A28157" t="s">
        <v>42686</v>
      </c>
      <c r="B28157" t="s">
        <v>42687</v>
      </c>
      <c r="C28157">
        <v>0</v>
      </c>
      <c r="D28157">
        <v>0</v>
      </c>
    </row>
    <row r="28158" spans="1:4" x14ac:dyDescent="0.25">
      <c r="A28158" t="s">
        <v>42688</v>
      </c>
      <c r="B28158" t="s">
        <v>42689</v>
      </c>
      <c r="C28158">
        <v>0</v>
      </c>
      <c r="D28158">
        <v>0</v>
      </c>
    </row>
    <row r="28159" spans="1:4" x14ac:dyDescent="0.25">
      <c r="A28159" t="s">
        <v>42690</v>
      </c>
      <c r="B28159" t="s">
        <v>42691</v>
      </c>
      <c r="C28159">
        <v>0</v>
      </c>
      <c r="D28159">
        <v>0</v>
      </c>
    </row>
    <row r="28160" spans="1:4" x14ac:dyDescent="0.25">
      <c r="A28160" t="s">
        <v>42690</v>
      </c>
      <c r="B28160" t="s">
        <v>3334</v>
      </c>
      <c r="C28160">
        <v>0</v>
      </c>
      <c r="D28160">
        <v>0</v>
      </c>
    </row>
    <row r="28161" spans="1:4" x14ac:dyDescent="0.25">
      <c r="A28161" t="s">
        <v>42690</v>
      </c>
      <c r="B28161" t="s">
        <v>42692</v>
      </c>
      <c r="C28161">
        <v>1</v>
      </c>
      <c r="D28161">
        <v>0</v>
      </c>
    </row>
    <row r="28162" spans="1:4" x14ac:dyDescent="0.25">
      <c r="A28162" t="s">
        <v>42693</v>
      </c>
      <c r="B28162" t="s">
        <v>2532</v>
      </c>
      <c r="C28162">
        <v>1</v>
      </c>
      <c r="D28162">
        <v>0</v>
      </c>
    </row>
    <row r="28163" spans="1:4" x14ac:dyDescent="0.25">
      <c r="A28163" t="s">
        <v>42693</v>
      </c>
      <c r="B28163" t="s">
        <v>42694</v>
      </c>
      <c r="C28163">
        <v>0</v>
      </c>
      <c r="D28163">
        <v>0</v>
      </c>
    </row>
    <row r="28164" spans="1:4" x14ac:dyDescent="0.25">
      <c r="A28164" t="s">
        <v>42695</v>
      </c>
      <c r="B28164" t="s">
        <v>42696</v>
      </c>
      <c r="C28164">
        <v>1</v>
      </c>
      <c r="D28164">
        <v>0</v>
      </c>
    </row>
    <row r="28165" spans="1:4" x14ac:dyDescent="0.25">
      <c r="A28165" t="s">
        <v>42695</v>
      </c>
      <c r="B28165" t="s">
        <v>42697</v>
      </c>
      <c r="C28165">
        <v>1</v>
      </c>
      <c r="D28165">
        <v>0</v>
      </c>
    </row>
    <row r="28166" spans="1:4" x14ac:dyDescent="0.25">
      <c r="A28166" t="s">
        <v>42698</v>
      </c>
      <c r="B28166" t="s">
        <v>42699</v>
      </c>
      <c r="C28166">
        <v>2</v>
      </c>
      <c r="D28166">
        <v>0</v>
      </c>
    </row>
    <row r="28167" spans="1:4" x14ac:dyDescent="0.25">
      <c r="A28167" t="s">
        <v>42698</v>
      </c>
      <c r="B28167" t="s">
        <v>42700</v>
      </c>
      <c r="C28167">
        <v>1</v>
      </c>
      <c r="D28167">
        <v>0</v>
      </c>
    </row>
    <row r="28168" spans="1:4" x14ac:dyDescent="0.25">
      <c r="A28168" t="s">
        <v>42701</v>
      </c>
      <c r="B28168" t="s">
        <v>42702</v>
      </c>
      <c r="C28168">
        <v>2</v>
      </c>
      <c r="D28168">
        <v>0</v>
      </c>
    </row>
    <row r="28169" spans="1:4" x14ac:dyDescent="0.25">
      <c r="A28169" t="s">
        <v>42703</v>
      </c>
      <c r="B28169" t="s">
        <v>42704</v>
      </c>
      <c r="C28169">
        <v>1</v>
      </c>
      <c r="D28169">
        <v>0</v>
      </c>
    </row>
    <row r="28170" spans="1:4" x14ac:dyDescent="0.25">
      <c r="A28170" t="s">
        <v>42703</v>
      </c>
      <c r="B28170" t="s">
        <v>42705</v>
      </c>
      <c r="C28170">
        <v>1</v>
      </c>
      <c r="D28170">
        <v>0</v>
      </c>
    </row>
    <row r="28171" spans="1:4" x14ac:dyDescent="0.25">
      <c r="A28171" t="s">
        <v>42703</v>
      </c>
      <c r="B28171" t="s">
        <v>42706</v>
      </c>
      <c r="C28171">
        <v>1</v>
      </c>
      <c r="D28171">
        <v>0</v>
      </c>
    </row>
    <row r="28172" spans="1:4" x14ac:dyDescent="0.25">
      <c r="A28172" t="s">
        <v>42707</v>
      </c>
      <c r="B28172" t="s">
        <v>42708</v>
      </c>
      <c r="C28172">
        <v>2</v>
      </c>
      <c r="D28172">
        <v>0</v>
      </c>
    </row>
    <row r="28173" spans="1:4" x14ac:dyDescent="0.25">
      <c r="A28173" t="s">
        <v>42707</v>
      </c>
      <c r="B28173" t="s">
        <v>42709</v>
      </c>
      <c r="C28173">
        <v>2</v>
      </c>
      <c r="D28173">
        <v>0</v>
      </c>
    </row>
    <row r="28174" spans="1:4" x14ac:dyDescent="0.25">
      <c r="A28174" t="s">
        <v>42707</v>
      </c>
      <c r="B28174" t="s">
        <v>42710</v>
      </c>
      <c r="C28174">
        <v>2</v>
      </c>
      <c r="D28174">
        <v>0</v>
      </c>
    </row>
    <row r="28175" spans="1:4" x14ac:dyDescent="0.25">
      <c r="A28175" t="s">
        <v>42711</v>
      </c>
      <c r="B28175" t="s">
        <v>42712</v>
      </c>
      <c r="C28175">
        <v>0</v>
      </c>
      <c r="D28175">
        <v>0</v>
      </c>
    </row>
    <row r="28176" spans="1:4" x14ac:dyDescent="0.25">
      <c r="A28176" t="s">
        <v>42711</v>
      </c>
      <c r="B28176" t="s">
        <v>42713</v>
      </c>
      <c r="C28176">
        <v>2</v>
      </c>
      <c r="D28176">
        <v>0</v>
      </c>
    </row>
    <row r="28177" spans="1:4" x14ac:dyDescent="0.25">
      <c r="A28177" t="s">
        <v>42711</v>
      </c>
      <c r="B28177" t="s">
        <v>42714</v>
      </c>
      <c r="C28177">
        <v>2</v>
      </c>
      <c r="D28177">
        <v>0</v>
      </c>
    </row>
    <row r="28178" spans="1:4" x14ac:dyDescent="0.25">
      <c r="A28178" t="s">
        <v>42715</v>
      </c>
      <c r="B28178" t="s">
        <v>42716</v>
      </c>
      <c r="C28178">
        <v>0</v>
      </c>
      <c r="D28178">
        <v>0</v>
      </c>
    </row>
    <row r="28179" spans="1:4" x14ac:dyDescent="0.25">
      <c r="A28179" t="s">
        <v>42715</v>
      </c>
      <c r="B28179" t="s">
        <v>969</v>
      </c>
      <c r="C28179">
        <v>0</v>
      </c>
      <c r="D28179">
        <v>0</v>
      </c>
    </row>
    <row r="28180" spans="1:4" x14ac:dyDescent="0.25">
      <c r="A28180" t="s">
        <v>42717</v>
      </c>
      <c r="B28180" t="s">
        <v>42718</v>
      </c>
      <c r="C28180">
        <v>0</v>
      </c>
      <c r="D28180">
        <v>0</v>
      </c>
    </row>
    <row r="28181" spans="1:4" x14ac:dyDescent="0.25">
      <c r="A28181" t="s">
        <v>42717</v>
      </c>
      <c r="B28181" t="s">
        <v>42719</v>
      </c>
      <c r="C28181">
        <v>1</v>
      </c>
      <c r="D28181">
        <v>0</v>
      </c>
    </row>
    <row r="28182" spans="1:4" x14ac:dyDescent="0.25">
      <c r="A28182" t="s">
        <v>42720</v>
      </c>
      <c r="B28182" t="s">
        <v>42721</v>
      </c>
      <c r="C28182">
        <v>0</v>
      </c>
      <c r="D28182">
        <v>0</v>
      </c>
    </row>
    <row r="28183" spans="1:4" x14ac:dyDescent="0.25">
      <c r="A28183" t="s">
        <v>42720</v>
      </c>
      <c r="B28183" t="s">
        <v>42722</v>
      </c>
      <c r="C28183">
        <v>0</v>
      </c>
      <c r="D28183">
        <v>0</v>
      </c>
    </row>
    <row r="28184" spans="1:4" x14ac:dyDescent="0.25">
      <c r="A28184" t="s">
        <v>42720</v>
      </c>
      <c r="B28184" t="s">
        <v>42723</v>
      </c>
      <c r="C28184">
        <v>0</v>
      </c>
      <c r="D28184">
        <v>0</v>
      </c>
    </row>
    <row r="28185" spans="1:4" x14ac:dyDescent="0.25">
      <c r="A28185" t="s">
        <v>42724</v>
      </c>
      <c r="B28185" t="s">
        <v>42725</v>
      </c>
      <c r="C28185">
        <v>1</v>
      </c>
      <c r="D28185">
        <v>0</v>
      </c>
    </row>
    <row r="28186" spans="1:4" x14ac:dyDescent="0.25">
      <c r="A28186" t="s">
        <v>42726</v>
      </c>
      <c r="B28186" t="s">
        <v>42727</v>
      </c>
      <c r="C28186">
        <v>1</v>
      </c>
      <c r="D28186">
        <v>0</v>
      </c>
    </row>
    <row r="28187" spans="1:4" x14ac:dyDescent="0.25">
      <c r="A28187" t="s">
        <v>42726</v>
      </c>
      <c r="B28187" t="s">
        <v>42728</v>
      </c>
      <c r="C28187">
        <v>2</v>
      </c>
      <c r="D28187">
        <v>0</v>
      </c>
    </row>
    <row r="28188" spans="1:4" x14ac:dyDescent="0.25">
      <c r="A28188" t="s">
        <v>42726</v>
      </c>
      <c r="B28188" t="s">
        <v>42729</v>
      </c>
      <c r="C28188">
        <v>0</v>
      </c>
      <c r="D28188">
        <v>0</v>
      </c>
    </row>
    <row r="28189" spans="1:4" x14ac:dyDescent="0.25">
      <c r="A28189" t="s">
        <v>42730</v>
      </c>
      <c r="B28189" t="s">
        <v>7913</v>
      </c>
      <c r="C28189">
        <v>1</v>
      </c>
      <c r="D28189">
        <v>0</v>
      </c>
    </row>
    <row r="28190" spans="1:4" x14ac:dyDescent="0.25">
      <c r="A28190" t="s">
        <v>42730</v>
      </c>
      <c r="B28190" t="s">
        <v>42731</v>
      </c>
      <c r="C28190">
        <v>1</v>
      </c>
      <c r="D28190">
        <v>0</v>
      </c>
    </row>
    <row r="28191" spans="1:4" x14ac:dyDescent="0.25">
      <c r="A28191" t="s">
        <v>42732</v>
      </c>
      <c r="B28191" t="s">
        <v>42733</v>
      </c>
      <c r="C28191">
        <v>0</v>
      </c>
      <c r="D28191">
        <v>0</v>
      </c>
    </row>
    <row r="28192" spans="1:4" x14ac:dyDescent="0.25">
      <c r="A28192" t="s">
        <v>42734</v>
      </c>
      <c r="B28192" t="s">
        <v>42735</v>
      </c>
      <c r="C28192">
        <v>0</v>
      </c>
      <c r="D28192">
        <v>0</v>
      </c>
    </row>
    <row r="28193" spans="1:4" x14ac:dyDescent="0.25">
      <c r="A28193" t="s">
        <v>42736</v>
      </c>
      <c r="B28193" t="s">
        <v>42737</v>
      </c>
      <c r="C28193">
        <v>1</v>
      </c>
      <c r="D28193">
        <v>0</v>
      </c>
    </row>
    <row r="28194" spans="1:4" x14ac:dyDescent="0.25">
      <c r="A28194" t="s">
        <v>42736</v>
      </c>
      <c r="B28194" t="s">
        <v>1294</v>
      </c>
      <c r="C28194">
        <v>1</v>
      </c>
      <c r="D28194">
        <v>0</v>
      </c>
    </row>
    <row r="28195" spans="1:4" x14ac:dyDescent="0.25">
      <c r="A28195" t="s">
        <v>42736</v>
      </c>
      <c r="B28195" t="s">
        <v>42738</v>
      </c>
      <c r="C28195">
        <v>1</v>
      </c>
      <c r="D28195">
        <v>0</v>
      </c>
    </row>
    <row r="28196" spans="1:4" x14ac:dyDescent="0.25">
      <c r="A28196" t="s">
        <v>42739</v>
      </c>
      <c r="B28196" t="s">
        <v>1001</v>
      </c>
      <c r="C28196">
        <v>1</v>
      </c>
      <c r="D28196">
        <v>0</v>
      </c>
    </row>
    <row r="28197" spans="1:4" x14ac:dyDescent="0.25">
      <c r="A28197" t="s">
        <v>42739</v>
      </c>
      <c r="B28197" t="s">
        <v>42740</v>
      </c>
      <c r="C28197">
        <v>1</v>
      </c>
      <c r="D28197">
        <v>0</v>
      </c>
    </row>
    <row r="28198" spans="1:4" x14ac:dyDescent="0.25">
      <c r="A28198" t="s">
        <v>42741</v>
      </c>
      <c r="B28198" t="s">
        <v>42742</v>
      </c>
      <c r="C28198">
        <v>1</v>
      </c>
      <c r="D28198">
        <v>0</v>
      </c>
    </row>
    <row r="28199" spans="1:4" x14ac:dyDescent="0.25">
      <c r="A28199" t="s">
        <v>42741</v>
      </c>
      <c r="B28199" t="s">
        <v>42743</v>
      </c>
      <c r="C28199">
        <v>2</v>
      </c>
      <c r="D28199">
        <v>0</v>
      </c>
    </row>
    <row r="28200" spans="1:4" x14ac:dyDescent="0.25">
      <c r="A28200" t="s">
        <v>42744</v>
      </c>
      <c r="B28200" t="s">
        <v>42745</v>
      </c>
      <c r="C28200">
        <v>0</v>
      </c>
      <c r="D28200">
        <v>0</v>
      </c>
    </row>
    <row r="28201" spans="1:4" x14ac:dyDescent="0.25">
      <c r="A28201" t="s">
        <v>42744</v>
      </c>
      <c r="B28201" t="s">
        <v>42746</v>
      </c>
      <c r="C28201">
        <v>0</v>
      </c>
      <c r="D28201">
        <v>0</v>
      </c>
    </row>
    <row r="28202" spans="1:4" x14ac:dyDescent="0.25">
      <c r="A28202" t="s">
        <v>42747</v>
      </c>
      <c r="B28202" t="s">
        <v>42748</v>
      </c>
      <c r="C28202">
        <v>1</v>
      </c>
      <c r="D28202">
        <v>0</v>
      </c>
    </row>
    <row r="28203" spans="1:4" x14ac:dyDescent="0.25">
      <c r="A28203" t="s">
        <v>42747</v>
      </c>
      <c r="B28203" t="s">
        <v>42749</v>
      </c>
      <c r="C28203">
        <v>1</v>
      </c>
      <c r="D28203">
        <v>0</v>
      </c>
    </row>
    <row r="28204" spans="1:4" x14ac:dyDescent="0.25">
      <c r="A28204" t="s">
        <v>42750</v>
      </c>
      <c r="B28204" t="s">
        <v>42751</v>
      </c>
      <c r="C28204">
        <v>2</v>
      </c>
      <c r="D28204">
        <v>0</v>
      </c>
    </row>
    <row r="28205" spans="1:4" x14ac:dyDescent="0.25">
      <c r="A28205" t="s">
        <v>42752</v>
      </c>
      <c r="B28205" t="s">
        <v>42753</v>
      </c>
      <c r="C28205">
        <v>2</v>
      </c>
      <c r="D28205">
        <v>0</v>
      </c>
    </row>
    <row r="28206" spans="1:4" x14ac:dyDescent="0.25">
      <c r="A28206" t="s">
        <v>42752</v>
      </c>
      <c r="B28206" t="s">
        <v>42754</v>
      </c>
      <c r="C28206">
        <v>1</v>
      </c>
      <c r="D28206">
        <v>0</v>
      </c>
    </row>
    <row r="28207" spans="1:4" x14ac:dyDescent="0.25">
      <c r="A28207" t="s">
        <v>42752</v>
      </c>
      <c r="B28207" t="s">
        <v>42755</v>
      </c>
      <c r="C28207">
        <v>1</v>
      </c>
      <c r="D28207">
        <v>0</v>
      </c>
    </row>
    <row r="28208" spans="1:4" x14ac:dyDescent="0.25">
      <c r="A28208" t="s">
        <v>42756</v>
      </c>
      <c r="B28208" t="s">
        <v>42757</v>
      </c>
      <c r="C28208">
        <v>0</v>
      </c>
      <c r="D28208">
        <v>0</v>
      </c>
    </row>
    <row r="28209" spans="1:4" x14ac:dyDescent="0.25">
      <c r="A28209" t="s">
        <v>42756</v>
      </c>
      <c r="B28209" t="s">
        <v>42758</v>
      </c>
      <c r="C28209">
        <v>1</v>
      </c>
      <c r="D28209">
        <v>0</v>
      </c>
    </row>
    <row r="28210" spans="1:4" x14ac:dyDescent="0.25">
      <c r="A28210" t="s">
        <v>42756</v>
      </c>
      <c r="B28210" t="s">
        <v>42759</v>
      </c>
      <c r="C28210">
        <v>1</v>
      </c>
      <c r="D28210">
        <v>0</v>
      </c>
    </row>
    <row r="28211" spans="1:4" x14ac:dyDescent="0.25">
      <c r="A28211" t="s">
        <v>42760</v>
      </c>
      <c r="B28211" t="s">
        <v>42761</v>
      </c>
      <c r="C28211">
        <v>0</v>
      </c>
      <c r="D28211">
        <v>0</v>
      </c>
    </row>
    <row r="28212" spans="1:4" x14ac:dyDescent="0.25">
      <c r="A28212" t="s">
        <v>42760</v>
      </c>
      <c r="B28212" t="s">
        <v>42762</v>
      </c>
      <c r="C28212">
        <v>0</v>
      </c>
      <c r="D28212">
        <v>0</v>
      </c>
    </row>
    <row r="28213" spans="1:4" x14ac:dyDescent="0.25">
      <c r="A28213" t="s">
        <v>42763</v>
      </c>
      <c r="B28213" t="s">
        <v>42764</v>
      </c>
      <c r="C28213">
        <v>1</v>
      </c>
      <c r="D28213">
        <v>0</v>
      </c>
    </row>
    <row r="28214" spans="1:4" x14ac:dyDescent="0.25">
      <c r="A28214" t="s">
        <v>42763</v>
      </c>
      <c r="B28214" t="s">
        <v>42765</v>
      </c>
      <c r="C28214">
        <v>2</v>
      </c>
      <c r="D28214">
        <v>0</v>
      </c>
    </row>
    <row r="28215" spans="1:4" x14ac:dyDescent="0.25">
      <c r="A28215" t="s">
        <v>42763</v>
      </c>
      <c r="B28215" t="s">
        <v>42766</v>
      </c>
      <c r="C28215">
        <v>1</v>
      </c>
      <c r="D28215">
        <v>0</v>
      </c>
    </row>
    <row r="28216" spans="1:4" x14ac:dyDescent="0.25">
      <c r="A28216" t="s">
        <v>42767</v>
      </c>
      <c r="B28216" t="s">
        <v>42768</v>
      </c>
      <c r="C28216">
        <v>1</v>
      </c>
      <c r="D28216">
        <v>0</v>
      </c>
    </row>
    <row r="28217" spans="1:4" x14ac:dyDescent="0.25">
      <c r="A28217" t="s">
        <v>42767</v>
      </c>
      <c r="B28217" t="s">
        <v>42769</v>
      </c>
      <c r="C28217">
        <v>1</v>
      </c>
      <c r="D28217">
        <v>0</v>
      </c>
    </row>
    <row r="28218" spans="1:4" x14ac:dyDescent="0.25">
      <c r="A28218" t="s">
        <v>42770</v>
      </c>
      <c r="B28218" t="s">
        <v>42771</v>
      </c>
      <c r="C28218">
        <v>2</v>
      </c>
      <c r="D28218">
        <v>0</v>
      </c>
    </row>
    <row r="28219" spans="1:4" x14ac:dyDescent="0.25">
      <c r="A28219" t="s">
        <v>42770</v>
      </c>
      <c r="B28219" t="s">
        <v>42772</v>
      </c>
      <c r="C28219">
        <v>1</v>
      </c>
      <c r="D28219">
        <v>0</v>
      </c>
    </row>
    <row r="28220" spans="1:4" x14ac:dyDescent="0.25">
      <c r="A28220" t="s">
        <v>42773</v>
      </c>
      <c r="B28220" t="s">
        <v>398</v>
      </c>
      <c r="C28220">
        <v>0</v>
      </c>
      <c r="D28220">
        <v>0</v>
      </c>
    </row>
    <row r="28221" spans="1:4" x14ac:dyDescent="0.25">
      <c r="A28221" t="s">
        <v>42774</v>
      </c>
      <c r="B28221" t="s">
        <v>42775</v>
      </c>
      <c r="C28221">
        <v>0</v>
      </c>
      <c r="D28221">
        <v>0</v>
      </c>
    </row>
    <row r="28222" spans="1:4" x14ac:dyDescent="0.25">
      <c r="A28222" t="s">
        <v>42774</v>
      </c>
      <c r="B28222" t="s">
        <v>42776</v>
      </c>
      <c r="C28222">
        <v>0</v>
      </c>
      <c r="D28222">
        <v>0</v>
      </c>
    </row>
    <row r="28223" spans="1:4" x14ac:dyDescent="0.25">
      <c r="A28223" t="s">
        <v>42774</v>
      </c>
      <c r="B28223" t="s">
        <v>42777</v>
      </c>
      <c r="C28223">
        <v>0</v>
      </c>
      <c r="D28223">
        <v>0</v>
      </c>
    </row>
    <row r="28224" spans="1:4" x14ac:dyDescent="0.25">
      <c r="A28224" t="s">
        <v>42778</v>
      </c>
      <c r="B28224" t="s">
        <v>42779</v>
      </c>
      <c r="C28224">
        <v>1</v>
      </c>
      <c r="D28224">
        <v>0</v>
      </c>
    </row>
    <row r="28225" spans="1:4" x14ac:dyDescent="0.25">
      <c r="A28225" t="s">
        <v>42780</v>
      </c>
      <c r="B28225" t="s">
        <v>42781</v>
      </c>
      <c r="C28225">
        <v>1</v>
      </c>
      <c r="D28225">
        <v>0</v>
      </c>
    </row>
    <row r="28226" spans="1:4" x14ac:dyDescent="0.25">
      <c r="A28226" t="s">
        <v>42780</v>
      </c>
      <c r="B28226" t="s">
        <v>42782</v>
      </c>
      <c r="C28226">
        <v>2</v>
      </c>
      <c r="D28226">
        <v>0</v>
      </c>
    </row>
    <row r="28227" spans="1:4" x14ac:dyDescent="0.25">
      <c r="A28227" t="s">
        <v>42783</v>
      </c>
      <c r="B28227" t="s">
        <v>42784</v>
      </c>
      <c r="C28227">
        <v>1</v>
      </c>
      <c r="D28227">
        <v>0</v>
      </c>
    </row>
    <row r="28228" spans="1:4" x14ac:dyDescent="0.25">
      <c r="A28228" t="s">
        <v>42785</v>
      </c>
      <c r="B28228" t="s">
        <v>42786</v>
      </c>
      <c r="C28228">
        <v>0</v>
      </c>
      <c r="D28228">
        <v>0</v>
      </c>
    </row>
    <row r="28229" spans="1:4" x14ac:dyDescent="0.25">
      <c r="A28229" t="s">
        <v>42787</v>
      </c>
      <c r="B28229" t="s">
        <v>42788</v>
      </c>
      <c r="C28229">
        <v>0</v>
      </c>
      <c r="D28229">
        <v>0</v>
      </c>
    </row>
    <row r="28230" spans="1:4" x14ac:dyDescent="0.25">
      <c r="A28230" t="s">
        <v>42787</v>
      </c>
      <c r="B28230" t="s">
        <v>42789</v>
      </c>
      <c r="C28230">
        <v>0</v>
      </c>
      <c r="D28230">
        <v>0</v>
      </c>
    </row>
    <row r="28231" spans="1:4" x14ac:dyDescent="0.25">
      <c r="A28231" t="s">
        <v>42790</v>
      </c>
      <c r="B28231" t="s">
        <v>42791</v>
      </c>
      <c r="C28231">
        <v>1</v>
      </c>
      <c r="D28231">
        <v>0</v>
      </c>
    </row>
    <row r="28232" spans="1:4" x14ac:dyDescent="0.25">
      <c r="A28232" t="s">
        <v>42790</v>
      </c>
      <c r="B28232" t="s">
        <v>42792</v>
      </c>
      <c r="C28232">
        <v>2</v>
      </c>
      <c r="D28232">
        <v>0</v>
      </c>
    </row>
    <row r="28233" spans="1:4" x14ac:dyDescent="0.25">
      <c r="A28233" t="s">
        <v>42790</v>
      </c>
      <c r="B28233" t="s">
        <v>42793</v>
      </c>
      <c r="C28233">
        <v>2</v>
      </c>
      <c r="D28233">
        <v>0</v>
      </c>
    </row>
    <row r="28234" spans="1:4" x14ac:dyDescent="0.25">
      <c r="A28234" t="s">
        <v>42794</v>
      </c>
      <c r="B28234" t="s">
        <v>42795</v>
      </c>
      <c r="C28234">
        <v>1</v>
      </c>
      <c r="D28234">
        <v>0</v>
      </c>
    </row>
    <row r="28235" spans="1:4" x14ac:dyDescent="0.25">
      <c r="A28235" t="s">
        <v>42796</v>
      </c>
      <c r="B28235" t="s">
        <v>42797</v>
      </c>
      <c r="C28235">
        <v>1</v>
      </c>
      <c r="D28235">
        <v>0</v>
      </c>
    </row>
    <row r="28236" spans="1:4" x14ac:dyDescent="0.25">
      <c r="A28236" t="s">
        <v>42796</v>
      </c>
      <c r="B28236" t="s">
        <v>969</v>
      </c>
      <c r="C28236">
        <v>0</v>
      </c>
      <c r="D28236">
        <v>0</v>
      </c>
    </row>
    <row r="28237" spans="1:4" x14ac:dyDescent="0.25">
      <c r="A28237" t="s">
        <v>42798</v>
      </c>
      <c r="B28237" t="s">
        <v>42799</v>
      </c>
      <c r="C28237">
        <v>1</v>
      </c>
      <c r="D28237">
        <v>0</v>
      </c>
    </row>
    <row r="28238" spans="1:4" x14ac:dyDescent="0.25">
      <c r="A28238" t="s">
        <v>42798</v>
      </c>
      <c r="B28238" t="s">
        <v>42800</v>
      </c>
      <c r="C28238">
        <v>2</v>
      </c>
      <c r="D28238">
        <v>0</v>
      </c>
    </row>
    <row r="28239" spans="1:4" x14ac:dyDescent="0.25">
      <c r="A28239" t="s">
        <v>42798</v>
      </c>
      <c r="B28239" t="s">
        <v>42801</v>
      </c>
      <c r="C28239">
        <v>0</v>
      </c>
      <c r="D28239">
        <v>0</v>
      </c>
    </row>
    <row r="28240" spans="1:4" x14ac:dyDescent="0.25">
      <c r="A28240" t="s">
        <v>42802</v>
      </c>
      <c r="B28240" t="s">
        <v>42803</v>
      </c>
      <c r="C28240">
        <v>0</v>
      </c>
      <c r="D28240">
        <v>0</v>
      </c>
    </row>
    <row r="28241" spans="1:4" x14ac:dyDescent="0.25">
      <c r="A28241" t="s">
        <v>42804</v>
      </c>
      <c r="B28241" t="s">
        <v>42805</v>
      </c>
      <c r="C28241">
        <v>2</v>
      </c>
      <c r="D28241">
        <v>0</v>
      </c>
    </row>
    <row r="28242" spans="1:4" x14ac:dyDescent="0.25">
      <c r="A28242" t="s">
        <v>42806</v>
      </c>
      <c r="B28242" t="s">
        <v>42807</v>
      </c>
      <c r="C28242">
        <v>0</v>
      </c>
      <c r="D28242">
        <v>0</v>
      </c>
    </row>
    <row r="28243" spans="1:4" x14ac:dyDescent="0.25">
      <c r="A28243" t="s">
        <v>42808</v>
      </c>
      <c r="B28243" t="s">
        <v>42809</v>
      </c>
      <c r="C28243">
        <v>1</v>
      </c>
      <c r="D28243">
        <v>0</v>
      </c>
    </row>
    <row r="28244" spans="1:4" x14ac:dyDescent="0.25">
      <c r="A28244" t="s">
        <v>42808</v>
      </c>
      <c r="B28244" t="s">
        <v>42810</v>
      </c>
      <c r="C28244">
        <v>0</v>
      </c>
      <c r="D28244">
        <v>0</v>
      </c>
    </row>
    <row r="28245" spans="1:4" x14ac:dyDescent="0.25">
      <c r="A28245" t="s">
        <v>42811</v>
      </c>
      <c r="B28245" t="s">
        <v>42812</v>
      </c>
      <c r="C28245">
        <v>2</v>
      </c>
      <c r="D28245">
        <v>0</v>
      </c>
    </row>
    <row r="28246" spans="1:4" x14ac:dyDescent="0.25">
      <c r="A28246" t="s">
        <v>42811</v>
      </c>
      <c r="B28246" t="s">
        <v>42813</v>
      </c>
      <c r="C28246">
        <v>0</v>
      </c>
      <c r="D28246">
        <v>0</v>
      </c>
    </row>
    <row r="28247" spans="1:4" x14ac:dyDescent="0.25">
      <c r="A28247" t="s">
        <v>42811</v>
      </c>
      <c r="B28247" t="s">
        <v>42814</v>
      </c>
      <c r="C28247">
        <v>1</v>
      </c>
      <c r="D28247">
        <v>0</v>
      </c>
    </row>
    <row r="28248" spans="1:4" x14ac:dyDescent="0.25">
      <c r="A28248" t="s">
        <v>42815</v>
      </c>
      <c r="B28248" t="s">
        <v>42816</v>
      </c>
      <c r="C28248">
        <v>0</v>
      </c>
      <c r="D28248">
        <v>0</v>
      </c>
    </row>
    <row r="28249" spans="1:4" x14ac:dyDescent="0.25">
      <c r="A28249" t="s">
        <v>42815</v>
      </c>
      <c r="B28249" t="s">
        <v>42817</v>
      </c>
      <c r="C28249">
        <v>2</v>
      </c>
      <c r="D28249">
        <v>0</v>
      </c>
    </row>
    <row r="28250" spans="1:4" x14ac:dyDescent="0.25">
      <c r="A28250" t="s">
        <v>42815</v>
      </c>
      <c r="B28250" t="s">
        <v>42818</v>
      </c>
      <c r="C28250">
        <v>2</v>
      </c>
      <c r="D28250">
        <v>0</v>
      </c>
    </row>
    <row r="28251" spans="1:4" x14ac:dyDescent="0.25">
      <c r="A28251" t="s">
        <v>42819</v>
      </c>
      <c r="B28251" t="s">
        <v>42820</v>
      </c>
      <c r="C28251">
        <v>0</v>
      </c>
      <c r="D28251">
        <v>0</v>
      </c>
    </row>
    <row r="28252" spans="1:4" x14ac:dyDescent="0.25">
      <c r="A28252" t="s">
        <v>42819</v>
      </c>
      <c r="B28252" t="s">
        <v>42821</v>
      </c>
      <c r="C28252">
        <v>0</v>
      </c>
      <c r="D28252">
        <v>0</v>
      </c>
    </row>
    <row r="28253" spans="1:4" x14ac:dyDescent="0.25">
      <c r="A28253" t="s">
        <v>42822</v>
      </c>
      <c r="B28253" t="s">
        <v>3846</v>
      </c>
      <c r="C28253">
        <v>1</v>
      </c>
      <c r="D28253">
        <v>0</v>
      </c>
    </row>
    <row r="28254" spans="1:4" x14ac:dyDescent="0.25">
      <c r="A28254" t="s">
        <v>42823</v>
      </c>
      <c r="B28254" t="s">
        <v>797</v>
      </c>
      <c r="C28254">
        <v>0</v>
      </c>
      <c r="D28254">
        <v>0</v>
      </c>
    </row>
    <row r="28255" spans="1:4" x14ac:dyDescent="0.25">
      <c r="A28255" t="s">
        <v>42824</v>
      </c>
      <c r="B28255" t="s">
        <v>42825</v>
      </c>
      <c r="C28255">
        <v>1</v>
      </c>
      <c r="D28255">
        <v>0</v>
      </c>
    </row>
    <row r="28256" spans="1:4" x14ac:dyDescent="0.25">
      <c r="A28256" t="s">
        <v>42824</v>
      </c>
      <c r="B28256" t="s">
        <v>42826</v>
      </c>
      <c r="C28256">
        <v>0</v>
      </c>
      <c r="D28256">
        <v>0</v>
      </c>
    </row>
    <row r="28257" spans="1:4" x14ac:dyDescent="0.25">
      <c r="A28257" t="s">
        <v>42827</v>
      </c>
      <c r="B28257" t="s">
        <v>969</v>
      </c>
      <c r="C28257">
        <v>0</v>
      </c>
      <c r="D28257">
        <v>0</v>
      </c>
    </row>
    <row r="28258" spans="1:4" x14ac:dyDescent="0.25">
      <c r="A28258" t="s">
        <v>42828</v>
      </c>
      <c r="B28258" t="s">
        <v>42829</v>
      </c>
      <c r="C28258">
        <v>2</v>
      </c>
      <c r="D28258">
        <v>0</v>
      </c>
    </row>
    <row r="28259" spans="1:4" x14ac:dyDescent="0.25">
      <c r="A28259" t="s">
        <v>42828</v>
      </c>
      <c r="B28259" t="s">
        <v>42830</v>
      </c>
      <c r="C28259">
        <v>0</v>
      </c>
      <c r="D28259">
        <v>0</v>
      </c>
    </row>
    <row r="28260" spans="1:4" x14ac:dyDescent="0.25">
      <c r="A28260" t="s">
        <v>42831</v>
      </c>
      <c r="B28260" t="s">
        <v>42832</v>
      </c>
      <c r="C28260">
        <v>0</v>
      </c>
      <c r="D28260">
        <v>0</v>
      </c>
    </row>
    <row r="28261" spans="1:4" x14ac:dyDescent="0.25">
      <c r="A28261" t="s">
        <v>42831</v>
      </c>
      <c r="B28261" t="s">
        <v>5864</v>
      </c>
      <c r="C28261">
        <v>1</v>
      </c>
      <c r="D28261">
        <v>0</v>
      </c>
    </row>
    <row r="28262" spans="1:4" x14ac:dyDescent="0.25">
      <c r="A28262" t="s">
        <v>42831</v>
      </c>
      <c r="B28262" t="s">
        <v>42833</v>
      </c>
      <c r="C28262">
        <v>1</v>
      </c>
      <c r="D28262">
        <v>0</v>
      </c>
    </row>
    <row r="28263" spans="1:4" x14ac:dyDescent="0.25">
      <c r="A28263" t="s">
        <v>42834</v>
      </c>
      <c r="B28263" t="s">
        <v>42835</v>
      </c>
      <c r="C28263">
        <v>2</v>
      </c>
      <c r="D28263">
        <v>0</v>
      </c>
    </row>
    <row r="28264" spans="1:4" x14ac:dyDescent="0.25">
      <c r="A28264" t="s">
        <v>42834</v>
      </c>
      <c r="B28264" t="s">
        <v>42836</v>
      </c>
      <c r="C28264">
        <v>1</v>
      </c>
      <c r="D28264">
        <v>0</v>
      </c>
    </row>
    <row r="28265" spans="1:4" x14ac:dyDescent="0.25">
      <c r="A28265" t="s">
        <v>42834</v>
      </c>
      <c r="B28265" t="s">
        <v>42837</v>
      </c>
      <c r="C28265">
        <v>1</v>
      </c>
      <c r="D28265">
        <v>0</v>
      </c>
    </row>
    <row r="28266" spans="1:4" x14ac:dyDescent="0.25">
      <c r="A28266" t="s">
        <v>42838</v>
      </c>
      <c r="B28266" t="s">
        <v>5685</v>
      </c>
      <c r="C28266">
        <v>0</v>
      </c>
      <c r="D28266">
        <v>0</v>
      </c>
    </row>
    <row r="28267" spans="1:4" x14ac:dyDescent="0.25">
      <c r="A28267" t="s">
        <v>42839</v>
      </c>
      <c r="B28267" t="s">
        <v>42840</v>
      </c>
      <c r="C28267">
        <v>0</v>
      </c>
      <c r="D28267">
        <v>0</v>
      </c>
    </row>
    <row r="28268" spans="1:4" x14ac:dyDescent="0.25">
      <c r="A28268" t="s">
        <v>42839</v>
      </c>
      <c r="B28268" t="s">
        <v>42841</v>
      </c>
      <c r="C28268">
        <v>0</v>
      </c>
      <c r="D28268">
        <v>0</v>
      </c>
    </row>
    <row r="28269" spans="1:4" x14ac:dyDescent="0.25">
      <c r="A28269" t="s">
        <v>42839</v>
      </c>
      <c r="B28269" t="s">
        <v>42842</v>
      </c>
      <c r="C28269">
        <v>2</v>
      </c>
      <c r="D28269">
        <v>0</v>
      </c>
    </row>
    <row r="28270" spans="1:4" x14ac:dyDescent="0.25">
      <c r="A28270" t="s">
        <v>42843</v>
      </c>
      <c r="B28270" t="s">
        <v>42844</v>
      </c>
      <c r="C28270">
        <v>1</v>
      </c>
      <c r="D28270">
        <v>0</v>
      </c>
    </row>
    <row r="28271" spans="1:4" x14ac:dyDescent="0.25">
      <c r="A28271" t="s">
        <v>42843</v>
      </c>
      <c r="B28271" t="s">
        <v>42845</v>
      </c>
      <c r="C28271">
        <v>1</v>
      </c>
      <c r="D28271">
        <v>0</v>
      </c>
    </row>
    <row r="28272" spans="1:4" x14ac:dyDescent="0.25">
      <c r="A28272" t="s">
        <v>42843</v>
      </c>
      <c r="B28272" t="s">
        <v>42846</v>
      </c>
      <c r="C28272">
        <v>1</v>
      </c>
      <c r="D28272">
        <v>0</v>
      </c>
    </row>
    <row r="28273" spans="1:4" x14ac:dyDescent="0.25">
      <c r="A28273" t="s">
        <v>42847</v>
      </c>
      <c r="B28273" t="s">
        <v>42848</v>
      </c>
      <c r="C28273">
        <v>2</v>
      </c>
      <c r="D28273">
        <v>0</v>
      </c>
    </row>
    <row r="28274" spans="1:4" x14ac:dyDescent="0.25">
      <c r="A28274" t="s">
        <v>42847</v>
      </c>
      <c r="B28274" t="s">
        <v>42849</v>
      </c>
      <c r="C28274">
        <v>1</v>
      </c>
      <c r="D28274">
        <v>0</v>
      </c>
    </row>
    <row r="28275" spans="1:4" x14ac:dyDescent="0.25">
      <c r="A28275" t="s">
        <v>42847</v>
      </c>
      <c r="B28275" t="s">
        <v>42850</v>
      </c>
      <c r="C28275">
        <v>1</v>
      </c>
      <c r="D28275">
        <v>0</v>
      </c>
    </row>
    <row r="28276" spans="1:4" x14ac:dyDescent="0.25">
      <c r="A28276" t="s">
        <v>42851</v>
      </c>
      <c r="B28276" t="s">
        <v>42852</v>
      </c>
      <c r="C28276">
        <v>2</v>
      </c>
      <c r="D28276">
        <v>0</v>
      </c>
    </row>
    <row r="28277" spans="1:4" x14ac:dyDescent="0.25">
      <c r="A28277" t="s">
        <v>42853</v>
      </c>
      <c r="B28277" t="s">
        <v>1001</v>
      </c>
      <c r="C28277">
        <v>1</v>
      </c>
      <c r="D28277">
        <v>0</v>
      </c>
    </row>
    <row r="28278" spans="1:4" x14ac:dyDescent="0.25">
      <c r="A28278" t="s">
        <v>42853</v>
      </c>
      <c r="B28278" t="s">
        <v>42854</v>
      </c>
      <c r="C28278">
        <v>0</v>
      </c>
      <c r="D28278">
        <v>0</v>
      </c>
    </row>
    <row r="28279" spans="1:4" x14ac:dyDescent="0.25">
      <c r="A28279" t="s">
        <v>42855</v>
      </c>
      <c r="B28279" t="s">
        <v>42856</v>
      </c>
      <c r="C28279">
        <v>1</v>
      </c>
      <c r="D28279">
        <v>0</v>
      </c>
    </row>
    <row r="28280" spans="1:4" x14ac:dyDescent="0.25">
      <c r="A28280" t="s">
        <v>42857</v>
      </c>
      <c r="B28280" t="s">
        <v>42858</v>
      </c>
      <c r="C28280">
        <v>1</v>
      </c>
      <c r="D28280">
        <v>0</v>
      </c>
    </row>
    <row r="28281" spans="1:4" x14ac:dyDescent="0.25">
      <c r="A28281" t="s">
        <v>42857</v>
      </c>
      <c r="B28281" t="s">
        <v>42859</v>
      </c>
      <c r="C28281">
        <v>1</v>
      </c>
      <c r="D28281">
        <v>0</v>
      </c>
    </row>
    <row r="28282" spans="1:4" x14ac:dyDescent="0.25">
      <c r="A28282" t="s">
        <v>42857</v>
      </c>
      <c r="B28282" t="s">
        <v>42860</v>
      </c>
      <c r="C28282">
        <v>0</v>
      </c>
      <c r="D28282">
        <v>0</v>
      </c>
    </row>
    <row r="28283" spans="1:4" x14ac:dyDescent="0.25">
      <c r="A28283" t="s">
        <v>42861</v>
      </c>
      <c r="B28283" t="s">
        <v>42862</v>
      </c>
      <c r="C28283">
        <v>1</v>
      </c>
      <c r="D28283">
        <v>0</v>
      </c>
    </row>
    <row r="28284" spans="1:4" x14ac:dyDescent="0.25">
      <c r="A28284" t="s">
        <v>42861</v>
      </c>
      <c r="B28284" t="s">
        <v>42863</v>
      </c>
      <c r="C28284">
        <v>0</v>
      </c>
      <c r="D28284">
        <v>0</v>
      </c>
    </row>
    <row r="28285" spans="1:4" x14ac:dyDescent="0.25">
      <c r="A28285" t="s">
        <v>42861</v>
      </c>
      <c r="B28285" t="s">
        <v>42864</v>
      </c>
      <c r="C28285">
        <v>2</v>
      </c>
      <c r="D28285">
        <v>0</v>
      </c>
    </row>
    <row r="28286" spans="1:4" x14ac:dyDescent="0.25">
      <c r="A28286" t="s">
        <v>42865</v>
      </c>
      <c r="B28286" t="s">
        <v>42866</v>
      </c>
      <c r="C28286">
        <v>1</v>
      </c>
      <c r="D28286">
        <v>0</v>
      </c>
    </row>
    <row r="28287" spans="1:4" x14ac:dyDescent="0.25">
      <c r="A28287" t="s">
        <v>42865</v>
      </c>
      <c r="B28287" t="s">
        <v>42867</v>
      </c>
      <c r="C28287">
        <v>0</v>
      </c>
      <c r="D28287">
        <v>0</v>
      </c>
    </row>
    <row r="28288" spans="1:4" x14ac:dyDescent="0.25">
      <c r="A28288" t="s">
        <v>42868</v>
      </c>
      <c r="B28288" t="s">
        <v>1938</v>
      </c>
      <c r="C28288">
        <v>0</v>
      </c>
      <c r="D28288">
        <v>0</v>
      </c>
    </row>
    <row r="28289" spans="1:4" x14ac:dyDescent="0.25">
      <c r="A28289" t="s">
        <v>42869</v>
      </c>
      <c r="B28289" t="s">
        <v>42870</v>
      </c>
      <c r="C28289">
        <v>2</v>
      </c>
      <c r="D28289">
        <v>0</v>
      </c>
    </row>
    <row r="28290" spans="1:4" x14ac:dyDescent="0.25">
      <c r="A28290" t="s">
        <v>42869</v>
      </c>
      <c r="B28290" t="s">
        <v>42871</v>
      </c>
      <c r="C28290">
        <v>0</v>
      </c>
      <c r="D28290">
        <v>0</v>
      </c>
    </row>
    <row r="28291" spans="1:4" x14ac:dyDescent="0.25">
      <c r="A28291" t="s">
        <v>42872</v>
      </c>
      <c r="B28291" t="s">
        <v>42873</v>
      </c>
      <c r="C28291">
        <v>0</v>
      </c>
      <c r="D28291">
        <v>0</v>
      </c>
    </row>
    <row r="28292" spans="1:4" x14ac:dyDescent="0.25">
      <c r="A28292" t="s">
        <v>42874</v>
      </c>
      <c r="B28292" t="s">
        <v>42875</v>
      </c>
      <c r="C28292">
        <v>0</v>
      </c>
      <c r="D28292">
        <v>0</v>
      </c>
    </row>
    <row r="28293" spans="1:4" x14ac:dyDescent="0.25">
      <c r="A28293" t="s">
        <v>42874</v>
      </c>
      <c r="B28293" t="s">
        <v>42876</v>
      </c>
      <c r="C28293">
        <v>1</v>
      </c>
      <c r="D28293">
        <v>0</v>
      </c>
    </row>
    <row r="28294" spans="1:4" x14ac:dyDescent="0.25">
      <c r="A28294" t="s">
        <v>42877</v>
      </c>
      <c r="B28294" t="s">
        <v>42878</v>
      </c>
      <c r="C28294">
        <v>0</v>
      </c>
      <c r="D28294">
        <v>0</v>
      </c>
    </row>
    <row r="28295" spans="1:4" x14ac:dyDescent="0.25">
      <c r="A28295" t="s">
        <v>42877</v>
      </c>
      <c r="B28295" t="s">
        <v>42879</v>
      </c>
      <c r="C28295">
        <v>2</v>
      </c>
      <c r="D28295">
        <v>0</v>
      </c>
    </row>
    <row r="28296" spans="1:4" x14ac:dyDescent="0.25">
      <c r="A28296" t="s">
        <v>42880</v>
      </c>
      <c r="B28296" t="s">
        <v>37472</v>
      </c>
      <c r="C28296">
        <v>1</v>
      </c>
      <c r="D28296">
        <v>0</v>
      </c>
    </row>
    <row r="28297" spans="1:4" x14ac:dyDescent="0.25">
      <c r="A28297" t="s">
        <v>42881</v>
      </c>
      <c r="B28297" t="s">
        <v>42882</v>
      </c>
      <c r="C28297">
        <v>1</v>
      </c>
      <c r="D28297">
        <v>0</v>
      </c>
    </row>
    <row r="28298" spans="1:4" x14ac:dyDescent="0.25">
      <c r="A28298" t="s">
        <v>42883</v>
      </c>
      <c r="B28298" t="s">
        <v>7913</v>
      </c>
      <c r="C28298">
        <v>1</v>
      </c>
      <c r="D28298">
        <v>0</v>
      </c>
    </row>
    <row r="28299" spans="1:4" x14ac:dyDescent="0.25">
      <c r="A28299" t="s">
        <v>42884</v>
      </c>
      <c r="B28299" t="s">
        <v>9218</v>
      </c>
      <c r="C28299">
        <v>1</v>
      </c>
      <c r="D28299">
        <v>0</v>
      </c>
    </row>
    <row r="28300" spans="1:4" x14ac:dyDescent="0.25">
      <c r="A28300" t="s">
        <v>42884</v>
      </c>
      <c r="B28300" t="s">
        <v>42885</v>
      </c>
      <c r="C28300">
        <v>1</v>
      </c>
      <c r="D28300">
        <v>0</v>
      </c>
    </row>
    <row r="28301" spans="1:4" x14ac:dyDescent="0.25">
      <c r="A28301" t="s">
        <v>42886</v>
      </c>
      <c r="B28301" t="s">
        <v>42887</v>
      </c>
      <c r="C28301">
        <v>0</v>
      </c>
      <c r="D28301">
        <v>0</v>
      </c>
    </row>
    <row r="28302" spans="1:4" x14ac:dyDescent="0.25">
      <c r="A28302" t="s">
        <v>42886</v>
      </c>
      <c r="B28302" t="s">
        <v>42888</v>
      </c>
      <c r="C28302">
        <v>0</v>
      </c>
      <c r="D28302">
        <v>0</v>
      </c>
    </row>
    <row r="28303" spans="1:4" x14ac:dyDescent="0.25">
      <c r="A28303" t="s">
        <v>42886</v>
      </c>
      <c r="B28303" t="s">
        <v>42889</v>
      </c>
      <c r="C28303">
        <v>0</v>
      </c>
      <c r="D28303">
        <v>0</v>
      </c>
    </row>
    <row r="28304" spans="1:4" x14ac:dyDescent="0.25">
      <c r="A28304" t="s">
        <v>42890</v>
      </c>
      <c r="B28304" t="s">
        <v>8004</v>
      </c>
      <c r="C28304">
        <v>1</v>
      </c>
      <c r="D28304">
        <v>0</v>
      </c>
    </row>
    <row r="28305" spans="1:4" x14ac:dyDescent="0.25">
      <c r="A28305" t="s">
        <v>42891</v>
      </c>
      <c r="B28305" t="s">
        <v>42892</v>
      </c>
      <c r="C28305">
        <v>0</v>
      </c>
      <c r="D28305">
        <v>0</v>
      </c>
    </row>
    <row r="28306" spans="1:4" x14ac:dyDescent="0.25">
      <c r="A28306" t="s">
        <v>42893</v>
      </c>
      <c r="B28306" t="s">
        <v>42894</v>
      </c>
      <c r="C28306">
        <v>2</v>
      </c>
      <c r="D28306">
        <v>0</v>
      </c>
    </row>
    <row r="28307" spans="1:4" x14ac:dyDescent="0.25">
      <c r="A28307" t="s">
        <v>42895</v>
      </c>
      <c r="B28307" t="s">
        <v>1090</v>
      </c>
      <c r="C28307">
        <v>1</v>
      </c>
      <c r="D28307">
        <v>0</v>
      </c>
    </row>
    <row r="28308" spans="1:4" x14ac:dyDescent="0.25">
      <c r="A28308" t="s">
        <v>42895</v>
      </c>
      <c r="B28308" t="s">
        <v>2267</v>
      </c>
      <c r="C28308">
        <v>0</v>
      </c>
      <c r="D28308">
        <v>0</v>
      </c>
    </row>
    <row r="28309" spans="1:4" x14ac:dyDescent="0.25">
      <c r="A28309" t="s">
        <v>42896</v>
      </c>
      <c r="B28309" t="s">
        <v>42897</v>
      </c>
      <c r="C28309">
        <v>2</v>
      </c>
      <c r="D28309">
        <v>0</v>
      </c>
    </row>
    <row r="28310" spans="1:4" x14ac:dyDescent="0.25">
      <c r="A28310" t="s">
        <v>42896</v>
      </c>
      <c r="B28310" t="s">
        <v>2016</v>
      </c>
      <c r="C28310">
        <v>1</v>
      </c>
      <c r="D28310">
        <v>0</v>
      </c>
    </row>
    <row r="28311" spans="1:4" x14ac:dyDescent="0.25">
      <c r="A28311" t="s">
        <v>42896</v>
      </c>
      <c r="B28311" t="s">
        <v>15261</v>
      </c>
      <c r="C28311">
        <v>0</v>
      </c>
      <c r="D28311">
        <v>0</v>
      </c>
    </row>
    <row r="28312" spans="1:4" x14ac:dyDescent="0.25">
      <c r="A28312" t="s">
        <v>42898</v>
      </c>
      <c r="B28312" t="s">
        <v>42899</v>
      </c>
      <c r="C28312">
        <v>0</v>
      </c>
      <c r="D28312">
        <v>0</v>
      </c>
    </row>
    <row r="28313" spans="1:4" x14ac:dyDescent="0.25">
      <c r="A28313" t="s">
        <v>42900</v>
      </c>
      <c r="B28313" t="s">
        <v>3831</v>
      </c>
      <c r="C28313">
        <v>0</v>
      </c>
      <c r="D28313">
        <v>0</v>
      </c>
    </row>
    <row r="28314" spans="1:4" x14ac:dyDescent="0.25">
      <c r="A28314" t="s">
        <v>42900</v>
      </c>
      <c r="B28314" t="s">
        <v>11070</v>
      </c>
      <c r="C28314">
        <v>1</v>
      </c>
      <c r="D28314">
        <v>0</v>
      </c>
    </row>
    <row r="28315" spans="1:4" x14ac:dyDescent="0.25">
      <c r="A28315" t="s">
        <v>42901</v>
      </c>
      <c r="B28315" t="s">
        <v>35924</v>
      </c>
      <c r="C28315">
        <v>1</v>
      </c>
      <c r="D28315">
        <v>0</v>
      </c>
    </row>
    <row r="28316" spans="1:4" x14ac:dyDescent="0.25">
      <c r="A28316" t="s">
        <v>42902</v>
      </c>
      <c r="B28316" t="s">
        <v>42903</v>
      </c>
      <c r="C28316">
        <v>0</v>
      </c>
      <c r="D28316">
        <v>0</v>
      </c>
    </row>
    <row r="28317" spans="1:4" x14ac:dyDescent="0.25">
      <c r="A28317" t="s">
        <v>42902</v>
      </c>
      <c r="B28317" t="s">
        <v>42904</v>
      </c>
      <c r="C28317">
        <v>2</v>
      </c>
      <c r="D28317">
        <v>0</v>
      </c>
    </row>
    <row r="28318" spans="1:4" x14ac:dyDescent="0.25">
      <c r="A28318" t="s">
        <v>42905</v>
      </c>
      <c r="B28318" t="s">
        <v>2267</v>
      </c>
      <c r="C28318">
        <v>0</v>
      </c>
      <c r="D28318">
        <v>0</v>
      </c>
    </row>
    <row r="28319" spans="1:4" x14ac:dyDescent="0.25">
      <c r="A28319" t="s">
        <v>42905</v>
      </c>
      <c r="B28319" t="s">
        <v>42906</v>
      </c>
      <c r="C28319">
        <v>0</v>
      </c>
      <c r="D28319">
        <v>0</v>
      </c>
    </row>
    <row r="28320" spans="1:4" x14ac:dyDescent="0.25">
      <c r="A28320" t="s">
        <v>42907</v>
      </c>
      <c r="B28320" t="s">
        <v>42908</v>
      </c>
      <c r="C28320">
        <v>2</v>
      </c>
      <c r="D28320">
        <v>0</v>
      </c>
    </row>
    <row r="28321" spans="1:4" x14ac:dyDescent="0.25">
      <c r="A28321" t="s">
        <v>42907</v>
      </c>
      <c r="B28321" t="s">
        <v>42909</v>
      </c>
      <c r="C28321">
        <v>0</v>
      </c>
      <c r="D28321">
        <v>0</v>
      </c>
    </row>
    <row r="28322" spans="1:4" x14ac:dyDescent="0.25">
      <c r="A28322" t="s">
        <v>42910</v>
      </c>
      <c r="B28322" t="s">
        <v>42911</v>
      </c>
      <c r="C28322">
        <v>1</v>
      </c>
      <c r="D28322">
        <v>0</v>
      </c>
    </row>
    <row r="28323" spans="1:4" x14ac:dyDescent="0.25">
      <c r="A28323" t="s">
        <v>42912</v>
      </c>
      <c r="B28323" t="s">
        <v>42913</v>
      </c>
      <c r="C28323">
        <v>1</v>
      </c>
      <c r="D28323">
        <v>0</v>
      </c>
    </row>
    <row r="28324" spans="1:4" x14ac:dyDescent="0.25">
      <c r="A28324" t="s">
        <v>42912</v>
      </c>
      <c r="B28324" t="s">
        <v>42914</v>
      </c>
      <c r="C28324">
        <v>2</v>
      </c>
      <c r="D28324">
        <v>0</v>
      </c>
    </row>
    <row r="28325" spans="1:4" x14ac:dyDescent="0.25">
      <c r="A28325" t="s">
        <v>42912</v>
      </c>
      <c r="B28325" t="s">
        <v>42915</v>
      </c>
      <c r="C28325">
        <v>2</v>
      </c>
      <c r="D28325">
        <v>0</v>
      </c>
    </row>
    <row r="28326" spans="1:4" x14ac:dyDescent="0.25">
      <c r="A28326" t="s">
        <v>42916</v>
      </c>
      <c r="B28326" t="s">
        <v>42917</v>
      </c>
      <c r="C28326">
        <v>0</v>
      </c>
      <c r="D28326">
        <v>0</v>
      </c>
    </row>
    <row r="28327" spans="1:4" x14ac:dyDescent="0.25">
      <c r="A28327" t="s">
        <v>42916</v>
      </c>
      <c r="B28327" t="s">
        <v>42918</v>
      </c>
      <c r="C28327">
        <v>1</v>
      </c>
      <c r="D28327">
        <v>0</v>
      </c>
    </row>
    <row r="28328" spans="1:4" x14ac:dyDescent="0.25">
      <c r="A28328" t="s">
        <v>42919</v>
      </c>
      <c r="B28328" t="s">
        <v>42920</v>
      </c>
      <c r="C28328">
        <v>0</v>
      </c>
      <c r="D28328">
        <v>0</v>
      </c>
    </row>
    <row r="28329" spans="1:4" x14ac:dyDescent="0.25">
      <c r="A28329" t="s">
        <v>42919</v>
      </c>
      <c r="B28329" t="s">
        <v>42921</v>
      </c>
      <c r="C28329">
        <v>1</v>
      </c>
      <c r="D28329">
        <v>0</v>
      </c>
    </row>
    <row r="28330" spans="1:4" x14ac:dyDescent="0.25">
      <c r="A28330" t="s">
        <v>42922</v>
      </c>
      <c r="B28330" t="s">
        <v>42923</v>
      </c>
      <c r="C28330">
        <v>1</v>
      </c>
      <c r="D28330">
        <v>0</v>
      </c>
    </row>
    <row r="28331" spans="1:4" x14ac:dyDescent="0.25">
      <c r="A28331" t="s">
        <v>42922</v>
      </c>
      <c r="B28331" t="s">
        <v>42924</v>
      </c>
      <c r="C28331">
        <v>1</v>
      </c>
      <c r="D28331">
        <v>0</v>
      </c>
    </row>
    <row r="28332" spans="1:4" x14ac:dyDescent="0.25">
      <c r="A28332" t="s">
        <v>42925</v>
      </c>
      <c r="B28332" t="s">
        <v>42926</v>
      </c>
      <c r="C28332">
        <v>0</v>
      </c>
      <c r="D28332">
        <v>0</v>
      </c>
    </row>
    <row r="28333" spans="1:4" x14ac:dyDescent="0.25">
      <c r="A28333" t="s">
        <v>42927</v>
      </c>
      <c r="B28333" t="s">
        <v>42928</v>
      </c>
      <c r="C28333">
        <v>1</v>
      </c>
      <c r="D28333">
        <v>0</v>
      </c>
    </row>
    <row r="28334" spans="1:4" x14ac:dyDescent="0.25">
      <c r="A28334" t="s">
        <v>42927</v>
      </c>
      <c r="B28334" t="s">
        <v>42929</v>
      </c>
      <c r="C28334">
        <v>1</v>
      </c>
      <c r="D28334">
        <v>0</v>
      </c>
    </row>
    <row r="28335" spans="1:4" x14ac:dyDescent="0.25">
      <c r="A28335" t="s">
        <v>42930</v>
      </c>
      <c r="B28335" t="s">
        <v>42931</v>
      </c>
      <c r="C28335">
        <v>0</v>
      </c>
      <c r="D28335">
        <v>0</v>
      </c>
    </row>
    <row r="28336" spans="1:4" x14ac:dyDescent="0.25">
      <c r="A28336" t="s">
        <v>42930</v>
      </c>
      <c r="B28336" t="s">
        <v>42932</v>
      </c>
      <c r="C28336">
        <v>1</v>
      </c>
      <c r="D28336">
        <v>0</v>
      </c>
    </row>
    <row r="28337" spans="1:4" x14ac:dyDescent="0.25">
      <c r="A28337" t="s">
        <v>42933</v>
      </c>
      <c r="B28337" t="s">
        <v>42934</v>
      </c>
      <c r="C28337">
        <v>1</v>
      </c>
      <c r="D28337">
        <v>0</v>
      </c>
    </row>
    <row r="28338" spans="1:4" x14ac:dyDescent="0.25">
      <c r="A28338" t="s">
        <v>42933</v>
      </c>
      <c r="B28338" t="s">
        <v>42935</v>
      </c>
      <c r="C28338">
        <v>1</v>
      </c>
      <c r="D28338">
        <v>0</v>
      </c>
    </row>
    <row r="28339" spans="1:4" x14ac:dyDescent="0.25">
      <c r="A28339" t="s">
        <v>42936</v>
      </c>
      <c r="B28339" t="s">
        <v>42937</v>
      </c>
      <c r="C28339">
        <v>0</v>
      </c>
      <c r="D28339">
        <v>0</v>
      </c>
    </row>
    <row r="28340" spans="1:4" x14ac:dyDescent="0.25">
      <c r="A28340" t="s">
        <v>42938</v>
      </c>
      <c r="B28340" t="s">
        <v>4717</v>
      </c>
      <c r="C28340">
        <v>1</v>
      </c>
      <c r="D28340">
        <v>0</v>
      </c>
    </row>
    <row r="28341" spans="1:4" x14ac:dyDescent="0.25">
      <c r="A28341" t="s">
        <v>42938</v>
      </c>
      <c r="B28341" t="s">
        <v>11996</v>
      </c>
      <c r="C28341">
        <v>0</v>
      </c>
      <c r="D28341">
        <v>0</v>
      </c>
    </row>
    <row r="28342" spans="1:4" x14ac:dyDescent="0.25">
      <c r="A28342" t="s">
        <v>42938</v>
      </c>
      <c r="B28342" t="s">
        <v>42939</v>
      </c>
      <c r="C28342">
        <v>1</v>
      </c>
      <c r="D28342">
        <v>0</v>
      </c>
    </row>
    <row r="28343" spans="1:4" x14ac:dyDescent="0.25">
      <c r="A28343" t="s">
        <v>42940</v>
      </c>
      <c r="B28343" t="s">
        <v>42941</v>
      </c>
      <c r="C28343">
        <v>2</v>
      </c>
      <c r="D28343">
        <v>0</v>
      </c>
    </row>
    <row r="28344" spans="1:4" x14ac:dyDescent="0.25">
      <c r="A28344" t="s">
        <v>42940</v>
      </c>
      <c r="B28344" t="s">
        <v>42942</v>
      </c>
      <c r="C28344">
        <v>2</v>
      </c>
      <c r="D28344">
        <v>0</v>
      </c>
    </row>
    <row r="28345" spans="1:4" x14ac:dyDescent="0.25">
      <c r="A28345" t="s">
        <v>42943</v>
      </c>
      <c r="B28345" t="s">
        <v>42944</v>
      </c>
      <c r="C28345">
        <v>1</v>
      </c>
      <c r="D28345">
        <v>0</v>
      </c>
    </row>
    <row r="28346" spans="1:4" x14ac:dyDescent="0.25">
      <c r="A28346" t="s">
        <v>42945</v>
      </c>
      <c r="B28346" t="s">
        <v>42946</v>
      </c>
      <c r="C28346">
        <v>1</v>
      </c>
      <c r="D28346">
        <v>0</v>
      </c>
    </row>
    <row r="28347" spans="1:4" x14ac:dyDescent="0.25">
      <c r="A28347" t="s">
        <v>42945</v>
      </c>
      <c r="B28347" t="s">
        <v>42947</v>
      </c>
      <c r="C28347">
        <v>1</v>
      </c>
      <c r="D28347">
        <v>0</v>
      </c>
    </row>
    <row r="28348" spans="1:4" x14ac:dyDescent="0.25">
      <c r="A28348" t="s">
        <v>42945</v>
      </c>
      <c r="B28348" t="s">
        <v>42948</v>
      </c>
      <c r="C28348">
        <v>1</v>
      </c>
      <c r="D28348">
        <v>0</v>
      </c>
    </row>
    <row r="28349" spans="1:4" x14ac:dyDescent="0.25">
      <c r="A28349" t="s">
        <v>42949</v>
      </c>
      <c r="B28349" t="s">
        <v>42950</v>
      </c>
      <c r="C28349">
        <v>1</v>
      </c>
      <c r="D28349">
        <v>0</v>
      </c>
    </row>
    <row r="28350" spans="1:4" x14ac:dyDescent="0.25">
      <c r="A28350" t="s">
        <v>42949</v>
      </c>
      <c r="B28350" t="s">
        <v>42951</v>
      </c>
      <c r="C28350">
        <v>1</v>
      </c>
      <c r="D28350">
        <v>0</v>
      </c>
    </row>
    <row r="28351" spans="1:4" x14ac:dyDescent="0.25">
      <c r="A28351" t="s">
        <v>42949</v>
      </c>
      <c r="B28351" t="s">
        <v>42952</v>
      </c>
      <c r="C28351">
        <v>2</v>
      </c>
      <c r="D28351">
        <v>0</v>
      </c>
    </row>
    <row r="28352" spans="1:4" x14ac:dyDescent="0.25">
      <c r="A28352" t="s">
        <v>42953</v>
      </c>
      <c r="B28352" t="s">
        <v>1001</v>
      </c>
      <c r="C28352">
        <v>1</v>
      </c>
      <c r="D28352">
        <v>0</v>
      </c>
    </row>
    <row r="28353" spans="1:4" x14ac:dyDescent="0.25">
      <c r="A28353" t="s">
        <v>42954</v>
      </c>
      <c r="B28353" t="s">
        <v>3195</v>
      </c>
      <c r="C28353">
        <v>1</v>
      </c>
      <c r="D28353">
        <v>0</v>
      </c>
    </row>
    <row r="28354" spans="1:4" x14ac:dyDescent="0.25">
      <c r="A28354" t="s">
        <v>42954</v>
      </c>
      <c r="B28354" t="s">
        <v>42955</v>
      </c>
      <c r="C28354">
        <v>2</v>
      </c>
      <c r="D28354">
        <v>0</v>
      </c>
    </row>
    <row r="28355" spans="1:4" x14ac:dyDescent="0.25">
      <c r="A28355" t="s">
        <v>42956</v>
      </c>
      <c r="B28355" t="s">
        <v>42957</v>
      </c>
      <c r="C28355">
        <v>2</v>
      </c>
      <c r="D28355">
        <v>0</v>
      </c>
    </row>
    <row r="28356" spans="1:4" x14ac:dyDescent="0.25">
      <c r="A28356" t="s">
        <v>42956</v>
      </c>
      <c r="B28356" t="s">
        <v>42958</v>
      </c>
      <c r="C28356">
        <v>2</v>
      </c>
      <c r="D28356">
        <v>0</v>
      </c>
    </row>
    <row r="28357" spans="1:4" x14ac:dyDescent="0.25">
      <c r="A28357" t="s">
        <v>42956</v>
      </c>
      <c r="B28357" t="s">
        <v>42959</v>
      </c>
      <c r="C28357">
        <v>2</v>
      </c>
      <c r="D28357">
        <v>0</v>
      </c>
    </row>
    <row r="28358" spans="1:4" x14ac:dyDescent="0.25">
      <c r="A28358" t="s">
        <v>42960</v>
      </c>
      <c r="B28358" t="s">
        <v>42961</v>
      </c>
      <c r="C28358">
        <v>2</v>
      </c>
      <c r="D28358">
        <v>0</v>
      </c>
    </row>
    <row r="28359" spans="1:4" x14ac:dyDescent="0.25">
      <c r="A28359" t="s">
        <v>42962</v>
      </c>
      <c r="B28359" t="s">
        <v>42963</v>
      </c>
      <c r="C28359">
        <v>0</v>
      </c>
      <c r="D28359">
        <v>0</v>
      </c>
    </row>
    <row r="28360" spans="1:4" x14ac:dyDescent="0.25">
      <c r="A28360" t="s">
        <v>42962</v>
      </c>
      <c r="B28360" t="s">
        <v>42964</v>
      </c>
      <c r="C28360">
        <v>0</v>
      </c>
      <c r="D28360">
        <v>0</v>
      </c>
    </row>
    <row r="28361" spans="1:4" x14ac:dyDescent="0.25">
      <c r="A28361" t="s">
        <v>42962</v>
      </c>
      <c r="B28361" t="s">
        <v>42965</v>
      </c>
      <c r="C28361">
        <v>0</v>
      </c>
      <c r="D28361">
        <v>0</v>
      </c>
    </row>
    <row r="28362" spans="1:4" x14ac:dyDescent="0.25">
      <c r="A28362" t="s">
        <v>42966</v>
      </c>
      <c r="B28362" t="s">
        <v>42967</v>
      </c>
      <c r="C28362">
        <v>0</v>
      </c>
      <c r="D28362">
        <v>0</v>
      </c>
    </row>
    <row r="28363" spans="1:4" x14ac:dyDescent="0.25">
      <c r="A28363" t="s">
        <v>42966</v>
      </c>
      <c r="B28363" t="s">
        <v>42968</v>
      </c>
      <c r="C28363">
        <v>1</v>
      </c>
      <c r="D28363">
        <v>0</v>
      </c>
    </row>
    <row r="28364" spans="1:4" x14ac:dyDescent="0.25">
      <c r="A28364" t="s">
        <v>42966</v>
      </c>
      <c r="B28364" t="s">
        <v>42969</v>
      </c>
      <c r="C28364">
        <v>1</v>
      </c>
      <c r="D28364">
        <v>0</v>
      </c>
    </row>
    <row r="28365" spans="1:4" x14ac:dyDescent="0.25">
      <c r="A28365" t="s">
        <v>42970</v>
      </c>
      <c r="B28365" t="s">
        <v>42971</v>
      </c>
      <c r="C28365">
        <v>0</v>
      </c>
      <c r="D28365">
        <v>0</v>
      </c>
    </row>
    <row r="28366" spans="1:4" x14ac:dyDescent="0.25">
      <c r="A28366" t="s">
        <v>42972</v>
      </c>
      <c r="B28366" t="s">
        <v>42973</v>
      </c>
      <c r="C28366">
        <v>1</v>
      </c>
      <c r="D28366">
        <v>0</v>
      </c>
    </row>
    <row r="28367" spans="1:4" x14ac:dyDescent="0.25">
      <c r="A28367" t="s">
        <v>42972</v>
      </c>
      <c r="B28367" t="s">
        <v>42974</v>
      </c>
      <c r="C28367">
        <v>1</v>
      </c>
      <c r="D28367">
        <v>0</v>
      </c>
    </row>
    <row r="28368" spans="1:4" x14ac:dyDescent="0.25">
      <c r="A28368" t="s">
        <v>42975</v>
      </c>
      <c r="B28368" t="s">
        <v>42976</v>
      </c>
      <c r="C28368">
        <v>0</v>
      </c>
      <c r="D28368">
        <v>0</v>
      </c>
    </row>
    <row r="28369" spans="1:4" x14ac:dyDescent="0.25">
      <c r="A28369" t="s">
        <v>42977</v>
      </c>
      <c r="B28369" t="s">
        <v>42978</v>
      </c>
      <c r="C28369">
        <v>1</v>
      </c>
      <c r="D28369">
        <v>0</v>
      </c>
    </row>
    <row r="28370" spans="1:4" x14ac:dyDescent="0.25">
      <c r="A28370" t="s">
        <v>42977</v>
      </c>
      <c r="B28370" t="s">
        <v>42979</v>
      </c>
      <c r="C28370">
        <v>2</v>
      </c>
      <c r="D28370">
        <v>0</v>
      </c>
    </row>
    <row r="28371" spans="1:4" x14ac:dyDescent="0.25">
      <c r="A28371" t="s">
        <v>42977</v>
      </c>
      <c r="B28371" t="s">
        <v>42980</v>
      </c>
      <c r="C28371">
        <v>2</v>
      </c>
      <c r="D28371">
        <v>0</v>
      </c>
    </row>
    <row r="28372" spans="1:4" x14ac:dyDescent="0.25">
      <c r="A28372" t="s">
        <v>42981</v>
      </c>
      <c r="B28372" t="s">
        <v>42982</v>
      </c>
      <c r="C28372">
        <v>1</v>
      </c>
      <c r="D28372">
        <v>0</v>
      </c>
    </row>
    <row r="28373" spans="1:4" x14ac:dyDescent="0.25">
      <c r="A28373" t="s">
        <v>42981</v>
      </c>
      <c r="B28373" t="s">
        <v>42983</v>
      </c>
      <c r="C28373">
        <v>0</v>
      </c>
      <c r="D28373">
        <v>0</v>
      </c>
    </row>
    <row r="28374" spans="1:4" x14ac:dyDescent="0.25">
      <c r="A28374" t="s">
        <v>42984</v>
      </c>
      <c r="B28374" t="s">
        <v>4958</v>
      </c>
      <c r="C28374">
        <v>1</v>
      </c>
      <c r="D28374">
        <v>0</v>
      </c>
    </row>
    <row r="28375" spans="1:4" x14ac:dyDescent="0.25">
      <c r="A28375" t="s">
        <v>42984</v>
      </c>
      <c r="B28375" t="s">
        <v>42985</v>
      </c>
      <c r="C28375">
        <v>0</v>
      </c>
      <c r="D28375">
        <v>0</v>
      </c>
    </row>
    <row r="28376" spans="1:4" x14ac:dyDescent="0.25">
      <c r="A28376" t="s">
        <v>42984</v>
      </c>
      <c r="B28376" t="s">
        <v>42986</v>
      </c>
      <c r="C28376">
        <v>0</v>
      </c>
      <c r="D28376">
        <v>0</v>
      </c>
    </row>
    <row r="28377" spans="1:4" x14ac:dyDescent="0.25">
      <c r="A28377" t="s">
        <v>42987</v>
      </c>
      <c r="B28377" t="s">
        <v>42988</v>
      </c>
      <c r="C28377">
        <v>1</v>
      </c>
      <c r="D28377">
        <v>0</v>
      </c>
    </row>
    <row r="28378" spans="1:4" x14ac:dyDescent="0.25">
      <c r="A28378" t="s">
        <v>42987</v>
      </c>
      <c r="B28378" t="s">
        <v>42989</v>
      </c>
      <c r="C28378">
        <v>1</v>
      </c>
      <c r="D28378">
        <v>0</v>
      </c>
    </row>
    <row r="28379" spans="1:4" x14ac:dyDescent="0.25">
      <c r="A28379" t="s">
        <v>42987</v>
      </c>
      <c r="B28379" t="s">
        <v>42990</v>
      </c>
      <c r="C28379">
        <v>1</v>
      </c>
      <c r="D28379">
        <v>0</v>
      </c>
    </row>
    <row r="28380" spans="1:4" x14ac:dyDescent="0.25">
      <c r="A28380" t="s">
        <v>42991</v>
      </c>
      <c r="B28380" t="s">
        <v>5903</v>
      </c>
      <c r="C28380">
        <v>2</v>
      </c>
      <c r="D28380">
        <v>0</v>
      </c>
    </row>
    <row r="28381" spans="1:4" x14ac:dyDescent="0.25">
      <c r="A28381" t="s">
        <v>42991</v>
      </c>
      <c r="B28381" t="s">
        <v>42992</v>
      </c>
      <c r="C28381">
        <v>2</v>
      </c>
      <c r="D28381">
        <v>0</v>
      </c>
    </row>
    <row r="28382" spans="1:4" x14ac:dyDescent="0.25">
      <c r="A28382" t="s">
        <v>42993</v>
      </c>
      <c r="B28382" t="s">
        <v>1001</v>
      </c>
      <c r="C28382">
        <v>1</v>
      </c>
      <c r="D28382">
        <v>0</v>
      </c>
    </row>
    <row r="28383" spans="1:4" x14ac:dyDescent="0.25">
      <c r="A28383" t="s">
        <v>42994</v>
      </c>
      <c r="B28383" t="s">
        <v>42995</v>
      </c>
      <c r="C28383">
        <v>1</v>
      </c>
      <c r="D28383">
        <v>0</v>
      </c>
    </row>
    <row r="28384" spans="1:4" x14ac:dyDescent="0.25">
      <c r="A28384" t="s">
        <v>42996</v>
      </c>
      <c r="B28384" t="s">
        <v>42997</v>
      </c>
      <c r="C28384">
        <v>1</v>
      </c>
      <c r="D28384">
        <v>0</v>
      </c>
    </row>
    <row r="28385" spans="1:4" x14ac:dyDescent="0.25">
      <c r="A28385" t="s">
        <v>42998</v>
      </c>
      <c r="B28385" t="s">
        <v>969</v>
      </c>
      <c r="C28385">
        <v>0</v>
      </c>
      <c r="D28385">
        <v>0</v>
      </c>
    </row>
    <row r="28386" spans="1:4" x14ac:dyDescent="0.25">
      <c r="A28386" t="s">
        <v>42999</v>
      </c>
      <c r="B28386" t="s">
        <v>43000</v>
      </c>
      <c r="C28386">
        <v>0</v>
      </c>
      <c r="D28386">
        <v>0</v>
      </c>
    </row>
    <row r="28387" spans="1:4" x14ac:dyDescent="0.25">
      <c r="A28387" t="s">
        <v>42999</v>
      </c>
      <c r="B28387" t="s">
        <v>43001</v>
      </c>
      <c r="C28387">
        <v>0</v>
      </c>
      <c r="D28387">
        <v>0</v>
      </c>
    </row>
    <row r="28388" spans="1:4" x14ac:dyDescent="0.25">
      <c r="A28388" t="s">
        <v>43002</v>
      </c>
      <c r="B28388" t="s">
        <v>843</v>
      </c>
      <c r="C28388">
        <v>1</v>
      </c>
      <c r="D28388">
        <v>0</v>
      </c>
    </row>
    <row r="28389" spans="1:4" x14ac:dyDescent="0.25">
      <c r="A28389" t="s">
        <v>43003</v>
      </c>
      <c r="B28389" t="s">
        <v>43004</v>
      </c>
      <c r="C28389">
        <v>0</v>
      </c>
      <c r="D28389">
        <v>0</v>
      </c>
    </row>
    <row r="28390" spans="1:4" x14ac:dyDescent="0.25">
      <c r="A28390" t="s">
        <v>43003</v>
      </c>
      <c r="B28390" t="s">
        <v>43005</v>
      </c>
      <c r="C28390">
        <v>0</v>
      </c>
      <c r="D28390">
        <v>0</v>
      </c>
    </row>
    <row r="28391" spans="1:4" x14ac:dyDescent="0.25">
      <c r="A28391" t="s">
        <v>43006</v>
      </c>
      <c r="B28391" t="s">
        <v>38144</v>
      </c>
      <c r="C28391">
        <v>0</v>
      </c>
      <c r="D28391">
        <v>0</v>
      </c>
    </row>
    <row r="28392" spans="1:4" x14ac:dyDescent="0.25">
      <c r="A28392" t="s">
        <v>43007</v>
      </c>
      <c r="B28392" t="s">
        <v>43008</v>
      </c>
      <c r="C28392">
        <v>1</v>
      </c>
      <c r="D28392">
        <v>0</v>
      </c>
    </row>
    <row r="28393" spans="1:4" x14ac:dyDescent="0.25">
      <c r="A28393" t="s">
        <v>43007</v>
      </c>
      <c r="B28393" t="s">
        <v>43009</v>
      </c>
      <c r="C28393">
        <v>1</v>
      </c>
      <c r="D28393">
        <v>0</v>
      </c>
    </row>
    <row r="28394" spans="1:4" x14ac:dyDescent="0.25">
      <c r="A28394" t="s">
        <v>43007</v>
      </c>
      <c r="B28394" t="s">
        <v>43010</v>
      </c>
      <c r="C28394">
        <v>1</v>
      </c>
      <c r="D28394">
        <v>0</v>
      </c>
    </row>
    <row r="28395" spans="1:4" x14ac:dyDescent="0.25">
      <c r="A28395" t="s">
        <v>43011</v>
      </c>
      <c r="B28395" t="s">
        <v>43012</v>
      </c>
      <c r="C28395">
        <v>1</v>
      </c>
      <c r="D28395">
        <v>0</v>
      </c>
    </row>
    <row r="28396" spans="1:4" x14ac:dyDescent="0.25">
      <c r="A28396" t="s">
        <v>43011</v>
      </c>
      <c r="B28396" t="s">
        <v>43013</v>
      </c>
      <c r="C28396">
        <v>0</v>
      </c>
      <c r="D28396">
        <v>0</v>
      </c>
    </row>
    <row r="28397" spans="1:4" x14ac:dyDescent="0.25">
      <c r="A28397" t="s">
        <v>43014</v>
      </c>
      <c r="B28397" t="s">
        <v>43015</v>
      </c>
      <c r="C28397">
        <v>1</v>
      </c>
      <c r="D28397">
        <v>0</v>
      </c>
    </row>
    <row r="28398" spans="1:4" x14ac:dyDescent="0.25">
      <c r="A28398" t="s">
        <v>43014</v>
      </c>
      <c r="B28398" t="s">
        <v>43016</v>
      </c>
      <c r="C28398">
        <v>2</v>
      </c>
      <c r="D28398">
        <v>0</v>
      </c>
    </row>
    <row r="28399" spans="1:4" x14ac:dyDescent="0.25">
      <c r="A28399" t="s">
        <v>43017</v>
      </c>
      <c r="B28399" t="s">
        <v>43018</v>
      </c>
      <c r="C28399">
        <v>2</v>
      </c>
      <c r="D28399">
        <v>0</v>
      </c>
    </row>
    <row r="28400" spans="1:4" x14ac:dyDescent="0.25">
      <c r="A28400" t="s">
        <v>43017</v>
      </c>
      <c r="B28400" t="s">
        <v>43019</v>
      </c>
      <c r="C28400">
        <v>2</v>
      </c>
      <c r="D28400">
        <v>0</v>
      </c>
    </row>
    <row r="28401" spans="1:4" x14ac:dyDescent="0.25">
      <c r="A28401" t="s">
        <v>43017</v>
      </c>
      <c r="B28401" t="s">
        <v>43020</v>
      </c>
      <c r="C28401">
        <v>0</v>
      </c>
      <c r="D28401">
        <v>0</v>
      </c>
    </row>
    <row r="28402" spans="1:4" x14ac:dyDescent="0.25">
      <c r="A28402" t="s">
        <v>43021</v>
      </c>
      <c r="B28402" t="s">
        <v>43022</v>
      </c>
      <c r="C28402">
        <v>0</v>
      </c>
      <c r="D28402">
        <v>0</v>
      </c>
    </row>
    <row r="28403" spans="1:4" x14ac:dyDescent="0.25">
      <c r="A28403" t="s">
        <v>43023</v>
      </c>
      <c r="B28403" t="s">
        <v>43024</v>
      </c>
      <c r="C28403">
        <v>0</v>
      </c>
      <c r="D28403">
        <v>0</v>
      </c>
    </row>
    <row r="28404" spans="1:4" x14ac:dyDescent="0.25">
      <c r="A28404" t="s">
        <v>43025</v>
      </c>
      <c r="B28404" t="s">
        <v>43026</v>
      </c>
      <c r="C28404">
        <v>0</v>
      </c>
      <c r="D28404">
        <v>0</v>
      </c>
    </row>
    <row r="28405" spans="1:4" x14ac:dyDescent="0.25">
      <c r="A28405" t="s">
        <v>43025</v>
      </c>
      <c r="B28405" t="s">
        <v>43027</v>
      </c>
      <c r="C28405">
        <v>0</v>
      </c>
      <c r="D28405">
        <v>0</v>
      </c>
    </row>
    <row r="28406" spans="1:4" x14ac:dyDescent="0.25">
      <c r="A28406" t="s">
        <v>43025</v>
      </c>
      <c r="B28406" t="s">
        <v>43028</v>
      </c>
      <c r="C28406">
        <v>0</v>
      </c>
      <c r="D28406">
        <v>0</v>
      </c>
    </row>
    <row r="28407" spans="1:4" x14ac:dyDescent="0.25">
      <c r="A28407" t="s">
        <v>43029</v>
      </c>
      <c r="B28407" t="s">
        <v>15455</v>
      </c>
      <c r="C28407">
        <v>1</v>
      </c>
      <c r="D28407">
        <v>0</v>
      </c>
    </row>
    <row r="28408" spans="1:4" x14ac:dyDescent="0.25">
      <c r="A28408" t="s">
        <v>43029</v>
      </c>
      <c r="B28408" t="s">
        <v>43030</v>
      </c>
      <c r="C28408">
        <v>0</v>
      </c>
      <c r="D28408">
        <v>0</v>
      </c>
    </row>
    <row r="28409" spans="1:4" x14ac:dyDescent="0.25">
      <c r="A28409" t="s">
        <v>43029</v>
      </c>
      <c r="B28409" t="s">
        <v>43031</v>
      </c>
      <c r="C28409">
        <v>0</v>
      </c>
      <c r="D28409">
        <v>0</v>
      </c>
    </row>
    <row r="28410" spans="1:4" x14ac:dyDescent="0.25">
      <c r="A28410" t="s">
        <v>43032</v>
      </c>
      <c r="B28410" t="s">
        <v>43033</v>
      </c>
      <c r="C28410">
        <v>1</v>
      </c>
      <c r="D28410">
        <v>0</v>
      </c>
    </row>
    <row r="28411" spans="1:4" x14ac:dyDescent="0.25">
      <c r="A28411" t="s">
        <v>43032</v>
      </c>
      <c r="B28411" t="s">
        <v>43034</v>
      </c>
      <c r="C28411">
        <v>0</v>
      </c>
      <c r="D28411">
        <v>0</v>
      </c>
    </row>
    <row r="28412" spans="1:4" x14ac:dyDescent="0.25">
      <c r="A28412" t="s">
        <v>43035</v>
      </c>
      <c r="B28412" t="s">
        <v>43036</v>
      </c>
      <c r="C28412">
        <v>1</v>
      </c>
      <c r="D28412">
        <v>0</v>
      </c>
    </row>
    <row r="28413" spans="1:4" x14ac:dyDescent="0.25">
      <c r="A28413" t="s">
        <v>43035</v>
      </c>
      <c r="B28413" t="s">
        <v>43037</v>
      </c>
      <c r="C28413">
        <v>1</v>
      </c>
      <c r="D28413">
        <v>0</v>
      </c>
    </row>
    <row r="28414" spans="1:4" x14ac:dyDescent="0.25">
      <c r="A28414" t="s">
        <v>43035</v>
      </c>
      <c r="B28414" t="s">
        <v>43038</v>
      </c>
      <c r="C28414">
        <v>1</v>
      </c>
      <c r="D28414">
        <v>0</v>
      </c>
    </row>
    <row r="28415" spans="1:4" x14ac:dyDescent="0.25">
      <c r="A28415" t="s">
        <v>43039</v>
      </c>
      <c r="B28415" t="s">
        <v>43040</v>
      </c>
      <c r="C28415">
        <v>1</v>
      </c>
      <c r="D28415">
        <v>0</v>
      </c>
    </row>
    <row r="28416" spans="1:4" x14ac:dyDescent="0.25">
      <c r="A28416" t="s">
        <v>43041</v>
      </c>
      <c r="B28416" t="s">
        <v>43042</v>
      </c>
      <c r="C28416">
        <v>2</v>
      </c>
      <c r="D28416">
        <v>0</v>
      </c>
    </row>
    <row r="28417" spans="1:4" x14ac:dyDescent="0.25">
      <c r="A28417" t="s">
        <v>43041</v>
      </c>
      <c r="B28417" t="s">
        <v>43043</v>
      </c>
      <c r="C28417">
        <v>1</v>
      </c>
      <c r="D28417">
        <v>0</v>
      </c>
    </row>
    <row r="28418" spans="1:4" x14ac:dyDescent="0.25">
      <c r="A28418" t="s">
        <v>43041</v>
      </c>
      <c r="B28418" t="s">
        <v>43044</v>
      </c>
      <c r="C28418">
        <v>2</v>
      </c>
      <c r="D28418">
        <v>0</v>
      </c>
    </row>
    <row r="28419" spans="1:4" x14ac:dyDescent="0.25">
      <c r="A28419" t="s">
        <v>43045</v>
      </c>
      <c r="B28419" t="s">
        <v>43046</v>
      </c>
      <c r="C28419">
        <v>1</v>
      </c>
      <c r="D28419">
        <v>0</v>
      </c>
    </row>
    <row r="28420" spans="1:4" x14ac:dyDescent="0.25">
      <c r="A28420" t="s">
        <v>43045</v>
      </c>
      <c r="B28420" t="s">
        <v>43047</v>
      </c>
      <c r="C28420">
        <v>1</v>
      </c>
      <c r="D28420">
        <v>0</v>
      </c>
    </row>
    <row r="28421" spans="1:4" x14ac:dyDescent="0.25">
      <c r="A28421" t="s">
        <v>43048</v>
      </c>
      <c r="B28421" t="s">
        <v>43049</v>
      </c>
      <c r="C28421">
        <v>0</v>
      </c>
      <c r="D28421">
        <v>0</v>
      </c>
    </row>
    <row r="28422" spans="1:4" x14ac:dyDescent="0.25">
      <c r="A28422" t="s">
        <v>43048</v>
      </c>
      <c r="B28422" t="s">
        <v>43050</v>
      </c>
      <c r="C28422">
        <v>1</v>
      </c>
      <c r="D28422">
        <v>0</v>
      </c>
    </row>
    <row r="28423" spans="1:4" x14ac:dyDescent="0.25">
      <c r="A28423" t="s">
        <v>43048</v>
      </c>
      <c r="B28423" t="s">
        <v>43051</v>
      </c>
      <c r="C28423">
        <v>0</v>
      </c>
      <c r="D28423">
        <v>0</v>
      </c>
    </row>
    <row r="28424" spans="1:4" x14ac:dyDescent="0.25">
      <c r="A28424" t="s">
        <v>43052</v>
      </c>
      <c r="B28424" t="s">
        <v>4349</v>
      </c>
      <c r="C28424">
        <v>1</v>
      </c>
      <c r="D28424">
        <v>0</v>
      </c>
    </row>
    <row r="28425" spans="1:4" x14ac:dyDescent="0.25">
      <c r="A28425" t="s">
        <v>43052</v>
      </c>
      <c r="B28425" t="s">
        <v>43053</v>
      </c>
      <c r="C28425">
        <v>1</v>
      </c>
      <c r="D28425">
        <v>0</v>
      </c>
    </row>
    <row r="28426" spans="1:4" x14ac:dyDescent="0.25">
      <c r="A28426" t="s">
        <v>43054</v>
      </c>
      <c r="B28426" t="s">
        <v>43055</v>
      </c>
      <c r="C28426">
        <v>0</v>
      </c>
      <c r="D28426">
        <v>0</v>
      </c>
    </row>
    <row r="28427" spans="1:4" x14ac:dyDescent="0.25">
      <c r="A28427" t="s">
        <v>43054</v>
      </c>
      <c r="B28427" t="s">
        <v>43056</v>
      </c>
      <c r="C28427">
        <v>2</v>
      </c>
      <c r="D28427">
        <v>0</v>
      </c>
    </row>
    <row r="28428" spans="1:4" x14ac:dyDescent="0.25">
      <c r="A28428" t="s">
        <v>43057</v>
      </c>
      <c r="B28428" t="s">
        <v>43058</v>
      </c>
      <c r="C28428">
        <v>1</v>
      </c>
      <c r="D28428">
        <v>0</v>
      </c>
    </row>
    <row r="28429" spans="1:4" x14ac:dyDescent="0.25">
      <c r="A28429" t="s">
        <v>43057</v>
      </c>
      <c r="B28429" t="s">
        <v>43059</v>
      </c>
      <c r="C28429">
        <v>2</v>
      </c>
      <c r="D28429">
        <v>0</v>
      </c>
    </row>
    <row r="28430" spans="1:4" x14ac:dyDescent="0.25">
      <c r="A28430" t="s">
        <v>43057</v>
      </c>
      <c r="B28430" t="s">
        <v>28590</v>
      </c>
      <c r="C28430">
        <v>0</v>
      </c>
      <c r="D28430">
        <v>0</v>
      </c>
    </row>
    <row r="28431" spans="1:4" x14ac:dyDescent="0.25">
      <c r="A28431" t="s">
        <v>43060</v>
      </c>
      <c r="B28431" t="s">
        <v>43061</v>
      </c>
      <c r="C28431">
        <v>2</v>
      </c>
      <c r="D28431">
        <v>0</v>
      </c>
    </row>
    <row r="28432" spans="1:4" x14ac:dyDescent="0.25">
      <c r="A28432" t="s">
        <v>43060</v>
      </c>
      <c r="B28432" t="s">
        <v>2651</v>
      </c>
      <c r="C28432">
        <v>0</v>
      </c>
      <c r="D28432">
        <v>0</v>
      </c>
    </row>
    <row r="28433" spans="1:4" x14ac:dyDescent="0.25">
      <c r="A28433" t="s">
        <v>43062</v>
      </c>
      <c r="B28433" t="s">
        <v>43063</v>
      </c>
      <c r="C28433">
        <v>2</v>
      </c>
      <c r="D28433">
        <v>0</v>
      </c>
    </row>
    <row r="28434" spans="1:4" x14ac:dyDescent="0.25">
      <c r="A28434" t="s">
        <v>43062</v>
      </c>
      <c r="B28434" t="s">
        <v>43064</v>
      </c>
      <c r="C28434">
        <v>0</v>
      </c>
      <c r="D28434">
        <v>0</v>
      </c>
    </row>
    <row r="28435" spans="1:4" x14ac:dyDescent="0.25">
      <c r="A28435" t="s">
        <v>43065</v>
      </c>
      <c r="B28435" t="s">
        <v>43066</v>
      </c>
      <c r="C28435">
        <v>1</v>
      </c>
      <c r="D28435">
        <v>0</v>
      </c>
    </row>
    <row r="28436" spans="1:4" x14ac:dyDescent="0.25">
      <c r="A28436" t="s">
        <v>43065</v>
      </c>
      <c r="B28436" t="s">
        <v>43067</v>
      </c>
      <c r="C28436">
        <v>1</v>
      </c>
      <c r="D28436">
        <v>0</v>
      </c>
    </row>
    <row r="28437" spans="1:4" x14ac:dyDescent="0.25">
      <c r="A28437" t="s">
        <v>43065</v>
      </c>
      <c r="B28437" t="s">
        <v>43068</v>
      </c>
      <c r="C28437">
        <v>1</v>
      </c>
      <c r="D28437">
        <v>0</v>
      </c>
    </row>
    <row r="28438" spans="1:4" x14ac:dyDescent="0.25">
      <c r="A28438" t="s">
        <v>43069</v>
      </c>
      <c r="B28438" t="s">
        <v>43070</v>
      </c>
      <c r="C28438">
        <v>0</v>
      </c>
      <c r="D28438">
        <v>0</v>
      </c>
    </row>
    <row r="28439" spans="1:4" x14ac:dyDescent="0.25">
      <c r="A28439" t="s">
        <v>43069</v>
      </c>
      <c r="B28439" t="s">
        <v>43071</v>
      </c>
      <c r="C28439">
        <v>0</v>
      </c>
      <c r="D28439">
        <v>0</v>
      </c>
    </row>
    <row r="28440" spans="1:4" x14ac:dyDescent="0.25">
      <c r="A28440" t="s">
        <v>43072</v>
      </c>
      <c r="B28440" t="s">
        <v>398</v>
      </c>
      <c r="C28440">
        <v>0</v>
      </c>
      <c r="D28440">
        <v>0</v>
      </c>
    </row>
    <row r="28441" spans="1:4" x14ac:dyDescent="0.25">
      <c r="A28441" t="s">
        <v>43073</v>
      </c>
      <c r="B28441" t="s">
        <v>43074</v>
      </c>
      <c r="C28441">
        <v>1</v>
      </c>
      <c r="D28441">
        <v>0</v>
      </c>
    </row>
    <row r="28442" spans="1:4" x14ac:dyDescent="0.25">
      <c r="A28442" t="s">
        <v>43075</v>
      </c>
      <c r="B28442" t="s">
        <v>13155</v>
      </c>
      <c r="C28442">
        <v>0</v>
      </c>
      <c r="D28442">
        <v>0</v>
      </c>
    </row>
    <row r="28443" spans="1:4" x14ac:dyDescent="0.25">
      <c r="A28443" t="s">
        <v>43076</v>
      </c>
      <c r="B28443" t="s">
        <v>43077</v>
      </c>
      <c r="C28443">
        <v>1</v>
      </c>
      <c r="D28443">
        <v>0</v>
      </c>
    </row>
    <row r="28444" spans="1:4" x14ac:dyDescent="0.25">
      <c r="A28444" t="s">
        <v>43076</v>
      </c>
      <c r="B28444" t="s">
        <v>43078</v>
      </c>
      <c r="C28444">
        <v>1</v>
      </c>
      <c r="D28444">
        <v>0</v>
      </c>
    </row>
    <row r="28445" spans="1:4" x14ac:dyDescent="0.25">
      <c r="A28445" t="s">
        <v>43076</v>
      </c>
      <c r="B28445" t="s">
        <v>43079</v>
      </c>
      <c r="C28445">
        <v>1</v>
      </c>
      <c r="D28445">
        <v>0</v>
      </c>
    </row>
    <row r="28446" spans="1:4" x14ac:dyDescent="0.25">
      <c r="A28446" t="s">
        <v>43080</v>
      </c>
      <c r="B28446" t="s">
        <v>43081</v>
      </c>
      <c r="C28446">
        <v>0</v>
      </c>
      <c r="D28446">
        <v>0</v>
      </c>
    </row>
    <row r="28447" spans="1:4" x14ac:dyDescent="0.25">
      <c r="A28447" t="s">
        <v>43082</v>
      </c>
      <c r="B28447" t="s">
        <v>31225</v>
      </c>
      <c r="C28447">
        <v>0</v>
      </c>
      <c r="D28447">
        <v>0</v>
      </c>
    </row>
    <row r="28448" spans="1:4" x14ac:dyDescent="0.25">
      <c r="A28448" t="s">
        <v>43083</v>
      </c>
      <c r="B28448" t="s">
        <v>43084</v>
      </c>
      <c r="C28448">
        <v>1</v>
      </c>
      <c r="D28448">
        <v>0</v>
      </c>
    </row>
    <row r="28449" spans="1:4" x14ac:dyDescent="0.25">
      <c r="A28449" t="s">
        <v>43083</v>
      </c>
      <c r="B28449" t="s">
        <v>43085</v>
      </c>
      <c r="C28449">
        <v>1</v>
      </c>
      <c r="D28449">
        <v>0</v>
      </c>
    </row>
    <row r="28450" spans="1:4" x14ac:dyDescent="0.25">
      <c r="A28450" t="s">
        <v>43086</v>
      </c>
      <c r="B28450" t="s">
        <v>1294</v>
      </c>
      <c r="C28450">
        <v>1</v>
      </c>
      <c r="D28450">
        <v>0</v>
      </c>
    </row>
    <row r="28451" spans="1:4" x14ac:dyDescent="0.25">
      <c r="A28451" t="s">
        <v>43086</v>
      </c>
      <c r="B28451" t="s">
        <v>43087</v>
      </c>
      <c r="C28451">
        <v>0</v>
      </c>
      <c r="D28451">
        <v>0</v>
      </c>
    </row>
    <row r="28452" spans="1:4" x14ac:dyDescent="0.25">
      <c r="A28452" t="s">
        <v>43086</v>
      </c>
      <c r="B28452" t="s">
        <v>43088</v>
      </c>
      <c r="C28452">
        <v>2</v>
      </c>
      <c r="D28452">
        <v>0</v>
      </c>
    </row>
    <row r="28453" spans="1:4" x14ac:dyDescent="0.25">
      <c r="A28453" t="s">
        <v>43089</v>
      </c>
      <c r="B28453" t="s">
        <v>43090</v>
      </c>
      <c r="C28453">
        <v>0</v>
      </c>
      <c r="D28453">
        <v>0</v>
      </c>
    </row>
    <row r="28454" spans="1:4" x14ac:dyDescent="0.25">
      <c r="A28454" t="s">
        <v>43089</v>
      </c>
      <c r="B28454" t="s">
        <v>43091</v>
      </c>
      <c r="C28454">
        <v>0</v>
      </c>
      <c r="D28454">
        <v>0</v>
      </c>
    </row>
    <row r="28455" spans="1:4" x14ac:dyDescent="0.25">
      <c r="A28455" t="s">
        <v>43089</v>
      </c>
      <c r="B28455" t="s">
        <v>43092</v>
      </c>
      <c r="C28455">
        <v>0</v>
      </c>
      <c r="D28455">
        <v>0</v>
      </c>
    </row>
    <row r="28456" spans="1:4" x14ac:dyDescent="0.25">
      <c r="A28456" t="s">
        <v>43093</v>
      </c>
      <c r="B28456" t="s">
        <v>43094</v>
      </c>
      <c r="C28456">
        <v>1</v>
      </c>
      <c r="D28456">
        <v>0</v>
      </c>
    </row>
    <row r="28457" spans="1:4" x14ac:dyDescent="0.25">
      <c r="A28457" t="s">
        <v>43093</v>
      </c>
      <c r="B28457" t="s">
        <v>43095</v>
      </c>
      <c r="C28457">
        <v>2</v>
      </c>
      <c r="D28457">
        <v>0</v>
      </c>
    </row>
    <row r="28458" spans="1:4" x14ac:dyDescent="0.25">
      <c r="A28458" t="s">
        <v>43096</v>
      </c>
      <c r="B28458" t="s">
        <v>888</v>
      </c>
      <c r="C28458">
        <v>1</v>
      </c>
      <c r="D28458">
        <v>0</v>
      </c>
    </row>
    <row r="28459" spans="1:4" x14ac:dyDescent="0.25">
      <c r="A28459" t="s">
        <v>43096</v>
      </c>
      <c r="B28459" t="s">
        <v>2953</v>
      </c>
      <c r="C28459">
        <v>0</v>
      </c>
      <c r="D28459">
        <v>0</v>
      </c>
    </row>
    <row r="28460" spans="1:4" x14ac:dyDescent="0.25">
      <c r="A28460" t="s">
        <v>43097</v>
      </c>
      <c r="B28460" t="s">
        <v>43098</v>
      </c>
      <c r="C28460">
        <v>2</v>
      </c>
      <c r="D28460">
        <v>0</v>
      </c>
    </row>
    <row r="28461" spans="1:4" x14ac:dyDescent="0.25">
      <c r="A28461" t="s">
        <v>43097</v>
      </c>
      <c r="B28461" t="s">
        <v>43099</v>
      </c>
      <c r="C28461">
        <v>1</v>
      </c>
      <c r="D28461">
        <v>0</v>
      </c>
    </row>
    <row r="28462" spans="1:4" x14ac:dyDescent="0.25">
      <c r="A28462" t="s">
        <v>43097</v>
      </c>
      <c r="B28462" t="s">
        <v>43100</v>
      </c>
      <c r="C28462">
        <v>2</v>
      </c>
      <c r="D28462">
        <v>0</v>
      </c>
    </row>
    <row r="28463" spans="1:4" x14ac:dyDescent="0.25">
      <c r="A28463" t="s">
        <v>43101</v>
      </c>
      <c r="B28463" t="s">
        <v>43102</v>
      </c>
      <c r="C28463">
        <v>0</v>
      </c>
      <c r="D28463">
        <v>0</v>
      </c>
    </row>
    <row r="28464" spans="1:4" x14ac:dyDescent="0.25">
      <c r="A28464" t="s">
        <v>43101</v>
      </c>
      <c r="B28464" t="s">
        <v>43103</v>
      </c>
      <c r="C28464">
        <v>1</v>
      </c>
      <c r="D28464">
        <v>0</v>
      </c>
    </row>
    <row r="28465" spans="1:4" x14ac:dyDescent="0.25">
      <c r="A28465" t="s">
        <v>43104</v>
      </c>
      <c r="B28465" t="s">
        <v>43105</v>
      </c>
      <c r="C28465">
        <v>0</v>
      </c>
      <c r="D28465">
        <v>0</v>
      </c>
    </row>
    <row r="28466" spans="1:4" x14ac:dyDescent="0.25">
      <c r="A28466" t="s">
        <v>43104</v>
      </c>
      <c r="B28466" t="s">
        <v>43106</v>
      </c>
      <c r="C28466">
        <v>0</v>
      </c>
      <c r="D28466">
        <v>0</v>
      </c>
    </row>
    <row r="28467" spans="1:4" x14ac:dyDescent="0.25">
      <c r="A28467" t="s">
        <v>43107</v>
      </c>
      <c r="B28467" t="s">
        <v>43108</v>
      </c>
      <c r="C28467">
        <v>1</v>
      </c>
      <c r="D28467">
        <v>0</v>
      </c>
    </row>
    <row r="28468" spans="1:4" x14ac:dyDescent="0.25">
      <c r="A28468" t="s">
        <v>43107</v>
      </c>
      <c r="B28468" t="s">
        <v>43109</v>
      </c>
      <c r="C28468">
        <v>1</v>
      </c>
      <c r="D28468">
        <v>0</v>
      </c>
    </row>
    <row r="28469" spans="1:4" x14ac:dyDescent="0.25">
      <c r="A28469" t="s">
        <v>43107</v>
      </c>
      <c r="B28469" t="s">
        <v>43110</v>
      </c>
      <c r="C28469">
        <v>2</v>
      </c>
      <c r="D28469">
        <v>0</v>
      </c>
    </row>
    <row r="28470" spans="1:4" x14ac:dyDescent="0.25">
      <c r="A28470" t="s">
        <v>43111</v>
      </c>
      <c r="B28470" t="s">
        <v>2267</v>
      </c>
      <c r="C28470">
        <v>0</v>
      </c>
      <c r="D28470">
        <v>0</v>
      </c>
    </row>
    <row r="28471" spans="1:4" x14ac:dyDescent="0.25">
      <c r="A28471" t="s">
        <v>43111</v>
      </c>
      <c r="B28471" t="s">
        <v>43112</v>
      </c>
      <c r="C28471">
        <v>1</v>
      </c>
      <c r="D28471">
        <v>0</v>
      </c>
    </row>
    <row r="28472" spans="1:4" x14ac:dyDescent="0.25">
      <c r="A28472" t="s">
        <v>43113</v>
      </c>
      <c r="B28472" t="s">
        <v>43114</v>
      </c>
      <c r="C28472">
        <v>2</v>
      </c>
      <c r="D28472">
        <v>0</v>
      </c>
    </row>
    <row r="28473" spans="1:4" x14ac:dyDescent="0.25">
      <c r="A28473" t="s">
        <v>43113</v>
      </c>
      <c r="B28473" t="s">
        <v>43115</v>
      </c>
      <c r="C28473">
        <v>0</v>
      </c>
      <c r="D28473">
        <v>0</v>
      </c>
    </row>
    <row r="28474" spans="1:4" x14ac:dyDescent="0.25">
      <c r="A28474" t="s">
        <v>43113</v>
      </c>
      <c r="B28474" t="s">
        <v>43116</v>
      </c>
      <c r="C28474">
        <v>0</v>
      </c>
      <c r="D28474">
        <v>0</v>
      </c>
    </row>
    <row r="28475" spans="1:4" x14ac:dyDescent="0.25">
      <c r="A28475" t="s">
        <v>43117</v>
      </c>
      <c r="B28475" t="s">
        <v>43118</v>
      </c>
      <c r="C28475">
        <v>2</v>
      </c>
      <c r="D28475">
        <v>0</v>
      </c>
    </row>
    <row r="28476" spans="1:4" x14ac:dyDescent="0.25">
      <c r="A28476" t="s">
        <v>43119</v>
      </c>
      <c r="B28476" t="s">
        <v>43120</v>
      </c>
      <c r="C28476">
        <v>2</v>
      </c>
      <c r="D28476">
        <v>0</v>
      </c>
    </row>
    <row r="28477" spans="1:4" x14ac:dyDescent="0.25">
      <c r="A28477" t="s">
        <v>43119</v>
      </c>
      <c r="B28477" t="s">
        <v>43121</v>
      </c>
      <c r="C28477">
        <v>2</v>
      </c>
      <c r="D28477">
        <v>0</v>
      </c>
    </row>
    <row r="28478" spans="1:4" x14ac:dyDescent="0.25">
      <c r="A28478" t="s">
        <v>43119</v>
      </c>
      <c r="B28478" t="s">
        <v>43122</v>
      </c>
      <c r="C28478">
        <v>2</v>
      </c>
      <c r="D28478">
        <v>0</v>
      </c>
    </row>
    <row r="28479" spans="1:4" x14ac:dyDescent="0.25">
      <c r="A28479" t="s">
        <v>43123</v>
      </c>
      <c r="B28479" t="s">
        <v>43124</v>
      </c>
      <c r="C28479">
        <v>1</v>
      </c>
      <c r="D28479">
        <v>0</v>
      </c>
    </row>
    <row r="28480" spans="1:4" x14ac:dyDescent="0.25">
      <c r="A28480" t="s">
        <v>43125</v>
      </c>
      <c r="B28480" t="s">
        <v>43126</v>
      </c>
      <c r="C28480">
        <v>1</v>
      </c>
      <c r="D28480">
        <v>0</v>
      </c>
    </row>
    <row r="28481" spans="1:4" x14ac:dyDescent="0.25">
      <c r="A28481" t="s">
        <v>43125</v>
      </c>
      <c r="B28481" t="s">
        <v>43127</v>
      </c>
      <c r="C28481">
        <v>0</v>
      </c>
      <c r="D28481">
        <v>0</v>
      </c>
    </row>
    <row r="28482" spans="1:4" x14ac:dyDescent="0.25">
      <c r="A28482" t="s">
        <v>43125</v>
      </c>
      <c r="B28482" t="s">
        <v>43128</v>
      </c>
      <c r="C28482">
        <v>2</v>
      </c>
      <c r="D28482">
        <v>0</v>
      </c>
    </row>
    <row r="28483" spans="1:4" x14ac:dyDescent="0.25">
      <c r="A28483" t="s">
        <v>43129</v>
      </c>
      <c r="B28483" t="s">
        <v>43130</v>
      </c>
      <c r="C28483">
        <v>0</v>
      </c>
      <c r="D28483">
        <v>0</v>
      </c>
    </row>
    <row r="28484" spans="1:4" x14ac:dyDescent="0.25">
      <c r="A28484" t="s">
        <v>43129</v>
      </c>
      <c r="B28484" t="s">
        <v>43131</v>
      </c>
      <c r="C28484">
        <v>2</v>
      </c>
      <c r="D28484">
        <v>0</v>
      </c>
    </row>
    <row r="28485" spans="1:4" x14ac:dyDescent="0.25">
      <c r="A28485" t="s">
        <v>43129</v>
      </c>
      <c r="B28485" t="s">
        <v>43132</v>
      </c>
      <c r="C28485">
        <v>0</v>
      </c>
      <c r="D28485">
        <v>0</v>
      </c>
    </row>
    <row r="28486" spans="1:4" x14ac:dyDescent="0.25">
      <c r="A28486" t="s">
        <v>43133</v>
      </c>
      <c r="B28486" t="s">
        <v>43134</v>
      </c>
      <c r="C28486">
        <v>1</v>
      </c>
      <c r="D28486">
        <v>0</v>
      </c>
    </row>
    <row r="28487" spans="1:4" x14ac:dyDescent="0.25">
      <c r="A28487" t="s">
        <v>43135</v>
      </c>
      <c r="B28487" t="s">
        <v>43136</v>
      </c>
      <c r="C28487">
        <v>1</v>
      </c>
      <c r="D28487">
        <v>0</v>
      </c>
    </row>
    <row r="28488" spans="1:4" x14ac:dyDescent="0.25">
      <c r="A28488" t="s">
        <v>43135</v>
      </c>
      <c r="B28488" t="s">
        <v>43137</v>
      </c>
      <c r="C28488">
        <v>1</v>
      </c>
      <c r="D28488">
        <v>0</v>
      </c>
    </row>
    <row r="28489" spans="1:4" x14ac:dyDescent="0.25">
      <c r="A28489" t="s">
        <v>43135</v>
      </c>
      <c r="B28489" t="s">
        <v>43138</v>
      </c>
      <c r="C28489">
        <v>2</v>
      </c>
      <c r="D28489">
        <v>0</v>
      </c>
    </row>
    <row r="28490" spans="1:4" x14ac:dyDescent="0.25">
      <c r="A28490" t="s">
        <v>43139</v>
      </c>
      <c r="B28490" t="s">
        <v>43140</v>
      </c>
      <c r="C28490">
        <v>2</v>
      </c>
      <c r="D28490">
        <v>0</v>
      </c>
    </row>
    <row r="28491" spans="1:4" x14ac:dyDescent="0.25">
      <c r="A28491" t="s">
        <v>43141</v>
      </c>
      <c r="B28491" t="s">
        <v>43142</v>
      </c>
      <c r="C28491">
        <v>2</v>
      </c>
      <c r="D28491">
        <v>0</v>
      </c>
    </row>
    <row r="28492" spans="1:4" x14ac:dyDescent="0.25">
      <c r="A28492" t="s">
        <v>43143</v>
      </c>
      <c r="B28492" t="s">
        <v>43144</v>
      </c>
      <c r="C28492">
        <v>2</v>
      </c>
      <c r="D28492">
        <v>0</v>
      </c>
    </row>
    <row r="28493" spans="1:4" x14ac:dyDescent="0.25">
      <c r="A28493" t="s">
        <v>43143</v>
      </c>
      <c r="B28493" t="s">
        <v>43145</v>
      </c>
      <c r="C28493">
        <v>2</v>
      </c>
      <c r="D28493">
        <v>0</v>
      </c>
    </row>
    <row r="28494" spans="1:4" x14ac:dyDescent="0.25">
      <c r="A28494" t="s">
        <v>43143</v>
      </c>
      <c r="B28494" t="s">
        <v>43146</v>
      </c>
      <c r="C28494">
        <v>2</v>
      </c>
      <c r="D28494">
        <v>0</v>
      </c>
    </row>
    <row r="28495" spans="1:4" x14ac:dyDescent="0.25">
      <c r="A28495" t="s">
        <v>43147</v>
      </c>
      <c r="B28495" t="s">
        <v>43148</v>
      </c>
      <c r="C28495">
        <v>1</v>
      </c>
      <c r="D28495">
        <v>0</v>
      </c>
    </row>
    <row r="28496" spans="1:4" x14ac:dyDescent="0.25">
      <c r="A28496" t="s">
        <v>43147</v>
      </c>
      <c r="B28496" t="s">
        <v>43149</v>
      </c>
      <c r="C28496">
        <v>0</v>
      </c>
      <c r="D28496">
        <v>0</v>
      </c>
    </row>
    <row r="28497" spans="1:4" x14ac:dyDescent="0.25">
      <c r="A28497" t="s">
        <v>43147</v>
      </c>
      <c r="B28497" t="s">
        <v>43150</v>
      </c>
      <c r="C28497">
        <v>2</v>
      </c>
      <c r="D28497">
        <v>0</v>
      </c>
    </row>
    <row r="28498" spans="1:4" x14ac:dyDescent="0.25">
      <c r="A28498" t="s">
        <v>43151</v>
      </c>
      <c r="B28498" t="s">
        <v>43152</v>
      </c>
      <c r="C28498">
        <v>2</v>
      </c>
      <c r="D28498">
        <v>0</v>
      </c>
    </row>
    <row r="28499" spans="1:4" x14ac:dyDescent="0.25">
      <c r="A28499" t="s">
        <v>43151</v>
      </c>
      <c r="B28499" t="s">
        <v>43153</v>
      </c>
      <c r="C28499">
        <v>2</v>
      </c>
      <c r="D28499">
        <v>0</v>
      </c>
    </row>
    <row r="28500" spans="1:4" x14ac:dyDescent="0.25">
      <c r="A28500" t="s">
        <v>43154</v>
      </c>
      <c r="B28500" t="s">
        <v>43155</v>
      </c>
      <c r="C28500">
        <v>1</v>
      </c>
      <c r="D28500">
        <v>0</v>
      </c>
    </row>
    <row r="28501" spans="1:4" x14ac:dyDescent="0.25">
      <c r="A28501" t="s">
        <v>43154</v>
      </c>
      <c r="B28501" t="s">
        <v>43156</v>
      </c>
      <c r="C28501">
        <v>1</v>
      </c>
      <c r="D28501">
        <v>0</v>
      </c>
    </row>
    <row r="28502" spans="1:4" x14ac:dyDescent="0.25">
      <c r="A28502" t="s">
        <v>43154</v>
      </c>
      <c r="B28502" t="s">
        <v>43157</v>
      </c>
      <c r="C28502">
        <v>1</v>
      </c>
      <c r="D28502">
        <v>0</v>
      </c>
    </row>
    <row r="28503" spans="1:4" x14ac:dyDescent="0.25">
      <c r="A28503" t="s">
        <v>43158</v>
      </c>
      <c r="B28503" t="s">
        <v>852</v>
      </c>
      <c r="C28503">
        <v>0</v>
      </c>
      <c r="D28503">
        <v>0</v>
      </c>
    </row>
    <row r="28504" spans="1:4" x14ac:dyDescent="0.25">
      <c r="A28504" t="s">
        <v>43159</v>
      </c>
      <c r="B28504" t="s">
        <v>43160</v>
      </c>
      <c r="C28504">
        <v>2</v>
      </c>
      <c r="D28504">
        <v>0</v>
      </c>
    </row>
    <row r="28505" spans="1:4" x14ac:dyDescent="0.25">
      <c r="A28505" t="s">
        <v>43161</v>
      </c>
      <c r="B28505" t="s">
        <v>43162</v>
      </c>
      <c r="C28505">
        <v>2</v>
      </c>
      <c r="D28505">
        <v>0</v>
      </c>
    </row>
    <row r="28506" spans="1:4" x14ac:dyDescent="0.25">
      <c r="A28506" t="s">
        <v>43161</v>
      </c>
      <c r="B28506" t="s">
        <v>43163</v>
      </c>
      <c r="C28506">
        <v>1</v>
      </c>
      <c r="D28506">
        <v>0</v>
      </c>
    </row>
    <row r="28507" spans="1:4" x14ac:dyDescent="0.25">
      <c r="A28507" t="s">
        <v>43164</v>
      </c>
      <c r="B28507" t="s">
        <v>43165</v>
      </c>
      <c r="C28507">
        <v>1</v>
      </c>
      <c r="D28507">
        <v>0</v>
      </c>
    </row>
    <row r="28508" spans="1:4" x14ac:dyDescent="0.25">
      <c r="A28508" t="s">
        <v>43164</v>
      </c>
      <c r="B28508" t="s">
        <v>43166</v>
      </c>
      <c r="C28508">
        <v>0</v>
      </c>
      <c r="D28508">
        <v>0</v>
      </c>
    </row>
    <row r="28509" spans="1:4" x14ac:dyDescent="0.25">
      <c r="A28509" t="s">
        <v>43167</v>
      </c>
      <c r="B28509" t="s">
        <v>43168</v>
      </c>
      <c r="C28509">
        <v>0</v>
      </c>
      <c r="D28509">
        <v>0</v>
      </c>
    </row>
    <row r="28510" spans="1:4" x14ac:dyDescent="0.25">
      <c r="A28510" t="s">
        <v>43167</v>
      </c>
      <c r="B28510" t="s">
        <v>43169</v>
      </c>
      <c r="C28510">
        <v>1</v>
      </c>
      <c r="D28510">
        <v>0</v>
      </c>
    </row>
    <row r="28511" spans="1:4" x14ac:dyDescent="0.25">
      <c r="A28511" t="s">
        <v>43170</v>
      </c>
      <c r="B28511" t="s">
        <v>43171</v>
      </c>
      <c r="C28511">
        <v>0</v>
      </c>
      <c r="D28511">
        <v>0</v>
      </c>
    </row>
    <row r="28512" spans="1:4" x14ac:dyDescent="0.25">
      <c r="A28512" t="s">
        <v>43170</v>
      </c>
      <c r="B28512" t="s">
        <v>43172</v>
      </c>
      <c r="C28512">
        <v>1</v>
      </c>
      <c r="D28512">
        <v>0</v>
      </c>
    </row>
    <row r="28513" spans="1:4" x14ac:dyDescent="0.25">
      <c r="A28513" t="s">
        <v>43173</v>
      </c>
      <c r="B28513" t="s">
        <v>43174</v>
      </c>
      <c r="C28513">
        <v>0</v>
      </c>
      <c r="D28513">
        <v>0</v>
      </c>
    </row>
    <row r="28514" spans="1:4" x14ac:dyDescent="0.25">
      <c r="A28514" t="s">
        <v>43173</v>
      </c>
      <c r="B28514" t="s">
        <v>43175</v>
      </c>
      <c r="C28514">
        <v>1</v>
      </c>
      <c r="D28514">
        <v>0</v>
      </c>
    </row>
    <row r="28515" spans="1:4" x14ac:dyDescent="0.25">
      <c r="A28515" t="s">
        <v>43173</v>
      </c>
      <c r="B28515" t="s">
        <v>43176</v>
      </c>
      <c r="C28515">
        <v>0</v>
      </c>
      <c r="D28515">
        <v>0</v>
      </c>
    </row>
    <row r="28516" spans="1:4" x14ac:dyDescent="0.25">
      <c r="A28516" t="s">
        <v>43177</v>
      </c>
      <c r="B28516" t="s">
        <v>43178</v>
      </c>
      <c r="C28516">
        <v>0</v>
      </c>
      <c r="D28516">
        <v>0</v>
      </c>
    </row>
    <row r="28517" spans="1:4" x14ac:dyDescent="0.25">
      <c r="A28517" t="s">
        <v>43179</v>
      </c>
      <c r="B28517" t="s">
        <v>43180</v>
      </c>
      <c r="C28517">
        <v>2</v>
      </c>
      <c r="D28517">
        <v>0</v>
      </c>
    </row>
    <row r="28518" spans="1:4" x14ac:dyDescent="0.25">
      <c r="A28518" t="s">
        <v>43181</v>
      </c>
      <c r="B28518" t="s">
        <v>5244</v>
      </c>
      <c r="C28518">
        <v>0</v>
      </c>
      <c r="D28518">
        <v>0</v>
      </c>
    </row>
    <row r="28519" spans="1:4" x14ac:dyDescent="0.25">
      <c r="A28519" t="s">
        <v>43182</v>
      </c>
      <c r="B28519" t="s">
        <v>43183</v>
      </c>
      <c r="C28519">
        <v>2</v>
      </c>
      <c r="D28519">
        <v>0</v>
      </c>
    </row>
    <row r="28520" spans="1:4" x14ac:dyDescent="0.25">
      <c r="A28520" t="s">
        <v>43182</v>
      </c>
      <c r="B28520" t="s">
        <v>43184</v>
      </c>
      <c r="C28520">
        <v>0</v>
      </c>
      <c r="D28520">
        <v>0</v>
      </c>
    </row>
    <row r="28521" spans="1:4" x14ac:dyDescent="0.25">
      <c r="A28521" t="s">
        <v>43185</v>
      </c>
      <c r="B28521" t="s">
        <v>43186</v>
      </c>
      <c r="C28521">
        <v>2</v>
      </c>
      <c r="D28521">
        <v>0</v>
      </c>
    </row>
    <row r="28522" spans="1:4" x14ac:dyDescent="0.25">
      <c r="A28522" t="s">
        <v>43185</v>
      </c>
      <c r="B28522" t="s">
        <v>43187</v>
      </c>
      <c r="C28522">
        <v>1</v>
      </c>
      <c r="D28522">
        <v>0</v>
      </c>
    </row>
    <row r="28523" spans="1:4" x14ac:dyDescent="0.25">
      <c r="A28523" t="s">
        <v>43188</v>
      </c>
      <c r="B28523" t="s">
        <v>1555</v>
      </c>
      <c r="C28523">
        <v>2</v>
      </c>
      <c r="D28523">
        <v>0</v>
      </c>
    </row>
    <row r="28524" spans="1:4" x14ac:dyDescent="0.25">
      <c r="A28524" t="s">
        <v>43188</v>
      </c>
      <c r="B28524" t="s">
        <v>43189</v>
      </c>
      <c r="C28524">
        <v>0</v>
      </c>
      <c r="D28524">
        <v>0</v>
      </c>
    </row>
    <row r="28525" spans="1:4" x14ac:dyDescent="0.25">
      <c r="A28525" t="s">
        <v>43190</v>
      </c>
      <c r="B28525" t="s">
        <v>43191</v>
      </c>
      <c r="C28525">
        <v>2</v>
      </c>
      <c r="D28525">
        <v>0</v>
      </c>
    </row>
    <row r="28526" spans="1:4" x14ac:dyDescent="0.25">
      <c r="A28526" t="s">
        <v>43190</v>
      </c>
      <c r="B28526" t="s">
        <v>43192</v>
      </c>
      <c r="C28526">
        <v>2</v>
      </c>
      <c r="D28526">
        <v>0</v>
      </c>
    </row>
    <row r="28527" spans="1:4" x14ac:dyDescent="0.25">
      <c r="A28527" t="s">
        <v>43193</v>
      </c>
      <c r="B28527" t="s">
        <v>43194</v>
      </c>
      <c r="C28527">
        <v>1</v>
      </c>
      <c r="D28527">
        <v>0</v>
      </c>
    </row>
    <row r="28528" spans="1:4" x14ac:dyDescent="0.25">
      <c r="A28528" t="s">
        <v>43195</v>
      </c>
      <c r="B28528" t="s">
        <v>43196</v>
      </c>
      <c r="C28528">
        <v>0</v>
      </c>
      <c r="D28528">
        <v>0</v>
      </c>
    </row>
    <row r="28529" spans="1:4" x14ac:dyDescent="0.25">
      <c r="A28529" t="s">
        <v>43197</v>
      </c>
      <c r="B28529" t="s">
        <v>969</v>
      </c>
      <c r="C28529">
        <v>0</v>
      </c>
      <c r="D28529">
        <v>0</v>
      </c>
    </row>
    <row r="28530" spans="1:4" x14ac:dyDescent="0.25">
      <c r="A28530" t="s">
        <v>43197</v>
      </c>
      <c r="B28530" t="s">
        <v>1001</v>
      </c>
      <c r="C28530">
        <v>1</v>
      </c>
      <c r="D28530">
        <v>0</v>
      </c>
    </row>
    <row r="28531" spans="1:4" x14ac:dyDescent="0.25">
      <c r="A28531" t="s">
        <v>43198</v>
      </c>
      <c r="B28531" t="s">
        <v>43199</v>
      </c>
      <c r="C28531">
        <v>2</v>
      </c>
      <c r="D28531">
        <v>0</v>
      </c>
    </row>
    <row r="28532" spans="1:4" x14ac:dyDescent="0.25">
      <c r="A28532" t="s">
        <v>43198</v>
      </c>
      <c r="B28532" t="s">
        <v>398</v>
      </c>
      <c r="C28532">
        <v>0</v>
      </c>
      <c r="D28532">
        <v>0</v>
      </c>
    </row>
    <row r="28533" spans="1:4" x14ac:dyDescent="0.25">
      <c r="A28533" t="s">
        <v>43200</v>
      </c>
      <c r="B28533" t="s">
        <v>43201</v>
      </c>
      <c r="C28533">
        <v>1</v>
      </c>
      <c r="D28533">
        <v>0</v>
      </c>
    </row>
    <row r="28534" spans="1:4" x14ac:dyDescent="0.25">
      <c r="A28534" t="s">
        <v>43200</v>
      </c>
      <c r="B28534" t="s">
        <v>43202</v>
      </c>
      <c r="C28534">
        <v>1</v>
      </c>
      <c r="D28534">
        <v>0</v>
      </c>
    </row>
    <row r="28535" spans="1:4" x14ac:dyDescent="0.25">
      <c r="A28535" t="s">
        <v>43200</v>
      </c>
      <c r="B28535" t="s">
        <v>43203</v>
      </c>
      <c r="C28535">
        <v>1</v>
      </c>
      <c r="D28535">
        <v>0</v>
      </c>
    </row>
    <row r="28536" spans="1:4" x14ac:dyDescent="0.25">
      <c r="A28536" t="s">
        <v>43204</v>
      </c>
      <c r="B28536" t="s">
        <v>43205</v>
      </c>
      <c r="C28536">
        <v>1</v>
      </c>
      <c r="D28536">
        <v>0</v>
      </c>
    </row>
    <row r="28537" spans="1:4" x14ac:dyDescent="0.25">
      <c r="A28537" t="s">
        <v>43204</v>
      </c>
      <c r="B28537" t="s">
        <v>43206</v>
      </c>
      <c r="C28537">
        <v>2</v>
      </c>
      <c r="D28537">
        <v>0</v>
      </c>
    </row>
    <row r="28538" spans="1:4" x14ac:dyDescent="0.25">
      <c r="A28538" t="s">
        <v>43204</v>
      </c>
      <c r="B28538" t="s">
        <v>968</v>
      </c>
      <c r="C28538">
        <v>1</v>
      </c>
      <c r="D28538">
        <v>0</v>
      </c>
    </row>
    <row r="28539" spans="1:4" x14ac:dyDescent="0.25">
      <c r="A28539" t="s">
        <v>43207</v>
      </c>
      <c r="B28539" t="s">
        <v>1294</v>
      </c>
      <c r="C28539">
        <v>1</v>
      </c>
      <c r="D28539">
        <v>0</v>
      </c>
    </row>
    <row r="28540" spans="1:4" x14ac:dyDescent="0.25">
      <c r="A28540" t="s">
        <v>43208</v>
      </c>
      <c r="B28540" t="s">
        <v>43209</v>
      </c>
      <c r="C28540">
        <v>2</v>
      </c>
      <c r="D28540">
        <v>0</v>
      </c>
    </row>
    <row r="28541" spans="1:4" x14ac:dyDescent="0.25">
      <c r="A28541" t="s">
        <v>43210</v>
      </c>
      <c r="B28541" t="s">
        <v>43211</v>
      </c>
      <c r="C28541">
        <v>0</v>
      </c>
      <c r="D28541">
        <v>0</v>
      </c>
    </row>
    <row r="28542" spans="1:4" x14ac:dyDescent="0.25">
      <c r="A28542" t="s">
        <v>43212</v>
      </c>
      <c r="B28542" t="s">
        <v>43213</v>
      </c>
      <c r="C28542">
        <v>0</v>
      </c>
      <c r="D28542">
        <v>0</v>
      </c>
    </row>
    <row r="28543" spans="1:4" x14ac:dyDescent="0.25">
      <c r="A28543" t="s">
        <v>43212</v>
      </c>
      <c r="B28543" t="s">
        <v>43214</v>
      </c>
      <c r="C28543">
        <v>0</v>
      </c>
      <c r="D28543">
        <v>0</v>
      </c>
    </row>
    <row r="28544" spans="1:4" x14ac:dyDescent="0.25">
      <c r="A28544" t="s">
        <v>43212</v>
      </c>
      <c r="B28544" t="s">
        <v>43215</v>
      </c>
      <c r="C28544">
        <v>0</v>
      </c>
      <c r="D28544">
        <v>0</v>
      </c>
    </row>
    <row r="28545" spans="1:4" x14ac:dyDescent="0.25">
      <c r="A28545" t="s">
        <v>43216</v>
      </c>
      <c r="B28545" t="s">
        <v>43217</v>
      </c>
      <c r="C28545">
        <v>0</v>
      </c>
      <c r="D28545">
        <v>0</v>
      </c>
    </row>
    <row r="28546" spans="1:4" x14ac:dyDescent="0.25">
      <c r="A28546" t="s">
        <v>43216</v>
      </c>
      <c r="B28546" t="s">
        <v>43218</v>
      </c>
      <c r="C28546">
        <v>1</v>
      </c>
      <c r="D28546">
        <v>0</v>
      </c>
    </row>
    <row r="28547" spans="1:4" x14ac:dyDescent="0.25">
      <c r="A28547" t="s">
        <v>43219</v>
      </c>
      <c r="B28547" t="s">
        <v>43220</v>
      </c>
      <c r="C28547">
        <v>0</v>
      </c>
      <c r="D28547">
        <v>0</v>
      </c>
    </row>
    <row r="28548" spans="1:4" x14ac:dyDescent="0.25">
      <c r="A28548" t="s">
        <v>43221</v>
      </c>
      <c r="B28548" t="s">
        <v>3617</v>
      </c>
      <c r="C28548">
        <v>1</v>
      </c>
      <c r="D28548">
        <v>0</v>
      </c>
    </row>
    <row r="28549" spans="1:4" x14ac:dyDescent="0.25">
      <c r="A28549" t="s">
        <v>43221</v>
      </c>
      <c r="B28549" t="s">
        <v>43222</v>
      </c>
      <c r="C28549">
        <v>0</v>
      </c>
      <c r="D28549">
        <v>0</v>
      </c>
    </row>
    <row r="28550" spans="1:4" x14ac:dyDescent="0.25">
      <c r="A28550" t="s">
        <v>43221</v>
      </c>
      <c r="B28550" t="s">
        <v>43223</v>
      </c>
      <c r="C28550">
        <v>0</v>
      </c>
      <c r="D28550">
        <v>0</v>
      </c>
    </row>
    <row r="28551" spans="1:4" x14ac:dyDescent="0.25">
      <c r="A28551" t="s">
        <v>43224</v>
      </c>
      <c r="B28551" t="s">
        <v>43225</v>
      </c>
      <c r="C28551">
        <v>2</v>
      </c>
      <c r="D28551">
        <v>0</v>
      </c>
    </row>
    <row r="28552" spans="1:4" x14ac:dyDescent="0.25">
      <c r="A28552" t="s">
        <v>43224</v>
      </c>
      <c r="B28552" t="s">
        <v>2061</v>
      </c>
      <c r="C28552">
        <v>0</v>
      </c>
      <c r="D28552">
        <v>0</v>
      </c>
    </row>
    <row r="28553" spans="1:4" x14ac:dyDescent="0.25">
      <c r="A28553" t="s">
        <v>43224</v>
      </c>
      <c r="B28553" t="s">
        <v>43226</v>
      </c>
      <c r="C28553">
        <v>2</v>
      </c>
      <c r="D28553">
        <v>0</v>
      </c>
    </row>
    <row r="28554" spans="1:4" x14ac:dyDescent="0.25">
      <c r="A28554" t="s">
        <v>43227</v>
      </c>
      <c r="B28554" t="s">
        <v>43228</v>
      </c>
      <c r="C28554">
        <v>2</v>
      </c>
      <c r="D28554">
        <v>0</v>
      </c>
    </row>
    <row r="28555" spans="1:4" x14ac:dyDescent="0.25">
      <c r="A28555" t="s">
        <v>43229</v>
      </c>
      <c r="B28555" t="s">
        <v>43230</v>
      </c>
      <c r="C28555">
        <v>1</v>
      </c>
      <c r="D28555">
        <v>0</v>
      </c>
    </row>
    <row r="28556" spans="1:4" x14ac:dyDescent="0.25">
      <c r="A28556" t="s">
        <v>43229</v>
      </c>
      <c r="B28556" t="s">
        <v>43231</v>
      </c>
      <c r="C28556">
        <v>1</v>
      </c>
      <c r="D28556">
        <v>0</v>
      </c>
    </row>
    <row r="28557" spans="1:4" x14ac:dyDescent="0.25">
      <c r="A28557" t="s">
        <v>43229</v>
      </c>
      <c r="B28557" t="s">
        <v>43232</v>
      </c>
      <c r="C28557">
        <v>1</v>
      </c>
      <c r="D28557">
        <v>0</v>
      </c>
    </row>
    <row r="28558" spans="1:4" x14ac:dyDescent="0.25">
      <c r="A28558" t="s">
        <v>43233</v>
      </c>
      <c r="B28558" t="s">
        <v>43234</v>
      </c>
      <c r="C28558">
        <v>2</v>
      </c>
      <c r="D28558">
        <v>0</v>
      </c>
    </row>
    <row r="28559" spans="1:4" x14ac:dyDescent="0.25">
      <c r="A28559" t="s">
        <v>43235</v>
      </c>
      <c r="B28559" t="s">
        <v>43236</v>
      </c>
      <c r="C28559">
        <v>2</v>
      </c>
      <c r="D28559">
        <v>0</v>
      </c>
    </row>
    <row r="28560" spans="1:4" x14ac:dyDescent="0.25">
      <c r="A28560" t="s">
        <v>43235</v>
      </c>
      <c r="B28560" t="s">
        <v>43237</v>
      </c>
      <c r="C28560">
        <v>0</v>
      </c>
      <c r="D28560">
        <v>0</v>
      </c>
    </row>
    <row r="28561" spans="1:4" x14ac:dyDescent="0.25">
      <c r="A28561" t="s">
        <v>43235</v>
      </c>
      <c r="B28561" t="s">
        <v>43238</v>
      </c>
      <c r="C28561">
        <v>1</v>
      </c>
      <c r="D28561">
        <v>0</v>
      </c>
    </row>
    <row r="28562" spans="1:4" x14ac:dyDescent="0.25">
      <c r="A28562" t="s">
        <v>43239</v>
      </c>
      <c r="B28562" t="s">
        <v>1938</v>
      </c>
      <c r="C28562">
        <v>0</v>
      </c>
      <c r="D28562">
        <v>0</v>
      </c>
    </row>
    <row r="28563" spans="1:4" x14ac:dyDescent="0.25">
      <c r="A28563" t="s">
        <v>43239</v>
      </c>
      <c r="B28563" t="s">
        <v>42932</v>
      </c>
      <c r="C28563">
        <v>1</v>
      </c>
      <c r="D28563">
        <v>0</v>
      </c>
    </row>
    <row r="28564" spans="1:4" x14ac:dyDescent="0.25">
      <c r="A28564" t="s">
        <v>43240</v>
      </c>
      <c r="B28564" t="s">
        <v>43241</v>
      </c>
      <c r="C28564">
        <v>0</v>
      </c>
      <c r="D28564">
        <v>0</v>
      </c>
    </row>
    <row r="28565" spans="1:4" x14ac:dyDescent="0.25">
      <c r="A28565" t="s">
        <v>43242</v>
      </c>
      <c r="B28565" t="s">
        <v>43243</v>
      </c>
      <c r="C28565">
        <v>1</v>
      </c>
      <c r="D28565">
        <v>0</v>
      </c>
    </row>
    <row r="28566" spans="1:4" x14ac:dyDescent="0.25">
      <c r="A28566" t="s">
        <v>43242</v>
      </c>
      <c r="B28566" t="s">
        <v>43244</v>
      </c>
      <c r="C28566">
        <v>0</v>
      </c>
      <c r="D28566">
        <v>0</v>
      </c>
    </row>
    <row r="28567" spans="1:4" x14ac:dyDescent="0.25">
      <c r="A28567" t="s">
        <v>43245</v>
      </c>
      <c r="B28567" t="s">
        <v>43246</v>
      </c>
      <c r="C28567">
        <v>1</v>
      </c>
      <c r="D28567">
        <v>0</v>
      </c>
    </row>
    <row r="28568" spans="1:4" x14ac:dyDescent="0.25">
      <c r="A28568" t="s">
        <v>43245</v>
      </c>
      <c r="B28568" t="s">
        <v>43247</v>
      </c>
      <c r="C28568">
        <v>2</v>
      </c>
      <c r="D28568">
        <v>0</v>
      </c>
    </row>
    <row r="28569" spans="1:4" x14ac:dyDescent="0.25">
      <c r="A28569" t="s">
        <v>43245</v>
      </c>
      <c r="B28569" t="s">
        <v>43248</v>
      </c>
      <c r="C28569">
        <v>0</v>
      </c>
      <c r="D28569">
        <v>0</v>
      </c>
    </row>
    <row r="28570" spans="1:4" x14ac:dyDescent="0.25">
      <c r="A28570" t="s">
        <v>43249</v>
      </c>
      <c r="B28570" t="s">
        <v>43250</v>
      </c>
      <c r="C28570">
        <v>1</v>
      </c>
      <c r="D28570">
        <v>0</v>
      </c>
    </row>
    <row r="28571" spans="1:4" x14ac:dyDescent="0.25">
      <c r="A28571" t="s">
        <v>43249</v>
      </c>
      <c r="B28571" t="s">
        <v>43251</v>
      </c>
      <c r="C28571">
        <v>1</v>
      </c>
      <c r="D28571">
        <v>0</v>
      </c>
    </row>
    <row r="28572" spans="1:4" x14ac:dyDescent="0.25">
      <c r="A28572" t="s">
        <v>43249</v>
      </c>
      <c r="B28572" t="s">
        <v>43252</v>
      </c>
      <c r="C28572">
        <v>1</v>
      </c>
      <c r="D28572">
        <v>0</v>
      </c>
    </row>
    <row r="28573" spans="1:4" x14ac:dyDescent="0.25">
      <c r="A28573" t="s">
        <v>43253</v>
      </c>
      <c r="B28573" t="s">
        <v>2267</v>
      </c>
      <c r="C28573">
        <v>0</v>
      </c>
      <c r="D28573">
        <v>0</v>
      </c>
    </row>
    <row r="28574" spans="1:4" x14ac:dyDescent="0.25">
      <c r="A28574" t="s">
        <v>43253</v>
      </c>
      <c r="B28574" t="s">
        <v>43254</v>
      </c>
      <c r="C28574">
        <v>1</v>
      </c>
      <c r="D28574">
        <v>0</v>
      </c>
    </row>
    <row r="28575" spans="1:4" x14ac:dyDescent="0.25">
      <c r="A28575" t="s">
        <v>43255</v>
      </c>
      <c r="B28575" t="s">
        <v>43256</v>
      </c>
      <c r="C28575">
        <v>0</v>
      </c>
      <c r="D28575">
        <v>0</v>
      </c>
    </row>
    <row r="28576" spans="1:4" x14ac:dyDescent="0.25">
      <c r="A28576" t="s">
        <v>43255</v>
      </c>
      <c r="B28576" t="s">
        <v>43257</v>
      </c>
      <c r="C28576">
        <v>0</v>
      </c>
      <c r="D28576">
        <v>0</v>
      </c>
    </row>
    <row r="28577" spans="1:4" x14ac:dyDescent="0.25">
      <c r="A28577" t="s">
        <v>43255</v>
      </c>
      <c r="B28577" t="s">
        <v>2061</v>
      </c>
      <c r="C28577">
        <v>0</v>
      </c>
      <c r="D28577">
        <v>0</v>
      </c>
    </row>
    <row r="28578" spans="1:4" x14ac:dyDescent="0.25">
      <c r="A28578" t="s">
        <v>43258</v>
      </c>
      <c r="B28578" t="s">
        <v>969</v>
      </c>
      <c r="C28578">
        <v>0</v>
      </c>
      <c r="D28578">
        <v>0</v>
      </c>
    </row>
    <row r="28579" spans="1:4" x14ac:dyDescent="0.25">
      <c r="A28579" t="s">
        <v>43259</v>
      </c>
      <c r="B28579" t="s">
        <v>43260</v>
      </c>
      <c r="C28579">
        <v>0</v>
      </c>
      <c r="D28579">
        <v>0</v>
      </c>
    </row>
    <row r="28580" spans="1:4" x14ac:dyDescent="0.25">
      <c r="A28580" t="s">
        <v>43259</v>
      </c>
      <c r="B28580" t="s">
        <v>43261</v>
      </c>
      <c r="C28580">
        <v>0</v>
      </c>
      <c r="D28580">
        <v>0</v>
      </c>
    </row>
    <row r="28581" spans="1:4" x14ac:dyDescent="0.25">
      <c r="A28581" t="s">
        <v>43262</v>
      </c>
      <c r="B28581" t="s">
        <v>43263</v>
      </c>
      <c r="C28581">
        <v>1</v>
      </c>
      <c r="D28581">
        <v>0</v>
      </c>
    </row>
    <row r="28582" spans="1:4" x14ac:dyDescent="0.25">
      <c r="A28582" t="s">
        <v>43264</v>
      </c>
      <c r="B28582" t="s">
        <v>43265</v>
      </c>
      <c r="C28582">
        <v>1</v>
      </c>
      <c r="D28582">
        <v>0</v>
      </c>
    </row>
    <row r="28583" spans="1:4" x14ac:dyDescent="0.25">
      <c r="A28583" t="s">
        <v>43266</v>
      </c>
      <c r="B28583" t="s">
        <v>43267</v>
      </c>
      <c r="C28583">
        <v>1</v>
      </c>
      <c r="D28583">
        <v>0</v>
      </c>
    </row>
    <row r="28584" spans="1:4" x14ac:dyDescent="0.25">
      <c r="A28584" t="s">
        <v>43266</v>
      </c>
      <c r="B28584" t="s">
        <v>43268</v>
      </c>
      <c r="C28584">
        <v>1</v>
      </c>
      <c r="D28584">
        <v>0</v>
      </c>
    </row>
    <row r="28585" spans="1:4" x14ac:dyDescent="0.25">
      <c r="A28585" t="s">
        <v>43266</v>
      </c>
      <c r="B28585" t="s">
        <v>43269</v>
      </c>
      <c r="C28585">
        <v>1</v>
      </c>
      <c r="D28585">
        <v>0</v>
      </c>
    </row>
    <row r="28586" spans="1:4" x14ac:dyDescent="0.25">
      <c r="A28586" t="s">
        <v>43270</v>
      </c>
      <c r="B28586" t="s">
        <v>19747</v>
      </c>
      <c r="C28586">
        <v>0</v>
      </c>
      <c r="D28586">
        <v>0</v>
      </c>
    </row>
    <row r="28587" spans="1:4" x14ac:dyDescent="0.25">
      <c r="A28587" t="s">
        <v>43271</v>
      </c>
      <c r="B28587" t="s">
        <v>43272</v>
      </c>
      <c r="C28587">
        <v>2</v>
      </c>
      <c r="D28587">
        <v>0</v>
      </c>
    </row>
    <row r="28588" spans="1:4" x14ac:dyDescent="0.25">
      <c r="A28588" t="s">
        <v>43273</v>
      </c>
      <c r="B28588" t="s">
        <v>43274</v>
      </c>
      <c r="C28588">
        <v>0</v>
      </c>
      <c r="D28588">
        <v>0</v>
      </c>
    </row>
    <row r="28589" spans="1:4" x14ac:dyDescent="0.25">
      <c r="A28589" t="s">
        <v>43275</v>
      </c>
      <c r="B28589" t="s">
        <v>43276</v>
      </c>
      <c r="C28589">
        <v>1</v>
      </c>
      <c r="D28589">
        <v>0</v>
      </c>
    </row>
    <row r="28590" spans="1:4" x14ac:dyDescent="0.25">
      <c r="A28590" t="s">
        <v>43275</v>
      </c>
      <c r="B28590" t="s">
        <v>43277</v>
      </c>
      <c r="C28590">
        <v>0</v>
      </c>
      <c r="D28590">
        <v>0</v>
      </c>
    </row>
    <row r="28591" spans="1:4" x14ac:dyDescent="0.25">
      <c r="A28591" t="s">
        <v>43278</v>
      </c>
      <c r="B28591" t="s">
        <v>43279</v>
      </c>
      <c r="C28591">
        <v>0</v>
      </c>
      <c r="D28591">
        <v>0</v>
      </c>
    </row>
    <row r="28592" spans="1:4" x14ac:dyDescent="0.25">
      <c r="A28592" t="s">
        <v>43280</v>
      </c>
      <c r="B28592" t="s">
        <v>43281</v>
      </c>
      <c r="C28592">
        <v>0</v>
      </c>
      <c r="D28592">
        <v>0</v>
      </c>
    </row>
    <row r="28593" spans="1:4" x14ac:dyDescent="0.25">
      <c r="A28593" t="s">
        <v>43282</v>
      </c>
      <c r="B28593" t="s">
        <v>398</v>
      </c>
      <c r="C28593">
        <v>0</v>
      </c>
      <c r="D28593">
        <v>0</v>
      </c>
    </row>
    <row r="28594" spans="1:4" x14ac:dyDescent="0.25">
      <c r="A28594" t="s">
        <v>43283</v>
      </c>
      <c r="B28594" t="s">
        <v>11948</v>
      </c>
      <c r="C28594">
        <v>0</v>
      </c>
      <c r="D28594">
        <v>0</v>
      </c>
    </row>
    <row r="28595" spans="1:4" x14ac:dyDescent="0.25">
      <c r="A28595" t="s">
        <v>43284</v>
      </c>
      <c r="B28595" t="s">
        <v>43285</v>
      </c>
      <c r="C28595">
        <v>1</v>
      </c>
      <c r="D28595">
        <v>0</v>
      </c>
    </row>
    <row r="28596" spans="1:4" x14ac:dyDescent="0.25">
      <c r="A28596" t="s">
        <v>43284</v>
      </c>
      <c r="B28596" t="s">
        <v>43286</v>
      </c>
      <c r="C28596">
        <v>1</v>
      </c>
      <c r="D28596">
        <v>0</v>
      </c>
    </row>
    <row r="28597" spans="1:4" x14ac:dyDescent="0.25">
      <c r="A28597" t="s">
        <v>43287</v>
      </c>
      <c r="B28597" t="s">
        <v>43288</v>
      </c>
      <c r="C28597">
        <v>2</v>
      </c>
      <c r="D28597">
        <v>0</v>
      </c>
    </row>
    <row r="28598" spans="1:4" x14ac:dyDescent="0.25">
      <c r="A28598" t="s">
        <v>43287</v>
      </c>
      <c r="B28598" t="s">
        <v>43289</v>
      </c>
      <c r="C28598">
        <v>2</v>
      </c>
      <c r="D28598">
        <v>0</v>
      </c>
    </row>
    <row r="28599" spans="1:4" x14ac:dyDescent="0.25">
      <c r="A28599" t="s">
        <v>43290</v>
      </c>
      <c r="B28599" t="s">
        <v>43291</v>
      </c>
      <c r="C28599">
        <v>0</v>
      </c>
      <c r="D28599">
        <v>0</v>
      </c>
    </row>
    <row r="28600" spans="1:4" x14ac:dyDescent="0.25">
      <c r="A28600" t="s">
        <v>43292</v>
      </c>
      <c r="B28600" t="s">
        <v>43293</v>
      </c>
      <c r="C28600">
        <v>0</v>
      </c>
      <c r="D28600">
        <v>0</v>
      </c>
    </row>
    <row r="28601" spans="1:4" x14ac:dyDescent="0.25">
      <c r="A28601" t="s">
        <v>43292</v>
      </c>
      <c r="B28601" t="s">
        <v>43294</v>
      </c>
      <c r="C28601">
        <v>1</v>
      </c>
      <c r="D28601">
        <v>0</v>
      </c>
    </row>
    <row r="28602" spans="1:4" x14ac:dyDescent="0.25">
      <c r="A28602" t="s">
        <v>43295</v>
      </c>
      <c r="B28602" t="s">
        <v>43296</v>
      </c>
      <c r="C28602">
        <v>1</v>
      </c>
      <c r="D28602">
        <v>0</v>
      </c>
    </row>
    <row r="28603" spans="1:4" x14ac:dyDescent="0.25">
      <c r="A28603" t="s">
        <v>43295</v>
      </c>
      <c r="B28603" t="s">
        <v>43297</v>
      </c>
      <c r="C28603">
        <v>1</v>
      </c>
      <c r="D28603">
        <v>0</v>
      </c>
    </row>
    <row r="28604" spans="1:4" x14ac:dyDescent="0.25">
      <c r="A28604" t="s">
        <v>43295</v>
      </c>
      <c r="B28604" t="s">
        <v>43298</v>
      </c>
      <c r="C28604">
        <v>1</v>
      </c>
      <c r="D28604">
        <v>0</v>
      </c>
    </row>
    <row r="28605" spans="1:4" x14ac:dyDescent="0.25">
      <c r="A28605" t="s">
        <v>43299</v>
      </c>
      <c r="B28605" t="s">
        <v>43300</v>
      </c>
      <c r="C28605">
        <v>2</v>
      </c>
      <c r="D28605">
        <v>0</v>
      </c>
    </row>
    <row r="28606" spans="1:4" x14ac:dyDescent="0.25">
      <c r="A28606" t="s">
        <v>43299</v>
      </c>
      <c r="B28606" t="s">
        <v>43301</v>
      </c>
      <c r="C28606">
        <v>1</v>
      </c>
      <c r="D28606">
        <v>0</v>
      </c>
    </row>
    <row r="28607" spans="1:4" x14ac:dyDescent="0.25">
      <c r="A28607" t="s">
        <v>43302</v>
      </c>
      <c r="B28607" t="s">
        <v>43303</v>
      </c>
      <c r="C28607">
        <v>1</v>
      </c>
      <c r="D28607">
        <v>0</v>
      </c>
    </row>
    <row r="28608" spans="1:4" x14ac:dyDescent="0.25">
      <c r="A28608" t="s">
        <v>43304</v>
      </c>
      <c r="B28608" t="s">
        <v>43305</v>
      </c>
      <c r="C28608">
        <v>1</v>
      </c>
      <c r="D28608">
        <v>0</v>
      </c>
    </row>
    <row r="28609" spans="1:4" x14ac:dyDescent="0.25">
      <c r="A28609" t="s">
        <v>43304</v>
      </c>
      <c r="B28609" t="s">
        <v>43306</v>
      </c>
      <c r="C28609">
        <v>1</v>
      </c>
      <c r="D28609">
        <v>0</v>
      </c>
    </row>
    <row r="28610" spans="1:4" x14ac:dyDescent="0.25">
      <c r="A28610" t="s">
        <v>43304</v>
      </c>
      <c r="B28610" t="s">
        <v>43307</v>
      </c>
      <c r="C28610">
        <v>2</v>
      </c>
      <c r="D28610">
        <v>0</v>
      </c>
    </row>
    <row r="28611" spans="1:4" x14ac:dyDescent="0.25">
      <c r="A28611" t="s">
        <v>43308</v>
      </c>
      <c r="B28611" t="s">
        <v>43309</v>
      </c>
      <c r="C28611">
        <v>1</v>
      </c>
      <c r="D28611">
        <v>0</v>
      </c>
    </row>
    <row r="28612" spans="1:4" x14ac:dyDescent="0.25">
      <c r="A28612" t="s">
        <v>43308</v>
      </c>
      <c r="B28612" t="s">
        <v>7091</v>
      </c>
      <c r="C28612">
        <v>0</v>
      </c>
      <c r="D28612">
        <v>0</v>
      </c>
    </row>
    <row r="28613" spans="1:4" x14ac:dyDescent="0.25">
      <c r="A28613" t="s">
        <v>43310</v>
      </c>
      <c r="B28613" t="s">
        <v>2061</v>
      </c>
      <c r="C28613">
        <v>0</v>
      </c>
      <c r="D28613">
        <v>0</v>
      </c>
    </row>
    <row r="28614" spans="1:4" x14ac:dyDescent="0.25">
      <c r="A28614" t="s">
        <v>43311</v>
      </c>
      <c r="B28614" t="s">
        <v>43312</v>
      </c>
      <c r="C28614">
        <v>1</v>
      </c>
      <c r="D28614">
        <v>0</v>
      </c>
    </row>
    <row r="28615" spans="1:4" x14ac:dyDescent="0.25">
      <c r="A28615" t="s">
        <v>43313</v>
      </c>
      <c r="B28615" t="s">
        <v>43314</v>
      </c>
      <c r="C28615">
        <v>1</v>
      </c>
      <c r="D28615">
        <v>0</v>
      </c>
    </row>
    <row r="28616" spans="1:4" x14ac:dyDescent="0.25">
      <c r="A28616" t="s">
        <v>43315</v>
      </c>
      <c r="B28616" t="s">
        <v>43316</v>
      </c>
      <c r="C28616">
        <v>2</v>
      </c>
      <c r="D28616">
        <v>0</v>
      </c>
    </row>
    <row r="28617" spans="1:4" x14ac:dyDescent="0.25">
      <c r="A28617" t="s">
        <v>43317</v>
      </c>
      <c r="B28617" t="s">
        <v>969</v>
      </c>
      <c r="C28617">
        <v>0</v>
      </c>
      <c r="D28617">
        <v>0</v>
      </c>
    </row>
    <row r="28618" spans="1:4" x14ac:dyDescent="0.25">
      <c r="A28618" t="s">
        <v>43317</v>
      </c>
      <c r="B28618" t="s">
        <v>43318</v>
      </c>
      <c r="C28618">
        <v>1</v>
      </c>
      <c r="D28618">
        <v>0</v>
      </c>
    </row>
    <row r="28619" spans="1:4" x14ac:dyDescent="0.25">
      <c r="A28619" t="s">
        <v>43319</v>
      </c>
      <c r="B28619" t="s">
        <v>43320</v>
      </c>
      <c r="C28619">
        <v>0</v>
      </c>
      <c r="D28619">
        <v>0</v>
      </c>
    </row>
    <row r="28620" spans="1:4" x14ac:dyDescent="0.25">
      <c r="A28620" t="s">
        <v>43319</v>
      </c>
      <c r="B28620" t="s">
        <v>2267</v>
      </c>
      <c r="C28620">
        <v>0</v>
      </c>
      <c r="D28620">
        <v>0</v>
      </c>
    </row>
    <row r="28621" spans="1:4" x14ac:dyDescent="0.25">
      <c r="A28621" t="s">
        <v>43319</v>
      </c>
      <c r="B28621" t="s">
        <v>43321</v>
      </c>
      <c r="C28621">
        <v>0</v>
      </c>
      <c r="D28621">
        <v>0</v>
      </c>
    </row>
    <row r="28622" spans="1:4" x14ac:dyDescent="0.25">
      <c r="A28622" t="s">
        <v>43322</v>
      </c>
      <c r="B28622" t="s">
        <v>43323</v>
      </c>
      <c r="C28622">
        <v>0</v>
      </c>
      <c r="D28622">
        <v>0</v>
      </c>
    </row>
    <row r="28623" spans="1:4" x14ac:dyDescent="0.25">
      <c r="A28623" t="s">
        <v>43324</v>
      </c>
      <c r="B28623" t="s">
        <v>852</v>
      </c>
      <c r="C28623">
        <v>0</v>
      </c>
      <c r="D28623">
        <v>0</v>
      </c>
    </row>
    <row r="28624" spans="1:4" x14ac:dyDescent="0.25">
      <c r="A28624" t="s">
        <v>43325</v>
      </c>
      <c r="B28624" t="s">
        <v>43326</v>
      </c>
      <c r="C28624">
        <v>1</v>
      </c>
      <c r="D28624">
        <v>0</v>
      </c>
    </row>
    <row r="28625" spans="1:4" x14ac:dyDescent="0.25">
      <c r="A28625" t="s">
        <v>43325</v>
      </c>
      <c r="B28625" t="s">
        <v>10844</v>
      </c>
      <c r="C28625">
        <v>1</v>
      </c>
      <c r="D28625">
        <v>0</v>
      </c>
    </row>
    <row r="28626" spans="1:4" x14ac:dyDescent="0.25">
      <c r="A28626" t="s">
        <v>43325</v>
      </c>
      <c r="B28626" t="s">
        <v>43327</v>
      </c>
      <c r="C28626">
        <v>0</v>
      </c>
      <c r="D28626">
        <v>0</v>
      </c>
    </row>
    <row r="28627" spans="1:4" x14ac:dyDescent="0.25">
      <c r="A28627" t="s">
        <v>43328</v>
      </c>
      <c r="B28627" t="s">
        <v>398</v>
      </c>
      <c r="C28627">
        <v>0</v>
      </c>
      <c r="D28627">
        <v>0</v>
      </c>
    </row>
    <row r="28628" spans="1:4" x14ac:dyDescent="0.25">
      <c r="A28628" t="s">
        <v>43329</v>
      </c>
      <c r="B28628" t="s">
        <v>43330</v>
      </c>
      <c r="C28628">
        <v>0</v>
      </c>
      <c r="D28628">
        <v>0</v>
      </c>
    </row>
    <row r="28629" spans="1:4" x14ac:dyDescent="0.25">
      <c r="A28629" t="s">
        <v>43331</v>
      </c>
      <c r="B28629" t="s">
        <v>969</v>
      </c>
      <c r="C28629">
        <v>0</v>
      </c>
      <c r="D28629">
        <v>0</v>
      </c>
    </row>
    <row r="28630" spans="1:4" x14ac:dyDescent="0.25">
      <c r="A28630" t="s">
        <v>43331</v>
      </c>
      <c r="B28630" t="s">
        <v>9010</v>
      </c>
      <c r="C28630">
        <v>2</v>
      </c>
      <c r="D28630">
        <v>0</v>
      </c>
    </row>
    <row r="28631" spans="1:4" x14ac:dyDescent="0.25">
      <c r="A28631" t="s">
        <v>43332</v>
      </c>
      <c r="B28631" t="s">
        <v>43333</v>
      </c>
      <c r="C28631">
        <v>2</v>
      </c>
      <c r="D28631">
        <v>0</v>
      </c>
    </row>
    <row r="28632" spans="1:4" x14ac:dyDescent="0.25">
      <c r="A28632" t="s">
        <v>43332</v>
      </c>
      <c r="B28632" t="s">
        <v>43334</v>
      </c>
      <c r="C28632">
        <v>2</v>
      </c>
      <c r="D28632">
        <v>0</v>
      </c>
    </row>
    <row r="28633" spans="1:4" x14ac:dyDescent="0.25">
      <c r="A28633" t="s">
        <v>43332</v>
      </c>
      <c r="B28633" t="s">
        <v>43335</v>
      </c>
      <c r="C28633">
        <v>0</v>
      </c>
      <c r="D28633">
        <v>0</v>
      </c>
    </row>
    <row r="28634" spans="1:4" x14ac:dyDescent="0.25">
      <c r="A28634" t="s">
        <v>43336</v>
      </c>
      <c r="B28634" t="s">
        <v>3926</v>
      </c>
      <c r="C28634">
        <v>1</v>
      </c>
      <c r="D28634">
        <v>0</v>
      </c>
    </row>
    <row r="28635" spans="1:4" x14ac:dyDescent="0.25">
      <c r="A28635" t="s">
        <v>43337</v>
      </c>
      <c r="B28635" t="s">
        <v>43338</v>
      </c>
      <c r="C28635">
        <v>0</v>
      </c>
      <c r="D28635">
        <v>0</v>
      </c>
    </row>
    <row r="28636" spans="1:4" x14ac:dyDescent="0.25">
      <c r="A28636" t="s">
        <v>43337</v>
      </c>
      <c r="B28636" t="s">
        <v>2061</v>
      </c>
      <c r="C28636">
        <v>0</v>
      </c>
      <c r="D28636">
        <v>0</v>
      </c>
    </row>
    <row r="28637" spans="1:4" x14ac:dyDescent="0.25">
      <c r="A28637" t="s">
        <v>43337</v>
      </c>
      <c r="B28637" t="s">
        <v>43339</v>
      </c>
      <c r="C28637">
        <v>0</v>
      </c>
      <c r="D28637">
        <v>0</v>
      </c>
    </row>
    <row r="28638" spans="1:4" x14ac:dyDescent="0.25">
      <c r="A28638" t="s">
        <v>43340</v>
      </c>
      <c r="B28638" t="s">
        <v>43341</v>
      </c>
      <c r="C28638">
        <v>0</v>
      </c>
      <c r="D28638">
        <v>0</v>
      </c>
    </row>
    <row r="28639" spans="1:4" x14ac:dyDescent="0.25">
      <c r="A28639" t="s">
        <v>43340</v>
      </c>
      <c r="B28639" t="s">
        <v>43342</v>
      </c>
      <c r="C28639">
        <v>1</v>
      </c>
      <c r="D28639">
        <v>0</v>
      </c>
    </row>
    <row r="28640" spans="1:4" x14ac:dyDescent="0.25">
      <c r="A28640" t="s">
        <v>43343</v>
      </c>
      <c r="B28640" t="s">
        <v>43344</v>
      </c>
      <c r="C28640">
        <v>2</v>
      </c>
      <c r="D28640">
        <v>0</v>
      </c>
    </row>
    <row r="28641" spans="1:4" x14ac:dyDescent="0.25">
      <c r="A28641" t="s">
        <v>43343</v>
      </c>
      <c r="B28641" t="s">
        <v>43345</v>
      </c>
      <c r="C28641">
        <v>0</v>
      </c>
      <c r="D28641">
        <v>0</v>
      </c>
    </row>
    <row r="28642" spans="1:4" x14ac:dyDescent="0.25">
      <c r="A28642" t="s">
        <v>43346</v>
      </c>
      <c r="B28642" t="s">
        <v>43347</v>
      </c>
      <c r="C28642">
        <v>2</v>
      </c>
      <c r="D28642">
        <v>0</v>
      </c>
    </row>
    <row r="28643" spans="1:4" x14ac:dyDescent="0.25">
      <c r="A28643" t="s">
        <v>43346</v>
      </c>
      <c r="B28643" t="s">
        <v>43348</v>
      </c>
      <c r="C28643">
        <v>2</v>
      </c>
      <c r="D28643">
        <v>0</v>
      </c>
    </row>
    <row r="28644" spans="1:4" x14ac:dyDescent="0.25">
      <c r="A28644" t="s">
        <v>43346</v>
      </c>
      <c r="B28644" t="s">
        <v>43349</v>
      </c>
      <c r="C28644">
        <v>2</v>
      </c>
      <c r="D28644">
        <v>0</v>
      </c>
    </row>
    <row r="28645" spans="1:4" x14ac:dyDescent="0.25">
      <c r="A28645" t="s">
        <v>43350</v>
      </c>
      <c r="B28645" t="s">
        <v>43351</v>
      </c>
      <c r="C28645">
        <v>0</v>
      </c>
      <c r="D28645">
        <v>0</v>
      </c>
    </row>
    <row r="28646" spans="1:4" x14ac:dyDescent="0.25">
      <c r="A28646" t="s">
        <v>43350</v>
      </c>
      <c r="B28646" t="s">
        <v>43352</v>
      </c>
      <c r="C28646">
        <v>2</v>
      </c>
      <c r="D28646">
        <v>0</v>
      </c>
    </row>
    <row r="28647" spans="1:4" x14ac:dyDescent="0.25">
      <c r="A28647" t="s">
        <v>43350</v>
      </c>
      <c r="B28647" t="s">
        <v>43353</v>
      </c>
      <c r="C28647">
        <v>2</v>
      </c>
      <c r="D28647">
        <v>0</v>
      </c>
    </row>
    <row r="28648" spans="1:4" x14ac:dyDescent="0.25">
      <c r="A28648" t="s">
        <v>43354</v>
      </c>
      <c r="B28648" t="s">
        <v>43355</v>
      </c>
      <c r="C28648">
        <v>0</v>
      </c>
      <c r="D28648">
        <v>0</v>
      </c>
    </row>
    <row r="28649" spans="1:4" x14ac:dyDescent="0.25">
      <c r="A28649" t="s">
        <v>43356</v>
      </c>
      <c r="B28649" t="s">
        <v>43357</v>
      </c>
      <c r="C28649">
        <v>2</v>
      </c>
      <c r="D28649">
        <v>0</v>
      </c>
    </row>
    <row r="28650" spans="1:4" x14ac:dyDescent="0.25">
      <c r="A28650" t="s">
        <v>43358</v>
      </c>
      <c r="B28650" t="s">
        <v>43359</v>
      </c>
      <c r="C28650">
        <v>1</v>
      </c>
      <c r="D28650">
        <v>0</v>
      </c>
    </row>
    <row r="28651" spans="1:4" x14ac:dyDescent="0.25">
      <c r="A28651" t="s">
        <v>43358</v>
      </c>
      <c r="B28651" t="s">
        <v>43360</v>
      </c>
      <c r="C28651">
        <v>1</v>
      </c>
      <c r="D28651">
        <v>0</v>
      </c>
    </row>
    <row r="28652" spans="1:4" x14ac:dyDescent="0.25">
      <c r="A28652" t="s">
        <v>43358</v>
      </c>
      <c r="B28652" t="s">
        <v>43361</v>
      </c>
      <c r="C28652">
        <v>1</v>
      </c>
      <c r="D28652">
        <v>0</v>
      </c>
    </row>
    <row r="28653" spans="1:4" x14ac:dyDescent="0.25">
      <c r="A28653" t="s">
        <v>43362</v>
      </c>
      <c r="B28653" t="s">
        <v>43363</v>
      </c>
      <c r="C28653">
        <v>0</v>
      </c>
      <c r="D28653">
        <v>0</v>
      </c>
    </row>
    <row r="28654" spans="1:4" x14ac:dyDescent="0.25">
      <c r="A28654" t="s">
        <v>43362</v>
      </c>
      <c r="B28654" t="s">
        <v>43364</v>
      </c>
      <c r="C28654">
        <v>1</v>
      </c>
      <c r="D28654">
        <v>0</v>
      </c>
    </row>
    <row r="28655" spans="1:4" x14ac:dyDescent="0.25">
      <c r="A28655" t="s">
        <v>43365</v>
      </c>
      <c r="B28655" t="s">
        <v>43366</v>
      </c>
      <c r="C28655">
        <v>2</v>
      </c>
      <c r="D28655">
        <v>0</v>
      </c>
    </row>
    <row r="28656" spans="1:4" x14ac:dyDescent="0.25">
      <c r="A28656" t="s">
        <v>43367</v>
      </c>
      <c r="B28656" t="s">
        <v>43368</v>
      </c>
      <c r="C28656">
        <v>1</v>
      </c>
      <c r="D28656">
        <v>0</v>
      </c>
    </row>
    <row r="28657" spans="1:4" x14ac:dyDescent="0.25">
      <c r="A28657" t="s">
        <v>43367</v>
      </c>
      <c r="B28657" t="s">
        <v>43369</v>
      </c>
      <c r="C28657">
        <v>1</v>
      </c>
      <c r="D28657">
        <v>0</v>
      </c>
    </row>
    <row r="28658" spans="1:4" x14ac:dyDescent="0.25">
      <c r="A28658" t="s">
        <v>43370</v>
      </c>
      <c r="B28658" t="s">
        <v>43371</v>
      </c>
      <c r="C28658">
        <v>2</v>
      </c>
      <c r="D28658">
        <v>0</v>
      </c>
    </row>
    <row r="28659" spans="1:4" x14ac:dyDescent="0.25">
      <c r="A28659" t="s">
        <v>43372</v>
      </c>
      <c r="B28659" t="s">
        <v>852</v>
      </c>
      <c r="C28659">
        <v>0</v>
      </c>
      <c r="D28659">
        <v>0</v>
      </c>
    </row>
    <row r="28660" spans="1:4" x14ac:dyDescent="0.25">
      <c r="A28660" t="s">
        <v>43373</v>
      </c>
      <c r="B28660" t="s">
        <v>43374</v>
      </c>
      <c r="C28660">
        <v>2</v>
      </c>
      <c r="D28660">
        <v>0</v>
      </c>
    </row>
    <row r="28661" spans="1:4" x14ac:dyDescent="0.25">
      <c r="A28661" t="s">
        <v>43373</v>
      </c>
      <c r="B28661" t="s">
        <v>43375</v>
      </c>
      <c r="C28661">
        <v>0</v>
      </c>
      <c r="D28661">
        <v>0</v>
      </c>
    </row>
    <row r="28662" spans="1:4" x14ac:dyDescent="0.25">
      <c r="A28662" t="s">
        <v>43373</v>
      </c>
      <c r="B28662" t="s">
        <v>43376</v>
      </c>
      <c r="C28662">
        <v>0</v>
      </c>
      <c r="D28662">
        <v>0</v>
      </c>
    </row>
    <row r="28663" spans="1:4" x14ac:dyDescent="0.25">
      <c r="A28663" t="s">
        <v>43377</v>
      </c>
      <c r="B28663" t="s">
        <v>43378</v>
      </c>
      <c r="C28663">
        <v>1</v>
      </c>
      <c r="D28663">
        <v>0</v>
      </c>
    </row>
    <row r="28664" spans="1:4" x14ac:dyDescent="0.25">
      <c r="A28664" t="s">
        <v>43379</v>
      </c>
      <c r="B28664" t="s">
        <v>43380</v>
      </c>
      <c r="C28664">
        <v>0</v>
      </c>
      <c r="D28664">
        <v>0</v>
      </c>
    </row>
    <row r="28665" spans="1:4" x14ac:dyDescent="0.25">
      <c r="A28665" t="s">
        <v>43379</v>
      </c>
      <c r="B28665" t="s">
        <v>43381</v>
      </c>
      <c r="C28665">
        <v>2</v>
      </c>
      <c r="D28665">
        <v>0</v>
      </c>
    </row>
    <row r="28666" spans="1:4" x14ac:dyDescent="0.25">
      <c r="A28666" t="s">
        <v>43382</v>
      </c>
      <c r="B28666" t="s">
        <v>43383</v>
      </c>
      <c r="C28666">
        <v>2</v>
      </c>
      <c r="D28666">
        <v>0</v>
      </c>
    </row>
    <row r="28667" spans="1:4" x14ac:dyDescent="0.25">
      <c r="A28667" t="s">
        <v>43384</v>
      </c>
      <c r="B28667" t="s">
        <v>43385</v>
      </c>
      <c r="C28667">
        <v>1</v>
      </c>
      <c r="D28667">
        <v>0</v>
      </c>
    </row>
    <row r="28668" spans="1:4" x14ac:dyDescent="0.25">
      <c r="A28668" t="s">
        <v>43386</v>
      </c>
      <c r="B28668" t="s">
        <v>43387</v>
      </c>
      <c r="C28668">
        <v>2</v>
      </c>
      <c r="D28668">
        <v>0</v>
      </c>
    </row>
    <row r="28669" spans="1:4" x14ac:dyDescent="0.25">
      <c r="A28669" t="s">
        <v>43386</v>
      </c>
      <c r="B28669" t="s">
        <v>43388</v>
      </c>
      <c r="C28669">
        <v>1</v>
      </c>
      <c r="D28669">
        <v>0</v>
      </c>
    </row>
    <row r="28670" spans="1:4" x14ac:dyDescent="0.25">
      <c r="A28670" t="s">
        <v>43389</v>
      </c>
      <c r="B28670" t="s">
        <v>43390</v>
      </c>
      <c r="C28670">
        <v>1</v>
      </c>
      <c r="D28670">
        <v>0</v>
      </c>
    </row>
    <row r="28671" spans="1:4" x14ac:dyDescent="0.25">
      <c r="A28671" t="s">
        <v>43389</v>
      </c>
      <c r="B28671" t="s">
        <v>43391</v>
      </c>
      <c r="C28671">
        <v>2</v>
      </c>
      <c r="D28671">
        <v>0</v>
      </c>
    </row>
    <row r="28672" spans="1:4" x14ac:dyDescent="0.25">
      <c r="A28672" t="s">
        <v>43389</v>
      </c>
      <c r="B28672" t="s">
        <v>43392</v>
      </c>
      <c r="C28672">
        <v>2</v>
      </c>
      <c r="D28672">
        <v>0</v>
      </c>
    </row>
    <row r="28673" spans="1:4" x14ac:dyDescent="0.25">
      <c r="A28673" t="s">
        <v>43393</v>
      </c>
      <c r="B28673" t="s">
        <v>3048</v>
      </c>
      <c r="C28673">
        <v>0</v>
      </c>
      <c r="D28673">
        <v>0</v>
      </c>
    </row>
    <row r="28674" spans="1:4" x14ac:dyDescent="0.25">
      <c r="A28674" t="s">
        <v>43393</v>
      </c>
      <c r="B28674" t="s">
        <v>43394</v>
      </c>
      <c r="C28674">
        <v>2</v>
      </c>
      <c r="D28674">
        <v>0</v>
      </c>
    </row>
    <row r="28675" spans="1:4" x14ac:dyDescent="0.25">
      <c r="A28675" t="s">
        <v>43395</v>
      </c>
      <c r="B28675" t="s">
        <v>43396</v>
      </c>
      <c r="C28675">
        <v>1</v>
      </c>
      <c r="D28675">
        <v>0</v>
      </c>
    </row>
    <row r="28676" spans="1:4" x14ac:dyDescent="0.25">
      <c r="A28676" t="s">
        <v>43395</v>
      </c>
      <c r="B28676" t="s">
        <v>43397</v>
      </c>
      <c r="C28676">
        <v>1</v>
      </c>
      <c r="D28676">
        <v>0</v>
      </c>
    </row>
    <row r="28677" spans="1:4" x14ac:dyDescent="0.25">
      <c r="A28677" t="s">
        <v>43398</v>
      </c>
      <c r="B28677" t="s">
        <v>43399</v>
      </c>
      <c r="C28677">
        <v>2</v>
      </c>
      <c r="D28677">
        <v>0</v>
      </c>
    </row>
    <row r="28678" spans="1:4" x14ac:dyDescent="0.25">
      <c r="A28678" t="s">
        <v>43400</v>
      </c>
      <c r="B28678" t="s">
        <v>43401</v>
      </c>
      <c r="C28678">
        <v>1</v>
      </c>
      <c r="D28678">
        <v>0</v>
      </c>
    </row>
    <row r="28679" spans="1:4" x14ac:dyDescent="0.25">
      <c r="A28679" t="s">
        <v>43400</v>
      </c>
      <c r="B28679" t="s">
        <v>43402</v>
      </c>
      <c r="C28679">
        <v>1</v>
      </c>
      <c r="D28679">
        <v>0</v>
      </c>
    </row>
    <row r="28680" spans="1:4" x14ac:dyDescent="0.25">
      <c r="A28680" t="s">
        <v>43400</v>
      </c>
      <c r="B28680" t="s">
        <v>43403</v>
      </c>
      <c r="C28680">
        <v>1</v>
      </c>
      <c r="D28680">
        <v>0</v>
      </c>
    </row>
    <row r="28681" spans="1:4" x14ac:dyDescent="0.25">
      <c r="A28681" t="s">
        <v>43404</v>
      </c>
      <c r="B28681" t="s">
        <v>1769</v>
      </c>
      <c r="C28681">
        <v>1</v>
      </c>
      <c r="D28681">
        <v>0</v>
      </c>
    </row>
    <row r="28682" spans="1:4" x14ac:dyDescent="0.25">
      <c r="A28682" t="s">
        <v>43405</v>
      </c>
      <c r="B28682" t="s">
        <v>43406</v>
      </c>
      <c r="C28682">
        <v>2</v>
      </c>
      <c r="D28682">
        <v>0</v>
      </c>
    </row>
    <row r="28683" spans="1:4" x14ac:dyDescent="0.25">
      <c r="A28683" t="s">
        <v>43405</v>
      </c>
      <c r="B28683" t="s">
        <v>43407</v>
      </c>
      <c r="C28683">
        <v>1</v>
      </c>
      <c r="D28683">
        <v>0</v>
      </c>
    </row>
    <row r="28684" spans="1:4" x14ac:dyDescent="0.25">
      <c r="A28684" t="s">
        <v>43405</v>
      </c>
      <c r="B28684" t="s">
        <v>43408</v>
      </c>
      <c r="C28684">
        <v>2</v>
      </c>
      <c r="D28684">
        <v>0</v>
      </c>
    </row>
    <row r="28685" spans="1:4" x14ac:dyDescent="0.25">
      <c r="A28685" t="s">
        <v>43409</v>
      </c>
      <c r="B28685" t="s">
        <v>2061</v>
      </c>
      <c r="C28685">
        <v>0</v>
      </c>
      <c r="D28685">
        <v>0</v>
      </c>
    </row>
    <row r="28686" spans="1:4" x14ac:dyDescent="0.25">
      <c r="A28686" t="s">
        <v>43410</v>
      </c>
      <c r="B28686" t="s">
        <v>43411</v>
      </c>
      <c r="C28686">
        <v>1</v>
      </c>
      <c r="D28686">
        <v>0</v>
      </c>
    </row>
    <row r="28687" spans="1:4" x14ac:dyDescent="0.25">
      <c r="A28687" t="s">
        <v>43412</v>
      </c>
      <c r="B28687" t="s">
        <v>43413</v>
      </c>
      <c r="C28687">
        <v>1</v>
      </c>
      <c r="D28687">
        <v>0</v>
      </c>
    </row>
    <row r="28688" spans="1:4" x14ac:dyDescent="0.25">
      <c r="A28688" t="s">
        <v>43412</v>
      </c>
      <c r="B28688" t="s">
        <v>43414</v>
      </c>
      <c r="C28688">
        <v>2</v>
      </c>
      <c r="D28688">
        <v>0</v>
      </c>
    </row>
    <row r="28689" spans="1:4" x14ac:dyDescent="0.25">
      <c r="A28689" t="s">
        <v>43415</v>
      </c>
      <c r="B28689" t="s">
        <v>43416</v>
      </c>
      <c r="C28689">
        <v>2</v>
      </c>
      <c r="D28689">
        <v>0</v>
      </c>
    </row>
    <row r="28690" spans="1:4" x14ac:dyDescent="0.25">
      <c r="A28690" t="s">
        <v>43415</v>
      </c>
      <c r="B28690" t="s">
        <v>43417</v>
      </c>
      <c r="C28690">
        <v>1</v>
      </c>
      <c r="D28690">
        <v>0</v>
      </c>
    </row>
    <row r="28691" spans="1:4" x14ac:dyDescent="0.25">
      <c r="A28691" t="s">
        <v>43415</v>
      </c>
      <c r="B28691" t="s">
        <v>43418</v>
      </c>
      <c r="C28691">
        <v>1</v>
      </c>
      <c r="D28691">
        <v>0</v>
      </c>
    </row>
    <row r="28692" spans="1:4" x14ac:dyDescent="0.25">
      <c r="A28692" t="s">
        <v>43419</v>
      </c>
      <c r="B28692" t="s">
        <v>43420</v>
      </c>
      <c r="C28692">
        <v>2</v>
      </c>
      <c r="D28692">
        <v>0</v>
      </c>
    </row>
    <row r="28693" spans="1:4" x14ac:dyDescent="0.25">
      <c r="A28693" t="s">
        <v>43419</v>
      </c>
      <c r="B28693" t="s">
        <v>43421</v>
      </c>
      <c r="C28693">
        <v>2</v>
      </c>
      <c r="D28693">
        <v>0</v>
      </c>
    </row>
    <row r="28694" spans="1:4" x14ac:dyDescent="0.25">
      <c r="A28694" t="s">
        <v>43419</v>
      </c>
      <c r="B28694" t="s">
        <v>43422</v>
      </c>
      <c r="C28694">
        <v>2</v>
      </c>
      <c r="D28694">
        <v>0</v>
      </c>
    </row>
    <row r="28695" spans="1:4" x14ac:dyDescent="0.25">
      <c r="A28695" t="s">
        <v>43423</v>
      </c>
      <c r="B28695" t="s">
        <v>43424</v>
      </c>
      <c r="C28695">
        <v>2</v>
      </c>
      <c r="D28695">
        <v>0</v>
      </c>
    </row>
    <row r="28696" spans="1:4" x14ac:dyDescent="0.25">
      <c r="A28696" t="s">
        <v>43423</v>
      </c>
      <c r="B28696" t="s">
        <v>43425</v>
      </c>
      <c r="C28696">
        <v>2</v>
      </c>
      <c r="D28696">
        <v>0</v>
      </c>
    </row>
    <row r="28697" spans="1:4" x14ac:dyDescent="0.25">
      <c r="A28697" t="s">
        <v>43423</v>
      </c>
      <c r="B28697" t="s">
        <v>43426</v>
      </c>
      <c r="C28697">
        <v>0</v>
      </c>
      <c r="D28697">
        <v>0</v>
      </c>
    </row>
    <row r="28698" spans="1:4" x14ac:dyDescent="0.25">
      <c r="A28698" t="s">
        <v>43427</v>
      </c>
      <c r="B28698" t="s">
        <v>43428</v>
      </c>
      <c r="C28698">
        <v>0</v>
      </c>
      <c r="D28698">
        <v>0</v>
      </c>
    </row>
    <row r="28699" spans="1:4" x14ac:dyDescent="0.25">
      <c r="A28699" t="s">
        <v>43429</v>
      </c>
      <c r="B28699" t="s">
        <v>3410</v>
      </c>
      <c r="C28699">
        <v>1</v>
      </c>
      <c r="D28699">
        <v>0</v>
      </c>
    </row>
    <row r="28700" spans="1:4" x14ac:dyDescent="0.25">
      <c r="A28700" t="s">
        <v>43430</v>
      </c>
      <c r="B28700" t="s">
        <v>43431</v>
      </c>
      <c r="C28700">
        <v>1</v>
      </c>
      <c r="D28700">
        <v>0</v>
      </c>
    </row>
    <row r="28701" spans="1:4" x14ac:dyDescent="0.25">
      <c r="A28701" t="s">
        <v>43432</v>
      </c>
      <c r="B28701" t="s">
        <v>43433</v>
      </c>
      <c r="C28701">
        <v>0</v>
      </c>
      <c r="D28701">
        <v>0</v>
      </c>
    </row>
    <row r="28702" spans="1:4" x14ac:dyDescent="0.25">
      <c r="A28702" t="s">
        <v>43434</v>
      </c>
      <c r="B28702" t="s">
        <v>43435</v>
      </c>
      <c r="C28702">
        <v>1</v>
      </c>
      <c r="D28702">
        <v>0</v>
      </c>
    </row>
    <row r="28703" spans="1:4" x14ac:dyDescent="0.25">
      <c r="A28703" t="s">
        <v>43434</v>
      </c>
      <c r="B28703" t="s">
        <v>43436</v>
      </c>
      <c r="C28703">
        <v>1</v>
      </c>
      <c r="D28703">
        <v>0</v>
      </c>
    </row>
    <row r="28704" spans="1:4" x14ac:dyDescent="0.25">
      <c r="A28704" t="s">
        <v>43434</v>
      </c>
      <c r="B28704" t="s">
        <v>43437</v>
      </c>
      <c r="C28704">
        <v>1</v>
      </c>
      <c r="D28704">
        <v>0</v>
      </c>
    </row>
    <row r="28705" spans="1:4" x14ac:dyDescent="0.25">
      <c r="A28705" t="s">
        <v>43438</v>
      </c>
      <c r="B28705" t="s">
        <v>43439</v>
      </c>
      <c r="C28705">
        <v>1</v>
      </c>
      <c r="D28705">
        <v>0</v>
      </c>
    </row>
    <row r="28706" spans="1:4" x14ac:dyDescent="0.25">
      <c r="A28706" t="s">
        <v>43438</v>
      </c>
      <c r="B28706" t="s">
        <v>43440</v>
      </c>
      <c r="C28706">
        <v>1</v>
      </c>
      <c r="D28706">
        <v>0</v>
      </c>
    </row>
    <row r="28707" spans="1:4" x14ac:dyDescent="0.25">
      <c r="A28707" t="s">
        <v>43438</v>
      </c>
      <c r="B28707" t="s">
        <v>43441</v>
      </c>
      <c r="C28707">
        <v>1</v>
      </c>
      <c r="D28707">
        <v>0</v>
      </c>
    </row>
    <row r="28708" spans="1:4" x14ac:dyDescent="0.25">
      <c r="A28708" t="s">
        <v>43442</v>
      </c>
      <c r="B28708" t="s">
        <v>43443</v>
      </c>
      <c r="C28708">
        <v>0</v>
      </c>
      <c r="D28708">
        <v>0</v>
      </c>
    </row>
    <row r="28709" spans="1:4" x14ac:dyDescent="0.25">
      <c r="A28709" t="s">
        <v>43442</v>
      </c>
      <c r="B28709" t="s">
        <v>43444</v>
      </c>
      <c r="C28709">
        <v>1</v>
      </c>
      <c r="D28709">
        <v>0</v>
      </c>
    </row>
    <row r="28710" spans="1:4" x14ac:dyDescent="0.25">
      <c r="A28710" t="s">
        <v>43442</v>
      </c>
      <c r="B28710" t="s">
        <v>43444</v>
      </c>
      <c r="C28710">
        <v>1</v>
      </c>
      <c r="D28710">
        <v>0</v>
      </c>
    </row>
    <row r="28711" spans="1:4" x14ac:dyDescent="0.25">
      <c r="A28711" t="s">
        <v>43445</v>
      </c>
      <c r="B28711" t="s">
        <v>43446</v>
      </c>
      <c r="C28711">
        <v>1</v>
      </c>
      <c r="D28711">
        <v>0</v>
      </c>
    </row>
    <row r="28712" spans="1:4" x14ac:dyDescent="0.25">
      <c r="A28712" t="s">
        <v>43445</v>
      </c>
      <c r="B28712" t="s">
        <v>43447</v>
      </c>
      <c r="C28712">
        <v>0</v>
      </c>
      <c r="D28712">
        <v>0</v>
      </c>
    </row>
    <row r="28713" spans="1:4" x14ac:dyDescent="0.25">
      <c r="A28713" t="s">
        <v>43448</v>
      </c>
      <c r="B28713" t="s">
        <v>43449</v>
      </c>
      <c r="C28713">
        <v>0</v>
      </c>
      <c r="D28713">
        <v>0</v>
      </c>
    </row>
    <row r="28714" spans="1:4" x14ac:dyDescent="0.25">
      <c r="A28714" t="s">
        <v>43450</v>
      </c>
      <c r="B28714" t="s">
        <v>43451</v>
      </c>
      <c r="C28714">
        <v>2</v>
      </c>
      <c r="D28714">
        <v>0</v>
      </c>
    </row>
    <row r="28715" spans="1:4" x14ac:dyDescent="0.25">
      <c r="A28715" t="s">
        <v>43450</v>
      </c>
      <c r="B28715" t="s">
        <v>43452</v>
      </c>
      <c r="C28715">
        <v>2</v>
      </c>
      <c r="D28715">
        <v>0</v>
      </c>
    </row>
    <row r="28716" spans="1:4" x14ac:dyDescent="0.25">
      <c r="A28716" t="s">
        <v>43450</v>
      </c>
      <c r="B28716" t="s">
        <v>43453</v>
      </c>
      <c r="C28716">
        <v>1</v>
      </c>
      <c r="D28716">
        <v>0</v>
      </c>
    </row>
    <row r="28717" spans="1:4" x14ac:dyDescent="0.25">
      <c r="A28717" t="s">
        <v>43454</v>
      </c>
      <c r="B28717" t="s">
        <v>43455</v>
      </c>
      <c r="C28717">
        <v>1</v>
      </c>
      <c r="D28717">
        <v>0</v>
      </c>
    </row>
    <row r="28718" spans="1:4" x14ac:dyDescent="0.25">
      <c r="A28718" t="s">
        <v>43454</v>
      </c>
      <c r="B28718" t="s">
        <v>43456</v>
      </c>
      <c r="C28718">
        <v>0</v>
      </c>
      <c r="D28718">
        <v>0</v>
      </c>
    </row>
    <row r="28719" spans="1:4" x14ac:dyDescent="0.25">
      <c r="A28719" t="s">
        <v>43454</v>
      </c>
      <c r="B28719" t="s">
        <v>43457</v>
      </c>
      <c r="C28719">
        <v>1</v>
      </c>
      <c r="D28719">
        <v>0</v>
      </c>
    </row>
    <row r="28720" spans="1:4" x14ac:dyDescent="0.25">
      <c r="A28720" t="s">
        <v>43458</v>
      </c>
      <c r="B28720" t="s">
        <v>43459</v>
      </c>
      <c r="C28720">
        <v>0</v>
      </c>
      <c r="D28720">
        <v>0</v>
      </c>
    </row>
    <row r="28721" spans="1:4" x14ac:dyDescent="0.25">
      <c r="A28721" t="s">
        <v>43458</v>
      </c>
      <c r="B28721" t="s">
        <v>43460</v>
      </c>
      <c r="C28721">
        <v>2</v>
      </c>
      <c r="D28721">
        <v>0</v>
      </c>
    </row>
    <row r="28722" spans="1:4" x14ac:dyDescent="0.25">
      <c r="A28722" t="s">
        <v>43458</v>
      </c>
      <c r="B28722" t="s">
        <v>43461</v>
      </c>
      <c r="C28722">
        <v>2</v>
      </c>
      <c r="D28722">
        <v>0</v>
      </c>
    </row>
    <row r="28723" spans="1:4" x14ac:dyDescent="0.25">
      <c r="A28723" t="s">
        <v>43462</v>
      </c>
      <c r="B28723" t="s">
        <v>43463</v>
      </c>
      <c r="C28723">
        <v>0</v>
      </c>
      <c r="D28723">
        <v>0</v>
      </c>
    </row>
    <row r="28724" spans="1:4" x14ac:dyDescent="0.25">
      <c r="A28724" t="s">
        <v>43464</v>
      </c>
      <c r="B28724" t="s">
        <v>43465</v>
      </c>
      <c r="C28724">
        <v>2</v>
      </c>
      <c r="D28724">
        <v>0</v>
      </c>
    </row>
    <row r="28725" spans="1:4" x14ac:dyDescent="0.25">
      <c r="A28725" t="s">
        <v>43466</v>
      </c>
      <c r="B28725" t="s">
        <v>43467</v>
      </c>
      <c r="C28725">
        <v>2</v>
      </c>
      <c r="D28725">
        <v>0</v>
      </c>
    </row>
    <row r="28726" spans="1:4" x14ac:dyDescent="0.25">
      <c r="A28726" t="s">
        <v>43466</v>
      </c>
      <c r="B28726" t="s">
        <v>43468</v>
      </c>
      <c r="C28726">
        <v>1</v>
      </c>
      <c r="D28726">
        <v>0</v>
      </c>
    </row>
    <row r="28727" spans="1:4" x14ac:dyDescent="0.25">
      <c r="A28727" t="s">
        <v>43466</v>
      </c>
      <c r="B28727" t="s">
        <v>43469</v>
      </c>
      <c r="C28727">
        <v>0</v>
      </c>
      <c r="D28727">
        <v>0</v>
      </c>
    </row>
    <row r="28728" spans="1:4" x14ac:dyDescent="0.25">
      <c r="A28728" t="s">
        <v>43470</v>
      </c>
      <c r="B28728" t="s">
        <v>43471</v>
      </c>
      <c r="C28728">
        <v>0</v>
      </c>
      <c r="D28728">
        <v>0</v>
      </c>
    </row>
    <row r="28729" spans="1:4" x14ac:dyDescent="0.25">
      <c r="A28729" t="s">
        <v>43472</v>
      </c>
      <c r="B28729" t="s">
        <v>12560</v>
      </c>
      <c r="C28729">
        <v>1</v>
      </c>
      <c r="D28729">
        <v>0</v>
      </c>
    </row>
    <row r="28730" spans="1:4" x14ac:dyDescent="0.25">
      <c r="A28730" t="s">
        <v>43473</v>
      </c>
      <c r="B28730" t="s">
        <v>43474</v>
      </c>
      <c r="C28730">
        <v>0</v>
      </c>
      <c r="D28730">
        <v>0</v>
      </c>
    </row>
    <row r="28731" spans="1:4" x14ac:dyDescent="0.25">
      <c r="A28731" t="s">
        <v>43475</v>
      </c>
      <c r="B28731" t="s">
        <v>43476</v>
      </c>
      <c r="C28731">
        <v>1</v>
      </c>
      <c r="D28731">
        <v>0</v>
      </c>
    </row>
    <row r="28732" spans="1:4" x14ac:dyDescent="0.25">
      <c r="A28732" t="s">
        <v>43475</v>
      </c>
      <c r="B28732" t="s">
        <v>43477</v>
      </c>
      <c r="C28732">
        <v>1</v>
      </c>
      <c r="D28732">
        <v>0</v>
      </c>
    </row>
    <row r="28733" spans="1:4" x14ac:dyDescent="0.25">
      <c r="A28733" t="s">
        <v>43475</v>
      </c>
      <c r="B28733" t="s">
        <v>43478</v>
      </c>
      <c r="C28733">
        <v>2</v>
      </c>
      <c r="D28733">
        <v>0</v>
      </c>
    </row>
    <row r="28734" spans="1:4" x14ac:dyDescent="0.25">
      <c r="A28734" t="s">
        <v>43479</v>
      </c>
      <c r="B28734" t="s">
        <v>43480</v>
      </c>
      <c r="C28734">
        <v>1</v>
      </c>
      <c r="D28734">
        <v>0</v>
      </c>
    </row>
    <row r="28735" spans="1:4" x14ac:dyDescent="0.25">
      <c r="A28735" t="s">
        <v>43479</v>
      </c>
      <c r="B28735" t="s">
        <v>43481</v>
      </c>
      <c r="C28735">
        <v>2</v>
      </c>
      <c r="D28735">
        <v>0</v>
      </c>
    </row>
    <row r="28736" spans="1:4" x14ac:dyDescent="0.25">
      <c r="A28736" t="s">
        <v>43479</v>
      </c>
      <c r="B28736" t="s">
        <v>43482</v>
      </c>
      <c r="C28736">
        <v>0</v>
      </c>
      <c r="D28736">
        <v>0</v>
      </c>
    </row>
    <row r="28737" spans="1:4" x14ac:dyDescent="0.25">
      <c r="A28737" t="s">
        <v>43483</v>
      </c>
      <c r="B28737" t="s">
        <v>43484</v>
      </c>
      <c r="C28737">
        <v>1</v>
      </c>
      <c r="D28737">
        <v>0</v>
      </c>
    </row>
    <row r="28738" spans="1:4" x14ac:dyDescent="0.25">
      <c r="A28738" t="s">
        <v>43485</v>
      </c>
      <c r="B28738" t="s">
        <v>2499</v>
      </c>
      <c r="C28738">
        <v>1</v>
      </c>
      <c r="D28738">
        <v>0</v>
      </c>
    </row>
    <row r="28739" spans="1:4" x14ac:dyDescent="0.25">
      <c r="A28739" t="s">
        <v>43485</v>
      </c>
      <c r="B28739" t="s">
        <v>852</v>
      </c>
      <c r="C28739">
        <v>0</v>
      </c>
      <c r="D28739">
        <v>0</v>
      </c>
    </row>
    <row r="28740" spans="1:4" x14ac:dyDescent="0.25">
      <c r="A28740" t="s">
        <v>43486</v>
      </c>
      <c r="B28740" t="s">
        <v>43487</v>
      </c>
      <c r="C28740">
        <v>0</v>
      </c>
      <c r="D28740">
        <v>0</v>
      </c>
    </row>
    <row r="28741" spans="1:4" x14ac:dyDescent="0.25">
      <c r="A28741" t="s">
        <v>43488</v>
      </c>
      <c r="B28741" t="s">
        <v>43489</v>
      </c>
      <c r="C28741">
        <v>1</v>
      </c>
      <c r="D28741">
        <v>0</v>
      </c>
    </row>
    <row r="28742" spans="1:4" x14ac:dyDescent="0.25">
      <c r="A28742" t="s">
        <v>43488</v>
      </c>
      <c r="B28742" t="s">
        <v>43490</v>
      </c>
      <c r="C28742">
        <v>1</v>
      </c>
      <c r="D28742">
        <v>0</v>
      </c>
    </row>
    <row r="28743" spans="1:4" x14ac:dyDescent="0.25">
      <c r="A28743" t="s">
        <v>43488</v>
      </c>
      <c r="B28743" t="s">
        <v>43491</v>
      </c>
      <c r="C28743">
        <v>1</v>
      </c>
      <c r="D28743">
        <v>0</v>
      </c>
    </row>
    <row r="28744" spans="1:4" x14ac:dyDescent="0.25">
      <c r="A28744" t="s">
        <v>43492</v>
      </c>
      <c r="B28744" t="s">
        <v>43493</v>
      </c>
      <c r="C28744">
        <v>0</v>
      </c>
      <c r="D28744">
        <v>0</v>
      </c>
    </row>
    <row r="28745" spans="1:4" x14ac:dyDescent="0.25">
      <c r="A28745" t="s">
        <v>43494</v>
      </c>
      <c r="B28745" t="s">
        <v>43495</v>
      </c>
      <c r="C28745">
        <v>0</v>
      </c>
      <c r="D28745">
        <v>0</v>
      </c>
    </row>
    <row r="28746" spans="1:4" x14ac:dyDescent="0.25">
      <c r="A28746" t="s">
        <v>43496</v>
      </c>
      <c r="B28746" t="s">
        <v>43497</v>
      </c>
      <c r="C28746">
        <v>0</v>
      </c>
      <c r="D28746">
        <v>0</v>
      </c>
    </row>
    <row r="28747" spans="1:4" x14ac:dyDescent="0.25">
      <c r="A28747" t="s">
        <v>43496</v>
      </c>
      <c r="B28747" t="s">
        <v>43498</v>
      </c>
      <c r="C28747">
        <v>1</v>
      </c>
      <c r="D28747">
        <v>0</v>
      </c>
    </row>
    <row r="28748" spans="1:4" x14ac:dyDescent="0.25">
      <c r="A28748" t="s">
        <v>43499</v>
      </c>
      <c r="B28748" t="s">
        <v>43500</v>
      </c>
      <c r="C28748">
        <v>2</v>
      </c>
      <c r="D28748">
        <v>0</v>
      </c>
    </row>
    <row r="28749" spans="1:4" x14ac:dyDescent="0.25">
      <c r="A28749" t="s">
        <v>43501</v>
      </c>
      <c r="B28749" t="s">
        <v>43502</v>
      </c>
      <c r="C28749">
        <v>2</v>
      </c>
      <c r="D28749">
        <v>0</v>
      </c>
    </row>
    <row r="28750" spans="1:4" x14ac:dyDescent="0.25">
      <c r="A28750" t="s">
        <v>43501</v>
      </c>
      <c r="B28750" t="s">
        <v>43503</v>
      </c>
      <c r="C28750">
        <v>0</v>
      </c>
      <c r="D28750">
        <v>0</v>
      </c>
    </row>
    <row r="28751" spans="1:4" x14ac:dyDescent="0.25">
      <c r="A28751" t="s">
        <v>43501</v>
      </c>
      <c r="B28751" t="s">
        <v>43504</v>
      </c>
      <c r="C28751">
        <v>2</v>
      </c>
      <c r="D28751">
        <v>0</v>
      </c>
    </row>
    <row r="28752" spans="1:4" x14ac:dyDescent="0.25">
      <c r="A28752" t="s">
        <v>43505</v>
      </c>
      <c r="B28752" t="s">
        <v>43506</v>
      </c>
      <c r="C28752">
        <v>1</v>
      </c>
      <c r="D28752">
        <v>0</v>
      </c>
    </row>
    <row r="28753" spans="1:4" x14ac:dyDescent="0.25">
      <c r="A28753" t="s">
        <v>43505</v>
      </c>
      <c r="B28753" t="s">
        <v>43507</v>
      </c>
      <c r="C28753">
        <v>2</v>
      </c>
      <c r="D28753">
        <v>0</v>
      </c>
    </row>
    <row r="28754" spans="1:4" x14ac:dyDescent="0.25">
      <c r="A28754" t="s">
        <v>43508</v>
      </c>
      <c r="B28754" t="s">
        <v>43509</v>
      </c>
      <c r="C28754">
        <v>0</v>
      </c>
      <c r="D28754">
        <v>0</v>
      </c>
    </row>
    <row r="28755" spans="1:4" x14ac:dyDescent="0.25">
      <c r="A28755" t="s">
        <v>43510</v>
      </c>
      <c r="B28755" t="s">
        <v>43511</v>
      </c>
      <c r="C28755">
        <v>1</v>
      </c>
      <c r="D28755">
        <v>0</v>
      </c>
    </row>
    <row r="28756" spans="1:4" x14ac:dyDescent="0.25">
      <c r="A28756" t="s">
        <v>43512</v>
      </c>
      <c r="B28756" t="s">
        <v>43513</v>
      </c>
      <c r="C28756">
        <v>1</v>
      </c>
      <c r="D28756">
        <v>0</v>
      </c>
    </row>
    <row r="28757" spans="1:4" x14ac:dyDescent="0.25">
      <c r="A28757" t="s">
        <v>43512</v>
      </c>
      <c r="B28757" t="s">
        <v>43514</v>
      </c>
      <c r="C28757">
        <v>1</v>
      </c>
      <c r="D28757">
        <v>0</v>
      </c>
    </row>
    <row r="28758" spans="1:4" x14ac:dyDescent="0.25">
      <c r="A28758" t="s">
        <v>43512</v>
      </c>
      <c r="B28758" t="s">
        <v>43515</v>
      </c>
      <c r="C28758">
        <v>2</v>
      </c>
      <c r="D28758">
        <v>0</v>
      </c>
    </row>
    <row r="28759" spans="1:4" x14ac:dyDescent="0.25">
      <c r="A28759" t="s">
        <v>43516</v>
      </c>
      <c r="B28759" t="s">
        <v>43517</v>
      </c>
      <c r="C28759">
        <v>1</v>
      </c>
      <c r="D28759">
        <v>0</v>
      </c>
    </row>
    <row r="28760" spans="1:4" x14ac:dyDescent="0.25">
      <c r="A28760" t="s">
        <v>43516</v>
      </c>
      <c r="B28760" t="s">
        <v>43518</v>
      </c>
      <c r="C28760">
        <v>0</v>
      </c>
      <c r="D28760">
        <v>0</v>
      </c>
    </row>
    <row r="28761" spans="1:4" x14ac:dyDescent="0.25">
      <c r="A28761" t="s">
        <v>43516</v>
      </c>
      <c r="B28761" t="s">
        <v>43519</v>
      </c>
      <c r="C28761">
        <v>1</v>
      </c>
      <c r="D28761">
        <v>0</v>
      </c>
    </row>
    <row r="28762" spans="1:4" x14ac:dyDescent="0.25">
      <c r="A28762" t="s">
        <v>43520</v>
      </c>
      <c r="B28762" t="s">
        <v>43521</v>
      </c>
      <c r="C28762">
        <v>1</v>
      </c>
      <c r="D28762">
        <v>0</v>
      </c>
    </row>
    <row r="28763" spans="1:4" x14ac:dyDescent="0.25">
      <c r="A28763" t="s">
        <v>43522</v>
      </c>
      <c r="B28763" t="s">
        <v>43523</v>
      </c>
      <c r="C28763">
        <v>1</v>
      </c>
      <c r="D28763">
        <v>0</v>
      </c>
    </row>
    <row r="28764" spans="1:4" x14ac:dyDescent="0.25">
      <c r="A28764" t="s">
        <v>43524</v>
      </c>
      <c r="B28764" t="s">
        <v>43525</v>
      </c>
      <c r="C28764">
        <v>1</v>
      </c>
      <c r="D28764">
        <v>0</v>
      </c>
    </row>
    <row r="28765" spans="1:4" x14ac:dyDescent="0.25">
      <c r="A28765" t="s">
        <v>43524</v>
      </c>
      <c r="B28765" t="s">
        <v>43526</v>
      </c>
      <c r="C28765">
        <v>2</v>
      </c>
      <c r="D28765">
        <v>0</v>
      </c>
    </row>
    <row r="28766" spans="1:4" x14ac:dyDescent="0.25">
      <c r="A28766" t="s">
        <v>43527</v>
      </c>
      <c r="B28766" t="s">
        <v>43528</v>
      </c>
      <c r="C28766">
        <v>2</v>
      </c>
      <c r="D28766">
        <v>0</v>
      </c>
    </row>
    <row r="28767" spans="1:4" x14ac:dyDescent="0.25">
      <c r="A28767" t="s">
        <v>43527</v>
      </c>
      <c r="B28767" t="s">
        <v>43529</v>
      </c>
      <c r="C28767">
        <v>2</v>
      </c>
      <c r="D28767">
        <v>0</v>
      </c>
    </row>
    <row r="28768" spans="1:4" x14ac:dyDescent="0.25">
      <c r="A28768" t="s">
        <v>43527</v>
      </c>
      <c r="B28768" t="s">
        <v>43530</v>
      </c>
      <c r="C28768">
        <v>1</v>
      </c>
      <c r="D28768">
        <v>0</v>
      </c>
    </row>
    <row r="28769" spans="1:4" x14ac:dyDescent="0.25">
      <c r="A28769" t="s">
        <v>43531</v>
      </c>
      <c r="B28769" t="s">
        <v>1001</v>
      </c>
      <c r="C28769">
        <v>1</v>
      </c>
      <c r="D28769">
        <v>0</v>
      </c>
    </row>
    <row r="28770" spans="1:4" x14ac:dyDescent="0.25">
      <c r="A28770" t="s">
        <v>43531</v>
      </c>
      <c r="B28770" t="s">
        <v>486</v>
      </c>
      <c r="C28770">
        <v>1</v>
      </c>
      <c r="D28770">
        <v>0</v>
      </c>
    </row>
    <row r="28771" spans="1:4" x14ac:dyDescent="0.25">
      <c r="A28771" t="s">
        <v>43531</v>
      </c>
      <c r="B28771" t="s">
        <v>43532</v>
      </c>
      <c r="C28771">
        <v>1</v>
      </c>
      <c r="D28771">
        <v>0</v>
      </c>
    </row>
    <row r="28772" spans="1:4" x14ac:dyDescent="0.25">
      <c r="A28772" t="s">
        <v>43533</v>
      </c>
      <c r="B28772" t="s">
        <v>4139</v>
      </c>
      <c r="C28772">
        <v>1</v>
      </c>
      <c r="D28772">
        <v>0</v>
      </c>
    </row>
    <row r="28773" spans="1:4" x14ac:dyDescent="0.25">
      <c r="A28773" t="s">
        <v>43534</v>
      </c>
      <c r="B28773" t="s">
        <v>43535</v>
      </c>
      <c r="C28773">
        <v>1</v>
      </c>
      <c r="D28773">
        <v>0</v>
      </c>
    </row>
    <row r="28774" spans="1:4" x14ac:dyDescent="0.25">
      <c r="A28774" t="s">
        <v>43536</v>
      </c>
      <c r="B28774" t="s">
        <v>43537</v>
      </c>
      <c r="C28774">
        <v>1</v>
      </c>
      <c r="D28774">
        <v>0</v>
      </c>
    </row>
    <row r="28775" spans="1:4" x14ac:dyDescent="0.25">
      <c r="A28775" t="s">
        <v>43536</v>
      </c>
      <c r="B28775" t="s">
        <v>43538</v>
      </c>
      <c r="C28775">
        <v>1</v>
      </c>
      <c r="D28775">
        <v>0</v>
      </c>
    </row>
    <row r="28776" spans="1:4" x14ac:dyDescent="0.25">
      <c r="A28776" t="s">
        <v>43539</v>
      </c>
      <c r="B28776" t="s">
        <v>2267</v>
      </c>
      <c r="C28776">
        <v>0</v>
      </c>
      <c r="D28776">
        <v>0</v>
      </c>
    </row>
    <row r="28777" spans="1:4" x14ac:dyDescent="0.25">
      <c r="A28777" t="s">
        <v>43540</v>
      </c>
      <c r="B28777" t="s">
        <v>43541</v>
      </c>
      <c r="C28777">
        <v>0</v>
      </c>
      <c r="D28777">
        <v>0</v>
      </c>
    </row>
    <row r="28778" spans="1:4" x14ac:dyDescent="0.25">
      <c r="A28778" t="s">
        <v>43540</v>
      </c>
      <c r="B28778" t="s">
        <v>43542</v>
      </c>
      <c r="C28778">
        <v>0</v>
      </c>
      <c r="D28778">
        <v>0</v>
      </c>
    </row>
    <row r="28779" spans="1:4" x14ac:dyDescent="0.25">
      <c r="A28779" t="s">
        <v>43540</v>
      </c>
      <c r="B28779" t="s">
        <v>43543</v>
      </c>
      <c r="C28779">
        <v>0</v>
      </c>
      <c r="D28779">
        <v>0</v>
      </c>
    </row>
    <row r="28780" spans="1:4" x14ac:dyDescent="0.25">
      <c r="A28780" t="s">
        <v>43544</v>
      </c>
      <c r="B28780" t="s">
        <v>43545</v>
      </c>
      <c r="C28780">
        <v>0</v>
      </c>
      <c r="D28780">
        <v>0</v>
      </c>
    </row>
    <row r="28781" spans="1:4" x14ac:dyDescent="0.25">
      <c r="A28781" t="s">
        <v>43546</v>
      </c>
      <c r="B28781" t="s">
        <v>43547</v>
      </c>
      <c r="C28781">
        <v>1</v>
      </c>
      <c r="D28781">
        <v>0</v>
      </c>
    </row>
    <row r="28782" spans="1:4" x14ac:dyDescent="0.25">
      <c r="A28782" t="s">
        <v>43548</v>
      </c>
      <c r="B28782" t="s">
        <v>43549</v>
      </c>
      <c r="C28782">
        <v>0</v>
      </c>
      <c r="D28782">
        <v>0</v>
      </c>
    </row>
    <row r="28783" spans="1:4" x14ac:dyDescent="0.25">
      <c r="A28783" t="s">
        <v>43548</v>
      </c>
      <c r="B28783" t="s">
        <v>43550</v>
      </c>
      <c r="C28783">
        <v>1</v>
      </c>
      <c r="D28783">
        <v>0</v>
      </c>
    </row>
    <row r="28784" spans="1:4" x14ac:dyDescent="0.25">
      <c r="A28784" t="s">
        <v>43548</v>
      </c>
      <c r="B28784" t="s">
        <v>43551</v>
      </c>
      <c r="C28784">
        <v>0</v>
      </c>
      <c r="D28784">
        <v>0</v>
      </c>
    </row>
    <row r="28785" spans="1:4" x14ac:dyDescent="0.25">
      <c r="A28785" t="s">
        <v>43552</v>
      </c>
      <c r="B28785" t="s">
        <v>43553</v>
      </c>
      <c r="C28785">
        <v>0</v>
      </c>
      <c r="D28785">
        <v>0</v>
      </c>
    </row>
    <row r="28786" spans="1:4" x14ac:dyDescent="0.25">
      <c r="A28786" t="s">
        <v>43552</v>
      </c>
      <c r="B28786" t="s">
        <v>43554</v>
      </c>
      <c r="C28786">
        <v>0</v>
      </c>
      <c r="D28786">
        <v>0</v>
      </c>
    </row>
    <row r="28787" spans="1:4" x14ac:dyDescent="0.25">
      <c r="A28787" t="s">
        <v>43552</v>
      </c>
      <c r="B28787" t="s">
        <v>35060</v>
      </c>
      <c r="C28787">
        <v>0</v>
      </c>
      <c r="D28787">
        <v>0</v>
      </c>
    </row>
    <row r="28788" spans="1:4" x14ac:dyDescent="0.25">
      <c r="A28788" t="s">
        <v>43555</v>
      </c>
      <c r="B28788" t="s">
        <v>43556</v>
      </c>
      <c r="C28788">
        <v>0</v>
      </c>
      <c r="D28788">
        <v>0</v>
      </c>
    </row>
    <row r="28789" spans="1:4" x14ac:dyDescent="0.25">
      <c r="A28789" t="s">
        <v>43555</v>
      </c>
      <c r="B28789" t="s">
        <v>43557</v>
      </c>
      <c r="C28789">
        <v>2</v>
      </c>
      <c r="D28789">
        <v>0</v>
      </c>
    </row>
    <row r="28790" spans="1:4" x14ac:dyDescent="0.25">
      <c r="A28790" t="s">
        <v>43558</v>
      </c>
      <c r="B28790" t="s">
        <v>1731</v>
      </c>
      <c r="C28790">
        <v>1</v>
      </c>
      <c r="D28790">
        <v>0</v>
      </c>
    </row>
    <row r="28791" spans="1:4" x14ac:dyDescent="0.25">
      <c r="A28791" t="s">
        <v>43558</v>
      </c>
      <c r="B28791" t="s">
        <v>43559</v>
      </c>
      <c r="C28791">
        <v>2</v>
      </c>
      <c r="D28791">
        <v>0</v>
      </c>
    </row>
    <row r="28792" spans="1:4" x14ac:dyDescent="0.25">
      <c r="A28792" t="s">
        <v>43560</v>
      </c>
      <c r="B28792" t="s">
        <v>43561</v>
      </c>
      <c r="C28792">
        <v>1</v>
      </c>
      <c r="D28792">
        <v>0</v>
      </c>
    </row>
    <row r="28793" spans="1:4" x14ac:dyDescent="0.25">
      <c r="A28793" t="s">
        <v>43560</v>
      </c>
      <c r="B28793" t="s">
        <v>43562</v>
      </c>
      <c r="C28793">
        <v>0</v>
      </c>
      <c r="D28793">
        <v>0</v>
      </c>
    </row>
    <row r="28794" spans="1:4" x14ac:dyDescent="0.25">
      <c r="A28794" t="s">
        <v>43563</v>
      </c>
      <c r="B28794" t="s">
        <v>2421</v>
      </c>
      <c r="C28794">
        <v>0</v>
      </c>
      <c r="D28794">
        <v>0</v>
      </c>
    </row>
    <row r="28795" spans="1:4" x14ac:dyDescent="0.25">
      <c r="A28795" t="s">
        <v>43564</v>
      </c>
      <c r="B28795" t="s">
        <v>43565</v>
      </c>
      <c r="C28795">
        <v>1</v>
      </c>
      <c r="D28795">
        <v>0</v>
      </c>
    </row>
    <row r="28796" spans="1:4" x14ac:dyDescent="0.25">
      <c r="A28796" t="s">
        <v>43564</v>
      </c>
      <c r="B28796" t="s">
        <v>43566</v>
      </c>
      <c r="C28796">
        <v>0</v>
      </c>
      <c r="D28796">
        <v>0</v>
      </c>
    </row>
    <row r="28797" spans="1:4" x14ac:dyDescent="0.25">
      <c r="A28797" t="s">
        <v>43567</v>
      </c>
      <c r="B28797" t="s">
        <v>43568</v>
      </c>
      <c r="C28797">
        <v>2</v>
      </c>
      <c r="D28797">
        <v>0</v>
      </c>
    </row>
    <row r="28798" spans="1:4" x14ac:dyDescent="0.25">
      <c r="A28798" t="s">
        <v>43569</v>
      </c>
      <c r="B28798" t="s">
        <v>43570</v>
      </c>
      <c r="C28798">
        <v>2</v>
      </c>
      <c r="D28798">
        <v>0</v>
      </c>
    </row>
    <row r="28799" spans="1:4" x14ac:dyDescent="0.25">
      <c r="A28799" t="s">
        <v>43569</v>
      </c>
      <c r="B28799" t="s">
        <v>43571</v>
      </c>
      <c r="C28799">
        <v>1</v>
      </c>
      <c r="D28799">
        <v>0</v>
      </c>
    </row>
    <row r="28800" spans="1:4" x14ac:dyDescent="0.25">
      <c r="A28800" t="s">
        <v>43569</v>
      </c>
      <c r="B28800" t="s">
        <v>43572</v>
      </c>
      <c r="C28800">
        <v>0</v>
      </c>
      <c r="D28800">
        <v>0</v>
      </c>
    </row>
    <row r="28801" spans="1:4" x14ac:dyDescent="0.25">
      <c r="A28801" t="s">
        <v>43573</v>
      </c>
      <c r="B28801" t="s">
        <v>43574</v>
      </c>
      <c r="C28801">
        <v>1</v>
      </c>
      <c r="D28801">
        <v>0</v>
      </c>
    </row>
    <row r="28802" spans="1:4" x14ac:dyDescent="0.25">
      <c r="A28802" t="s">
        <v>43575</v>
      </c>
      <c r="B28802" t="s">
        <v>43576</v>
      </c>
      <c r="C28802">
        <v>1</v>
      </c>
      <c r="D28802">
        <v>0</v>
      </c>
    </row>
    <row r="28803" spans="1:4" x14ac:dyDescent="0.25">
      <c r="A28803" t="s">
        <v>43575</v>
      </c>
      <c r="B28803" t="s">
        <v>43577</v>
      </c>
      <c r="C28803">
        <v>0</v>
      </c>
      <c r="D28803">
        <v>0</v>
      </c>
    </row>
    <row r="28804" spans="1:4" x14ac:dyDescent="0.25">
      <c r="A28804" t="s">
        <v>43575</v>
      </c>
      <c r="B28804" t="s">
        <v>43578</v>
      </c>
      <c r="C28804">
        <v>1</v>
      </c>
      <c r="D28804">
        <v>0</v>
      </c>
    </row>
    <row r="28805" spans="1:4" x14ac:dyDescent="0.25">
      <c r="A28805" t="s">
        <v>43579</v>
      </c>
      <c r="B28805" t="s">
        <v>43580</v>
      </c>
      <c r="C28805">
        <v>2</v>
      </c>
      <c r="D28805">
        <v>0</v>
      </c>
    </row>
    <row r="28806" spans="1:4" x14ac:dyDescent="0.25">
      <c r="A28806" t="s">
        <v>43579</v>
      </c>
      <c r="B28806" t="s">
        <v>43581</v>
      </c>
      <c r="C28806">
        <v>1</v>
      </c>
      <c r="D28806">
        <v>0</v>
      </c>
    </row>
    <row r="28807" spans="1:4" x14ac:dyDescent="0.25">
      <c r="A28807" t="s">
        <v>43582</v>
      </c>
      <c r="B28807" t="s">
        <v>43583</v>
      </c>
      <c r="C28807">
        <v>0</v>
      </c>
      <c r="D28807">
        <v>0</v>
      </c>
    </row>
    <row r="28808" spans="1:4" x14ac:dyDescent="0.25">
      <c r="A28808" t="s">
        <v>43584</v>
      </c>
      <c r="B28808" t="s">
        <v>43585</v>
      </c>
      <c r="C28808">
        <v>0</v>
      </c>
      <c r="D28808">
        <v>0</v>
      </c>
    </row>
    <row r="28809" spans="1:4" x14ac:dyDescent="0.25">
      <c r="A28809" t="s">
        <v>43586</v>
      </c>
      <c r="B28809" t="s">
        <v>43587</v>
      </c>
      <c r="C28809">
        <v>0</v>
      </c>
      <c r="D28809">
        <v>0</v>
      </c>
    </row>
    <row r="28810" spans="1:4" x14ac:dyDescent="0.25">
      <c r="A28810" t="s">
        <v>43586</v>
      </c>
      <c r="B28810" t="s">
        <v>43588</v>
      </c>
      <c r="C28810">
        <v>1</v>
      </c>
      <c r="D28810">
        <v>0</v>
      </c>
    </row>
    <row r="28811" spans="1:4" x14ac:dyDescent="0.25">
      <c r="A28811" t="s">
        <v>43589</v>
      </c>
      <c r="B28811" t="s">
        <v>43590</v>
      </c>
      <c r="C28811">
        <v>1</v>
      </c>
      <c r="D28811">
        <v>0</v>
      </c>
    </row>
    <row r="28812" spans="1:4" x14ac:dyDescent="0.25">
      <c r="A28812" t="s">
        <v>43589</v>
      </c>
      <c r="B28812" t="s">
        <v>43591</v>
      </c>
      <c r="C28812">
        <v>1</v>
      </c>
      <c r="D28812">
        <v>0</v>
      </c>
    </row>
    <row r="28813" spans="1:4" x14ac:dyDescent="0.25">
      <c r="A28813" t="s">
        <v>43589</v>
      </c>
      <c r="B28813" t="s">
        <v>43592</v>
      </c>
      <c r="C28813">
        <v>1</v>
      </c>
      <c r="D28813">
        <v>0</v>
      </c>
    </row>
    <row r="28814" spans="1:4" x14ac:dyDescent="0.25">
      <c r="A28814" t="s">
        <v>43593</v>
      </c>
      <c r="B28814" t="s">
        <v>32190</v>
      </c>
      <c r="C28814">
        <v>2</v>
      </c>
      <c r="D28814">
        <v>0</v>
      </c>
    </row>
    <row r="28815" spans="1:4" x14ac:dyDescent="0.25">
      <c r="A28815" t="s">
        <v>43593</v>
      </c>
      <c r="B28815" t="s">
        <v>43594</v>
      </c>
      <c r="C28815">
        <v>2</v>
      </c>
      <c r="D28815">
        <v>0</v>
      </c>
    </row>
    <row r="28816" spans="1:4" x14ac:dyDescent="0.25">
      <c r="A28816" t="s">
        <v>43593</v>
      </c>
      <c r="B28816" t="s">
        <v>43595</v>
      </c>
      <c r="C28816">
        <v>0</v>
      </c>
      <c r="D28816">
        <v>0</v>
      </c>
    </row>
    <row r="28817" spans="1:4" x14ac:dyDescent="0.25">
      <c r="A28817" t="s">
        <v>43596</v>
      </c>
      <c r="B28817" t="s">
        <v>43597</v>
      </c>
      <c r="C28817">
        <v>1</v>
      </c>
      <c r="D28817">
        <v>0</v>
      </c>
    </row>
    <row r="28818" spans="1:4" x14ac:dyDescent="0.25">
      <c r="A28818" t="s">
        <v>43596</v>
      </c>
      <c r="B28818" t="s">
        <v>43598</v>
      </c>
      <c r="C28818">
        <v>1</v>
      </c>
      <c r="D28818">
        <v>0</v>
      </c>
    </row>
    <row r="28819" spans="1:4" x14ac:dyDescent="0.25">
      <c r="A28819" t="s">
        <v>43599</v>
      </c>
      <c r="B28819" t="s">
        <v>43600</v>
      </c>
      <c r="C28819">
        <v>1</v>
      </c>
      <c r="D28819">
        <v>0</v>
      </c>
    </row>
    <row r="28820" spans="1:4" x14ac:dyDescent="0.25">
      <c r="A28820" t="s">
        <v>43599</v>
      </c>
      <c r="B28820" t="s">
        <v>43601</v>
      </c>
      <c r="C28820">
        <v>1</v>
      </c>
      <c r="D28820">
        <v>0</v>
      </c>
    </row>
    <row r="28821" spans="1:4" x14ac:dyDescent="0.25">
      <c r="A28821" t="s">
        <v>43599</v>
      </c>
      <c r="B28821" t="s">
        <v>43602</v>
      </c>
      <c r="C28821">
        <v>1</v>
      </c>
      <c r="D28821">
        <v>0</v>
      </c>
    </row>
    <row r="28822" spans="1:4" x14ac:dyDescent="0.25">
      <c r="A28822" t="s">
        <v>43603</v>
      </c>
      <c r="B28822" t="s">
        <v>43604</v>
      </c>
      <c r="C28822">
        <v>1</v>
      </c>
      <c r="D28822">
        <v>0</v>
      </c>
    </row>
    <row r="28823" spans="1:4" x14ac:dyDescent="0.25">
      <c r="A28823" t="s">
        <v>43603</v>
      </c>
      <c r="B28823" t="s">
        <v>43605</v>
      </c>
      <c r="C28823">
        <v>0</v>
      </c>
      <c r="D28823">
        <v>0</v>
      </c>
    </row>
    <row r="28824" spans="1:4" x14ac:dyDescent="0.25">
      <c r="A28824" t="s">
        <v>43606</v>
      </c>
      <c r="B28824" t="s">
        <v>43607</v>
      </c>
      <c r="C28824">
        <v>1</v>
      </c>
      <c r="D28824">
        <v>0</v>
      </c>
    </row>
    <row r="28825" spans="1:4" x14ac:dyDescent="0.25">
      <c r="A28825" t="s">
        <v>43606</v>
      </c>
      <c r="B28825" t="s">
        <v>43608</v>
      </c>
      <c r="C28825">
        <v>2</v>
      </c>
      <c r="D28825">
        <v>0</v>
      </c>
    </row>
    <row r="28826" spans="1:4" x14ac:dyDescent="0.25">
      <c r="A28826" t="s">
        <v>43606</v>
      </c>
      <c r="B28826" t="s">
        <v>43609</v>
      </c>
      <c r="C28826">
        <v>0</v>
      </c>
      <c r="D28826">
        <v>0</v>
      </c>
    </row>
    <row r="28827" spans="1:4" x14ac:dyDescent="0.25">
      <c r="A28827" t="s">
        <v>43610</v>
      </c>
      <c r="B28827" t="s">
        <v>43611</v>
      </c>
      <c r="C28827">
        <v>2</v>
      </c>
      <c r="D28827">
        <v>0</v>
      </c>
    </row>
    <row r="28828" spans="1:4" x14ac:dyDescent="0.25">
      <c r="A28828" t="s">
        <v>43610</v>
      </c>
      <c r="B28828" t="s">
        <v>37092</v>
      </c>
      <c r="C28828">
        <v>1</v>
      </c>
      <c r="D28828">
        <v>0</v>
      </c>
    </row>
    <row r="28829" spans="1:4" x14ac:dyDescent="0.25">
      <c r="A28829" t="s">
        <v>43610</v>
      </c>
      <c r="B28829" t="s">
        <v>43612</v>
      </c>
      <c r="C28829">
        <v>0</v>
      </c>
      <c r="D28829">
        <v>0</v>
      </c>
    </row>
    <row r="28830" spans="1:4" x14ac:dyDescent="0.25">
      <c r="A28830" t="s">
        <v>43613</v>
      </c>
      <c r="B28830" t="s">
        <v>398</v>
      </c>
      <c r="C28830">
        <v>0</v>
      </c>
      <c r="D28830">
        <v>0</v>
      </c>
    </row>
    <row r="28831" spans="1:4" x14ac:dyDescent="0.25">
      <c r="A28831" t="s">
        <v>43614</v>
      </c>
      <c r="B28831" t="s">
        <v>43615</v>
      </c>
      <c r="C28831">
        <v>1</v>
      </c>
      <c r="D28831">
        <v>0</v>
      </c>
    </row>
    <row r="28832" spans="1:4" x14ac:dyDescent="0.25">
      <c r="A28832" t="s">
        <v>43616</v>
      </c>
      <c r="B28832" t="s">
        <v>11948</v>
      </c>
      <c r="C28832">
        <v>0</v>
      </c>
      <c r="D28832">
        <v>0</v>
      </c>
    </row>
    <row r="28833" spans="1:4" x14ac:dyDescent="0.25">
      <c r="A28833" t="s">
        <v>43617</v>
      </c>
      <c r="B28833" t="s">
        <v>43618</v>
      </c>
      <c r="C28833">
        <v>2</v>
      </c>
      <c r="D28833">
        <v>0</v>
      </c>
    </row>
    <row r="28834" spans="1:4" x14ac:dyDescent="0.25">
      <c r="A28834" t="s">
        <v>43617</v>
      </c>
      <c r="B28834" t="s">
        <v>43619</v>
      </c>
      <c r="C28834">
        <v>0</v>
      </c>
      <c r="D28834">
        <v>0</v>
      </c>
    </row>
    <row r="28835" spans="1:4" x14ac:dyDescent="0.25">
      <c r="A28835" t="s">
        <v>43620</v>
      </c>
      <c r="B28835" t="s">
        <v>43621</v>
      </c>
      <c r="C28835">
        <v>2</v>
      </c>
      <c r="D28835">
        <v>0</v>
      </c>
    </row>
    <row r="28836" spans="1:4" x14ac:dyDescent="0.25">
      <c r="A28836" t="s">
        <v>43622</v>
      </c>
      <c r="B28836" t="s">
        <v>43623</v>
      </c>
      <c r="C28836">
        <v>1</v>
      </c>
      <c r="D28836">
        <v>0</v>
      </c>
    </row>
    <row r="28837" spans="1:4" x14ac:dyDescent="0.25">
      <c r="A28837" t="s">
        <v>43624</v>
      </c>
      <c r="B28837" t="s">
        <v>43625</v>
      </c>
      <c r="C28837">
        <v>1</v>
      </c>
      <c r="D28837">
        <v>0</v>
      </c>
    </row>
    <row r="28838" spans="1:4" x14ac:dyDescent="0.25">
      <c r="A28838" t="s">
        <v>43624</v>
      </c>
      <c r="B28838" t="s">
        <v>43626</v>
      </c>
      <c r="C28838">
        <v>1</v>
      </c>
      <c r="D28838">
        <v>0</v>
      </c>
    </row>
    <row r="28839" spans="1:4" x14ac:dyDescent="0.25">
      <c r="A28839" t="s">
        <v>43624</v>
      </c>
      <c r="B28839" t="s">
        <v>43627</v>
      </c>
      <c r="C28839">
        <v>1</v>
      </c>
      <c r="D28839">
        <v>0</v>
      </c>
    </row>
    <row r="28840" spans="1:4" x14ac:dyDescent="0.25">
      <c r="A28840" t="s">
        <v>43628</v>
      </c>
      <c r="B28840" t="s">
        <v>43629</v>
      </c>
      <c r="C28840">
        <v>1</v>
      </c>
      <c r="D28840">
        <v>0</v>
      </c>
    </row>
    <row r="28841" spans="1:4" x14ac:dyDescent="0.25">
      <c r="A28841" t="s">
        <v>43630</v>
      </c>
      <c r="B28841" t="s">
        <v>43631</v>
      </c>
      <c r="C28841">
        <v>1</v>
      </c>
      <c r="D28841">
        <v>0</v>
      </c>
    </row>
    <row r="28842" spans="1:4" x14ac:dyDescent="0.25">
      <c r="A28842" t="s">
        <v>43630</v>
      </c>
      <c r="B28842" t="s">
        <v>43632</v>
      </c>
      <c r="C28842">
        <v>1</v>
      </c>
      <c r="D28842">
        <v>0</v>
      </c>
    </row>
    <row r="28843" spans="1:4" x14ac:dyDescent="0.25">
      <c r="A28843" t="s">
        <v>43633</v>
      </c>
      <c r="B28843" t="s">
        <v>43634</v>
      </c>
      <c r="C28843">
        <v>1</v>
      </c>
      <c r="D28843">
        <v>0</v>
      </c>
    </row>
    <row r="28844" spans="1:4" x14ac:dyDescent="0.25">
      <c r="A28844" t="s">
        <v>43633</v>
      </c>
      <c r="B28844" t="s">
        <v>43635</v>
      </c>
      <c r="C28844">
        <v>0</v>
      </c>
      <c r="D28844">
        <v>0</v>
      </c>
    </row>
    <row r="28845" spans="1:4" x14ac:dyDescent="0.25">
      <c r="A28845" t="s">
        <v>43636</v>
      </c>
      <c r="B28845" t="s">
        <v>43637</v>
      </c>
      <c r="C28845">
        <v>1</v>
      </c>
      <c r="D28845">
        <v>0</v>
      </c>
    </row>
    <row r="28846" spans="1:4" x14ac:dyDescent="0.25">
      <c r="A28846" t="s">
        <v>43636</v>
      </c>
      <c r="B28846" t="s">
        <v>43638</v>
      </c>
      <c r="C28846">
        <v>1</v>
      </c>
      <c r="D28846">
        <v>0</v>
      </c>
    </row>
    <row r="28847" spans="1:4" x14ac:dyDescent="0.25">
      <c r="A28847" t="s">
        <v>43636</v>
      </c>
      <c r="B28847" t="s">
        <v>43639</v>
      </c>
      <c r="C28847">
        <v>2</v>
      </c>
      <c r="D28847">
        <v>0</v>
      </c>
    </row>
    <row r="28848" spans="1:4" x14ac:dyDescent="0.25">
      <c r="A28848" t="s">
        <v>43640</v>
      </c>
      <c r="B28848" t="s">
        <v>43641</v>
      </c>
      <c r="C28848">
        <v>0</v>
      </c>
      <c r="D28848">
        <v>0</v>
      </c>
    </row>
    <row r="28849" spans="1:4" x14ac:dyDescent="0.25">
      <c r="A28849" t="s">
        <v>43642</v>
      </c>
      <c r="B28849" t="s">
        <v>11488</v>
      </c>
      <c r="C28849">
        <v>1</v>
      </c>
      <c r="D28849">
        <v>0</v>
      </c>
    </row>
    <row r="28850" spans="1:4" x14ac:dyDescent="0.25">
      <c r="A28850" t="s">
        <v>43642</v>
      </c>
      <c r="B28850" t="s">
        <v>43643</v>
      </c>
      <c r="C28850">
        <v>0</v>
      </c>
      <c r="D28850">
        <v>0</v>
      </c>
    </row>
    <row r="28851" spans="1:4" x14ac:dyDescent="0.25">
      <c r="A28851" t="s">
        <v>43644</v>
      </c>
      <c r="B28851" t="s">
        <v>43645</v>
      </c>
      <c r="C28851">
        <v>1</v>
      </c>
      <c r="D28851">
        <v>0</v>
      </c>
    </row>
    <row r="28852" spans="1:4" x14ac:dyDescent="0.25">
      <c r="A28852" t="s">
        <v>43644</v>
      </c>
      <c r="B28852" t="s">
        <v>43646</v>
      </c>
      <c r="C28852">
        <v>1</v>
      </c>
      <c r="D28852">
        <v>0</v>
      </c>
    </row>
    <row r="28853" spans="1:4" x14ac:dyDescent="0.25">
      <c r="A28853" t="s">
        <v>43644</v>
      </c>
      <c r="B28853" t="s">
        <v>43647</v>
      </c>
      <c r="C28853">
        <v>2</v>
      </c>
      <c r="D28853">
        <v>0</v>
      </c>
    </row>
    <row r="28854" spans="1:4" x14ac:dyDescent="0.25">
      <c r="A28854" t="s">
        <v>43648</v>
      </c>
      <c r="B28854" t="s">
        <v>43649</v>
      </c>
      <c r="C28854">
        <v>1</v>
      </c>
      <c r="D28854">
        <v>0</v>
      </c>
    </row>
    <row r="28855" spans="1:4" x14ac:dyDescent="0.25">
      <c r="A28855" t="s">
        <v>43648</v>
      </c>
      <c r="B28855" t="s">
        <v>43650</v>
      </c>
      <c r="C28855">
        <v>0</v>
      </c>
      <c r="D28855">
        <v>0</v>
      </c>
    </row>
    <row r="28856" spans="1:4" x14ac:dyDescent="0.25">
      <c r="A28856" t="s">
        <v>43651</v>
      </c>
      <c r="B28856" t="s">
        <v>43652</v>
      </c>
      <c r="C28856">
        <v>2</v>
      </c>
      <c r="D28856">
        <v>0</v>
      </c>
    </row>
    <row r="28857" spans="1:4" x14ac:dyDescent="0.25">
      <c r="A28857" t="s">
        <v>43651</v>
      </c>
      <c r="B28857" t="s">
        <v>43653</v>
      </c>
      <c r="C28857">
        <v>0</v>
      </c>
      <c r="D28857">
        <v>0</v>
      </c>
    </row>
    <row r="28858" spans="1:4" x14ac:dyDescent="0.25">
      <c r="A28858" t="s">
        <v>43654</v>
      </c>
      <c r="B28858" t="s">
        <v>43655</v>
      </c>
      <c r="C28858">
        <v>2</v>
      </c>
      <c r="D28858">
        <v>0</v>
      </c>
    </row>
    <row r="28859" spans="1:4" x14ac:dyDescent="0.25">
      <c r="A28859" t="s">
        <v>43654</v>
      </c>
      <c r="B28859" t="s">
        <v>43656</v>
      </c>
      <c r="C28859">
        <v>1</v>
      </c>
      <c r="D28859">
        <v>0</v>
      </c>
    </row>
    <row r="28860" spans="1:4" x14ac:dyDescent="0.25">
      <c r="A28860" t="s">
        <v>43654</v>
      </c>
      <c r="B28860" t="s">
        <v>43657</v>
      </c>
      <c r="C28860">
        <v>2</v>
      </c>
      <c r="D28860">
        <v>0</v>
      </c>
    </row>
    <row r="28861" spans="1:4" x14ac:dyDescent="0.25">
      <c r="A28861" t="s">
        <v>43658</v>
      </c>
      <c r="B28861" t="s">
        <v>43659</v>
      </c>
      <c r="C28861">
        <v>1</v>
      </c>
      <c r="D28861">
        <v>0</v>
      </c>
    </row>
    <row r="28862" spans="1:4" x14ac:dyDescent="0.25">
      <c r="A28862" t="s">
        <v>43660</v>
      </c>
      <c r="B28862" t="s">
        <v>43661</v>
      </c>
      <c r="C28862">
        <v>0</v>
      </c>
      <c r="D28862">
        <v>0</v>
      </c>
    </row>
    <row r="28863" spans="1:4" x14ac:dyDescent="0.25">
      <c r="A28863" t="s">
        <v>43660</v>
      </c>
      <c r="B28863" t="s">
        <v>43662</v>
      </c>
      <c r="C28863">
        <v>2</v>
      </c>
      <c r="D28863">
        <v>0</v>
      </c>
    </row>
    <row r="28864" spans="1:4" x14ac:dyDescent="0.25">
      <c r="A28864" t="s">
        <v>43663</v>
      </c>
      <c r="B28864" t="s">
        <v>43664</v>
      </c>
      <c r="C28864">
        <v>1</v>
      </c>
      <c r="D28864">
        <v>0</v>
      </c>
    </row>
    <row r="28865" spans="1:4" x14ac:dyDescent="0.25">
      <c r="A28865" t="s">
        <v>43665</v>
      </c>
      <c r="B28865" t="s">
        <v>43666</v>
      </c>
      <c r="C28865">
        <v>1</v>
      </c>
      <c r="D28865">
        <v>0</v>
      </c>
    </row>
    <row r="28866" spans="1:4" x14ac:dyDescent="0.25">
      <c r="A28866" t="s">
        <v>43665</v>
      </c>
      <c r="B28866" t="s">
        <v>43667</v>
      </c>
      <c r="C28866">
        <v>2</v>
      </c>
      <c r="D28866">
        <v>0</v>
      </c>
    </row>
    <row r="28867" spans="1:4" x14ac:dyDescent="0.25">
      <c r="A28867" t="s">
        <v>43665</v>
      </c>
      <c r="B28867" t="s">
        <v>43668</v>
      </c>
      <c r="C28867">
        <v>2</v>
      </c>
      <c r="D28867">
        <v>0</v>
      </c>
    </row>
    <row r="28868" spans="1:4" x14ac:dyDescent="0.25">
      <c r="A28868" t="s">
        <v>43669</v>
      </c>
      <c r="B28868" t="s">
        <v>43670</v>
      </c>
      <c r="C28868">
        <v>1</v>
      </c>
      <c r="D28868">
        <v>0</v>
      </c>
    </row>
    <row r="28869" spans="1:4" x14ac:dyDescent="0.25">
      <c r="A28869" t="s">
        <v>43669</v>
      </c>
      <c r="B28869" t="s">
        <v>43671</v>
      </c>
      <c r="C28869">
        <v>1</v>
      </c>
      <c r="D28869">
        <v>0</v>
      </c>
    </row>
    <row r="28870" spans="1:4" x14ac:dyDescent="0.25">
      <c r="A28870" t="s">
        <v>43669</v>
      </c>
      <c r="B28870" t="s">
        <v>1001</v>
      </c>
      <c r="C28870">
        <v>1</v>
      </c>
      <c r="D28870">
        <v>0</v>
      </c>
    </row>
    <row r="28871" spans="1:4" x14ac:dyDescent="0.25">
      <c r="A28871" t="s">
        <v>43672</v>
      </c>
      <c r="B28871" t="s">
        <v>43673</v>
      </c>
      <c r="C28871">
        <v>1</v>
      </c>
      <c r="D28871">
        <v>0</v>
      </c>
    </row>
    <row r="28872" spans="1:4" x14ac:dyDescent="0.25">
      <c r="A28872" t="s">
        <v>43672</v>
      </c>
      <c r="B28872" t="s">
        <v>43674</v>
      </c>
      <c r="C28872">
        <v>1</v>
      </c>
      <c r="D28872">
        <v>0</v>
      </c>
    </row>
    <row r="28873" spans="1:4" x14ac:dyDescent="0.25">
      <c r="A28873" t="s">
        <v>43675</v>
      </c>
      <c r="B28873" t="s">
        <v>43676</v>
      </c>
      <c r="C28873">
        <v>1</v>
      </c>
      <c r="D28873">
        <v>0</v>
      </c>
    </row>
    <row r="28874" spans="1:4" x14ac:dyDescent="0.25">
      <c r="A28874" t="s">
        <v>43675</v>
      </c>
      <c r="B28874" t="s">
        <v>43677</v>
      </c>
      <c r="C28874">
        <v>0</v>
      </c>
      <c r="D28874">
        <v>0</v>
      </c>
    </row>
    <row r="28875" spans="1:4" x14ac:dyDescent="0.25">
      <c r="A28875" t="s">
        <v>43675</v>
      </c>
      <c r="B28875" t="s">
        <v>43678</v>
      </c>
      <c r="C28875">
        <v>0</v>
      </c>
      <c r="D28875">
        <v>0</v>
      </c>
    </row>
    <row r="28876" spans="1:4" x14ac:dyDescent="0.25">
      <c r="A28876" t="s">
        <v>43679</v>
      </c>
      <c r="B28876" t="s">
        <v>43680</v>
      </c>
      <c r="C28876">
        <v>0</v>
      </c>
      <c r="D28876">
        <v>0</v>
      </c>
    </row>
    <row r="28877" spans="1:4" x14ac:dyDescent="0.25">
      <c r="A28877" t="s">
        <v>43681</v>
      </c>
      <c r="B28877" t="s">
        <v>43682</v>
      </c>
      <c r="C28877">
        <v>1</v>
      </c>
      <c r="D28877">
        <v>0</v>
      </c>
    </row>
    <row r="28878" spans="1:4" x14ac:dyDescent="0.25">
      <c r="A28878" t="s">
        <v>43681</v>
      </c>
      <c r="B28878" t="s">
        <v>43683</v>
      </c>
      <c r="C28878">
        <v>0</v>
      </c>
      <c r="D28878">
        <v>0</v>
      </c>
    </row>
    <row r="28879" spans="1:4" x14ac:dyDescent="0.25">
      <c r="A28879" t="s">
        <v>43681</v>
      </c>
      <c r="B28879" t="s">
        <v>43684</v>
      </c>
      <c r="C28879">
        <v>1</v>
      </c>
      <c r="D28879">
        <v>0</v>
      </c>
    </row>
    <row r="28880" spans="1:4" x14ac:dyDescent="0.25">
      <c r="A28880" t="s">
        <v>43685</v>
      </c>
      <c r="B28880" t="s">
        <v>29592</v>
      </c>
      <c r="C28880">
        <v>1</v>
      </c>
      <c r="D28880">
        <v>0</v>
      </c>
    </row>
    <row r="28881" spans="1:4" x14ac:dyDescent="0.25">
      <c r="A28881" t="s">
        <v>43686</v>
      </c>
      <c r="B28881" t="s">
        <v>43687</v>
      </c>
      <c r="C28881">
        <v>1</v>
      </c>
      <c r="D28881">
        <v>0</v>
      </c>
    </row>
    <row r="28882" spans="1:4" x14ac:dyDescent="0.25">
      <c r="A28882" t="s">
        <v>43688</v>
      </c>
      <c r="B28882" t="s">
        <v>43689</v>
      </c>
      <c r="C28882">
        <v>1</v>
      </c>
      <c r="D28882">
        <v>0</v>
      </c>
    </row>
    <row r="28883" spans="1:4" x14ac:dyDescent="0.25">
      <c r="A28883" t="s">
        <v>43690</v>
      </c>
      <c r="B28883" t="s">
        <v>43691</v>
      </c>
      <c r="C28883">
        <v>2</v>
      </c>
      <c r="D28883">
        <v>0</v>
      </c>
    </row>
    <row r="28884" spans="1:4" x14ac:dyDescent="0.25">
      <c r="A28884" t="s">
        <v>43690</v>
      </c>
      <c r="B28884" t="s">
        <v>43692</v>
      </c>
      <c r="C28884">
        <v>2</v>
      </c>
      <c r="D28884">
        <v>0</v>
      </c>
    </row>
    <row r="28885" spans="1:4" x14ac:dyDescent="0.25">
      <c r="A28885" t="s">
        <v>43690</v>
      </c>
      <c r="B28885" t="s">
        <v>43693</v>
      </c>
      <c r="C28885">
        <v>2</v>
      </c>
      <c r="D28885">
        <v>0</v>
      </c>
    </row>
    <row r="28886" spans="1:4" x14ac:dyDescent="0.25">
      <c r="A28886" t="s">
        <v>43694</v>
      </c>
      <c r="B28886" t="s">
        <v>43695</v>
      </c>
      <c r="C28886">
        <v>2</v>
      </c>
      <c r="D28886">
        <v>0</v>
      </c>
    </row>
    <row r="28887" spans="1:4" x14ac:dyDescent="0.25">
      <c r="A28887" t="s">
        <v>43694</v>
      </c>
      <c r="B28887" t="s">
        <v>43696</v>
      </c>
      <c r="C28887">
        <v>2</v>
      </c>
      <c r="D28887">
        <v>0</v>
      </c>
    </row>
    <row r="28888" spans="1:4" x14ac:dyDescent="0.25">
      <c r="A28888" t="s">
        <v>43694</v>
      </c>
      <c r="B28888" t="s">
        <v>43697</v>
      </c>
      <c r="C28888">
        <v>2</v>
      </c>
      <c r="D28888">
        <v>0</v>
      </c>
    </row>
    <row r="28889" spans="1:4" x14ac:dyDescent="0.25">
      <c r="A28889" t="s">
        <v>43698</v>
      </c>
      <c r="B28889" t="s">
        <v>43699</v>
      </c>
      <c r="C28889">
        <v>1</v>
      </c>
      <c r="D28889">
        <v>0</v>
      </c>
    </row>
    <row r="28890" spans="1:4" x14ac:dyDescent="0.25">
      <c r="A28890" t="s">
        <v>43698</v>
      </c>
      <c r="B28890" t="s">
        <v>43700</v>
      </c>
      <c r="C28890">
        <v>2</v>
      </c>
      <c r="D28890">
        <v>0</v>
      </c>
    </row>
    <row r="28891" spans="1:4" x14ac:dyDescent="0.25">
      <c r="A28891" t="s">
        <v>43698</v>
      </c>
      <c r="B28891" t="s">
        <v>398</v>
      </c>
      <c r="C28891">
        <v>0</v>
      </c>
      <c r="D28891">
        <v>0</v>
      </c>
    </row>
    <row r="28892" spans="1:4" x14ac:dyDescent="0.25">
      <c r="A28892" t="s">
        <v>43701</v>
      </c>
      <c r="B28892" t="s">
        <v>1001</v>
      </c>
      <c r="C28892">
        <v>1</v>
      </c>
      <c r="D28892">
        <v>0</v>
      </c>
    </row>
    <row r="28893" spans="1:4" x14ac:dyDescent="0.25">
      <c r="A28893" t="s">
        <v>43702</v>
      </c>
      <c r="B28893" t="s">
        <v>43703</v>
      </c>
      <c r="C28893">
        <v>2</v>
      </c>
      <c r="D28893">
        <v>0</v>
      </c>
    </row>
    <row r="28894" spans="1:4" x14ac:dyDescent="0.25">
      <c r="A28894" t="s">
        <v>43702</v>
      </c>
      <c r="B28894" t="s">
        <v>43704</v>
      </c>
      <c r="C28894">
        <v>1</v>
      </c>
      <c r="D28894">
        <v>0</v>
      </c>
    </row>
    <row r="28895" spans="1:4" x14ac:dyDescent="0.25">
      <c r="A28895" t="s">
        <v>43702</v>
      </c>
      <c r="B28895" t="s">
        <v>43705</v>
      </c>
      <c r="C28895">
        <v>0</v>
      </c>
      <c r="D28895">
        <v>0</v>
      </c>
    </row>
    <row r="28896" spans="1:4" x14ac:dyDescent="0.25">
      <c r="A28896" t="s">
        <v>43706</v>
      </c>
      <c r="B28896" t="s">
        <v>43707</v>
      </c>
      <c r="C28896">
        <v>1</v>
      </c>
      <c r="D28896">
        <v>0</v>
      </c>
    </row>
    <row r="28897" spans="1:4" x14ac:dyDescent="0.25">
      <c r="A28897" t="s">
        <v>43708</v>
      </c>
      <c r="B28897" t="s">
        <v>43709</v>
      </c>
      <c r="C28897">
        <v>1</v>
      </c>
      <c r="D28897">
        <v>0</v>
      </c>
    </row>
    <row r="28898" spans="1:4" x14ac:dyDescent="0.25">
      <c r="A28898" t="s">
        <v>43708</v>
      </c>
      <c r="B28898" t="s">
        <v>43710</v>
      </c>
      <c r="C28898">
        <v>1</v>
      </c>
      <c r="D28898">
        <v>0</v>
      </c>
    </row>
    <row r="28899" spans="1:4" x14ac:dyDescent="0.25">
      <c r="A28899" t="s">
        <v>43708</v>
      </c>
      <c r="B28899" t="s">
        <v>43711</v>
      </c>
      <c r="C28899">
        <v>1</v>
      </c>
      <c r="D28899">
        <v>0</v>
      </c>
    </row>
    <row r="28900" spans="1:4" x14ac:dyDescent="0.25">
      <c r="A28900" t="s">
        <v>43712</v>
      </c>
      <c r="B28900" t="s">
        <v>43713</v>
      </c>
      <c r="C28900">
        <v>2</v>
      </c>
      <c r="D28900">
        <v>0</v>
      </c>
    </row>
    <row r="28901" spans="1:4" x14ac:dyDescent="0.25">
      <c r="A28901" t="s">
        <v>43714</v>
      </c>
      <c r="B28901" t="s">
        <v>843</v>
      </c>
      <c r="C28901">
        <v>1</v>
      </c>
      <c r="D28901">
        <v>0</v>
      </c>
    </row>
    <row r="28902" spans="1:4" x14ac:dyDescent="0.25">
      <c r="A28902" t="s">
        <v>43715</v>
      </c>
      <c r="B28902" t="s">
        <v>43716</v>
      </c>
      <c r="C28902">
        <v>0</v>
      </c>
      <c r="D28902">
        <v>0</v>
      </c>
    </row>
    <row r="28903" spans="1:4" x14ac:dyDescent="0.25">
      <c r="A28903" t="s">
        <v>43717</v>
      </c>
      <c r="B28903" t="s">
        <v>43718</v>
      </c>
      <c r="C28903">
        <v>1</v>
      </c>
      <c r="D28903">
        <v>0</v>
      </c>
    </row>
    <row r="28904" spans="1:4" x14ac:dyDescent="0.25">
      <c r="A28904" t="s">
        <v>43717</v>
      </c>
      <c r="B28904" t="s">
        <v>43719</v>
      </c>
      <c r="C28904">
        <v>2</v>
      </c>
      <c r="D28904">
        <v>0</v>
      </c>
    </row>
    <row r="28905" spans="1:4" x14ac:dyDescent="0.25">
      <c r="A28905" t="s">
        <v>43720</v>
      </c>
      <c r="B28905" t="s">
        <v>398</v>
      </c>
      <c r="C28905">
        <v>0</v>
      </c>
      <c r="D28905">
        <v>0</v>
      </c>
    </row>
    <row r="28906" spans="1:4" x14ac:dyDescent="0.25">
      <c r="A28906" t="s">
        <v>43721</v>
      </c>
      <c r="B28906" t="s">
        <v>43722</v>
      </c>
      <c r="C28906">
        <v>2</v>
      </c>
      <c r="D28906">
        <v>0</v>
      </c>
    </row>
    <row r="28907" spans="1:4" x14ac:dyDescent="0.25">
      <c r="A28907" t="s">
        <v>43721</v>
      </c>
      <c r="B28907" t="s">
        <v>43723</v>
      </c>
      <c r="C28907">
        <v>1</v>
      </c>
      <c r="D28907">
        <v>0</v>
      </c>
    </row>
    <row r="28908" spans="1:4" x14ac:dyDescent="0.25">
      <c r="A28908" t="s">
        <v>43724</v>
      </c>
      <c r="B28908" t="s">
        <v>43725</v>
      </c>
      <c r="C28908">
        <v>2</v>
      </c>
      <c r="D28908">
        <v>0</v>
      </c>
    </row>
    <row r="28909" spans="1:4" x14ac:dyDescent="0.25">
      <c r="A28909" t="s">
        <v>43724</v>
      </c>
      <c r="B28909" t="s">
        <v>43726</v>
      </c>
      <c r="C28909">
        <v>0</v>
      </c>
      <c r="D28909">
        <v>0</v>
      </c>
    </row>
    <row r="28910" spans="1:4" x14ac:dyDescent="0.25">
      <c r="A28910" t="s">
        <v>43727</v>
      </c>
      <c r="B28910" t="s">
        <v>43728</v>
      </c>
      <c r="C28910">
        <v>1</v>
      </c>
      <c r="D28910">
        <v>0</v>
      </c>
    </row>
    <row r="28911" spans="1:4" x14ac:dyDescent="0.25">
      <c r="A28911" t="s">
        <v>43729</v>
      </c>
      <c r="B28911" t="s">
        <v>43730</v>
      </c>
      <c r="C28911">
        <v>1</v>
      </c>
      <c r="D28911">
        <v>0</v>
      </c>
    </row>
    <row r="28912" spans="1:4" x14ac:dyDescent="0.25">
      <c r="A28912" t="s">
        <v>43729</v>
      </c>
      <c r="B28912" t="s">
        <v>43731</v>
      </c>
      <c r="C28912">
        <v>0</v>
      </c>
      <c r="D28912">
        <v>0</v>
      </c>
    </row>
    <row r="28913" spans="1:4" x14ac:dyDescent="0.25">
      <c r="A28913" t="s">
        <v>43732</v>
      </c>
      <c r="B28913" t="s">
        <v>43733</v>
      </c>
      <c r="C28913">
        <v>2</v>
      </c>
      <c r="D28913">
        <v>0</v>
      </c>
    </row>
    <row r="28914" spans="1:4" x14ac:dyDescent="0.25">
      <c r="A28914" t="s">
        <v>43732</v>
      </c>
      <c r="B28914" t="s">
        <v>43734</v>
      </c>
      <c r="C28914">
        <v>2</v>
      </c>
      <c r="D28914">
        <v>0</v>
      </c>
    </row>
    <row r="28915" spans="1:4" x14ac:dyDescent="0.25">
      <c r="A28915" t="s">
        <v>43732</v>
      </c>
      <c r="B28915" t="s">
        <v>43735</v>
      </c>
      <c r="C28915">
        <v>2</v>
      </c>
      <c r="D28915">
        <v>0</v>
      </c>
    </row>
    <row r="28916" spans="1:4" x14ac:dyDescent="0.25">
      <c r="A28916" t="s">
        <v>43736</v>
      </c>
      <c r="B28916" t="s">
        <v>43737</v>
      </c>
      <c r="C28916">
        <v>0</v>
      </c>
      <c r="D28916">
        <v>0</v>
      </c>
    </row>
    <row r="28917" spans="1:4" x14ac:dyDescent="0.25">
      <c r="A28917" t="s">
        <v>43738</v>
      </c>
      <c r="B28917" t="s">
        <v>43739</v>
      </c>
      <c r="C28917">
        <v>1</v>
      </c>
      <c r="D28917">
        <v>0</v>
      </c>
    </row>
    <row r="28918" spans="1:4" x14ac:dyDescent="0.25">
      <c r="A28918" t="s">
        <v>43738</v>
      </c>
      <c r="B28918" t="s">
        <v>43740</v>
      </c>
      <c r="C28918">
        <v>2</v>
      </c>
      <c r="D28918">
        <v>0</v>
      </c>
    </row>
    <row r="28919" spans="1:4" x14ac:dyDescent="0.25">
      <c r="A28919" t="s">
        <v>43741</v>
      </c>
      <c r="B28919" t="s">
        <v>43742</v>
      </c>
      <c r="C28919">
        <v>0</v>
      </c>
      <c r="D28919">
        <v>0</v>
      </c>
    </row>
    <row r="28920" spans="1:4" x14ac:dyDescent="0.25">
      <c r="A28920" t="s">
        <v>43741</v>
      </c>
      <c r="B28920" t="s">
        <v>43743</v>
      </c>
      <c r="C28920">
        <v>0</v>
      </c>
      <c r="D28920">
        <v>0</v>
      </c>
    </row>
    <row r="28921" spans="1:4" x14ac:dyDescent="0.25">
      <c r="A28921" t="s">
        <v>43744</v>
      </c>
      <c r="B28921" t="s">
        <v>43745</v>
      </c>
      <c r="C28921">
        <v>1</v>
      </c>
      <c r="D28921">
        <v>0</v>
      </c>
    </row>
    <row r="28922" spans="1:4" x14ac:dyDescent="0.25">
      <c r="A28922" t="s">
        <v>43746</v>
      </c>
      <c r="B28922" t="s">
        <v>43747</v>
      </c>
      <c r="C28922">
        <v>0</v>
      </c>
      <c r="D28922">
        <v>0</v>
      </c>
    </row>
    <row r="28923" spans="1:4" x14ac:dyDescent="0.25">
      <c r="A28923" t="s">
        <v>43748</v>
      </c>
      <c r="B28923" t="s">
        <v>43749</v>
      </c>
      <c r="C28923">
        <v>1</v>
      </c>
      <c r="D28923">
        <v>0</v>
      </c>
    </row>
    <row r="28924" spans="1:4" x14ac:dyDescent="0.25">
      <c r="A28924" t="s">
        <v>43748</v>
      </c>
      <c r="B28924" t="s">
        <v>2267</v>
      </c>
      <c r="C28924">
        <v>0</v>
      </c>
      <c r="D28924">
        <v>0</v>
      </c>
    </row>
    <row r="28925" spans="1:4" x14ac:dyDescent="0.25">
      <c r="A28925" t="s">
        <v>43750</v>
      </c>
      <c r="B28925" t="s">
        <v>43751</v>
      </c>
      <c r="C28925">
        <v>2</v>
      </c>
      <c r="D28925">
        <v>0</v>
      </c>
    </row>
    <row r="28926" spans="1:4" x14ac:dyDescent="0.25">
      <c r="A28926" t="s">
        <v>43752</v>
      </c>
      <c r="B28926" t="s">
        <v>10547</v>
      </c>
      <c r="C28926">
        <v>0</v>
      </c>
      <c r="D28926">
        <v>0</v>
      </c>
    </row>
    <row r="28927" spans="1:4" x14ac:dyDescent="0.25">
      <c r="A28927" t="s">
        <v>43753</v>
      </c>
      <c r="B28927" t="s">
        <v>43754</v>
      </c>
      <c r="C28927">
        <v>0</v>
      </c>
      <c r="D28927">
        <v>0</v>
      </c>
    </row>
    <row r="28928" spans="1:4" x14ac:dyDescent="0.25">
      <c r="A28928" t="s">
        <v>43755</v>
      </c>
      <c r="B28928" t="s">
        <v>43756</v>
      </c>
      <c r="C28928">
        <v>1</v>
      </c>
      <c r="D28928">
        <v>0</v>
      </c>
    </row>
    <row r="28929" spans="1:4" x14ac:dyDescent="0.25">
      <c r="A28929" t="s">
        <v>43755</v>
      </c>
      <c r="B28929" t="s">
        <v>43757</v>
      </c>
      <c r="C28929">
        <v>0</v>
      </c>
      <c r="D28929">
        <v>0</v>
      </c>
    </row>
    <row r="28930" spans="1:4" x14ac:dyDescent="0.25">
      <c r="A28930" t="s">
        <v>43758</v>
      </c>
      <c r="B28930" t="s">
        <v>43759</v>
      </c>
      <c r="C28930">
        <v>1</v>
      </c>
      <c r="D28930">
        <v>0</v>
      </c>
    </row>
    <row r="28931" spans="1:4" x14ac:dyDescent="0.25">
      <c r="A28931" t="s">
        <v>43760</v>
      </c>
      <c r="B28931" t="s">
        <v>43761</v>
      </c>
      <c r="C28931">
        <v>2</v>
      </c>
      <c r="D28931">
        <v>0</v>
      </c>
    </row>
    <row r="28932" spans="1:4" x14ac:dyDescent="0.25">
      <c r="A28932" t="s">
        <v>43762</v>
      </c>
      <c r="B28932" t="s">
        <v>43763</v>
      </c>
      <c r="C28932">
        <v>2</v>
      </c>
      <c r="D28932">
        <v>0</v>
      </c>
    </row>
    <row r="28933" spans="1:4" x14ac:dyDescent="0.25">
      <c r="A28933" t="s">
        <v>43764</v>
      </c>
      <c r="B28933" t="s">
        <v>43765</v>
      </c>
      <c r="C28933">
        <v>1</v>
      </c>
      <c r="D28933">
        <v>0</v>
      </c>
    </row>
    <row r="28934" spans="1:4" x14ac:dyDescent="0.25">
      <c r="A28934" t="s">
        <v>43766</v>
      </c>
      <c r="B28934" t="s">
        <v>43767</v>
      </c>
      <c r="C28934">
        <v>1</v>
      </c>
      <c r="D28934">
        <v>0</v>
      </c>
    </row>
    <row r="28935" spans="1:4" x14ac:dyDescent="0.25">
      <c r="A28935" t="s">
        <v>43768</v>
      </c>
      <c r="B28935" t="s">
        <v>43769</v>
      </c>
      <c r="C28935">
        <v>0</v>
      </c>
      <c r="D28935">
        <v>0</v>
      </c>
    </row>
    <row r="28936" spans="1:4" x14ac:dyDescent="0.25">
      <c r="A28936" t="s">
        <v>43768</v>
      </c>
      <c r="B28936" t="s">
        <v>398</v>
      </c>
      <c r="C28936">
        <v>0</v>
      </c>
      <c r="D28936">
        <v>0</v>
      </c>
    </row>
    <row r="28937" spans="1:4" x14ac:dyDescent="0.25">
      <c r="A28937" t="s">
        <v>43768</v>
      </c>
      <c r="B28937" t="s">
        <v>43770</v>
      </c>
      <c r="C28937">
        <v>0</v>
      </c>
      <c r="D28937">
        <v>0</v>
      </c>
    </row>
    <row r="28938" spans="1:4" x14ac:dyDescent="0.25">
      <c r="A28938" t="s">
        <v>43771</v>
      </c>
      <c r="B28938" t="s">
        <v>43772</v>
      </c>
      <c r="C28938">
        <v>0</v>
      </c>
      <c r="D28938">
        <v>0</v>
      </c>
    </row>
    <row r="28939" spans="1:4" x14ac:dyDescent="0.25">
      <c r="A28939" t="s">
        <v>43773</v>
      </c>
      <c r="B28939" t="s">
        <v>43774</v>
      </c>
      <c r="C28939">
        <v>1</v>
      </c>
      <c r="D28939">
        <v>0</v>
      </c>
    </row>
    <row r="28940" spans="1:4" x14ac:dyDescent="0.25">
      <c r="A28940" t="s">
        <v>43775</v>
      </c>
      <c r="B28940" t="s">
        <v>43776</v>
      </c>
      <c r="C28940">
        <v>0</v>
      </c>
      <c r="D28940">
        <v>0</v>
      </c>
    </row>
    <row r="28941" spans="1:4" x14ac:dyDescent="0.25">
      <c r="A28941" t="s">
        <v>43775</v>
      </c>
      <c r="B28941" t="s">
        <v>3410</v>
      </c>
      <c r="C28941">
        <v>1</v>
      </c>
      <c r="D28941">
        <v>0</v>
      </c>
    </row>
    <row r="28942" spans="1:4" x14ac:dyDescent="0.25">
      <c r="A28942" t="s">
        <v>43775</v>
      </c>
      <c r="B28942" t="s">
        <v>1401</v>
      </c>
      <c r="C28942">
        <v>0</v>
      </c>
      <c r="D28942">
        <v>0</v>
      </c>
    </row>
    <row r="28943" spans="1:4" x14ac:dyDescent="0.25">
      <c r="A28943" t="s">
        <v>43777</v>
      </c>
      <c r="B28943" t="s">
        <v>43778</v>
      </c>
      <c r="C28943">
        <v>0</v>
      </c>
      <c r="D28943">
        <v>0</v>
      </c>
    </row>
    <row r="28944" spans="1:4" x14ac:dyDescent="0.25">
      <c r="A28944" t="s">
        <v>43777</v>
      </c>
      <c r="B28944" t="s">
        <v>43779</v>
      </c>
      <c r="C28944">
        <v>0</v>
      </c>
      <c r="D28944">
        <v>0</v>
      </c>
    </row>
    <row r="28945" spans="1:4" x14ac:dyDescent="0.25">
      <c r="A28945" t="s">
        <v>43777</v>
      </c>
      <c r="B28945" t="s">
        <v>43780</v>
      </c>
      <c r="C28945">
        <v>2</v>
      </c>
      <c r="D28945">
        <v>0</v>
      </c>
    </row>
    <row r="28946" spans="1:4" x14ac:dyDescent="0.25">
      <c r="A28946" t="s">
        <v>43781</v>
      </c>
      <c r="B28946" t="s">
        <v>43782</v>
      </c>
      <c r="C28946">
        <v>2</v>
      </c>
      <c r="D28946">
        <v>0</v>
      </c>
    </row>
    <row r="28947" spans="1:4" x14ac:dyDescent="0.25">
      <c r="A28947" t="s">
        <v>43781</v>
      </c>
      <c r="B28947" t="s">
        <v>43783</v>
      </c>
      <c r="C28947">
        <v>1</v>
      </c>
      <c r="D28947">
        <v>0</v>
      </c>
    </row>
    <row r="28948" spans="1:4" x14ac:dyDescent="0.25">
      <c r="A28948" t="s">
        <v>43781</v>
      </c>
      <c r="B28948" t="s">
        <v>43784</v>
      </c>
      <c r="C28948">
        <v>0</v>
      </c>
      <c r="D28948">
        <v>0</v>
      </c>
    </row>
    <row r="28949" spans="1:4" x14ac:dyDescent="0.25">
      <c r="A28949" t="s">
        <v>43785</v>
      </c>
      <c r="B28949" t="s">
        <v>43786</v>
      </c>
      <c r="C28949">
        <v>1</v>
      </c>
      <c r="D28949">
        <v>0</v>
      </c>
    </row>
    <row r="28950" spans="1:4" x14ac:dyDescent="0.25">
      <c r="A28950" t="s">
        <v>43785</v>
      </c>
      <c r="B28950" t="s">
        <v>1001</v>
      </c>
      <c r="C28950">
        <v>1</v>
      </c>
      <c r="D28950">
        <v>0</v>
      </c>
    </row>
    <row r="28951" spans="1:4" x14ac:dyDescent="0.25">
      <c r="A28951" t="s">
        <v>43785</v>
      </c>
      <c r="B28951" t="s">
        <v>43787</v>
      </c>
      <c r="C28951">
        <v>0</v>
      </c>
      <c r="D28951">
        <v>0</v>
      </c>
    </row>
    <row r="28952" spans="1:4" x14ac:dyDescent="0.25">
      <c r="A28952" t="s">
        <v>43788</v>
      </c>
      <c r="B28952" t="s">
        <v>12217</v>
      </c>
      <c r="C28952">
        <v>1</v>
      </c>
      <c r="D28952">
        <v>0</v>
      </c>
    </row>
    <row r="28953" spans="1:4" x14ac:dyDescent="0.25">
      <c r="A28953" t="s">
        <v>43788</v>
      </c>
      <c r="B28953" t="s">
        <v>43789</v>
      </c>
      <c r="C28953">
        <v>1</v>
      </c>
      <c r="D28953">
        <v>0</v>
      </c>
    </row>
    <row r="28954" spans="1:4" x14ac:dyDescent="0.25">
      <c r="A28954" t="s">
        <v>43790</v>
      </c>
      <c r="B28954" t="s">
        <v>43791</v>
      </c>
      <c r="C28954">
        <v>1</v>
      </c>
      <c r="D28954">
        <v>0</v>
      </c>
    </row>
    <row r="28955" spans="1:4" x14ac:dyDescent="0.25">
      <c r="A28955" t="s">
        <v>43790</v>
      </c>
      <c r="B28955" t="s">
        <v>43792</v>
      </c>
      <c r="C28955">
        <v>1</v>
      </c>
      <c r="D28955">
        <v>0</v>
      </c>
    </row>
    <row r="28956" spans="1:4" x14ac:dyDescent="0.25">
      <c r="A28956" t="s">
        <v>43793</v>
      </c>
      <c r="B28956" t="s">
        <v>43794</v>
      </c>
      <c r="C28956">
        <v>0</v>
      </c>
      <c r="D28956">
        <v>0</v>
      </c>
    </row>
    <row r="28957" spans="1:4" x14ac:dyDescent="0.25">
      <c r="A28957" t="s">
        <v>43793</v>
      </c>
      <c r="B28957" t="s">
        <v>43795</v>
      </c>
      <c r="C28957">
        <v>1</v>
      </c>
      <c r="D28957">
        <v>0</v>
      </c>
    </row>
    <row r="28958" spans="1:4" x14ac:dyDescent="0.25">
      <c r="A28958" t="s">
        <v>43796</v>
      </c>
      <c r="B28958" t="s">
        <v>12337</v>
      </c>
      <c r="C28958">
        <v>0</v>
      </c>
      <c r="D28958">
        <v>0</v>
      </c>
    </row>
    <row r="28959" spans="1:4" x14ac:dyDescent="0.25">
      <c r="A28959" t="s">
        <v>43797</v>
      </c>
      <c r="B28959" t="s">
        <v>43798</v>
      </c>
      <c r="C28959">
        <v>1</v>
      </c>
      <c r="D28959">
        <v>0</v>
      </c>
    </row>
    <row r="28960" spans="1:4" x14ac:dyDescent="0.25">
      <c r="A28960" t="s">
        <v>43797</v>
      </c>
      <c r="B28960" t="s">
        <v>42320</v>
      </c>
      <c r="C28960">
        <v>2</v>
      </c>
      <c r="D28960">
        <v>0</v>
      </c>
    </row>
    <row r="28961" spans="1:4" x14ac:dyDescent="0.25">
      <c r="A28961" t="s">
        <v>43797</v>
      </c>
      <c r="B28961" t="s">
        <v>43799</v>
      </c>
      <c r="C28961">
        <v>2</v>
      </c>
      <c r="D28961">
        <v>0</v>
      </c>
    </row>
    <row r="28962" spans="1:4" x14ac:dyDescent="0.25">
      <c r="A28962" t="s">
        <v>43800</v>
      </c>
      <c r="B28962" t="s">
        <v>43801</v>
      </c>
      <c r="C28962">
        <v>1</v>
      </c>
      <c r="D28962">
        <v>0</v>
      </c>
    </row>
    <row r="28963" spans="1:4" x14ac:dyDescent="0.25">
      <c r="A28963" t="s">
        <v>43802</v>
      </c>
      <c r="B28963" t="s">
        <v>43803</v>
      </c>
      <c r="C28963">
        <v>1</v>
      </c>
      <c r="D28963">
        <v>0</v>
      </c>
    </row>
    <row r="28964" spans="1:4" x14ac:dyDescent="0.25">
      <c r="A28964" t="s">
        <v>43804</v>
      </c>
      <c r="B28964" t="s">
        <v>43805</v>
      </c>
      <c r="C28964">
        <v>0</v>
      </c>
      <c r="D28964">
        <v>0</v>
      </c>
    </row>
    <row r="28965" spans="1:4" x14ac:dyDescent="0.25">
      <c r="A28965" t="s">
        <v>43806</v>
      </c>
      <c r="B28965" t="s">
        <v>43807</v>
      </c>
      <c r="C28965">
        <v>1</v>
      </c>
      <c r="D28965">
        <v>0</v>
      </c>
    </row>
    <row r="28966" spans="1:4" x14ac:dyDescent="0.25">
      <c r="A28966" t="s">
        <v>43806</v>
      </c>
      <c r="B28966" t="s">
        <v>43808</v>
      </c>
      <c r="C28966">
        <v>2</v>
      </c>
      <c r="D28966">
        <v>0</v>
      </c>
    </row>
    <row r="28967" spans="1:4" x14ac:dyDescent="0.25">
      <c r="A28967" t="s">
        <v>43806</v>
      </c>
      <c r="B28967" t="s">
        <v>43809</v>
      </c>
      <c r="C28967">
        <v>2</v>
      </c>
      <c r="D28967">
        <v>0</v>
      </c>
    </row>
    <row r="28968" spans="1:4" x14ac:dyDescent="0.25">
      <c r="A28968" t="s">
        <v>43810</v>
      </c>
      <c r="B28968" t="s">
        <v>43811</v>
      </c>
      <c r="C28968">
        <v>1</v>
      </c>
      <c r="D28968">
        <v>0</v>
      </c>
    </row>
    <row r="28969" spans="1:4" x14ac:dyDescent="0.25">
      <c r="A28969" t="s">
        <v>43810</v>
      </c>
      <c r="B28969" t="s">
        <v>43812</v>
      </c>
      <c r="C28969">
        <v>0</v>
      </c>
      <c r="D28969">
        <v>0</v>
      </c>
    </row>
    <row r="28970" spans="1:4" x14ac:dyDescent="0.25">
      <c r="A28970" t="s">
        <v>43810</v>
      </c>
      <c r="B28970" t="s">
        <v>43813</v>
      </c>
      <c r="C28970">
        <v>2</v>
      </c>
      <c r="D28970">
        <v>0</v>
      </c>
    </row>
    <row r="28971" spans="1:4" x14ac:dyDescent="0.25">
      <c r="A28971" t="s">
        <v>43814</v>
      </c>
      <c r="B28971" t="s">
        <v>43815</v>
      </c>
      <c r="C28971">
        <v>0</v>
      </c>
      <c r="D28971">
        <v>0</v>
      </c>
    </row>
    <row r="28972" spans="1:4" x14ac:dyDescent="0.25">
      <c r="A28972" t="s">
        <v>43816</v>
      </c>
      <c r="B28972" t="s">
        <v>43817</v>
      </c>
      <c r="C28972">
        <v>0</v>
      </c>
      <c r="D28972">
        <v>0</v>
      </c>
    </row>
    <row r="28973" spans="1:4" x14ac:dyDescent="0.25">
      <c r="A28973" t="s">
        <v>43816</v>
      </c>
      <c r="B28973" t="s">
        <v>42737</v>
      </c>
      <c r="C28973">
        <v>0</v>
      </c>
      <c r="D28973">
        <v>0</v>
      </c>
    </row>
    <row r="28974" spans="1:4" x14ac:dyDescent="0.25">
      <c r="A28974" t="s">
        <v>43816</v>
      </c>
      <c r="B28974" t="s">
        <v>43818</v>
      </c>
      <c r="C28974">
        <v>0</v>
      </c>
      <c r="D28974">
        <v>0</v>
      </c>
    </row>
    <row r="28975" spans="1:4" x14ac:dyDescent="0.25">
      <c r="A28975" t="s">
        <v>43819</v>
      </c>
      <c r="B28975" t="s">
        <v>43820</v>
      </c>
      <c r="C28975">
        <v>0</v>
      </c>
      <c r="D28975">
        <v>0</v>
      </c>
    </row>
    <row r="28976" spans="1:4" x14ac:dyDescent="0.25">
      <c r="A28976" t="s">
        <v>43819</v>
      </c>
      <c r="B28976" t="s">
        <v>43821</v>
      </c>
      <c r="C28976">
        <v>0</v>
      </c>
      <c r="D28976">
        <v>0</v>
      </c>
    </row>
    <row r="28977" spans="1:4" x14ac:dyDescent="0.25">
      <c r="A28977" t="s">
        <v>43819</v>
      </c>
      <c r="B28977" t="s">
        <v>43822</v>
      </c>
      <c r="C28977">
        <v>1</v>
      </c>
      <c r="D28977">
        <v>0</v>
      </c>
    </row>
    <row r="28978" spans="1:4" x14ac:dyDescent="0.25">
      <c r="A28978" t="s">
        <v>43823</v>
      </c>
      <c r="B28978" t="s">
        <v>1001</v>
      </c>
      <c r="C28978">
        <v>1</v>
      </c>
      <c r="D28978">
        <v>0</v>
      </c>
    </row>
    <row r="28979" spans="1:4" x14ac:dyDescent="0.25">
      <c r="A28979" t="s">
        <v>43824</v>
      </c>
      <c r="B28979" t="s">
        <v>43825</v>
      </c>
      <c r="C28979">
        <v>2</v>
      </c>
      <c r="D28979">
        <v>0</v>
      </c>
    </row>
    <row r="28980" spans="1:4" x14ac:dyDescent="0.25">
      <c r="A28980" t="s">
        <v>43824</v>
      </c>
      <c r="B28980" t="s">
        <v>2061</v>
      </c>
      <c r="C28980">
        <v>0</v>
      </c>
      <c r="D28980">
        <v>0</v>
      </c>
    </row>
    <row r="28981" spans="1:4" x14ac:dyDescent="0.25">
      <c r="A28981" t="s">
        <v>43826</v>
      </c>
      <c r="B28981" t="s">
        <v>43827</v>
      </c>
      <c r="C28981">
        <v>0</v>
      </c>
      <c r="D28981">
        <v>0</v>
      </c>
    </row>
    <row r="28982" spans="1:4" x14ac:dyDescent="0.25">
      <c r="A28982" t="s">
        <v>43826</v>
      </c>
      <c r="B28982" t="s">
        <v>43828</v>
      </c>
      <c r="C28982">
        <v>0</v>
      </c>
      <c r="D28982">
        <v>0</v>
      </c>
    </row>
    <row r="28983" spans="1:4" x14ac:dyDescent="0.25">
      <c r="A28983" t="s">
        <v>43826</v>
      </c>
      <c r="B28983" t="s">
        <v>43829</v>
      </c>
      <c r="C28983">
        <v>1</v>
      </c>
      <c r="D28983">
        <v>0</v>
      </c>
    </row>
    <row r="28984" spans="1:4" x14ac:dyDescent="0.25">
      <c r="A28984" t="s">
        <v>43830</v>
      </c>
      <c r="B28984" t="s">
        <v>43831</v>
      </c>
      <c r="C28984">
        <v>0</v>
      </c>
      <c r="D28984">
        <v>0</v>
      </c>
    </row>
    <row r="28985" spans="1:4" x14ac:dyDescent="0.25">
      <c r="A28985" t="s">
        <v>43832</v>
      </c>
      <c r="B28985" t="s">
        <v>43833</v>
      </c>
      <c r="C28985">
        <v>1</v>
      </c>
      <c r="D28985">
        <v>0</v>
      </c>
    </row>
    <row r="28986" spans="1:4" x14ac:dyDescent="0.25">
      <c r="A28986" t="s">
        <v>43834</v>
      </c>
      <c r="B28986" t="s">
        <v>852</v>
      </c>
      <c r="C28986">
        <v>0</v>
      </c>
      <c r="D28986">
        <v>0</v>
      </c>
    </row>
    <row r="28987" spans="1:4" x14ac:dyDescent="0.25">
      <c r="A28987" t="s">
        <v>43834</v>
      </c>
      <c r="B28987" t="s">
        <v>43835</v>
      </c>
      <c r="C28987">
        <v>1</v>
      </c>
      <c r="D28987">
        <v>0</v>
      </c>
    </row>
    <row r="28988" spans="1:4" x14ac:dyDescent="0.25">
      <c r="A28988" t="s">
        <v>43836</v>
      </c>
      <c r="B28988" t="s">
        <v>37918</v>
      </c>
      <c r="C28988">
        <v>1</v>
      </c>
      <c r="D28988">
        <v>0</v>
      </c>
    </row>
    <row r="28989" spans="1:4" x14ac:dyDescent="0.25">
      <c r="A28989" t="s">
        <v>43836</v>
      </c>
      <c r="B28989" t="s">
        <v>969</v>
      </c>
      <c r="C28989">
        <v>0</v>
      </c>
      <c r="D28989">
        <v>0</v>
      </c>
    </row>
    <row r="28990" spans="1:4" x14ac:dyDescent="0.25">
      <c r="A28990" t="s">
        <v>43837</v>
      </c>
      <c r="B28990" t="s">
        <v>43838</v>
      </c>
      <c r="C28990">
        <v>0</v>
      </c>
      <c r="D28990">
        <v>0</v>
      </c>
    </row>
    <row r="28991" spans="1:4" x14ac:dyDescent="0.25">
      <c r="A28991" t="s">
        <v>43837</v>
      </c>
      <c r="B28991" t="s">
        <v>43839</v>
      </c>
      <c r="C28991">
        <v>0</v>
      </c>
      <c r="D28991">
        <v>0</v>
      </c>
    </row>
    <row r="28992" spans="1:4" x14ac:dyDescent="0.25">
      <c r="A28992" t="s">
        <v>43840</v>
      </c>
      <c r="B28992" t="s">
        <v>43841</v>
      </c>
      <c r="C28992">
        <v>0</v>
      </c>
      <c r="D28992">
        <v>0</v>
      </c>
    </row>
    <row r="28993" spans="1:4" x14ac:dyDescent="0.25">
      <c r="A28993" t="s">
        <v>43840</v>
      </c>
      <c r="B28993" t="s">
        <v>43842</v>
      </c>
      <c r="C28993">
        <v>1</v>
      </c>
      <c r="D28993">
        <v>0</v>
      </c>
    </row>
    <row r="28994" spans="1:4" x14ac:dyDescent="0.25">
      <c r="A28994" t="s">
        <v>43843</v>
      </c>
      <c r="B28994" t="s">
        <v>43844</v>
      </c>
      <c r="C28994">
        <v>0</v>
      </c>
      <c r="D28994">
        <v>0</v>
      </c>
    </row>
    <row r="28995" spans="1:4" x14ac:dyDescent="0.25">
      <c r="A28995" t="s">
        <v>43843</v>
      </c>
      <c r="B28995" t="s">
        <v>43845</v>
      </c>
      <c r="C28995">
        <v>2</v>
      </c>
      <c r="D28995">
        <v>0</v>
      </c>
    </row>
    <row r="28996" spans="1:4" x14ac:dyDescent="0.25">
      <c r="A28996" t="s">
        <v>43843</v>
      </c>
      <c r="B28996" t="s">
        <v>43846</v>
      </c>
      <c r="C28996">
        <v>1</v>
      </c>
      <c r="D28996">
        <v>0</v>
      </c>
    </row>
    <row r="28997" spans="1:4" x14ac:dyDescent="0.25">
      <c r="A28997" t="s">
        <v>43847</v>
      </c>
      <c r="B28997" t="s">
        <v>43848</v>
      </c>
      <c r="C28997">
        <v>1</v>
      </c>
      <c r="D28997">
        <v>0</v>
      </c>
    </row>
    <row r="28998" spans="1:4" x14ac:dyDescent="0.25">
      <c r="A28998" t="s">
        <v>43847</v>
      </c>
      <c r="B28998" t="s">
        <v>43849</v>
      </c>
      <c r="C28998">
        <v>1</v>
      </c>
      <c r="D28998">
        <v>0</v>
      </c>
    </row>
    <row r="28999" spans="1:4" x14ac:dyDescent="0.25">
      <c r="A28999" t="s">
        <v>43847</v>
      </c>
      <c r="B28999" t="s">
        <v>43850</v>
      </c>
      <c r="C28999">
        <v>0</v>
      </c>
      <c r="D28999">
        <v>0</v>
      </c>
    </row>
    <row r="29000" spans="1:4" x14ac:dyDescent="0.25">
      <c r="A29000" t="s">
        <v>43851</v>
      </c>
      <c r="B29000" t="s">
        <v>43852</v>
      </c>
      <c r="C29000">
        <v>1</v>
      </c>
      <c r="D29000">
        <v>0</v>
      </c>
    </row>
    <row r="29001" spans="1:4" x14ac:dyDescent="0.25">
      <c r="A29001" t="s">
        <v>43853</v>
      </c>
      <c r="B29001" t="s">
        <v>43854</v>
      </c>
      <c r="C29001">
        <v>1</v>
      </c>
      <c r="D29001">
        <v>0</v>
      </c>
    </row>
    <row r="29002" spans="1:4" x14ac:dyDescent="0.25">
      <c r="A29002" t="s">
        <v>43853</v>
      </c>
      <c r="B29002" t="s">
        <v>43855</v>
      </c>
      <c r="C29002">
        <v>0</v>
      </c>
      <c r="D29002">
        <v>0</v>
      </c>
    </row>
    <row r="29003" spans="1:4" x14ac:dyDescent="0.25">
      <c r="A29003" t="s">
        <v>43856</v>
      </c>
      <c r="B29003" t="s">
        <v>43857</v>
      </c>
      <c r="C29003">
        <v>2</v>
      </c>
      <c r="D29003">
        <v>0</v>
      </c>
    </row>
    <row r="29004" spans="1:4" x14ac:dyDescent="0.25">
      <c r="A29004" t="s">
        <v>43856</v>
      </c>
      <c r="B29004" t="s">
        <v>43858</v>
      </c>
      <c r="C29004">
        <v>1</v>
      </c>
      <c r="D29004">
        <v>0</v>
      </c>
    </row>
    <row r="29005" spans="1:4" x14ac:dyDescent="0.25">
      <c r="A29005" t="s">
        <v>43856</v>
      </c>
      <c r="B29005" t="s">
        <v>43859</v>
      </c>
      <c r="C29005">
        <v>2</v>
      </c>
      <c r="D29005">
        <v>0</v>
      </c>
    </row>
    <row r="29006" spans="1:4" x14ac:dyDescent="0.25">
      <c r="A29006" t="s">
        <v>43860</v>
      </c>
      <c r="B29006" t="s">
        <v>43861</v>
      </c>
      <c r="C29006">
        <v>2</v>
      </c>
      <c r="D29006">
        <v>0</v>
      </c>
    </row>
    <row r="29007" spans="1:4" x14ac:dyDescent="0.25">
      <c r="A29007" t="s">
        <v>43860</v>
      </c>
      <c r="B29007" t="s">
        <v>43862</v>
      </c>
      <c r="C29007">
        <v>2</v>
      </c>
      <c r="D29007">
        <v>0</v>
      </c>
    </row>
    <row r="29008" spans="1:4" x14ac:dyDescent="0.25">
      <c r="A29008" t="s">
        <v>43863</v>
      </c>
      <c r="B29008" t="s">
        <v>43864</v>
      </c>
      <c r="C29008">
        <v>0</v>
      </c>
      <c r="D29008">
        <v>0</v>
      </c>
    </row>
    <row r="29009" spans="1:4" x14ac:dyDescent="0.25">
      <c r="A29009" t="s">
        <v>43863</v>
      </c>
      <c r="B29009" t="s">
        <v>43865</v>
      </c>
      <c r="C29009">
        <v>0</v>
      </c>
      <c r="D29009">
        <v>0</v>
      </c>
    </row>
    <row r="29010" spans="1:4" x14ac:dyDescent="0.25">
      <c r="A29010" t="s">
        <v>43863</v>
      </c>
      <c r="B29010" t="s">
        <v>43866</v>
      </c>
      <c r="C29010">
        <v>0</v>
      </c>
      <c r="D29010">
        <v>0</v>
      </c>
    </row>
    <row r="29011" spans="1:4" x14ac:dyDescent="0.25">
      <c r="A29011" t="s">
        <v>43867</v>
      </c>
      <c r="B29011" t="s">
        <v>43868</v>
      </c>
      <c r="C29011">
        <v>2</v>
      </c>
      <c r="D29011">
        <v>0</v>
      </c>
    </row>
    <row r="29012" spans="1:4" x14ac:dyDescent="0.25">
      <c r="A29012" t="s">
        <v>43867</v>
      </c>
      <c r="B29012" t="s">
        <v>30235</v>
      </c>
      <c r="C29012">
        <v>2</v>
      </c>
      <c r="D29012">
        <v>0</v>
      </c>
    </row>
    <row r="29013" spans="1:4" x14ac:dyDescent="0.25">
      <c r="A29013" t="s">
        <v>43869</v>
      </c>
      <c r="B29013" t="s">
        <v>43870</v>
      </c>
      <c r="C29013">
        <v>2</v>
      </c>
      <c r="D29013">
        <v>0</v>
      </c>
    </row>
    <row r="29014" spans="1:4" x14ac:dyDescent="0.25">
      <c r="A29014" t="s">
        <v>43869</v>
      </c>
      <c r="B29014" t="s">
        <v>43871</v>
      </c>
      <c r="C29014">
        <v>0</v>
      </c>
      <c r="D29014">
        <v>0</v>
      </c>
    </row>
    <row r="29015" spans="1:4" x14ac:dyDescent="0.25">
      <c r="A29015" t="s">
        <v>43869</v>
      </c>
      <c r="B29015" t="s">
        <v>43872</v>
      </c>
      <c r="C29015">
        <v>2</v>
      </c>
      <c r="D29015">
        <v>0</v>
      </c>
    </row>
    <row r="29016" spans="1:4" x14ac:dyDescent="0.25">
      <c r="A29016" t="s">
        <v>43873</v>
      </c>
      <c r="B29016" t="s">
        <v>37472</v>
      </c>
      <c r="C29016">
        <v>1</v>
      </c>
      <c r="D29016">
        <v>0</v>
      </c>
    </row>
    <row r="29017" spans="1:4" x14ac:dyDescent="0.25">
      <c r="A29017" t="s">
        <v>43874</v>
      </c>
      <c r="B29017" t="s">
        <v>33207</v>
      </c>
      <c r="C29017">
        <v>1</v>
      </c>
      <c r="D29017">
        <v>0</v>
      </c>
    </row>
    <row r="29018" spans="1:4" x14ac:dyDescent="0.25">
      <c r="A29018" t="s">
        <v>43874</v>
      </c>
      <c r="B29018" t="s">
        <v>40499</v>
      </c>
      <c r="C29018">
        <v>1</v>
      </c>
      <c r="D29018">
        <v>0</v>
      </c>
    </row>
    <row r="29019" spans="1:4" x14ac:dyDescent="0.25">
      <c r="A29019" t="s">
        <v>43874</v>
      </c>
      <c r="B29019" t="s">
        <v>3926</v>
      </c>
      <c r="C29019">
        <v>1</v>
      </c>
      <c r="D29019">
        <v>0</v>
      </c>
    </row>
    <row r="29020" spans="1:4" x14ac:dyDescent="0.25">
      <c r="A29020" t="s">
        <v>43875</v>
      </c>
      <c r="B29020" t="s">
        <v>43876</v>
      </c>
      <c r="C29020">
        <v>2</v>
      </c>
      <c r="D29020">
        <v>0</v>
      </c>
    </row>
    <row r="29021" spans="1:4" x14ac:dyDescent="0.25">
      <c r="A29021" t="s">
        <v>43875</v>
      </c>
      <c r="B29021" t="s">
        <v>43877</v>
      </c>
      <c r="C29021">
        <v>2</v>
      </c>
      <c r="D29021">
        <v>0</v>
      </c>
    </row>
    <row r="29022" spans="1:4" x14ac:dyDescent="0.25">
      <c r="A29022" t="s">
        <v>43875</v>
      </c>
      <c r="B29022" t="s">
        <v>43878</v>
      </c>
      <c r="C29022">
        <v>2</v>
      </c>
      <c r="D29022">
        <v>0</v>
      </c>
    </row>
    <row r="29023" spans="1:4" x14ac:dyDescent="0.25">
      <c r="A29023" t="s">
        <v>43879</v>
      </c>
      <c r="B29023" t="s">
        <v>43880</v>
      </c>
      <c r="C29023">
        <v>0</v>
      </c>
      <c r="D29023">
        <v>0</v>
      </c>
    </row>
    <row r="29024" spans="1:4" x14ac:dyDescent="0.25">
      <c r="A29024" t="s">
        <v>43881</v>
      </c>
      <c r="B29024" t="s">
        <v>43882</v>
      </c>
      <c r="C29024">
        <v>0</v>
      </c>
      <c r="D29024">
        <v>0</v>
      </c>
    </row>
    <row r="29025" spans="1:4" x14ac:dyDescent="0.25">
      <c r="A29025" t="s">
        <v>43883</v>
      </c>
      <c r="B29025" t="s">
        <v>1887</v>
      </c>
      <c r="C29025">
        <v>0</v>
      </c>
      <c r="D29025">
        <v>0</v>
      </c>
    </row>
    <row r="29026" spans="1:4" x14ac:dyDescent="0.25">
      <c r="A29026" t="s">
        <v>43884</v>
      </c>
      <c r="B29026" t="s">
        <v>1387</v>
      </c>
      <c r="C29026">
        <v>1</v>
      </c>
      <c r="D29026">
        <v>0</v>
      </c>
    </row>
    <row r="29027" spans="1:4" x14ac:dyDescent="0.25">
      <c r="A29027" t="s">
        <v>43884</v>
      </c>
      <c r="B29027" t="s">
        <v>43885</v>
      </c>
      <c r="C29027">
        <v>0</v>
      </c>
      <c r="D29027">
        <v>0</v>
      </c>
    </row>
    <row r="29028" spans="1:4" x14ac:dyDescent="0.25">
      <c r="A29028" t="s">
        <v>43886</v>
      </c>
      <c r="B29028" t="s">
        <v>43887</v>
      </c>
      <c r="C29028">
        <v>1</v>
      </c>
      <c r="D29028">
        <v>0</v>
      </c>
    </row>
    <row r="29029" spans="1:4" x14ac:dyDescent="0.25">
      <c r="A29029" t="s">
        <v>43886</v>
      </c>
      <c r="B29029" t="s">
        <v>43888</v>
      </c>
      <c r="C29029">
        <v>1</v>
      </c>
      <c r="D29029">
        <v>0</v>
      </c>
    </row>
    <row r="29030" spans="1:4" x14ac:dyDescent="0.25">
      <c r="A29030" t="s">
        <v>43886</v>
      </c>
      <c r="B29030" t="s">
        <v>43889</v>
      </c>
      <c r="C29030">
        <v>1</v>
      </c>
      <c r="D29030">
        <v>0</v>
      </c>
    </row>
    <row r="29031" spans="1:4" x14ac:dyDescent="0.25">
      <c r="A29031" t="s">
        <v>43890</v>
      </c>
      <c r="B29031" t="s">
        <v>43891</v>
      </c>
      <c r="C29031">
        <v>1</v>
      </c>
      <c r="D29031">
        <v>0</v>
      </c>
    </row>
    <row r="29032" spans="1:4" x14ac:dyDescent="0.25">
      <c r="A29032" t="s">
        <v>43892</v>
      </c>
      <c r="B29032" t="s">
        <v>43893</v>
      </c>
      <c r="C29032">
        <v>1</v>
      </c>
      <c r="D29032">
        <v>0</v>
      </c>
    </row>
    <row r="29033" spans="1:4" x14ac:dyDescent="0.25">
      <c r="A29033" t="s">
        <v>43894</v>
      </c>
      <c r="B29033" t="s">
        <v>43895</v>
      </c>
      <c r="C29033">
        <v>0</v>
      </c>
      <c r="D29033">
        <v>0</v>
      </c>
    </row>
    <row r="29034" spans="1:4" x14ac:dyDescent="0.25">
      <c r="A29034" t="s">
        <v>43896</v>
      </c>
      <c r="B29034" t="s">
        <v>43897</v>
      </c>
      <c r="C29034">
        <v>0</v>
      </c>
      <c r="D29034">
        <v>0</v>
      </c>
    </row>
    <row r="29035" spans="1:4" x14ac:dyDescent="0.25">
      <c r="A29035" t="s">
        <v>43896</v>
      </c>
      <c r="B29035" t="s">
        <v>43898</v>
      </c>
      <c r="C29035">
        <v>0</v>
      </c>
      <c r="D29035">
        <v>0</v>
      </c>
    </row>
    <row r="29036" spans="1:4" x14ac:dyDescent="0.25">
      <c r="A29036" t="s">
        <v>43899</v>
      </c>
      <c r="B29036" t="s">
        <v>43900</v>
      </c>
      <c r="C29036">
        <v>2</v>
      </c>
      <c r="D29036">
        <v>0</v>
      </c>
    </row>
    <row r="29037" spans="1:4" x14ac:dyDescent="0.25">
      <c r="A29037" t="s">
        <v>43901</v>
      </c>
      <c r="B29037" t="s">
        <v>43902</v>
      </c>
      <c r="C29037">
        <v>0</v>
      </c>
      <c r="D29037">
        <v>0</v>
      </c>
    </row>
    <row r="29038" spans="1:4" x14ac:dyDescent="0.25">
      <c r="A29038" t="s">
        <v>43903</v>
      </c>
      <c r="B29038" t="s">
        <v>43904</v>
      </c>
      <c r="C29038">
        <v>1</v>
      </c>
      <c r="D29038">
        <v>0</v>
      </c>
    </row>
    <row r="29039" spans="1:4" x14ac:dyDescent="0.25">
      <c r="A29039" t="s">
        <v>43903</v>
      </c>
      <c r="B29039" t="s">
        <v>3124</v>
      </c>
      <c r="C29039">
        <v>1</v>
      </c>
      <c r="D29039">
        <v>0</v>
      </c>
    </row>
    <row r="29040" spans="1:4" x14ac:dyDescent="0.25">
      <c r="A29040" t="s">
        <v>43905</v>
      </c>
      <c r="B29040" t="s">
        <v>43906</v>
      </c>
      <c r="C29040">
        <v>0</v>
      </c>
      <c r="D29040">
        <v>0</v>
      </c>
    </row>
    <row r="29041" spans="1:4" x14ac:dyDescent="0.25">
      <c r="A29041" t="s">
        <v>43905</v>
      </c>
      <c r="B29041" t="s">
        <v>43907</v>
      </c>
      <c r="C29041">
        <v>1</v>
      </c>
      <c r="D29041">
        <v>0</v>
      </c>
    </row>
    <row r="29042" spans="1:4" x14ac:dyDescent="0.25">
      <c r="A29042" t="s">
        <v>43905</v>
      </c>
      <c r="B29042" t="s">
        <v>43908</v>
      </c>
      <c r="C29042">
        <v>1</v>
      </c>
      <c r="D29042">
        <v>0</v>
      </c>
    </row>
    <row r="29043" spans="1:4" x14ac:dyDescent="0.25">
      <c r="A29043" t="s">
        <v>43909</v>
      </c>
      <c r="B29043" t="s">
        <v>43910</v>
      </c>
      <c r="C29043">
        <v>2</v>
      </c>
      <c r="D29043">
        <v>0</v>
      </c>
    </row>
    <row r="29044" spans="1:4" x14ac:dyDescent="0.25">
      <c r="A29044" t="s">
        <v>43909</v>
      </c>
      <c r="B29044" t="s">
        <v>43911</v>
      </c>
      <c r="C29044">
        <v>2</v>
      </c>
      <c r="D29044">
        <v>0</v>
      </c>
    </row>
    <row r="29045" spans="1:4" x14ac:dyDescent="0.25">
      <c r="A29045" t="s">
        <v>43909</v>
      </c>
      <c r="B29045" t="s">
        <v>43912</v>
      </c>
      <c r="C29045">
        <v>2</v>
      </c>
      <c r="D29045">
        <v>0</v>
      </c>
    </row>
    <row r="29046" spans="1:4" x14ac:dyDescent="0.25">
      <c r="A29046" t="s">
        <v>43913</v>
      </c>
      <c r="B29046" t="s">
        <v>43914</v>
      </c>
      <c r="C29046">
        <v>0</v>
      </c>
      <c r="D29046">
        <v>0</v>
      </c>
    </row>
    <row r="29047" spans="1:4" x14ac:dyDescent="0.25">
      <c r="A29047" t="s">
        <v>43915</v>
      </c>
      <c r="B29047" t="s">
        <v>43916</v>
      </c>
      <c r="C29047">
        <v>2</v>
      </c>
      <c r="D29047">
        <v>0</v>
      </c>
    </row>
    <row r="29048" spans="1:4" x14ac:dyDescent="0.25">
      <c r="A29048" t="s">
        <v>43915</v>
      </c>
      <c r="B29048" t="s">
        <v>43917</v>
      </c>
      <c r="C29048">
        <v>1</v>
      </c>
      <c r="D29048">
        <v>0</v>
      </c>
    </row>
    <row r="29049" spans="1:4" x14ac:dyDescent="0.25">
      <c r="A29049" t="s">
        <v>43918</v>
      </c>
      <c r="B29049" t="s">
        <v>43919</v>
      </c>
      <c r="C29049">
        <v>2</v>
      </c>
      <c r="D29049">
        <v>0</v>
      </c>
    </row>
    <row r="29050" spans="1:4" x14ac:dyDescent="0.25">
      <c r="A29050" t="s">
        <v>43918</v>
      </c>
      <c r="B29050" t="s">
        <v>1938</v>
      </c>
      <c r="C29050">
        <v>0</v>
      </c>
      <c r="D29050">
        <v>0</v>
      </c>
    </row>
    <row r="29051" spans="1:4" x14ac:dyDescent="0.25">
      <c r="A29051" t="s">
        <v>43920</v>
      </c>
      <c r="B29051" t="s">
        <v>398</v>
      </c>
      <c r="C29051">
        <v>0</v>
      </c>
      <c r="D29051">
        <v>0</v>
      </c>
    </row>
    <row r="29052" spans="1:4" x14ac:dyDescent="0.25">
      <c r="A29052" t="s">
        <v>43921</v>
      </c>
      <c r="B29052" t="s">
        <v>43922</v>
      </c>
      <c r="C29052">
        <v>1</v>
      </c>
      <c r="D29052">
        <v>0</v>
      </c>
    </row>
    <row r="29053" spans="1:4" x14ac:dyDescent="0.25">
      <c r="A29053" t="s">
        <v>43921</v>
      </c>
      <c r="B29053" t="s">
        <v>43923</v>
      </c>
      <c r="C29053">
        <v>0</v>
      </c>
      <c r="D29053">
        <v>0</v>
      </c>
    </row>
    <row r="29054" spans="1:4" x14ac:dyDescent="0.25">
      <c r="A29054" t="s">
        <v>43924</v>
      </c>
      <c r="B29054" t="s">
        <v>43925</v>
      </c>
      <c r="C29054">
        <v>1</v>
      </c>
      <c r="D29054">
        <v>0</v>
      </c>
    </row>
    <row r="29055" spans="1:4" x14ac:dyDescent="0.25">
      <c r="A29055" t="s">
        <v>43924</v>
      </c>
      <c r="B29055" t="s">
        <v>43926</v>
      </c>
      <c r="C29055">
        <v>0</v>
      </c>
      <c r="D29055">
        <v>0</v>
      </c>
    </row>
    <row r="29056" spans="1:4" x14ac:dyDescent="0.25">
      <c r="A29056" t="s">
        <v>43924</v>
      </c>
      <c r="B29056" t="s">
        <v>43927</v>
      </c>
      <c r="C29056">
        <v>1</v>
      </c>
      <c r="D29056">
        <v>0</v>
      </c>
    </row>
    <row r="29057" spans="1:4" x14ac:dyDescent="0.25">
      <c r="A29057" t="s">
        <v>43928</v>
      </c>
      <c r="B29057" t="s">
        <v>43929</v>
      </c>
      <c r="C29057">
        <v>0</v>
      </c>
      <c r="D29057">
        <v>0</v>
      </c>
    </row>
    <row r="29058" spans="1:4" x14ac:dyDescent="0.25">
      <c r="A29058" t="s">
        <v>43930</v>
      </c>
      <c r="B29058" t="s">
        <v>43931</v>
      </c>
      <c r="C29058">
        <v>2</v>
      </c>
      <c r="D29058">
        <v>0</v>
      </c>
    </row>
    <row r="29059" spans="1:4" x14ac:dyDescent="0.25">
      <c r="A29059" t="s">
        <v>43932</v>
      </c>
      <c r="B29059" t="s">
        <v>43933</v>
      </c>
      <c r="C29059">
        <v>1</v>
      </c>
      <c r="D29059">
        <v>0</v>
      </c>
    </row>
    <row r="29060" spans="1:4" x14ac:dyDescent="0.25">
      <c r="A29060" t="s">
        <v>43934</v>
      </c>
      <c r="B29060" t="s">
        <v>43935</v>
      </c>
      <c r="C29060">
        <v>1</v>
      </c>
      <c r="D29060">
        <v>0</v>
      </c>
    </row>
    <row r="29061" spans="1:4" x14ac:dyDescent="0.25">
      <c r="A29061" t="s">
        <v>43934</v>
      </c>
      <c r="B29061" t="s">
        <v>43936</v>
      </c>
      <c r="C29061">
        <v>1</v>
      </c>
      <c r="D29061">
        <v>0</v>
      </c>
    </row>
    <row r="29062" spans="1:4" x14ac:dyDescent="0.25">
      <c r="A29062" t="s">
        <v>43934</v>
      </c>
      <c r="B29062" t="s">
        <v>43937</v>
      </c>
      <c r="C29062">
        <v>2</v>
      </c>
      <c r="D29062">
        <v>0</v>
      </c>
    </row>
    <row r="29063" spans="1:4" x14ac:dyDescent="0.25">
      <c r="A29063" t="s">
        <v>43938</v>
      </c>
      <c r="B29063" t="s">
        <v>43939</v>
      </c>
      <c r="C29063">
        <v>1</v>
      </c>
      <c r="D29063">
        <v>0</v>
      </c>
    </row>
    <row r="29064" spans="1:4" x14ac:dyDescent="0.25">
      <c r="A29064" t="s">
        <v>43938</v>
      </c>
      <c r="B29064" t="s">
        <v>43940</v>
      </c>
      <c r="C29064">
        <v>1</v>
      </c>
      <c r="D29064">
        <v>0</v>
      </c>
    </row>
    <row r="29065" spans="1:4" x14ac:dyDescent="0.25">
      <c r="A29065" t="s">
        <v>43941</v>
      </c>
      <c r="B29065" t="s">
        <v>43942</v>
      </c>
      <c r="C29065">
        <v>2</v>
      </c>
      <c r="D29065">
        <v>0</v>
      </c>
    </row>
    <row r="29066" spans="1:4" x14ac:dyDescent="0.25">
      <c r="A29066" t="s">
        <v>43941</v>
      </c>
      <c r="B29066" t="s">
        <v>43943</v>
      </c>
      <c r="C29066">
        <v>1</v>
      </c>
      <c r="D29066">
        <v>0</v>
      </c>
    </row>
    <row r="29067" spans="1:4" x14ac:dyDescent="0.25">
      <c r="A29067" t="s">
        <v>43941</v>
      </c>
      <c r="B29067" t="s">
        <v>43944</v>
      </c>
      <c r="C29067">
        <v>1</v>
      </c>
      <c r="D29067">
        <v>0</v>
      </c>
    </row>
    <row r="29068" spans="1:4" x14ac:dyDescent="0.25">
      <c r="A29068" t="s">
        <v>43945</v>
      </c>
      <c r="B29068" t="s">
        <v>43946</v>
      </c>
      <c r="C29068">
        <v>1</v>
      </c>
      <c r="D29068">
        <v>0</v>
      </c>
    </row>
    <row r="29069" spans="1:4" x14ac:dyDescent="0.25">
      <c r="A29069" t="s">
        <v>43945</v>
      </c>
      <c r="B29069" t="s">
        <v>43947</v>
      </c>
      <c r="C29069">
        <v>0</v>
      </c>
      <c r="D29069">
        <v>0</v>
      </c>
    </row>
    <row r="29070" spans="1:4" x14ac:dyDescent="0.25">
      <c r="A29070" t="s">
        <v>43948</v>
      </c>
      <c r="B29070" t="s">
        <v>43949</v>
      </c>
      <c r="C29070">
        <v>1</v>
      </c>
      <c r="D29070">
        <v>0</v>
      </c>
    </row>
    <row r="29071" spans="1:4" x14ac:dyDescent="0.25">
      <c r="A29071" t="s">
        <v>43948</v>
      </c>
      <c r="B29071" t="s">
        <v>43950</v>
      </c>
      <c r="C29071">
        <v>2</v>
      </c>
      <c r="D29071">
        <v>0</v>
      </c>
    </row>
    <row r="29072" spans="1:4" x14ac:dyDescent="0.25">
      <c r="A29072" t="s">
        <v>43951</v>
      </c>
      <c r="B29072" t="s">
        <v>43952</v>
      </c>
      <c r="C29072">
        <v>0</v>
      </c>
      <c r="D29072">
        <v>0</v>
      </c>
    </row>
    <row r="29073" spans="1:4" x14ac:dyDescent="0.25">
      <c r="A29073" t="s">
        <v>43953</v>
      </c>
      <c r="B29073" t="s">
        <v>43954</v>
      </c>
      <c r="C29073">
        <v>0</v>
      </c>
      <c r="D29073">
        <v>0</v>
      </c>
    </row>
    <row r="29074" spans="1:4" x14ac:dyDescent="0.25">
      <c r="A29074" t="s">
        <v>43955</v>
      </c>
      <c r="B29074" t="s">
        <v>43956</v>
      </c>
      <c r="C29074">
        <v>1</v>
      </c>
      <c r="D29074">
        <v>0</v>
      </c>
    </row>
    <row r="29075" spans="1:4" x14ac:dyDescent="0.25">
      <c r="A29075" t="s">
        <v>43955</v>
      </c>
      <c r="B29075" t="s">
        <v>43957</v>
      </c>
      <c r="C29075">
        <v>1</v>
      </c>
      <c r="D29075">
        <v>0</v>
      </c>
    </row>
    <row r="29076" spans="1:4" x14ac:dyDescent="0.25">
      <c r="A29076" t="s">
        <v>43955</v>
      </c>
      <c r="B29076" t="s">
        <v>43958</v>
      </c>
      <c r="C29076">
        <v>2</v>
      </c>
      <c r="D29076">
        <v>0</v>
      </c>
    </row>
    <row r="29077" spans="1:4" x14ac:dyDescent="0.25">
      <c r="A29077" t="s">
        <v>43959</v>
      </c>
      <c r="B29077" t="s">
        <v>43960</v>
      </c>
      <c r="C29077">
        <v>2</v>
      </c>
      <c r="D29077">
        <v>0</v>
      </c>
    </row>
    <row r="29078" spans="1:4" x14ac:dyDescent="0.25">
      <c r="A29078" t="s">
        <v>43959</v>
      </c>
      <c r="B29078" t="s">
        <v>43961</v>
      </c>
      <c r="C29078">
        <v>1</v>
      </c>
      <c r="D29078">
        <v>0</v>
      </c>
    </row>
    <row r="29079" spans="1:4" x14ac:dyDescent="0.25">
      <c r="A29079" t="s">
        <v>43962</v>
      </c>
      <c r="B29079" t="s">
        <v>1001</v>
      </c>
      <c r="C29079">
        <v>1</v>
      </c>
      <c r="D29079">
        <v>0</v>
      </c>
    </row>
    <row r="29080" spans="1:4" x14ac:dyDescent="0.25">
      <c r="A29080" t="s">
        <v>43962</v>
      </c>
      <c r="B29080" t="s">
        <v>43963</v>
      </c>
      <c r="C29080">
        <v>0</v>
      </c>
      <c r="D29080">
        <v>0</v>
      </c>
    </row>
    <row r="29081" spans="1:4" x14ac:dyDescent="0.25">
      <c r="A29081" t="s">
        <v>43964</v>
      </c>
      <c r="B29081" t="s">
        <v>43965</v>
      </c>
      <c r="C29081">
        <v>1</v>
      </c>
      <c r="D29081">
        <v>0</v>
      </c>
    </row>
    <row r="29082" spans="1:4" x14ac:dyDescent="0.25">
      <c r="A29082" t="s">
        <v>43966</v>
      </c>
      <c r="B29082" t="s">
        <v>1499</v>
      </c>
      <c r="C29082">
        <v>1</v>
      </c>
      <c r="D29082">
        <v>0</v>
      </c>
    </row>
    <row r="29083" spans="1:4" x14ac:dyDescent="0.25">
      <c r="A29083" t="s">
        <v>43967</v>
      </c>
      <c r="B29083" t="s">
        <v>43968</v>
      </c>
      <c r="C29083">
        <v>2</v>
      </c>
      <c r="D29083">
        <v>0</v>
      </c>
    </row>
    <row r="29084" spans="1:4" x14ac:dyDescent="0.25">
      <c r="A29084" t="s">
        <v>43967</v>
      </c>
      <c r="B29084" t="s">
        <v>43969</v>
      </c>
      <c r="C29084">
        <v>1</v>
      </c>
      <c r="D29084">
        <v>0</v>
      </c>
    </row>
    <row r="29085" spans="1:4" x14ac:dyDescent="0.25">
      <c r="A29085" t="s">
        <v>43970</v>
      </c>
      <c r="B29085" t="s">
        <v>43971</v>
      </c>
      <c r="C29085">
        <v>0</v>
      </c>
      <c r="D29085">
        <v>0</v>
      </c>
    </row>
    <row r="29086" spans="1:4" x14ac:dyDescent="0.25">
      <c r="A29086" t="s">
        <v>43970</v>
      </c>
      <c r="B29086" t="s">
        <v>43972</v>
      </c>
      <c r="C29086">
        <v>1</v>
      </c>
      <c r="D29086">
        <v>0</v>
      </c>
    </row>
    <row r="29087" spans="1:4" x14ac:dyDescent="0.25">
      <c r="A29087" t="s">
        <v>43970</v>
      </c>
      <c r="B29087" t="s">
        <v>43973</v>
      </c>
      <c r="C29087">
        <v>0</v>
      </c>
      <c r="D29087">
        <v>0</v>
      </c>
    </row>
    <row r="29088" spans="1:4" x14ac:dyDescent="0.25">
      <c r="A29088" t="s">
        <v>43974</v>
      </c>
      <c r="B29088" t="s">
        <v>43975</v>
      </c>
      <c r="C29088">
        <v>0</v>
      </c>
      <c r="D29088">
        <v>0</v>
      </c>
    </row>
    <row r="29089" spans="1:4" x14ac:dyDescent="0.25">
      <c r="A29089" t="s">
        <v>43976</v>
      </c>
      <c r="B29089" t="s">
        <v>43977</v>
      </c>
      <c r="C29089">
        <v>0</v>
      </c>
      <c r="D29089">
        <v>0</v>
      </c>
    </row>
    <row r="29090" spans="1:4" x14ac:dyDescent="0.25">
      <c r="A29090" t="s">
        <v>43976</v>
      </c>
      <c r="B29090" t="s">
        <v>43978</v>
      </c>
      <c r="C29090">
        <v>1</v>
      </c>
      <c r="D29090">
        <v>0</v>
      </c>
    </row>
    <row r="29091" spans="1:4" x14ac:dyDescent="0.25">
      <c r="A29091" t="s">
        <v>43976</v>
      </c>
      <c r="B29091" t="s">
        <v>43979</v>
      </c>
      <c r="C29091">
        <v>0</v>
      </c>
      <c r="D29091">
        <v>0</v>
      </c>
    </row>
    <row r="29092" spans="1:4" x14ac:dyDescent="0.25">
      <c r="A29092" t="s">
        <v>43980</v>
      </c>
      <c r="B29092" t="s">
        <v>43981</v>
      </c>
      <c r="C29092">
        <v>1</v>
      </c>
      <c r="D29092">
        <v>0</v>
      </c>
    </row>
    <row r="29093" spans="1:4" x14ac:dyDescent="0.25">
      <c r="A29093" t="s">
        <v>43982</v>
      </c>
      <c r="B29093" t="s">
        <v>43983</v>
      </c>
      <c r="C29093">
        <v>2</v>
      </c>
      <c r="D29093">
        <v>0</v>
      </c>
    </row>
    <row r="29094" spans="1:4" x14ac:dyDescent="0.25">
      <c r="A29094" t="s">
        <v>43984</v>
      </c>
      <c r="B29094" t="s">
        <v>43985</v>
      </c>
      <c r="C29094">
        <v>1</v>
      </c>
      <c r="D29094">
        <v>0</v>
      </c>
    </row>
    <row r="29095" spans="1:4" x14ac:dyDescent="0.25">
      <c r="A29095" t="s">
        <v>43984</v>
      </c>
      <c r="B29095" t="s">
        <v>43986</v>
      </c>
      <c r="C29095">
        <v>0</v>
      </c>
      <c r="D29095">
        <v>0</v>
      </c>
    </row>
    <row r="29096" spans="1:4" x14ac:dyDescent="0.25">
      <c r="A29096" t="s">
        <v>43984</v>
      </c>
      <c r="B29096" t="s">
        <v>43987</v>
      </c>
      <c r="C29096">
        <v>2</v>
      </c>
      <c r="D29096">
        <v>0</v>
      </c>
    </row>
    <row r="29097" spans="1:4" x14ac:dyDescent="0.25">
      <c r="A29097" t="s">
        <v>43988</v>
      </c>
      <c r="B29097" t="s">
        <v>43989</v>
      </c>
      <c r="C29097">
        <v>1</v>
      </c>
      <c r="D29097">
        <v>0</v>
      </c>
    </row>
    <row r="29098" spans="1:4" x14ac:dyDescent="0.25">
      <c r="A29098" t="s">
        <v>43988</v>
      </c>
      <c r="B29098" t="s">
        <v>43990</v>
      </c>
      <c r="C29098">
        <v>0</v>
      </c>
      <c r="D29098">
        <v>0</v>
      </c>
    </row>
    <row r="29099" spans="1:4" x14ac:dyDescent="0.25">
      <c r="A29099" t="s">
        <v>43988</v>
      </c>
      <c r="B29099" t="s">
        <v>43991</v>
      </c>
      <c r="C29099">
        <v>0</v>
      </c>
      <c r="D29099">
        <v>0</v>
      </c>
    </row>
    <row r="29100" spans="1:4" x14ac:dyDescent="0.25">
      <c r="A29100" t="s">
        <v>43992</v>
      </c>
      <c r="B29100" t="s">
        <v>43993</v>
      </c>
      <c r="C29100">
        <v>1</v>
      </c>
      <c r="D29100">
        <v>0</v>
      </c>
    </row>
    <row r="29101" spans="1:4" x14ac:dyDescent="0.25">
      <c r="A29101" t="s">
        <v>43992</v>
      </c>
      <c r="B29101" t="s">
        <v>43994</v>
      </c>
      <c r="C29101">
        <v>0</v>
      </c>
      <c r="D29101">
        <v>0</v>
      </c>
    </row>
    <row r="29102" spans="1:4" x14ac:dyDescent="0.25">
      <c r="A29102" t="s">
        <v>43995</v>
      </c>
      <c r="B29102" t="s">
        <v>43996</v>
      </c>
      <c r="C29102">
        <v>1</v>
      </c>
      <c r="D29102">
        <v>0</v>
      </c>
    </row>
    <row r="29103" spans="1:4" x14ac:dyDescent="0.25">
      <c r="A29103" t="s">
        <v>43995</v>
      </c>
      <c r="B29103" t="s">
        <v>43997</v>
      </c>
      <c r="C29103">
        <v>0</v>
      </c>
      <c r="D29103">
        <v>0</v>
      </c>
    </row>
    <row r="29104" spans="1:4" x14ac:dyDescent="0.25">
      <c r="A29104" t="s">
        <v>43998</v>
      </c>
      <c r="B29104" t="s">
        <v>2061</v>
      </c>
      <c r="C29104">
        <v>0</v>
      </c>
      <c r="D29104">
        <v>0</v>
      </c>
    </row>
    <row r="29105" spans="1:4" x14ac:dyDescent="0.25">
      <c r="A29105" t="s">
        <v>43998</v>
      </c>
      <c r="B29105" t="s">
        <v>43999</v>
      </c>
      <c r="C29105">
        <v>2</v>
      </c>
      <c r="D29105">
        <v>0</v>
      </c>
    </row>
    <row r="29106" spans="1:4" x14ac:dyDescent="0.25">
      <c r="A29106" t="s">
        <v>43998</v>
      </c>
      <c r="B29106" t="s">
        <v>1001</v>
      </c>
      <c r="C29106">
        <v>1</v>
      </c>
      <c r="D29106">
        <v>0</v>
      </c>
    </row>
    <row r="29107" spans="1:4" x14ac:dyDescent="0.25">
      <c r="A29107" t="s">
        <v>44000</v>
      </c>
      <c r="B29107" t="s">
        <v>44001</v>
      </c>
      <c r="C29107">
        <v>0</v>
      </c>
      <c r="D29107">
        <v>0</v>
      </c>
    </row>
    <row r="29108" spans="1:4" x14ac:dyDescent="0.25">
      <c r="A29108" t="s">
        <v>44000</v>
      </c>
      <c r="B29108" t="s">
        <v>44002</v>
      </c>
      <c r="C29108">
        <v>2</v>
      </c>
      <c r="D29108">
        <v>0</v>
      </c>
    </row>
    <row r="29109" spans="1:4" x14ac:dyDescent="0.25">
      <c r="A29109" t="s">
        <v>44000</v>
      </c>
      <c r="B29109" t="s">
        <v>44003</v>
      </c>
      <c r="C29109">
        <v>0</v>
      </c>
      <c r="D29109">
        <v>0</v>
      </c>
    </row>
    <row r="29110" spans="1:4" x14ac:dyDescent="0.25">
      <c r="A29110" t="s">
        <v>44004</v>
      </c>
      <c r="B29110" t="s">
        <v>34045</v>
      </c>
      <c r="C29110">
        <v>1</v>
      </c>
      <c r="D29110">
        <v>0</v>
      </c>
    </row>
    <row r="29111" spans="1:4" x14ac:dyDescent="0.25">
      <c r="A29111" t="s">
        <v>44004</v>
      </c>
      <c r="B29111" t="s">
        <v>44005</v>
      </c>
      <c r="C29111">
        <v>2</v>
      </c>
      <c r="D29111">
        <v>0</v>
      </c>
    </row>
    <row r="29112" spans="1:4" x14ac:dyDescent="0.25">
      <c r="A29112" t="s">
        <v>44004</v>
      </c>
      <c r="B29112" t="s">
        <v>44006</v>
      </c>
      <c r="C29112">
        <v>1</v>
      </c>
      <c r="D29112">
        <v>0</v>
      </c>
    </row>
    <row r="29113" spans="1:4" x14ac:dyDescent="0.25">
      <c r="A29113" t="s">
        <v>44007</v>
      </c>
      <c r="B29113" t="s">
        <v>44008</v>
      </c>
      <c r="C29113">
        <v>2</v>
      </c>
      <c r="D29113">
        <v>0</v>
      </c>
    </row>
    <row r="29114" spans="1:4" x14ac:dyDescent="0.25">
      <c r="A29114" t="s">
        <v>44007</v>
      </c>
      <c r="B29114" t="s">
        <v>44009</v>
      </c>
      <c r="C29114">
        <v>1</v>
      </c>
      <c r="D29114">
        <v>0</v>
      </c>
    </row>
    <row r="29115" spans="1:4" x14ac:dyDescent="0.25">
      <c r="A29115" t="s">
        <v>44007</v>
      </c>
      <c r="B29115" t="s">
        <v>44010</v>
      </c>
      <c r="C29115">
        <v>2</v>
      </c>
      <c r="D29115">
        <v>0</v>
      </c>
    </row>
    <row r="29116" spans="1:4" x14ac:dyDescent="0.25">
      <c r="A29116" t="s">
        <v>44011</v>
      </c>
      <c r="B29116" t="s">
        <v>44012</v>
      </c>
      <c r="C29116">
        <v>0</v>
      </c>
      <c r="D29116">
        <v>0</v>
      </c>
    </row>
    <row r="29117" spans="1:4" x14ac:dyDescent="0.25">
      <c r="A29117" t="s">
        <v>44011</v>
      </c>
      <c r="B29117" t="s">
        <v>44013</v>
      </c>
      <c r="C29117">
        <v>1</v>
      </c>
      <c r="D29117">
        <v>0</v>
      </c>
    </row>
    <row r="29118" spans="1:4" x14ac:dyDescent="0.25">
      <c r="A29118" t="s">
        <v>44011</v>
      </c>
      <c r="B29118" t="s">
        <v>44014</v>
      </c>
      <c r="C29118">
        <v>0</v>
      </c>
      <c r="D29118">
        <v>0</v>
      </c>
    </row>
    <row r="29119" spans="1:4" x14ac:dyDescent="0.25">
      <c r="A29119" t="s">
        <v>44015</v>
      </c>
      <c r="B29119" t="s">
        <v>44016</v>
      </c>
      <c r="C29119">
        <v>1</v>
      </c>
      <c r="D29119">
        <v>0</v>
      </c>
    </row>
    <row r="29120" spans="1:4" x14ac:dyDescent="0.25">
      <c r="A29120" t="s">
        <v>44017</v>
      </c>
      <c r="B29120" t="s">
        <v>44018</v>
      </c>
      <c r="C29120">
        <v>1</v>
      </c>
      <c r="D29120">
        <v>0</v>
      </c>
    </row>
    <row r="29121" spans="1:4" x14ac:dyDescent="0.25">
      <c r="A29121" t="s">
        <v>44017</v>
      </c>
      <c r="B29121" t="s">
        <v>44019</v>
      </c>
      <c r="C29121">
        <v>1</v>
      </c>
      <c r="D29121">
        <v>0</v>
      </c>
    </row>
    <row r="29122" spans="1:4" x14ac:dyDescent="0.25">
      <c r="A29122" t="s">
        <v>44017</v>
      </c>
      <c r="B29122" t="s">
        <v>44020</v>
      </c>
      <c r="C29122">
        <v>1</v>
      </c>
      <c r="D29122">
        <v>0</v>
      </c>
    </row>
    <row r="29123" spans="1:4" x14ac:dyDescent="0.25">
      <c r="A29123" t="s">
        <v>44021</v>
      </c>
      <c r="B29123" t="s">
        <v>44022</v>
      </c>
      <c r="C29123">
        <v>2</v>
      </c>
      <c r="D29123">
        <v>0</v>
      </c>
    </row>
    <row r="29124" spans="1:4" x14ac:dyDescent="0.25">
      <c r="A29124" t="s">
        <v>44021</v>
      </c>
      <c r="B29124" t="s">
        <v>44023</v>
      </c>
      <c r="C29124">
        <v>2</v>
      </c>
      <c r="D29124">
        <v>0</v>
      </c>
    </row>
    <row r="29125" spans="1:4" x14ac:dyDescent="0.25">
      <c r="A29125" t="s">
        <v>44021</v>
      </c>
      <c r="B29125" t="s">
        <v>44024</v>
      </c>
      <c r="C29125">
        <v>0</v>
      </c>
      <c r="D29125">
        <v>0</v>
      </c>
    </row>
    <row r="29126" spans="1:4" x14ac:dyDescent="0.25">
      <c r="A29126" t="s">
        <v>44025</v>
      </c>
      <c r="B29126" t="s">
        <v>44026</v>
      </c>
      <c r="C29126">
        <v>1</v>
      </c>
      <c r="D29126">
        <v>0</v>
      </c>
    </row>
    <row r="29127" spans="1:4" x14ac:dyDescent="0.25">
      <c r="A29127" t="s">
        <v>44025</v>
      </c>
      <c r="B29127" t="s">
        <v>44027</v>
      </c>
      <c r="C29127">
        <v>2</v>
      </c>
      <c r="D29127">
        <v>0</v>
      </c>
    </row>
    <row r="29128" spans="1:4" x14ac:dyDescent="0.25">
      <c r="A29128" t="s">
        <v>44025</v>
      </c>
      <c r="B29128" t="s">
        <v>44028</v>
      </c>
      <c r="C29128">
        <v>1</v>
      </c>
      <c r="D29128">
        <v>0</v>
      </c>
    </row>
    <row r="29129" spans="1:4" x14ac:dyDescent="0.25">
      <c r="A29129" t="s">
        <v>44029</v>
      </c>
      <c r="B29129" t="s">
        <v>44030</v>
      </c>
      <c r="C29129">
        <v>0</v>
      </c>
      <c r="D29129">
        <v>0</v>
      </c>
    </row>
    <row r="29130" spans="1:4" x14ac:dyDescent="0.25">
      <c r="A29130" t="s">
        <v>44031</v>
      </c>
      <c r="B29130" t="s">
        <v>44032</v>
      </c>
      <c r="C29130">
        <v>0</v>
      </c>
      <c r="D29130">
        <v>0</v>
      </c>
    </row>
    <row r="29131" spans="1:4" x14ac:dyDescent="0.25">
      <c r="A29131" t="s">
        <v>44031</v>
      </c>
      <c r="B29131" t="s">
        <v>44033</v>
      </c>
      <c r="C29131">
        <v>1</v>
      </c>
      <c r="D29131">
        <v>0</v>
      </c>
    </row>
    <row r="29132" spans="1:4" x14ac:dyDescent="0.25">
      <c r="A29132" t="s">
        <v>44034</v>
      </c>
      <c r="B29132" t="s">
        <v>44035</v>
      </c>
      <c r="C29132">
        <v>0</v>
      </c>
      <c r="D29132">
        <v>0</v>
      </c>
    </row>
    <row r="29133" spans="1:4" x14ac:dyDescent="0.25">
      <c r="A29133" t="s">
        <v>44034</v>
      </c>
      <c r="B29133" t="s">
        <v>44036</v>
      </c>
      <c r="C29133">
        <v>2</v>
      </c>
      <c r="D29133">
        <v>0</v>
      </c>
    </row>
    <row r="29134" spans="1:4" x14ac:dyDescent="0.25">
      <c r="A29134" t="s">
        <v>44037</v>
      </c>
      <c r="B29134" t="s">
        <v>44038</v>
      </c>
      <c r="C29134">
        <v>0</v>
      </c>
      <c r="D29134">
        <v>0</v>
      </c>
    </row>
    <row r="29135" spans="1:4" x14ac:dyDescent="0.25">
      <c r="A29135" t="s">
        <v>44037</v>
      </c>
      <c r="B29135" t="s">
        <v>44039</v>
      </c>
      <c r="C29135">
        <v>1</v>
      </c>
      <c r="D29135">
        <v>0</v>
      </c>
    </row>
    <row r="29136" spans="1:4" x14ac:dyDescent="0.25">
      <c r="A29136" t="s">
        <v>44037</v>
      </c>
      <c r="B29136" t="s">
        <v>44040</v>
      </c>
      <c r="C29136">
        <v>0</v>
      </c>
      <c r="D29136">
        <v>0</v>
      </c>
    </row>
    <row r="29137" spans="1:4" x14ac:dyDescent="0.25">
      <c r="A29137" t="s">
        <v>44041</v>
      </c>
      <c r="B29137" t="s">
        <v>44042</v>
      </c>
      <c r="C29137">
        <v>1</v>
      </c>
      <c r="D29137">
        <v>0</v>
      </c>
    </row>
    <row r="29138" spans="1:4" x14ac:dyDescent="0.25">
      <c r="A29138" t="s">
        <v>44043</v>
      </c>
      <c r="B29138" t="s">
        <v>44044</v>
      </c>
      <c r="C29138">
        <v>0</v>
      </c>
      <c r="D29138">
        <v>0</v>
      </c>
    </row>
    <row r="29139" spans="1:4" x14ac:dyDescent="0.25">
      <c r="A29139" t="s">
        <v>44043</v>
      </c>
      <c r="B29139" t="s">
        <v>44045</v>
      </c>
      <c r="C29139">
        <v>1</v>
      </c>
      <c r="D29139">
        <v>0</v>
      </c>
    </row>
    <row r="29140" spans="1:4" x14ac:dyDescent="0.25">
      <c r="A29140" t="s">
        <v>44046</v>
      </c>
      <c r="B29140" t="s">
        <v>44047</v>
      </c>
      <c r="C29140">
        <v>0</v>
      </c>
      <c r="D29140">
        <v>0</v>
      </c>
    </row>
    <row r="29141" spans="1:4" x14ac:dyDescent="0.25">
      <c r="A29141" t="s">
        <v>44046</v>
      </c>
      <c r="B29141" t="s">
        <v>44048</v>
      </c>
      <c r="C29141">
        <v>2</v>
      </c>
      <c r="D29141">
        <v>0</v>
      </c>
    </row>
    <row r="29142" spans="1:4" x14ac:dyDescent="0.25">
      <c r="A29142" t="s">
        <v>44046</v>
      </c>
      <c r="B29142" t="s">
        <v>44049</v>
      </c>
      <c r="C29142">
        <v>0</v>
      </c>
      <c r="D29142">
        <v>0</v>
      </c>
    </row>
    <row r="29143" spans="1:4" x14ac:dyDescent="0.25">
      <c r="A29143" t="s">
        <v>44050</v>
      </c>
      <c r="B29143" t="s">
        <v>44051</v>
      </c>
      <c r="C29143">
        <v>0</v>
      </c>
      <c r="D29143">
        <v>0</v>
      </c>
    </row>
    <row r="29144" spans="1:4" x14ac:dyDescent="0.25">
      <c r="A29144" t="s">
        <v>44052</v>
      </c>
      <c r="B29144" t="s">
        <v>4422</v>
      </c>
      <c r="C29144">
        <v>1</v>
      </c>
      <c r="D29144">
        <v>0</v>
      </c>
    </row>
    <row r="29145" spans="1:4" x14ac:dyDescent="0.25">
      <c r="A29145" t="s">
        <v>44053</v>
      </c>
      <c r="B29145" t="s">
        <v>44054</v>
      </c>
      <c r="C29145">
        <v>1</v>
      </c>
      <c r="D29145">
        <v>0</v>
      </c>
    </row>
    <row r="29146" spans="1:4" x14ac:dyDescent="0.25">
      <c r="A29146" t="s">
        <v>44055</v>
      </c>
      <c r="B29146" t="s">
        <v>44056</v>
      </c>
      <c r="C29146">
        <v>1</v>
      </c>
      <c r="D29146">
        <v>0</v>
      </c>
    </row>
    <row r="29147" spans="1:4" x14ac:dyDescent="0.25">
      <c r="A29147" t="s">
        <v>44055</v>
      </c>
      <c r="B29147" t="s">
        <v>44057</v>
      </c>
      <c r="C29147">
        <v>2</v>
      </c>
      <c r="D29147">
        <v>0</v>
      </c>
    </row>
    <row r="29148" spans="1:4" x14ac:dyDescent="0.25">
      <c r="A29148" t="s">
        <v>44058</v>
      </c>
      <c r="B29148" t="s">
        <v>44059</v>
      </c>
      <c r="C29148">
        <v>1</v>
      </c>
      <c r="D29148">
        <v>0</v>
      </c>
    </row>
    <row r="29149" spans="1:4" x14ac:dyDescent="0.25">
      <c r="A29149" t="s">
        <v>44058</v>
      </c>
      <c r="B29149" t="s">
        <v>44060</v>
      </c>
      <c r="C29149">
        <v>1</v>
      </c>
      <c r="D29149">
        <v>0</v>
      </c>
    </row>
    <row r="29150" spans="1:4" x14ac:dyDescent="0.25">
      <c r="A29150" t="s">
        <v>44058</v>
      </c>
      <c r="B29150" t="s">
        <v>44061</v>
      </c>
      <c r="C29150">
        <v>1</v>
      </c>
      <c r="D29150">
        <v>0</v>
      </c>
    </row>
    <row r="29151" spans="1:4" x14ac:dyDescent="0.25">
      <c r="A29151" t="s">
        <v>44062</v>
      </c>
      <c r="B29151" t="s">
        <v>44063</v>
      </c>
      <c r="C29151">
        <v>0</v>
      </c>
      <c r="D29151">
        <v>0</v>
      </c>
    </row>
    <row r="29152" spans="1:4" x14ac:dyDescent="0.25">
      <c r="A29152" t="s">
        <v>44064</v>
      </c>
      <c r="B29152" t="s">
        <v>44065</v>
      </c>
      <c r="C29152">
        <v>0</v>
      </c>
      <c r="D29152">
        <v>0</v>
      </c>
    </row>
    <row r="29153" spans="1:4" x14ac:dyDescent="0.25">
      <c r="A29153" t="s">
        <v>44066</v>
      </c>
      <c r="B29153" t="s">
        <v>44067</v>
      </c>
      <c r="C29153">
        <v>0</v>
      </c>
      <c r="D29153">
        <v>0</v>
      </c>
    </row>
    <row r="29154" spans="1:4" x14ac:dyDescent="0.25">
      <c r="A29154" t="s">
        <v>44066</v>
      </c>
      <c r="B29154" t="s">
        <v>44068</v>
      </c>
      <c r="C29154">
        <v>0</v>
      </c>
      <c r="D29154">
        <v>0</v>
      </c>
    </row>
    <row r="29155" spans="1:4" x14ac:dyDescent="0.25">
      <c r="A29155" t="s">
        <v>44066</v>
      </c>
      <c r="B29155" t="s">
        <v>44069</v>
      </c>
      <c r="C29155">
        <v>0</v>
      </c>
      <c r="D29155">
        <v>0</v>
      </c>
    </row>
    <row r="29156" spans="1:4" x14ac:dyDescent="0.25">
      <c r="A29156" t="s">
        <v>44070</v>
      </c>
      <c r="B29156" t="s">
        <v>44071</v>
      </c>
      <c r="C29156">
        <v>0</v>
      </c>
      <c r="D29156">
        <v>0</v>
      </c>
    </row>
    <row r="29157" spans="1:4" x14ac:dyDescent="0.25">
      <c r="A29157" t="s">
        <v>44072</v>
      </c>
      <c r="B29157" t="s">
        <v>44073</v>
      </c>
      <c r="C29157">
        <v>1</v>
      </c>
      <c r="D29157">
        <v>0</v>
      </c>
    </row>
    <row r="29158" spans="1:4" x14ac:dyDescent="0.25">
      <c r="A29158" t="s">
        <v>44072</v>
      </c>
      <c r="B29158" t="s">
        <v>1567</v>
      </c>
      <c r="C29158">
        <v>0</v>
      </c>
      <c r="D29158">
        <v>0</v>
      </c>
    </row>
    <row r="29159" spans="1:4" x14ac:dyDescent="0.25">
      <c r="A29159" t="s">
        <v>44072</v>
      </c>
      <c r="B29159" t="s">
        <v>44074</v>
      </c>
      <c r="C29159">
        <v>0</v>
      </c>
      <c r="D29159">
        <v>0</v>
      </c>
    </row>
    <row r="29160" spans="1:4" x14ac:dyDescent="0.25">
      <c r="A29160" t="s">
        <v>44075</v>
      </c>
      <c r="B29160" t="s">
        <v>44076</v>
      </c>
      <c r="C29160">
        <v>1</v>
      </c>
      <c r="D29160">
        <v>0</v>
      </c>
    </row>
    <row r="29161" spans="1:4" x14ac:dyDescent="0.25">
      <c r="A29161" t="s">
        <v>44075</v>
      </c>
      <c r="B29161" t="s">
        <v>44077</v>
      </c>
      <c r="C29161">
        <v>2</v>
      </c>
      <c r="D29161">
        <v>0</v>
      </c>
    </row>
    <row r="29162" spans="1:4" x14ac:dyDescent="0.25">
      <c r="A29162" t="s">
        <v>44075</v>
      </c>
      <c r="B29162" t="s">
        <v>44078</v>
      </c>
      <c r="C29162">
        <v>1</v>
      </c>
      <c r="D29162">
        <v>0</v>
      </c>
    </row>
    <row r="29163" spans="1:4" x14ac:dyDescent="0.25">
      <c r="A29163" t="s">
        <v>44079</v>
      </c>
      <c r="B29163" t="s">
        <v>816</v>
      </c>
      <c r="C29163">
        <v>1</v>
      </c>
      <c r="D29163">
        <v>0</v>
      </c>
    </row>
    <row r="29164" spans="1:4" x14ac:dyDescent="0.25">
      <c r="A29164" t="s">
        <v>44079</v>
      </c>
      <c r="B29164" t="s">
        <v>44080</v>
      </c>
      <c r="C29164">
        <v>1</v>
      </c>
      <c r="D29164">
        <v>0</v>
      </c>
    </row>
    <row r="29165" spans="1:4" x14ac:dyDescent="0.25">
      <c r="A29165" t="s">
        <v>44081</v>
      </c>
      <c r="B29165" t="s">
        <v>44082</v>
      </c>
      <c r="C29165">
        <v>1</v>
      </c>
      <c r="D29165">
        <v>0</v>
      </c>
    </row>
    <row r="29166" spans="1:4" x14ac:dyDescent="0.25">
      <c r="A29166" t="s">
        <v>44083</v>
      </c>
      <c r="B29166" t="s">
        <v>44084</v>
      </c>
      <c r="C29166">
        <v>1</v>
      </c>
      <c r="D29166">
        <v>0</v>
      </c>
    </row>
    <row r="29167" spans="1:4" x14ac:dyDescent="0.25">
      <c r="A29167" t="s">
        <v>44083</v>
      </c>
      <c r="B29167" t="s">
        <v>44085</v>
      </c>
      <c r="C29167">
        <v>2</v>
      </c>
      <c r="D29167">
        <v>0</v>
      </c>
    </row>
    <row r="29168" spans="1:4" x14ac:dyDescent="0.25">
      <c r="A29168" t="s">
        <v>44083</v>
      </c>
      <c r="B29168" t="s">
        <v>44086</v>
      </c>
      <c r="C29168">
        <v>1</v>
      </c>
      <c r="D29168">
        <v>0</v>
      </c>
    </row>
    <row r="29169" spans="1:4" x14ac:dyDescent="0.25">
      <c r="A29169" t="s">
        <v>44087</v>
      </c>
      <c r="B29169" t="s">
        <v>44088</v>
      </c>
      <c r="C29169">
        <v>1</v>
      </c>
      <c r="D29169">
        <v>0</v>
      </c>
    </row>
    <row r="29170" spans="1:4" x14ac:dyDescent="0.25">
      <c r="A29170" t="s">
        <v>44087</v>
      </c>
      <c r="B29170" t="s">
        <v>44089</v>
      </c>
      <c r="C29170">
        <v>1</v>
      </c>
      <c r="D29170">
        <v>0</v>
      </c>
    </row>
    <row r="29171" spans="1:4" x14ac:dyDescent="0.25">
      <c r="A29171" t="s">
        <v>44087</v>
      </c>
      <c r="B29171" t="s">
        <v>44090</v>
      </c>
      <c r="C29171">
        <v>0</v>
      </c>
      <c r="D29171">
        <v>0</v>
      </c>
    </row>
    <row r="29172" spans="1:4" x14ac:dyDescent="0.25">
      <c r="A29172" t="s">
        <v>44091</v>
      </c>
      <c r="B29172" t="s">
        <v>44092</v>
      </c>
      <c r="C29172">
        <v>1</v>
      </c>
      <c r="D29172">
        <v>0</v>
      </c>
    </row>
    <row r="29173" spans="1:4" x14ac:dyDescent="0.25">
      <c r="A29173" t="s">
        <v>44091</v>
      </c>
      <c r="B29173" t="s">
        <v>44093</v>
      </c>
      <c r="C29173">
        <v>2</v>
      </c>
      <c r="D29173">
        <v>0</v>
      </c>
    </row>
    <row r="29174" spans="1:4" x14ac:dyDescent="0.25">
      <c r="A29174" t="s">
        <v>44091</v>
      </c>
      <c r="B29174" t="s">
        <v>44094</v>
      </c>
      <c r="C29174">
        <v>1</v>
      </c>
      <c r="D29174">
        <v>0</v>
      </c>
    </row>
    <row r="29175" spans="1:4" x14ac:dyDescent="0.25">
      <c r="A29175" t="s">
        <v>44095</v>
      </c>
      <c r="B29175" t="s">
        <v>44096</v>
      </c>
      <c r="C29175">
        <v>2</v>
      </c>
      <c r="D29175">
        <v>0</v>
      </c>
    </row>
    <row r="29176" spans="1:4" x14ac:dyDescent="0.25">
      <c r="A29176" t="s">
        <v>44095</v>
      </c>
      <c r="B29176" t="s">
        <v>44097</v>
      </c>
      <c r="C29176">
        <v>2</v>
      </c>
      <c r="D29176">
        <v>0</v>
      </c>
    </row>
    <row r="29177" spans="1:4" x14ac:dyDescent="0.25">
      <c r="A29177" t="s">
        <v>44098</v>
      </c>
      <c r="B29177" t="s">
        <v>44099</v>
      </c>
      <c r="C29177">
        <v>0</v>
      </c>
      <c r="D29177">
        <v>0</v>
      </c>
    </row>
    <row r="29178" spans="1:4" x14ac:dyDescent="0.25">
      <c r="A29178" t="s">
        <v>44098</v>
      </c>
      <c r="B29178" t="s">
        <v>44100</v>
      </c>
      <c r="C29178">
        <v>1</v>
      </c>
      <c r="D29178">
        <v>0</v>
      </c>
    </row>
    <row r="29179" spans="1:4" x14ac:dyDescent="0.25">
      <c r="A29179" t="s">
        <v>44098</v>
      </c>
      <c r="B29179" t="s">
        <v>44101</v>
      </c>
      <c r="C29179">
        <v>2</v>
      </c>
      <c r="D29179">
        <v>0</v>
      </c>
    </row>
    <row r="29180" spans="1:4" x14ac:dyDescent="0.25">
      <c r="A29180" t="s">
        <v>44102</v>
      </c>
      <c r="B29180" t="s">
        <v>44103</v>
      </c>
      <c r="C29180">
        <v>0</v>
      </c>
      <c r="D29180">
        <v>0</v>
      </c>
    </row>
    <row r="29181" spans="1:4" x14ac:dyDescent="0.25">
      <c r="A29181" t="s">
        <v>44104</v>
      </c>
      <c r="B29181" t="s">
        <v>44105</v>
      </c>
      <c r="C29181">
        <v>1</v>
      </c>
      <c r="D29181">
        <v>0</v>
      </c>
    </row>
    <row r="29182" spans="1:4" x14ac:dyDescent="0.25">
      <c r="A29182" t="s">
        <v>44106</v>
      </c>
      <c r="B29182" t="s">
        <v>44107</v>
      </c>
      <c r="C29182">
        <v>1</v>
      </c>
      <c r="D29182">
        <v>0</v>
      </c>
    </row>
    <row r="29183" spans="1:4" x14ac:dyDescent="0.25">
      <c r="A29183" t="s">
        <v>44106</v>
      </c>
      <c r="B29183" t="s">
        <v>44108</v>
      </c>
      <c r="C29183">
        <v>2</v>
      </c>
      <c r="D29183">
        <v>0</v>
      </c>
    </row>
    <row r="29184" spans="1:4" x14ac:dyDescent="0.25">
      <c r="A29184" t="s">
        <v>44106</v>
      </c>
      <c r="B29184" t="s">
        <v>44109</v>
      </c>
      <c r="C29184">
        <v>1</v>
      </c>
      <c r="D29184">
        <v>0</v>
      </c>
    </row>
    <row r="29185" spans="1:4" x14ac:dyDescent="0.25">
      <c r="A29185" t="s">
        <v>44110</v>
      </c>
      <c r="B29185" t="s">
        <v>44111</v>
      </c>
      <c r="C29185">
        <v>0</v>
      </c>
      <c r="D29185">
        <v>0</v>
      </c>
    </row>
    <row r="29186" spans="1:4" x14ac:dyDescent="0.25">
      <c r="A29186" t="s">
        <v>44110</v>
      </c>
      <c r="B29186" t="s">
        <v>44112</v>
      </c>
      <c r="C29186">
        <v>2</v>
      </c>
      <c r="D29186">
        <v>0</v>
      </c>
    </row>
    <row r="29187" spans="1:4" x14ac:dyDescent="0.25">
      <c r="A29187" t="s">
        <v>44113</v>
      </c>
      <c r="B29187" t="s">
        <v>44114</v>
      </c>
      <c r="C29187">
        <v>0</v>
      </c>
      <c r="D29187">
        <v>0</v>
      </c>
    </row>
    <row r="29188" spans="1:4" x14ac:dyDescent="0.25">
      <c r="A29188" t="s">
        <v>44115</v>
      </c>
      <c r="B29188" t="s">
        <v>31218</v>
      </c>
      <c r="C29188">
        <v>0</v>
      </c>
      <c r="D29188">
        <v>0</v>
      </c>
    </row>
    <row r="29189" spans="1:4" x14ac:dyDescent="0.25">
      <c r="A29189" t="s">
        <v>44116</v>
      </c>
      <c r="B29189" t="s">
        <v>44117</v>
      </c>
      <c r="C29189">
        <v>2</v>
      </c>
      <c r="D29189">
        <v>0</v>
      </c>
    </row>
    <row r="29190" spans="1:4" x14ac:dyDescent="0.25">
      <c r="A29190" t="s">
        <v>44118</v>
      </c>
      <c r="B29190" t="s">
        <v>44119</v>
      </c>
      <c r="C29190">
        <v>2</v>
      </c>
      <c r="D29190">
        <v>0</v>
      </c>
    </row>
    <row r="29191" spans="1:4" x14ac:dyDescent="0.25">
      <c r="A29191" t="s">
        <v>44118</v>
      </c>
      <c r="B29191" t="s">
        <v>44120</v>
      </c>
      <c r="C29191">
        <v>1</v>
      </c>
      <c r="D29191">
        <v>0</v>
      </c>
    </row>
    <row r="29192" spans="1:4" x14ac:dyDescent="0.25">
      <c r="A29192" t="s">
        <v>44118</v>
      </c>
      <c r="B29192" t="s">
        <v>44121</v>
      </c>
      <c r="C29192">
        <v>0</v>
      </c>
      <c r="D29192">
        <v>0</v>
      </c>
    </row>
    <row r="29193" spans="1:4" x14ac:dyDescent="0.25">
      <c r="A29193" t="s">
        <v>44122</v>
      </c>
      <c r="B29193" t="s">
        <v>44123</v>
      </c>
      <c r="C29193">
        <v>2</v>
      </c>
      <c r="D29193">
        <v>0</v>
      </c>
    </row>
    <row r="29194" spans="1:4" x14ac:dyDescent="0.25">
      <c r="A29194" t="s">
        <v>44124</v>
      </c>
      <c r="B29194" t="s">
        <v>44125</v>
      </c>
      <c r="C29194">
        <v>1</v>
      </c>
      <c r="D29194">
        <v>0</v>
      </c>
    </row>
    <row r="29195" spans="1:4" x14ac:dyDescent="0.25">
      <c r="A29195" t="s">
        <v>44124</v>
      </c>
      <c r="B29195" t="s">
        <v>44126</v>
      </c>
      <c r="C29195">
        <v>1</v>
      </c>
      <c r="D29195">
        <v>0</v>
      </c>
    </row>
    <row r="29196" spans="1:4" x14ac:dyDescent="0.25">
      <c r="A29196" t="s">
        <v>44124</v>
      </c>
      <c r="B29196" t="s">
        <v>44127</v>
      </c>
      <c r="C29196">
        <v>0</v>
      </c>
      <c r="D29196">
        <v>0</v>
      </c>
    </row>
    <row r="29197" spans="1:4" x14ac:dyDescent="0.25">
      <c r="A29197" t="s">
        <v>44128</v>
      </c>
      <c r="B29197" t="s">
        <v>888</v>
      </c>
      <c r="C29197">
        <v>1</v>
      </c>
      <c r="D29197">
        <v>0</v>
      </c>
    </row>
    <row r="29198" spans="1:4" x14ac:dyDescent="0.25">
      <c r="A29198" t="s">
        <v>44128</v>
      </c>
      <c r="B29198" t="s">
        <v>44129</v>
      </c>
      <c r="C29198">
        <v>1</v>
      </c>
      <c r="D29198">
        <v>0</v>
      </c>
    </row>
    <row r="29199" spans="1:4" x14ac:dyDescent="0.25">
      <c r="A29199" t="s">
        <v>44130</v>
      </c>
      <c r="B29199" t="s">
        <v>44131</v>
      </c>
      <c r="C29199">
        <v>0</v>
      </c>
      <c r="D29199">
        <v>0</v>
      </c>
    </row>
    <row r="29200" spans="1:4" x14ac:dyDescent="0.25">
      <c r="A29200" t="s">
        <v>44130</v>
      </c>
      <c r="B29200" t="s">
        <v>44132</v>
      </c>
      <c r="C29200">
        <v>0</v>
      </c>
      <c r="D29200">
        <v>0</v>
      </c>
    </row>
    <row r="29201" spans="1:4" x14ac:dyDescent="0.25">
      <c r="A29201" t="s">
        <v>44133</v>
      </c>
      <c r="B29201" t="s">
        <v>2267</v>
      </c>
      <c r="C29201">
        <v>0</v>
      </c>
      <c r="D29201">
        <v>0</v>
      </c>
    </row>
    <row r="29202" spans="1:4" x14ac:dyDescent="0.25">
      <c r="A29202" t="s">
        <v>44133</v>
      </c>
      <c r="B29202" t="s">
        <v>44134</v>
      </c>
      <c r="C29202">
        <v>2</v>
      </c>
      <c r="D29202">
        <v>0</v>
      </c>
    </row>
    <row r="29203" spans="1:4" x14ac:dyDescent="0.25">
      <c r="A29203" t="s">
        <v>44135</v>
      </c>
      <c r="B29203" t="s">
        <v>1499</v>
      </c>
      <c r="C29203">
        <v>1</v>
      </c>
      <c r="D29203">
        <v>0</v>
      </c>
    </row>
    <row r="29204" spans="1:4" x14ac:dyDescent="0.25">
      <c r="A29204" t="s">
        <v>44136</v>
      </c>
      <c r="B29204" t="s">
        <v>12906</v>
      </c>
      <c r="C29204">
        <v>1</v>
      </c>
      <c r="D29204">
        <v>0</v>
      </c>
    </row>
    <row r="29205" spans="1:4" x14ac:dyDescent="0.25">
      <c r="A29205" t="s">
        <v>44137</v>
      </c>
      <c r="B29205" t="s">
        <v>44138</v>
      </c>
      <c r="C29205">
        <v>1</v>
      </c>
      <c r="D29205">
        <v>0</v>
      </c>
    </row>
    <row r="29206" spans="1:4" x14ac:dyDescent="0.25">
      <c r="A29206" t="s">
        <v>44137</v>
      </c>
      <c r="B29206" t="s">
        <v>44139</v>
      </c>
      <c r="C29206">
        <v>1</v>
      </c>
      <c r="D29206">
        <v>0</v>
      </c>
    </row>
    <row r="29207" spans="1:4" x14ac:dyDescent="0.25">
      <c r="A29207" t="s">
        <v>44140</v>
      </c>
      <c r="B29207" t="s">
        <v>44141</v>
      </c>
      <c r="C29207">
        <v>1</v>
      </c>
      <c r="D29207">
        <v>0</v>
      </c>
    </row>
    <row r="29208" spans="1:4" x14ac:dyDescent="0.25">
      <c r="A29208" t="s">
        <v>44140</v>
      </c>
      <c r="B29208" t="s">
        <v>44142</v>
      </c>
      <c r="C29208">
        <v>1</v>
      </c>
      <c r="D29208">
        <v>0</v>
      </c>
    </row>
    <row r="29209" spans="1:4" x14ac:dyDescent="0.25">
      <c r="A29209" t="s">
        <v>44140</v>
      </c>
      <c r="B29209" t="s">
        <v>44143</v>
      </c>
      <c r="C29209">
        <v>0</v>
      </c>
      <c r="D29209">
        <v>0</v>
      </c>
    </row>
    <row r="29210" spans="1:4" x14ac:dyDescent="0.25">
      <c r="A29210" t="s">
        <v>44144</v>
      </c>
      <c r="B29210" t="s">
        <v>44145</v>
      </c>
      <c r="C29210">
        <v>0</v>
      </c>
      <c r="D29210">
        <v>0</v>
      </c>
    </row>
    <row r="29211" spans="1:4" x14ac:dyDescent="0.25">
      <c r="A29211" t="s">
        <v>44146</v>
      </c>
      <c r="B29211" t="s">
        <v>44147</v>
      </c>
      <c r="C29211">
        <v>2</v>
      </c>
      <c r="D29211">
        <v>0</v>
      </c>
    </row>
    <row r="29212" spans="1:4" x14ac:dyDescent="0.25">
      <c r="A29212" t="s">
        <v>44146</v>
      </c>
      <c r="B29212" t="s">
        <v>843</v>
      </c>
      <c r="C29212">
        <v>1</v>
      </c>
      <c r="D29212">
        <v>0</v>
      </c>
    </row>
    <row r="29213" spans="1:4" x14ac:dyDescent="0.25">
      <c r="A29213" t="s">
        <v>44148</v>
      </c>
      <c r="B29213" t="s">
        <v>44149</v>
      </c>
      <c r="C29213">
        <v>1</v>
      </c>
      <c r="D29213">
        <v>0</v>
      </c>
    </row>
    <row r="29214" spans="1:4" x14ac:dyDescent="0.25">
      <c r="A29214" t="s">
        <v>44148</v>
      </c>
      <c r="B29214" t="s">
        <v>44150</v>
      </c>
      <c r="C29214">
        <v>0</v>
      </c>
      <c r="D29214">
        <v>0</v>
      </c>
    </row>
    <row r="29215" spans="1:4" x14ac:dyDescent="0.25">
      <c r="A29215" t="s">
        <v>44151</v>
      </c>
      <c r="B29215" t="s">
        <v>44152</v>
      </c>
      <c r="C29215">
        <v>0</v>
      </c>
      <c r="D29215">
        <v>0</v>
      </c>
    </row>
    <row r="29216" spans="1:4" x14ac:dyDescent="0.25">
      <c r="A29216" t="s">
        <v>44151</v>
      </c>
      <c r="B29216" t="s">
        <v>44153</v>
      </c>
      <c r="C29216">
        <v>1</v>
      </c>
      <c r="D29216">
        <v>0</v>
      </c>
    </row>
    <row r="29217" spans="1:4" x14ac:dyDescent="0.25">
      <c r="A29217" t="s">
        <v>44151</v>
      </c>
      <c r="B29217" t="s">
        <v>44154</v>
      </c>
      <c r="C29217">
        <v>1</v>
      </c>
      <c r="D29217">
        <v>0</v>
      </c>
    </row>
    <row r="29218" spans="1:4" x14ac:dyDescent="0.25">
      <c r="A29218" t="s">
        <v>44155</v>
      </c>
      <c r="B29218" t="s">
        <v>44156</v>
      </c>
      <c r="C29218">
        <v>1</v>
      </c>
      <c r="D29218">
        <v>0</v>
      </c>
    </row>
    <row r="29219" spans="1:4" x14ac:dyDescent="0.25">
      <c r="A29219" t="s">
        <v>44155</v>
      </c>
      <c r="B29219" t="s">
        <v>44157</v>
      </c>
      <c r="C29219">
        <v>1</v>
      </c>
      <c r="D29219">
        <v>0</v>
      </c>
    </row>
    <row r="29220" spans="1:4" x14ac:dyDescent="0.25">
      <c r="A29220" t="s">
        <v>44155</v>
      </c>
      <c r="B29220" t="s">
        <v>44158</v>
      </c>
      <c r="C29220">
        <v>1</v>
      </c>
      <c r="D29220">
        <v>0</v>
      </c>
    </row>
    <row r="29221" spans="1:4" x14ac:dyDescent="0.25">
      <c r="A29221" t="s">
        <v>44159</v>
      </c>
      <c r="B29221" t="s">
        <v>44160</v>
      </c>
      <c r="C29221">
        <v>2</v>
      </c>
      <c r="D29221">
        <v>0</v>
      </c>
    </row>
    <row r="29222" spans="1:4" x14ac:dyDescent="0.25">
      <c r="A29222" t="s">
        <v>44159</v>
      </c>
      <c r="B29222" t="s">
        <v>44161</v>
      </c>
      <c r="C29222">
        <v>1</v>
      </c>
      <c r="D29222">
        <v>0</v>
      </c>
    </row>
    <row r="29223" spans="1:4" x14ac:dyDescent="0.25">
      <c r="A29223" t="s">
        <v>44162</v>
      </c>
      <c r="B29223" t="s">
        <v>44163</v>
      </c>
      <c r="C29223">
        <v>1</v>
      </c>
      <c r="D29223">
        <v>0</v>
      </c>
    </row>
    <row r="29224" spans="1:4" x14ac:dyDescent="0.25">
      <c r="A29224" t="s">
        <v>44162</v>
      </c>
      <c r="B29224" t="s">
        <v>5764</v>
      </c>
      <c r="C29224">
        <v>0</v>
      </c>
      <c r="D29224">
        <v>0</v>
      </c>
    </row>
    <row r="29225" spans="1:4" x14ac:dyDescent="0.25">
      <c r="A29225" t="s">
        <v>44162</v>
      </c>
      <c r="B29225" t="s">
        <v>44164</v>
      </c>
      <c r="C29225">
        <v>0</v>
      </c>
      <c r="D29225">
        <v>0</v>
      </c>
    </row>
    <row r="29226" spans="1:4" x14ac:dyDescent="0.25">
      <c r="A29226" t="s">
        <v>44165</v>
      </c>
      <c r="B29226" t="s">
        <v>44166</v>
      </c>
      <c r="C29226">
        <v>0</v>
      </c>
      <c r="D29226">
        <v>0</v>
      </c>
    </row>
    <row r="29227" spans="1:4" x14ac:dyDescent="0.25">
      <c r="A29227" t="s">
        <v>44167</v>
      </c>
      <c r="B29227" t="s">
        <v>44168</v>
      </c>
      <c r="C29227">
        <v>1</v>
      </c>
      <c r="D29227">
        <v>0</v>
      </c>
    </row>
    <row r="29228" spans="1:4" x14ac:dyDescent="0.25">
      <c r="A29228" t="s">
        <v>44169</v>
      </c>
      <c r="B29228" t="s">
        <v>44170</v>
      </c>
      <c r="C29228">
        <v>1</v>
      </c>
      <c r="D29228">
        <v>0</v>
      </c>
    </row>
    <row r="29229" spans="1:4" x14ac:dyDescent="0.25">
      <c r="A29229" t="s">
        <v>44169</v>
      </c>
      <c r="B29229" t="s">
        <v>44171</v>
      </c>
      <c r="C29229">
        <v>2</v>
      </c>
      <c r="D29229">
        <v>0</v>
      </c>
    </row>
    <row r="29230" spans="1:4" x14ac:dyDescent="0.25">
      <c r="A29230" t="s">
        <v>44169</v>
      </c>
      <c r="B29230" t="s">
        <v>44172</v>
      </c>
      <c r="C29230">
        <v>0</v>
      </c>
      <c r="D29230">
        <v>0</v>
      </c>
    </row>
    <row r="29231" spans="1:4" x14ac:dyDescent="0.25">
      <c r="A29231" t="s">
        <v>44173</v>
      </c>
      <c r="B29231" t="s">
        <v>44174</v>
      </c>
      <c r="C29231">
        <v>0</v>
      </c>
      <c r="D29231">
        <v>0</v>
      </c>
    </row>
    <row r="29232" spans="1:4" x14ac:dyDescent="0.25">
      <c r="A29232" t="s">
        <v>44173</v>
      </c>
      <c r="B29232" t="s">
        <v>44175</v>
      </c>
      <c r="C29232">
        <v>2</v>
      </c>
      <c r="D29232">
        <v>0</v>
      </c>
    </row>
    <row r="29233" spans="1:4" x14ac:dyDescent="0.25">
      <c r="A29233" t="s">
        <v>44173</v>
      </c>
      <c r="B29233" t="s">
        <v>44176</v>
      </c>
      <c r="C29233">
        <v>2</v>
      </c>
      <c r="D29233">
        <v>0</v>
      </c>
    </row>
    <row r="29234" spans="1:4" x14ac:dyDescent="0.25">
      <c r="A29234" t="s">
        <v>44177</v>
      </c>
      <c r="B29234" t="s">
        <v>44178</v>
      </c>
      <c r="C29234">
        <v>2</v>
      </c>
      <c r="D29234">
        <v>0</v>
      </c>
    </row>
    <row r="29235" spans="1:4" x14ac:dyDescent="0.25">
      <c r="A29235" t="s">
        <v>44177</v>
      </c>
      <c r="B29235" t="s">
        <v>37041</v>
      </c>
      <c r="C29235">
        <v>0</v>
      </c>
      <c r="D29235">
        <v>0</v>
      </c>
    </row>
    <row r="29236" spans="1:4" x14ac:dyDescent="0.25">
      <c r="A29236" t="s">
        <v>44177</v>
      </c>
      <c r="B29236" t="s">
        <v>44179</v>
      </c>
      <c r="C29236">
        <v>1</v>
      </c>
      <c r="D29236">
        <v>0</v>
      </c>
    </row>
    <row r="29237" spans="1:4" x14ac:dyDescent="0.25">
      <c r="A29237" t="s">
        <v>44180</v>
      </c>
      <c r="B29237" t="s">
        <v>44181</v>
      </c>
      <c r="C29237">
        <v>2</v>
      </c>
      <c r="D29237">
        <v>0</v>
      </c>
    </row>
    <row r="29238" spans="1:4" x14ac:dyDescent="0.25">
      <c r="A29238" t="s">
        <v>44182</v>
      </c>
      <c r="B29238" t="s">
        <v>398</v>
      </c>
      <c r="C29238">
        <v>0</v>
      </c>
      <c r="D29238">
        <v>0</v>
      </c>
    </row>
    <row r="29239" spans="1:4" x14ac:dyDescent="0.25">
      <c r="A29239" t="s">
        <v>44183</v>
      </c>
      <c r="B29239" t="s">
        <v>44184</v>
      </c>
      <c r="C29239">
        <v>1</v>
      </c>
      <c r="D29239">
        <v>0</v>
      </c>
    </row>
    <row r="29240" spans="1:4" x14ac:dyDescent="0.25">
      <c r="A29240" t="s">
        <v>44183</v>
      </c>
      <c r="B29240" t="s">
        <v>44185</v>
      </c>
      <c r="C29240">
        <v>0</v>
      </c>
      <c r="D29240">
        <v>0</v>
      </c>
    </row>
    <row r="29241" spans="1:4" x14ac:dyDescent="0.25">
      <c r="A29241" t="s">
        <v>44183</v>
      </c>
      <c r="B29241" t="s">
        <v>44186</v>
      </c>
      <c r="C29241">
        <v>1</v>
      </c>
      <c r="D29241">
        <v>0</v>
      </c>
    </row>
    <row r="29242" spans="1:4" x14ac:dyDescent="0.25">
      <c r="A29242" t="s">
        <v>44187</v>
      </c>
      <c r="B29242" t="s">
        <v>44188</v>
      </c>
      <c r="C29242">
        <v>0</v>
      </c>
      <c r="D29242">
        <v>0</v>
      </c>
    </row>
    <row r="29243" spans="1:4" x14ac:dyDescent="0.25">
      <c r="A29243" t="s">
        <v>44187</v>
      </c>
      <c r="B29243" t="s">
        <v>44189</v>
      </c>
      <c r="C29243">
        <v>0</v>
      </c>
      <c r="D29243">
        <v>0</v>
      </c>
    </row>
    <row r="29244" spans="1:4" x14ac:dyDescent="0.25">
      <c r="A29244" t="s">
        <v>44187</v>
      </c>
      <c r="B29244" t="s">
        <v>44190</v>
      </c>
      <c r="C29244">
        <v>1</v>
      </c>
      <c r="D29244">
        <v>0</v>
      </c>
    </row>
    <row r="29245" spans="1:4" x14ac:dyDescent="0.25">
      <c r="A29245" t="s">
        <v>44191</v>
      </c>
      <c r="B29245" t="s">
        <v>44192</v>
      </c>
      <c r="C29245">
        <v>1</v>
      </c>
      <c r="D29245">
        <v>0</v>
      </c>
    </row>
    <row r="29246" spans="1:4" x14ac:dyDescent="0.25">
      <c r="A29246" t="s">
        <v>44191</v>
      </c>
      <c r="B29246" t="s">
        <v>44193</v>
      </c>
      <c r="C29246">
        <v>1</v>
      </c>
      <c r="D29246">
        <v>0</v>
      </c>
    </row>
    <row r="29247" spans="1:4" x14ac:dyDescent="0.25">
      <c r="A29247" t="s">
        <v>44194</v>
      </c>
      <c r="B29247" t="s">
        <v>44195</v>
      </c>
      <c r="C29247">
        <v>2</v>
      </c>
      <c r="D29247">
        <v>0</v>
      </c>
    </row>
    <row r="29248" spans="1:4" x14ac:dyDescent="0.25">
      <c r="A29248" t="s">
        <v>44194</v>
      </c>
      <c r="B29248" t="s">
        <v>44196</v>
      </c>
      <c r="C29248">
        <v>2</v>
      </c>
      <c r="D29248">
        <v>0</v>
      </c>
    </row>
    <row r="29249" spans="1:4" x14ac:dyDescent="0.25">
      <c r="A29249" t="s">
        <v>44197</v>
      </c>
      <c r="B29249" t="s">
        <v>44198</v>
      </c>
      <c r="C29249">
        <v>0</v>
      </c>
      <c r="D29249">
        <v>0</v>
      </c>
    </row>
    <row r="29250" spans="1:4" x14ac:dyDescent="0.25">
      <c r="A29250" t="s">
        <v>44199</v>
      </c>
      <c r="B29250" t="s">
        <v>44200</v>
      </c>
      <c r="C29250">
        <v>0</v>
      </c>
      <c r="D29250">
        <v>0</v>
      </c>
    </row>
    <row r="29251" spans="1:4" x14ac:dyDescent="0.25">
      <c r="A29251" t="s">
        <v>44199</v>
      </c>
      <c r="B29251" t="s">
        <v>44201</v>
      </c>
      <c r="C29251">
        <v>1</v>
      </c>
      <c r="D29251">
        <v>0</v>
      </c>
    </row>
    <row r="29252" spans="1:4" x14ac:dyDescent="0.25">
      <c r="A29252" t="s">
        <v>44199</v>
      </c>
      <c r="B29252" t="s">
        <v>44202</v>
      </c>
      <c r="C29252">
        <v>2</v>
      </c>
      <c r="D29252">
        <v>0</v>
      </c>
    </row>
    <row r="29253" spans="1:4" x14ac:dyDescent="0.25">
      <c r="A29253" t="s">
        <v>44203</v>
      </c>
      <c r="B29253" t="s">
        <v>44204</v>
      </c>
      <c r="C29253">
        <v>1</v>
      </c>
      <c r="D29253">
        <v>0</v>
      </c>
    </row>
    <row r="29254" spans="1:4" x14ac:dyDescent="0.25">
      <c r="A29254" t="s">
        <v>44205</v>
      </c>
      <c r="B29254" t="s">
        <v>852</v>
      </c>
      <c r="C29254">
        <v>0</v>
      </c>
      <c r="D29254">
        <v>0</v>
      </c>
    </row>
    <row r="29255" spans="1:4" x14ac:dyDescent="0.25">
      <c r="A29255" t="s">
        <v>44206</v>
      </c>
      <c r="B29255" t="s">
        <v>44207</v>
      </c>
      <c r="C29255">
        <v>1</v>
      </c>
      <c r="D29255">
        <v>0</v>
      </c>
    </row>
    <row r="29256" spans="1:4" x14ac:dyDescent="0.25">
      <c r="A29256" t="s">
        <v>44206</v>
      </c>
      <c r="B29256" t="s">
        <v>44208</v>
      </c>
      <c r="C29256">
        <v>0</v>
      </c>
      <c r="D29256">
        <v>0</v>
      </c>
    </row>
    <row r="29257" spans="1:4" x14ac:dyDescent="0.25">
      <c r="A29257" t="s">
        <v>44206</v>
      </c>
      <c r="B29257" t="s">
        <v>44209</v>
      </c>
      <c r="C29257">
        <v>1</v>
      </c>
      <c r="D29257">
        <v>0</v>
      </c>
    </row>
    <row r="29258" spans="1:4" x14ac:dyDescent="0.25">
      <c r="A29258" t="s">
        <v>44210</v>
      </c>
      <c r="B29258" t="s">
        <v>44211</v>
      </c>
      <c r="C29258">
        <v>0</v>
      </c>
      <c r="D29258">
        <v>0</v>
      </c>
    </row>
    <row r="29259" spans="1:4" x14ac:dyDescent="0.25">
      <c r="A29259" t="s">
        <v>44212</v>
      </c>
      <c r="B29259" t="s">
        <v>44213</v>
      </c>
      <c r="C29259">
        <v>1</v>
      </c>
      <c r="D29259">
        <v>0</v>
      </c>
    </row>
    <row r="29260" spans="1:4" x14ac:dyDescent="0.25">
      <c r="A29260" t="s">
        <v>44212</v>
      </c>
      <c r="B29260" t="s">
        <v>44214</v>
      </c>
      <c r="C29260">
        <v>1</v>
      </c>
      <c r="D29260">
        <v>0</v>
      </c>
    </row>
    <row r="29261" spans="1:4" x14ac:dyDescent="0.25">
      <c r="A29261" t="s">
        <v>44215</v>
      </c>
      <c r="B29261" t="s">
        <v>44216</v>
      </c>
      <c r="C29261">
        <v>1</v>
      </c>
      <c r="D29261">
        <v>0</v>
      </c>
    </row>
    <row r="29262" spans="1:4" x14ac:dyDescent="0.25">
      <c r="A29262" t="s">
        <v>44217</v>
      </c>
      <c r="B29262" t="s">
        <v>44218</v>
      </c>
      <c r="C29262">
        <v>1</v>
      </c>
      <c r="D29262">
        <v>0</v>
      </c>
    </row>
    <row r="29263" spans="1:4" x14ac:dyDescent="0.25">
      <c r="A29263" t="s">
        <v>44219</v>
      </c>
      <c r="B29263" t="s">
        <v>44220</v>
      </c>
      <c r="C29263">
        <v>1</v>
      </c>
      <c r="D29263">
        <v>0</v>
      </c>
    </row>
    <row r="29264" spans="1:4" x14ac:dyDescent="0.25">
      <c r="A29264" t="s">
        <v>44219</v>
      </c>
      <c r="B29264" t="s">
        <v>44221</v>
      </c>
      <c r="C29264">
        <v>0</v>
      </c>
      <c r="D29264">
        <v>0</v>
      </c>
    </row>
    <row r="29265" spans="1:4" x14ac:dyDescent="0.25">
      <c r="A29265" t="s">
        <v>44222</v>
      </c>
      <c r="B29265" t="s">
        <v>44223</v>
      </c>
      <c r="C29265">
        <v>1</v>
      </c>
      <c r="D29265">
        <v>0</v>
      </c>
    </row>
    <row r="29266" spans="1:4" x14ac:dyDescent="0.25">
      <c r="A29266" t="s">
        <v>44222</v>
      </c>
      <c r="B29266" t="s">
        <v>44224</v>
      </c>
      <c r="C29266">
        <v>1</v>
      </c>
      <c r="D29266">
        <v>0</v>
      </c>
    </row>
    <row r="29267" spans="1:4" x14ac:dyDescent="0.25">
      <c r="A29267" t="s">
        <v>44222</v>
      </c>
      <c r="B29267" t="s">
        <v>44225</v>
      </c>
      <c r="C29267">
        <v>0</v>
      </c>
      <c r="D29267">
        <v>0</v>
      </c>
    </row>
    <row r="29268" spans="1:4" x14ac:dyDescent="0.25">
      <c r="A29268" t="s">
        <v>44226</v>
      </c>
      <c r="B29268" t="s">
        <v>44227</v>
      </c>
      <c r="C29268">
        <v>1</v>
      </c>
      <c r="D29268">
        <v>0</v>
      </c>
    </row>
    <row r="29269" spans="1:4" x14ac:dyDescent="0.25">
      <c r="A29269" t="s">
        <v>44226</v>
      </c>
      <c r="B29269" t="s">
        <v>44228</v>
      </c>
      <c r="C29269">
        <v>2</v>
      </c>
      <c r="D29269">
        <v>0</v>
      </c>
    </row>
    <row r="29270" spans="1:4" x14ac:dyDescent="0.25">
      <c r="A29270" t="s">
        <v>44229</v>
      </c>
      <c r="B29270" t="s">
        <v>44230</v>
      </c>
      <c r="C29270">
        <v>1</v>
      </c>
      <c r="D29270">
        <v>0</v>
      </c>
    </row>
    <row r="29271" spans="1:4" x14ac:dyDescent="0.25">
      <c r="A29271" t="s">
        <v>44231</v>
      </c>
      <c r="B29271" t="s">
        <v>44232</v>
      </c>
      <c r="C29271">
        <v>1</v>
      </c>
      <c r="D29271">
        <v>0</v>
      </c>
    </row>
    <row r="29272" spans="1:4" x14ac:dyDescent="0.25">
      <c r="A29272" t="s">
        <v>44231</v>
      </c>
      <c r="B29272" t="s">
        <v>44233</v>
      </c>
      <c r="C29272">
        <v>1</v>
      </c>
      <c r="D29272">
        <v>0</v>
      </c>
    </row>
    <row r="29273" spans="1:4" x14ac:dyDescent="0.25">
      <c r="A29273" t="s">
        <v>44231</v>
      </c>
      <c r="B29273" t="s">
        <v>44234</v>
      </c>
      <c r="C29273">
        <v>1</v>
      </c>
      <c r="D29273">
        <v>0</v>
      </c>
    </row>
    <row r="29274" spans="1:4" x14ac:dyDescent="0.25">
      <c r="A29274" t="s">
        <v>44235</v>
      </c>
      <c r="B29274" t="s">
        <v>44236</v>
      </c>
      <c r="C29274">
        <v>1</v>
      </c>
      <c r="D29274">
        <v>0</v>
      </c>
    </row>
    <row r="29275" spans="1:4" x14ac:dyDescent="0.25">
      <c r="A29275" t="s">
        <v>44237</v>
      </c>
      <c r="B29275" t="s">
        <v>44238</v>
      </c>
      <c r="C29275">
        <v>1</v>
      </c>
      <c r="D29275">
        <v>0</v>
      </c>
    </row>
    <row r="29276" spans="1:4" x14ac:dyDescent="0.25">
      <c r="A29276" t="s">
        <v>44239</v>
      </c>
      <c r="B29276" t="s">
        <v>1090</v>
      </c>
      <c r="C29276">
        <v>1</v>
      </c>
      <c r="D29276">
        <v>0</v>
      </c>
    </row>
    <row r="29277" spans="1:4" x14ac:dyDescent="0.25">
      <c r="A29277" t="s">
        <v>44239</v>
      </c>
      <c r="B29277" t="s">
        <v>44240</v>
      </c>
      <c r="C29277">
        <v>2</v>
      </c>
      <c r="D29277">
        <v>0</v>
      </c>
    </row>
    <row r="29278" spans="1:4" x14ac:dyDescent="0.25">
      <c r="A29278" t="s">
        <v>44239</v>
      </c>
      <c r="B29278" t="s">
        <v>44241</v>
      </c>
      <c r="C29278">
        <v>1</v>
      </c>
      <c r="D29278">
        <v>0</v>
      </c>
    </row>
    <row r="29279" spans="1:4" x14ac:dyDescent="0.25">
      <c r="A29279" t="s">
        <v>44242</v>
      </c>
      <c r="B29279" t="s">
        <v>44243</v>
      </c>
      <c r="C29279">
        <v>1</v>
      </c>
      <c r="D29279">
        <v>0</v>
      </c>
    </row>
    <row r="29280" spans="1:4" x14ac:dyDescent="0.25">
      <c r="A29280" t="s">
        <v>44244</v>
      </c>
      <c r="B29280" t="s">
        <v>1401</v>
      </c>
      <c r="C29280">
        <v>0</v>
      </c>
      <c r="D29280">
        <v>0</v>
      </c>
    </row>
    <row r="29281" spans="1:4" x14ac:dyDescent="0.25">
      <c r="A29281" t="s">
        <v>44244</v>
      </c>
      <c r="B29281" t="s">
        <v>31816</v>
      </c>
      <c r="C29281">
        <v>1</v>
      </c>
      <c r="D29281">
        <v>0</v>
      </c>
    </row>
    <row r="29282" spans="1:4" x14ac:dyDescent="0.25">
      <c r="A29282" t="s">
        <v>44244</v>
      </c>
      <c r="B29282" t="s">
        <v>44245</v>
      </c>
      <c r="C29282">
        <v>2</v>
      </c>
      <c r="D29282">
        <v>0</v>
      </c>
    </row>
    <row r="29283" spans="1:4" x14ac:dyDescent="0.25">
      <c r="A29283" t="s">
        <v>44246</v>
      </c>
      <c r="B29283" t="s">
        <v>44247</v>
      </c>
      <c r="C29283">
        <v>0</v>
      </c>
      <c r="D29283">
        <v>0</v>
      </c>
    </row>
    <row r="29284" spans="1:4" x14ac:dyDescent="0.25">
      <c r="A29284" t="s">
        <v>44246</v>
      </c>
      <c r="B29284" t="s">
        <v>44248</v>
      </c>
      <c r="C29284">
        <v>1</v>
      </c>
      <c r="D29284">
        <v>0</v>
      </c>
    </row>
    <row r="29285" spans="1:4" x14ac:dyDescent="0.25">
      <c r="A29285" t="s">
        <v>44246</v>
      </c>
      <c r="B29285" t="s">
        <v>44249</v>
      </c>
      <c r="C29285">
        <v>0</v>
      </c>
      <c r="D29285">
        <v>0</v>
      </c>
    </row>
    <row r="29286" spans="1:4" x14ac:dyDescent="0.25">
      <c r="A29286" t="s">
        <v>44250</v>
      </c>
      <c r="B29286" t="s">
        <v>44251</v>
      </c>
      <c r="C29286">
        <v>2</v>
      </c>
      <c r="D29286">
        <v>0</v>
      </c>
    </row>
    <row r="29287" spans="1:4" x14ac:dyDescent="0.25">
      <c r="A29287" t="s">
        <v>44250</v>
      </c>
      <c r="B29287" t="s">
        <v>44252</v>
      </c>
      <c r="C29287">
        <v>2</v>
      </c>
      <c r="D29287">
        <v>0</v>
      </c>
    </row>
    <row r="29288" spans="1:4" x14ac:dyDescent="0.25">
      <c r="A29288" t="s">
        <v>44253</v>
      </c>
      <c r="B29288" t="s">
        <v>44254</v>
      </c>
      <c r="C29288">
        <v>0</v>
      </c>
      <c r="D29288">
        <v>0</v>
      </c>
    </row>
    <row r="29289" spans="1:4" x14ac:dyDescent="0.25">
      <c r="A29289" t="s">
        <v>44253</v>
      </c>
      <c r="B29289" t="s">
        <v>44255</v>
      </c>
      <c r="C29289">
        <v>0</v>
      </c>
      <c r="D29289">
        <v>0</v>
      </c>
    </row>
    <row r="29290" spans="1:4" x14ac:dyDescent="0.25">
      <c r="A29290" t="s">
        <v>44253</v>
      </c>
      <c r="B29290" t="s">
        <v>44256</v>
      </c>
      <c r="C29290">
        <v>1</v>
      </c>
      <c r="D29290">
        <v>0</v>
      </c>
    </row>
    <row r="29291" spans="1:4" x14ac:dyDescent="0.25">
      <c r="A29291" t="s">
        <v>44257</v>
      </c>
      <c r="B29291" t="s">
        <v>44258</v>
      </c>
      <c r="C29291">
        <v>2</v>
      </c>
      <c r="D29291">
        <v>0</v>
      </c>
    </row>
    <row r="29292" spans="1:4" x14ac:dyDescent="0.25">
      <c r="A29292" t="s">
        <v>44257</v>
      </c>
      <c r="B29292" t="s">
        <v>44259</v>
      </c>
      <c r="C29292">
        <v>2</v>
      </c>
      <c r="D29292">
        <v>0</v>
      </c>
    </row>
    <row r="29293" spans="1:4" x14ac:dyDescent="0.25">
      <c r="A29293" t="s">
        <v>44257</v>
      </c>
      <c r="B29293" t="s">
        <v>44260</v>
      </c>
      <c r="C29293">
        <v>0</v>
      </c>
      <c r="D29293">
        <v>0</v>
      </c>
    </row>
    <row r="29294" spans="1:4" x14ac:dyDescent="0.25">
      <c r="A29294" t="s">
        <v>44261</v>
      </c>
      <c r="B29294" t="s">
        <v>44262</v>
      </c>
      <c r="C29294">
        <v>1</v>
      </c>
      <c r="D29294">
        <v>0</v>
      </c>
    </row>
    <row r="29295" spans="1:4" x14ac:dyDescent="0.25">
      <c r="A29295" t="s">
        <v>44261</v>
      </c>
      <c r="B29295" t="s">
        <v>44263</v>
      </c>
      <c r="C29295">
        <v>2</v>
      </c>
      <c r="D29295">
        <v>0</v>
      </c>
    </row>
    <row r="29296" spans="1:4" x14ac:dyDescent="0.25">
      <c r="A29296" t="s">
        <v>44261</v>
      </c>
      <c r="B29296" t="s">
        <v>44264</v>
      </c>
      <c r="C29296">
        <v>0</v>
      </c>
      <c r="D29296">
        <v>0</v>
      </c>
    </row>
    <row r="29297" spans="1:4" x14ac:dyDescent="0.25">
      <c r="A29297" t="s">
        <v>44265</v>
      </c>
      <c r="B29297" t="s">
        <v>44266</v>
      </c>
      <c r="C29297">
        <v>0</v>
      </c>
      <c r="D29297">
        <v>0</v>
      </c>
    </row>
    <row r="29298" spans="1:4" x14ac:dyDescent="0.25">
      <c r="A29298" t="s">
        <v>44265</v>
      </c>
      <c r="B29298" t="s">
        <v>4349</v>
      </c>
      <c r="C29298">
        <v>1</v>
      </c>
      <c r="D29298">
        <v>0</v>
      </c>
    </row>
    <row r="29299" spans="1:4" x14ac:dyDescent="0.25">
      <c r="A29299" t="s">
        <v>44265</v>
      </c>
      <c r="B29299" t="s">
        <v>44267</v>
      </c>
      <c r="C29299">
        <v>1</v>
      </c>
      <c r="D29299">
        <v>0</v>
      </c>
    </row>
    <row r="29300" spans="1:4" x14ac:dyDescent="0.25">
      <c r="A29300" t="s">
        <v>44268</v>
      </c>
      <c r="B29300" t="s">
        <v>44269</v>
      </c>
      <c r="C29300">
        <v>1</v>
      </c>
      <c r="D29300">
        <v>0</v>
      </c>
    </row>
    <row r="29301" spans="1:4" x14ac:dyDescent="0.25">
      <c r="A29301" t="s">
        <v>44268</v>
      </c>
      <c r="B29301" t="s">
        <v>44270</v>
      </c>
      <c r="C29301">
        <v>1</v>
      </c>
      <c r="D29301">
        <v>0</v>
      </c>
    </row>
    <row r="29302" spans="1:4" x14ac:dyDescent="0.25">
      <c r="A29302" t="s">
        <v>44271</v>
      </c>
      <c r="B29302" t="s">
        <v>9425</v>
      </c>
      <c r="C29302">
        <v>0</v>
      </c>
      <c r="D29302">
        <v>0</v>
      </c>
    </row>
    <row r="29303" spans="1:4" x14ac:dyDescent="0.25">
      <c r="A29303" t="s">
        <v>44272</v>
      </c>
      <c r="B29303" t="s">
        <v>44273</v>
      </c>
      <c r="C29303">
        <v>1</v>
      </c>
      <c r="D29303">
        <v>0</v>
      </c>
    </row>
    <row r="29304" spans="1:4" x14ac:dyDescent="0.25">
      <c r="A29304" t="s">
        <v>44272</v>
      </c>
      <c r="B29304" t="s">
        <v>44274</v>
      </c>
      <c r="C29304">
        <v>1</v>
      </c>
      <c r="D29304">
        <v>0</v>
      </c>
    </row>
    <row r="29305" spans="1:4" x14ac:dyDescent="0.25">
      <c r="A29305" t="s">
        <v>44272</v>
      </c>
      <c r="B29305" t="s">
        <v>44275</v>
      </c>
      <c r="C29305">
        <v>1</v>
      </c>
      <c r="D29305">
        <v>0</v>
      </c>
    </row>
    <row r="29306" spans="1:4" x14ac:dyDescent="0.25">
      <c r="A29306" t="s">
        <v>44276</v>
      </c>
      <c r="B29306" t="s">
        <v>44277</v>
      </c>
      <c r="C29306">
        <v>0</v>
      </c>
      <c r="D29306">
        <v>0</v>
      </c>
    </row>
    <row r="29307" spans="1:4" x14ac:dyDescent="0.25">
      <c r="A29307" t="s">
        <v>44276</v>
      </c>
      <c r="B29307" t="s">
        <v>44278</v>
      </c>
      <c r="C29307">
        <v>1</v>
      </c>
      <c r="D29307">
        <v>0</v>
      </c>
    </row>
    <row r="29308" spans="1:4" x14ac:dyDescent="0.25">
      <c r="A29308" t="s">
        <v>44276</v>
      </c>
      <c r="B29308" t="s">
        <v>44279</v>
      </c>
      <c r="C29308">
        <v>0</v>
      </c>
      <c r="D29308">
        <v>0</v>
      </c>
    </row>
    <row r="29309" spans="1:4" x14ac:dyDescent="0.25">
      <c r="A29309" t="s">
        <v>44280</v>
      </c>
      <c r="B29309" t="s">
        <v>44281</v>
      </c>
      <c r="C29309">
        <v>1</v>
      </c>
      <c r="D29309">
        <v>0</v>
      </c>
    </row>
    <row r="29310" spans="1:4" x14ac:dyDescent="0.25">
      <c r="A29310" t="s">
        <v>44280</v>
      </c>
      <c r="B29310" t="s">
        <v>44282</v>
      </c>
      <c r="C29310">
        <v>1</v>
      </c>
      <c r="D29310">
        <v>0</v>
      </c>
    </row>
    <row r="29311" spans="1:4" x14ac:dyDescent="0.25">
      <c r="A29311" t="s">
        <v>44283</v>
      </c>
      <c r="B29311" t="s">
        <v>44284</v>
      </c>
      <c r="C29311">
        <v>2</v>
      </c>
      <c r="D29311">
        <v>0</v>
      </c>
    </row>
    <row r="29312" spans="1:4" x14ac:dyDescent="0.25">
      <c r="A29312" t="s">
        <v>44283</v>
      </c>
      <c r="B29312" t="s">
        <v>44285</v>
      </c>
      <c r="C29312">
        <v>1</v>
      </c>
      <c r="D29312">
        <v>0</v>
      </c>
    </row>
    <row r="29313" spans="1:4" x14ac:dyDescent="0.25">
      <c r="A29313" t="s">
        <v>44286</v>
      </c>
      <c r="B29313" t="s">
        <v>44287</v>
      </c>
      <c r="C29313">
        <v>2</v>
      </c>
      <c r="D29313">
        <v>0</v>
      </c>
    </row>
    <row r="29314" spans="1:4" x14ac:dyDescent="0.25">
      <c r="A29314" t="s">
        <v>44286</v>
      </c>
      <c r="B29314" t="s">
        <v>44288</v>
      </c>
      <c r="C29314">
        <v>1</v>
      </c>
      <c r="D29314">
        <v>0</v>
      </c>
    </row>
    <row r="29315" spans="1:4" x14ac:dyDescent="0.25">
      <c r="A29315" t="s">
        <v>44286</v>
      </c>
      <c r="B29315" t="s">
        <v>969</v>
      </c>
      <c r="C29315">
        <v>0</v>
      </c>
      <c r="D29315">
        <v>0</v>
      </c>
    </row>
    <row r="29316" spans="1:4" x14ac:dyDescent="0.25">
      <c r="A29316" t="s">
        <v>44289</v>
      </c>
      <c r="B29316" t="s">
        <v>44290</v>
      </c>
      <c r="C29316">
        <v>1</v>
      </c>
      <c r="D29316">
        <v>0</v>
      </c>
    </row>
    <row r="29317" spans="1:4" x14ac:dyDescent="0.25">
      <c r="A29317" t="s">
        <v>44291</v>
      </c>
      <c r="B29317" t="s">
        <v>44292</v>
      </c>
      <c r="C29317">
        <v>1</v>
      </c>
      <c r="D29317">
        <v>0</v>
      </c>
    </row>
    <row r="29318" spans="1:4" x14ac:dyDescent="0.25">
      <c r="A29318" t="s">
        <v>44291</v>
      </c>
      <c r="B29318" t="s">
        <v>44293</v>
      </c>
      <c r="C29318">
        <v>2</v>
      </c>
      <c r="D29318">
        <v>0</v>
      </c>
    </row>
    <row r="29319" spans="1:4" x14ac:dyDescent="0.25">
      <c r="A29319" t="s">
        <v>44291</v>
      </c>
      <c r="B29319" t="s">
        <v>44294</v>
      </c>
      <c r="C29319">
        <v>0</v>
      </c>
      <c r="D29319">
        <v>0</v>
      </c>
    </row>
    <row r="29320" spans="1:4" x14ac:dyDescent="0.25">
      <c r="A29320" t="s">
        <v>44295</v>
      </c>
      <c r="B29320" t="s">
        <v>44296</v>
      </c>
      <c r="C29320">
        <v>0</v>
      </c>
      <c r="D29320">
        <v>0</v>
      </c>
    </row>
    <row r="29321" spans="1:4" x14ac:dyDescent="0.25">
      <c r="A29321" t="s">
        <v>44295</v>
      </c>
      <c r="B29321" t="s">
        <v>44297</v>
      </c>
      <c r="C29321">
        <v>1</v>
      </c>
      <c r="D29321">
        <v>0</v>
      </c>
    </row>
    <row r="29322" spans="1:4" x14ac:dyDescent="0.25">
      <c r="A29322" t="s">
        <v>44295</v>
      </c>
      <c r="B29322" t="s">
        <v>44298</v>
      </c>
      <c r="C29322">
        <v>1</v>
      </c>
      <c r="D29322">
        <v>0</v>
      </c>
    </row>
    <row r="29323" spans="1:4" x14ac:dyDescent="0.25">
      <c r="A29323" t="s">
        <v>44299</v>
      </c>
      <c r="B29323" t="s">
        <v>44300</v>
      </c>
      <c r="C29323">
        <v>1</v>
      </c>
      <c r="D29323">
        <v>0</v>
      </c>
    </row>
    <row r="29324" spans="1:4" x14ac:dyDescent="0.25">
      <c r="A29324" t="s">
        <v>44299</v>
      </c>
      <c r="B29324" t="s">
        <v>44301</v>
      </c>
      <c r="C29324">
        <v>2</v>
      </c>
      <c r="D29324">
        <v>0</v>
      </c>
    </row>
    <row r="29325" spans="1:4" x14ac:dyDescent="0.25">
      <c r="A29325" t="s">
        <v>44299</v>
      </c>
      <c r="B29325" t="s">
        <v>44302</v>
      </c>
      <c r="C29325">
        <v>1</v>
      </c>
      <c r="D29325">
        <v>0</v>
      </c>
    </row>
    <row r="29326" spans="1:4" x14ac:dyDescent="0.25">
      <c r="A29326" t="s">
        <v>44303</v>
      </c>
      <c r="B29326" t="s">
        <v>968</v>
      </c>
      <c r="C29326">
        <v>1</v>
      </c>
      <c r="D29326">
        <v>0</v>
      </c>
    </row>
    <row r="29327" spans="1:4" x14ac:dyDescent="0.25">
      <c r="A29327" t="s">
        <v>44304</v>
      </c>
      <c r="B29327" t="s">
        <v>44305</v>
      </c>
      <c r="C29327">
        <v>1</v>
      </c>
      <c r="D29327">
        <v>0</v>
      </c>
    </row>
    <row r="29328" spans="1:4" x14ac:dyDescent="0.25">
      <c r="A29328" t="s">
        <v>44306</v>
      </c>
      <c r="B29328" t="s">
        <v>44307</v>
      </c>
      <c r="C29328">
        <v>1</v>
      </c>
      <c r="D29328">
        <v>0</v>
      </c>
    </row>
    <row r="29329" spans="1:4" x14ac:dyDescent="0.25">
      <c r="A29329" t="s">
        <v>44306</v>
      </c>
      <c r="B29329" t="s">
        <v>44308</v>
      </c>
      <c r="C29329">
        <v>0</v>
      </c>
      <c r="D29329">
        <v>0</v>
      </c>
    </row>
    <row r="29330" spans="1:4" x14ac:dyDescent="0.25">
      <c r="A29330" t="s">
        <v>44309</v>
      </c>
      <c r="B29330" t="s">
        <v>44310</v>
      </c>
      <c r="C29330">
        <v>2</v>
      </c>
      <c r="D29330">
        <v>0</v>
      </c>
    </row>
    <row r="29331" spans="1:4" x14ac:dyDescent="0.25">
      <c r="A29331" t="s">
        <v>44309</v>
      </c>
      <c r="B29331" t="s">
        <v>44311</v>
      </c>
      <c r="C29331">
        <v>1</v>
      </c>
      <c r="D29331">
        <v>0</v>
      </c>
    </row>
    <row r="29332" spans="1:4" x14ac:dyDescent="0.25">
      <c r="A29332" t="s">
        <v>44309</v>
      </c>
      <c r="B29332" t="s">
        <v>44312</v>
      </c>
      <c r="C29332">
        <v>2</v>
      </c>
      <c r="D29332">
        <v>0</v>
      </c>
    </row>
    <row r="29333" spans="1:4" x14ac:dyDescent="0.25">
      <c r="A29333" t="s">
        <v>44313</v>
      </c>
      <c r="B29333" t="s">
        <v>44314</v>
      </c>
      <c r="C29333">
        <v>1</v>
      </c>
      <c r="D29333">
        <v>0</v>
      </c>
    </row>
    <row r="29334" spans="1:4" x14ac:dyDescent="0.25">
      <c r="A29334" t="s">
        <v>44315</v>
      </c>
      <c r="B29334" t="s">
        <v>44316</v>
      </c>
      <c r="C29334">
        <v>1</v>
      </c>
      <c r="D29334">
        <v>0</v>
      </c>
    </row>
    <row r="29335" spans="1:4" x14ac:dyDescent="0.25">
      <c r="A29335" t="s">
        <v>44315</v>
      </c>
      <c r="B29335" t="s">
        <v>44317</v>
      </c>
      <c r="C29335">
        <v>1</v>
      </c>
      <c r="D29335">
        <v>0</v>
      </c>
    </row>
    <row r="29336" spans="1:4" x14ac:dyDescent="0.25">
      <c r="A29336" t="s">
        <v>44318</v>
      </c>
      <c r="B29336" t="s">
        <v>3266</v>
      </c>
      <c r="C29336">
        <v>1</v>
      </c>
      <c r="D29336">
        <v>0</v>
      </c>
    </row>
    <row r="29337" spans="1:4" x14ac:dyDescent="0.25">
      <c r="A29337" t="s">
        <v>44319</v>
      </c>
      <c r="B29337" t="s">
        <v>44320</v>
      </c>
      <c r="C29337">
        <v>2</v>
      </c>
      <c r="D29337">
        <v>0</v>
      </c>
    </row>
    <row r="29338" spans="1:4" x14ac:dyDescent="0.25">
      <c r="A29338" t="s">
        <v>44321</v>
      </c>
      <c r="B29338" t="s">
        <v>44322</v>
      </c>
      <c r="C29338">
        <v>0</v>
      </c>
      <c r="D29338">
        <v>0</v>
      </c>
    </row>
    <row r="29339" spans="1:4" x14ac:dyDescent="0.25">
      <c r="A29339" t="s">
        <v>44321</v>
      </c>
      <c r="B29339" t="s">
        <v>44323</v>
      </c>
      <c r="C29339">
        <v>1</v>
      </c>
      <c r="D29339">
        <v>0</v>
      </c>
    </row>
    <row r="29340" spans="1:4" x14ac:dyDescent="0.25">
      <c r="A29340" t="s">
        <v>44324</v>
      </c>
      <c r="B29340" t="s">
        <v>44325</v>
      </c>
      <c r="C29340">
        <v>0</v>
      </c>
      <c r="D29340">
        <v>0</v>
      </c>
    </row>
    <row r="29341" spans="1:4" x14ac:dyDescent="0.25">
      <c r="A29341" t="s">
        <v>44324</v>
      </c>
      <c r="B29341" t="s">
        <v>44326</v>
      </c>
      <c r="C29341">
        <v>2</v>
      </c>
      <c r="D29341">
        <v>0</v>
      </c>
    </row>
    <row r="29342" spans="1:4" x14ac:dyDescent="0.25">
      <c r="A29342" t="s">
        <v>44324</v>
      </c>
      <c r="B29342" t="s">
        <v>44327</v>
      </c>
      <c r="C29342">
        <v>2</v>
      </c>
      <c r="D29342">
        <v>0</v>
      </c>
    </row>
    <row r="29343" spans="1:4" x14ac:dyDescent="0.25">
      <c r="A29343" t="s">
        <v>44328</v>
      </c>
      <c r="B29343" t="s">
        <v>44329</v>
      </c>
      <c r="C29343">
        <v>1</v>
      </c>
      <c r="D29343">
        <v>0</v>
      </c>
    </row>
    <row r="29344" spans="1:4" x14ac:dyDescent="0.25">
      <c r="A29344" t="s">
        <v>44328</v>
      </c>
      <c r="B29344" t="s">
        <v>44330</v>
      </c>
      <c r="C29344">
        <v>2</v>
      </c>
      <c r="D29344">
        <v>0</v>
      </c>
    </row>
    <row r="29345" spans="1:4" x14ac:dyDescent="0.25">
      <c r="A29345" t="s">
        <v>44328</v>
      </c>
      <c r="B29345" t="s">
        <v>44331</v>
      </c>
      <c r="C29345">
        <v>2</v>
      </c>
      <c r="D29345">
        <v>0</v>
      </c>
    </row>
    <row r="29346" spans="1:4" x14ac:dyDescent="0.25">
      <c r="A29346" t="s">
        <v>44332</v>
      </c>
      <c r="B29346" t="s">
        <v>44333</v>
      </c>
      <c r="C29346">
        <v>1</v>
      </c>
      <c r="D29346">
        <v>0</v>
      </c>
    </row>
    <row r="29347" spans="1:4" x14ac:dyDescent="0.25">
      <c r="A29347" t="s">
        <v>44334</v>
      </c>
      <c r="B29347" t="s">
        <v>44335</v>
      </c>
      <c r="C29347">
        <v>0</v>
      </c>
      <c r="D29347">
        <v>0</v>
      </c>
    </row>
    <row r="29348" spans="1:4" x14ac:dyDescent="0.25">
      <c r="A29348" t="s">
        <v>44336</v>
      </c>
      <c r="B29348" t="s">
        <v>44337</v>
      </c>
      <c r="C29348">
        <v>0</v>
      </c>
      <c r="D29348">
        <v>0</v>
      </c>
    </row>
    <row r="29349" spans="1:4" x14ac:dyDescent="0.25">
      <c r="A29349" t="s">
        <v>44336</v>
      </c>
      <c r="B29349" t="s">
        <v>44338</v>
      </c>
      <c r="C29349">
        <v>1</v>
      </c>
      <c r="D29349">
        <v>0</v>
      </c>
    </row>
    <row r="29350" spans="1:4" x14ac:dyDescent="0.25">
      <c r="A29350" t="s">
        <v>44336</v>
      </c>
      <c r="B29350" t="s">
        <v>44339</v>
      </c>
      <c r="C29350">
        <v>0</v>
      </c>
      <c r="D29350">
        <v>0</v>
      </c>
    </row>
    <row r="29351" spans="1:4" x14ac:dyDescent="0.25">
      <c r="A29351" t="s">
        <v>44340</v>
      </c>
      <c r="B29351" t="s">
        <v>44341</v>
      </c>
      <c r="C29351">
        <v>0</v>
      </c>
      <c r="D29351">
        <v>0</v>
      </c>
    </row>
    <row r="29352" spans="1:4" x14ac:dyDescent="0.25">
      <c r="A29352" t="s">
        <v>44340</v>
      </c>
      <c r="B29352" t="s">
        <v>44342</v>
      </c>
      <c r="C29352">
        <v>0</v>
      </c>
      <c r="D29352">
        <v>0</v>
      </c>
    </row>
    <row r="29353" spans="1:4" x14ac:dyDescent="0.25">
      <c r="A29353" t="s">
        <v>44340</v>
      </c>
      <c r="B29353" t="s">
        <v>44343</v>
      </c>
      <c r="C29353">
        <v>0</v>
      </c>
      <c r="D29353">
        <v>0</v>
      </c>
    </row>
    <row r="29354" spans="1:4" x14ac:dyDescent="0.25">
      <c r="A29354" t="s">
        <v>44344</v>
      </c>
      <c r="B29354" t="s">
        <v>44345</v>
      </c>
      <c r="C29354">
        <v>0</v>
      </c>
      <c r="D29354">
        <v>0</v>
      </c>
    </row>
    <row r="29355" spans="1:4" x14ac:dyDescent="0.25">
      <c r="A29355" t="s">
        <v>44346</v>
      </c>
      <c r="B29355" t="s">
        <v>1001</v>
      </c>
      <c r="C29355">
        <v>1</v>
      </c>
      <c r="D29355">
        <v>0</v>
      </c>
    </row>
    <row r="29356" spans="1:4" x14ac:dyDescent="0.25">
      <c r="A29356" t="s">
        <v>44346</v>
      </c>
      <c r="B29356" t="s">
        <v>28436</v>
      </c>
      <c r="C29356">
        <v>0</v>
      </c>
      <c r="D29356">
        <v>0</v>
      </c>
    </row>
    <row r="29357" spans="1:4" x14ac:dyDescent="0.25">
      <c r="A29357" t="s">
        <v>44347</v>
      </c>
      <c r="B29357" t="s">
        <v>44348</v>
      </c>
      <c r="C29357">
        <v>1</v>
      </c>
      <c r="D29357">
        <v>0</v>
      </c>
    </row>
    <row r="29358" spans="1:4" x14ac:dyDescent="0.25">
      <c r="A29358" t="s">
        <v>44347</v>
      </c>
      <c r="B29358" t="s">
        <v>44349</v>
      </c>
      <c r="C29358">
        <v>2</v>
      </c>
      <c r="D29358">
        <v>0</v>
      </c>
    </row>
    <row r="29359" spans="1:4" x14ac:dyDescent="0.25">
      <c r="A29359" t="s">
        <v>44350</v>
      </c>
      <c r="B29359" t="s">
        <v>44351</v>
      </c>
      <c r="C29359">
        <v>0</v>
      </c>
      <c r="D29359">
        <v>0</v>
      </c>
    </row>
    <row r="29360" spans="1:4" x14ac:dyDescent="0.25">
      <c r="A29360" t="s">
        <v>44350</v>
      </c>
      <c r="B29360" t="s">
        <v>44352</v>
      </c>
      <c r="C29360">
        <v>1</v>
      </c>
      <c r="D29360">
        <v>0</v>
      </c>
    </row>
    <row r="29361" spans="1:4" x14ac:dyDescent="0.25">
      <c r="A29361" t="s">
        <v>44350</v>
      </c>
      <c r="B29361" t="s">
        <v>44353</v>
      </c>
      <c r="C29361">
        <v>1</v>
      </c>
      <c r="D29361">
        <v>0</v>
      </c>
    </row>
    <row r="29362" spans="1:4" x14ac:dyDescent="0.25">
      <c r="A29362" t="s">
        <v>44354</v>
      </c>
      <c r="B29362" t="s">
        <v>44355</v>
      </c>
      <c r="C29362">
        <v>2</v>
      </c>
      <c r="D29362">
        <v>0</v>
      </c>
    </row>
    <row r="29363" spans="1:4" x14ac:dyDescent="0.25">
      <c r="A29363" t="s">
        <v>44354</v>
      </c>
      <c r="B29363" t="s">
        <v>44356</v>
      </c>
      <c r="C29363">
        <v>2</v>
      </c>
      <c r="D29363">
        <v>0</v>
      </c>
    </row>
    <row r="29364" spans="1:4" x14ac:dyDescent="0.25">
      <c r="A29364" t="s">
        <v>44354</v>
      </c>
      <c r="B29364" t="s">
        <v>44357</v>
      </c>
      <c r="C29364">
        <v>2</v>
      </c>
      <c r="D29364">
        <v>0</v>
      </c>
    </row>
    <row r="29365" spans="1:4" x14ac:dyDescent="0.25">
      <c r="A29365" t="s">
        <v>44358</v>
      </c>
      <c r="B29365" t="s">
        <v>44359</v>
      </c>
      <c r="C29365">
        <v>1</v>
      </c>
      <c r="D29365">
        <v>0</v>
      </c>
    </row>
    <row r="29366" spans="1:4" x14ac:dyDescent="0.25">
      <c r="A29366" t="s">
        <v>44358</v>
      </c>
      <c r="B29366" t="s">
        <v>44360</v>
      </c>
      <c r="C29366">
        <v>1</v>
      </c>
      <c r="D29366">
        <v>0</v>
      </c>
    </row>
    <row r="29367" spans="1:4" x14ac:dyDescent="0.25">
      <c r="A29367" t="s">
        <v>44361</v>
      </c>
      <c r="B29367" t="s">
        <v>44362</v>
      </c>
      <c r="C29367">
        <v>0</v>
      </c>
      <c r="D29367">
        <v>0</v>
      </c>
    </row>
    <row r="29368" spans="1:4" x14ac:dyDescent="0.25">
      <c r="A29368" t="s">
        <v>44363</v>
      </c>
      <c r="B29368" t="s">
        <v>44364</v>
      </c>
      <c r="C29368">
        <v>1</v>
      </c>
      <c r="D29368">
        <v>0</v>
      </c>
    </row>
    <row r="29369" spans="1:4" x14ac:dyDescent="0.25">
      <c r="A29369" t="s">
        <v>44365</v>
      </c>
      <c r="B29369" t="s">
        <v>2293</v>
      </c>
      <c r="C29369">
        <v>1</v>
      </c>
      <c r="D29369">
        <v>0</v>
      </c>
    </row>
    <row r="29370" spans="1:4" x14ac:dyDescent="0.25">
      <c r="A29370" t="s">
        <v>44365</v>
      </c>
      <c r="B29370" t="s">
        <v>44366</v>
      </c>
      <c r="C29370">
        <v>1</v>
      </c>
      <c r="D29370">
        <v>0</v>
      </c>
    </row>
    <row r="29371" spans="1:4" x14ac:dyDescent="0.25">
      <c r="A29371" t="s">
        <v>44367</v>
      </c>
      <c r="B29371" t="s">
        <v>44368</v>
      </c>
      <c r="C29371">
        <v>2</v>
      </c>
      <c r="D29371">
        <v>0</v>
      </c>
    </row>
    <row r="29372" spans="1:4" x14ac:dyDescent="0.25">
      <c r="A29372" t="s">
        <v>44367</v>
      </c>
      <c r="B29372" t="s">
        <v>44369</v>
      </c>
      <c r="C29372">
        <v>0</v>
      </c>
      <c r="D29372">
        <v>0</v>
      </c>
    </row>
    <row r="29373" spans="1:4" x14ac:dyDescent="0.25">
      <c r="A29373" t="s">
        <v>44367</v>
      </c>
      <c r="B29373" t="s">
        <v>44370</v>
      </c>
      <c r="C29373">
        <v>1</v>
      </c>
      <c r="D29373">
        <v>0</v>
      </c>
    </row>
    <row r="29374" spans="1:4" x14ac:dyDescent="0.25">
      <c r="A29374" t="s">
        <v>44371</v>
      </c>
      <c r="B29374" t="s">
        <v>44372</v>
      </c>
      <c r="C29374">
        <v>1</v>
      </c>
      <c r="D29374">
        <v>0</v>
      </c>
    </row>
    <row r="29375" spans="1:4" x14ac:dyDescent="0.25">
      <c r="A29375" t="s">
        <v>44373</v>
      </c>
      <c r="B29375" t="s">
        <v>29320</v>
      </c>
      <c r="C29375">
        <v>0</v>
      </c>
      <c r="D29375">
        <v>0</v>
      </c>
    </row>
    <row r="29376" spans="1:4" x14ac:dyDescent="0.25">
      <c r="A29376" t="s">
        <v>44373</v>
      </c>
      <c r="B29376" t="s">
        <v>44374</v>
      </c>
      <c r="C29376">
        <v>2</v>
      </c>
      <c r="D29376">
        <v>0</v>
      </c>
    </row>
    <row r="29377" spans="1:4" x14ac:dyDescent="0.25">
      <c r="A29377" t="s">
        <v>44373</v>
      </c>
      <c r="B29377" t="s">
        <v>44375</v>
      </c>
      <c r="C29377">
        <v>1</v>
      </c>
      <c r="D29377">
        <v>0</v>
      </c>
    </row>
    <row r="29378" spans="1:4" x14ac:dyDescent="0.25">
      <c r="A29378" t="s">
        <v>44376</v>
      </c>
      <c r="B29378" t="s">
        <v>3863</v>
      </c>
      <c r="C29378">
        <v>1</v>
      </c>
      <c r="D29378">
        <v>0</v>
      </c>
    </row>
    <row r="29379" spans="1:4" x14ac:dyDescent="0.25">
      <c r="A29379" t="s">
        <v>44376</v>
      </c>
      <c r="B29379" t="s">
        <v>44377</v>
      </c>
      <c r="C29379">
        <v>0</v>
      </c>
      <c r="D29379">
        <v>0</v>
      </c>
    </row>
    <row r="29380" spans="1:4" x14ac:dyDescent="0.25">
      <c r="A29380" t="s">
        <v>44378</v>
      </c>
      <c r="B29380" t="s">
        <v>44379</v>
      </c>
      <c r="C29380">
        <v>1</v>
      </c>
      <c r="D29380">
        <v>0</v>
      </c>
    </row>
    <row r="29381" spans="1:4" x14ac:dyDescent="0.25">
      <c r="A29381" t="s">
        <v>44378</v>
      </c>
      <c r="B29381" t="s">
        <v>44380</v>
      </c>
      <c r="C29381">
        <v>0</v>
      </c>
      <c r="D29381">
        <v>0</v>
      </c>
    </row>
    <row r="29382" spans="1:4" x14ac:dyDescent="0.25">
      <c r="A29382" t="s">
        <v>44378</v>
      </c>
      <c r="B29382" t="s">
        <v>44381</v>
      </c>
      <c r="C29382">
        <v>1</v>
      </c>
      <c r="D29382">
        <v>0</v>
      </c>
    </row>
    <row r="29383" spans="1:4" x14ac:dyDescent="0.25">
      <c r="A29383" t="s">
        <v>44382</v>
      </c>
      <c r="B29383" t="s">
        <v>44383</v>
      </c>
      <c r="C29383">
        <v>0</v>
      </c>
      <c r="D29383">
        <v>0</v>
      </c>
    </row>
    <row r="29384" spans="1:4" x14ac:dyDescent="0.25">
      <c r="A29384" t="s">
        <v>44382</v>
      </c>
      <c r="B29384" t="s">
        <v>44384</v>
      </c>
      <c r="C29384">
        <v>0</v>
      </c>
      <c r="D29384">
        <v>0</v>
      </c>
    </row>
    <row r="29385" spans="1:4" x14ac:dyDescent="0.25">
      <c r="A29385" t="s">
        <v>44385</v>
      </c>
      <c r="B29385" t="s">
        <v>44386</v>
      </c>
      <c r="C29385">
        <v>1</v>
      </c>
      <c r="D29385">
        <v>0</v>
      </c>
    </row>
    <row r="29386" spans="1:4" x14ac:dyDescent="0.25">
      <c r="A29386" t="s">
        <v>44387</v>
      </c>
      <c r="B29386" t="s">
        <v>5713</v>
      </c>
      <c r="C29386">
        <v>1</v>
      </c>
      <c r="D29386">
        <v>0</v>
      </c>
    </row>
    <row r="29387" spans="1:4" x14ac:dyDescent="0.25">
      <c r="A29387" t="s">
        <v>44387</v>
      </c>
      <c r="B29387" t="s">
        <v>2865</v>
      </c>
      <c r="C29387">
        <v>0</v>
      </c>
      <c r="D29387">
        <v>0</v>
      </c>
    </row>
    <row r="29388" spans="1:4" x14ac:dyDescent="0.25">
      <c r="A29388" t="s">
        <v>44388</v>
      </c>
      <c r="B29388" t="s">
        <v>6960</v>
      </c>
      <c r="C29388">
        <v>0</v>
      </c>
      <c r="D29388">
        <v>0</v>
      </c>
    </row>
    <row r="29389" spans="1:4" x14ac:dyDescent="0.25">
      <c r="A29389" t="s">
        <v>44388</v>
      </c>
      <c r="B29389" t="s">
        <v>44389</v>
      </c>
      <c r="C29389">
        <v>2</v>
      </c>
      <c r="D29389">
        <v>0</v>
      </c>
    </row>
    <row r="29390" spans="1:4" x14ac:dyDescent="0.25">
      <c r="A29390" t="s">
        <v>44390</v>
      </c>
      <c r="B29390" t="s">
        <v>44391</v>
      </c>
      <c r="C29390">
        <v>2</v>
      </c>
      <c r="D29390">
        <v>0</v>
      </c>
    </row>
    <row r="29391" spans="1:4" x14ac:dyDescent="0.25">
      <c r="A29391" t="s">
        <v>44392</v>
      </c>
      <c r="B29391" t="s">
        <v>44393</v>
      </c>
      <c r="C29391">
        <v>1</v>
      </c>
      <c r="D29391">
        <v>0</v>
      </c>
    </row>
    <row r="29392" spans="1:4" x14ac:dyDescent="0.25">
      <c r="A29392" t="s">
        <v>44394</v>
      </c>
      <c r="B29392" t="s">
        <v>44395</v>
      </c>
      <c r="C29392">
        <v>1</v>
      </c>
      <c r="D29392">
        <v>0</v>
      </c>
    </row>
    <row r="29393" spans="1:4" x14ac:dyDescent="0.25">
      <c r="A29393" t="s">
        <v>44396</v>
      </c>
      <c r="B29393" t="s">
        <v>1938</v>
      </c>
      <c r="C29393">
        <v>1</v>
      </c>
      <c r="D29393">
        <v>0</v>
      </c>
    </row>
    <row r="29394" spans="1:4" x14ac:dyDescent="0.25">
      <c r="A29394" t="s">
        <v>44396</v>
      </c>
      <c r="B29394" t="s">
        <v>44397</v>
      </c>
      <c r="C29394">
        <v>2</v>
      </c>
      <c r="D29394">
        <v>0</v>
      </c>
    </row>
    <row r="29395" spans="1:4" x14ac:dyDescent="0.25">
      <c r="A29395" t="s">
        <v>44398</v>
      </c>
      <c r="B29395" t="s">
        <v>44399</v>
      </c>
      <c r="C29395">
        <v>1</v>
      </c>
      <c r="D29395">
        <v>0</v>
      </c>
    </row>
    <row r="29396" spans="1:4" x14ac:dyDescent="0.25">
      <c r="A29396" t="s">
        <v>44398</v>
      </c>
      <c r="B29396" t="s">
        <v>44400</v>
      </c>
      <c r="C29396">
        <v>0</v>
      </c>
      <c r="D29396">
        <v>0</v>
      </c>
    </row>
    <row r="29397" spans="1:4" x14ac:dyDescent="0.25">
      <c r="A29397" t="s">
        <v>44398</v>
      </c>
      <c r="B29397" t="s">
        <v>44401</v>
      </c>
      <c r="C29397">
        <v>1</v>
      </c>
      <c r="D29397">
        <v>0</v>
      </c>
    </row>
    <row r="29398" spans="1:4" x14ac:dyDescent="0.25">
      <c r="A29398" t="s">
        <v>44402</v>
      </c>
      <c r="B29398" t="s">
        <v>44403</v>
      </c>
      <c r="C29398">
        <v>2</v>
      </c>
      <c r="D29398">
        <v>0</v>
      </c>
    </row>
    <row r="29399" spans="1:4" x14ac:dyDescent="0.25">
      <c r="A29399" t="s">
        <v>44402</v>
      </c>
      <c r="B29399" t="s">
        <v>44404</v>
      </c>
      <c r="C29399">
        <v>0</v>
      </c>
      <c r="D29399">
        <v>0</v>
      </c>
    </row>
    <row r="29400" spans="1:4" x14ac:dyDescent="0.25">
      <c r="A29400" t="s">
        <v>44402</v>
      </c>
      <c r="B29400" t="s">
        <v>44405</v>
      </c>
      <c r="C29400">
        <v>2</v>
      </c>
      <c r="D29400">
        <v>0</v>
      </c>
    </row>
    <row r="29401" spans="1:4" x14ac:dyDescent="0.25">
      <c r="A29401" t="s">
        <v>44406</v>
      </c>
      <c r="B29401" t="s">
        <v>44407</v>
      </c>
      <c r="C29401">
        <v>1</v>
      </c>
      <c r="D29401">
        <v>0</v>
      </c>
    </row>
    <row r="29402" spans="1:4" x14ac:dyDescent="0.25">
      <c r="A29402" t="s">
        <v>44406</v>
      </c>
      <c r="B29402" t="s">
        <v>44408</v>
      </c>
      <c r="C29402">
        <v>2</v>
      </c>
      <c r="D29402">
        <v>0</v>
      </c>
    </row>
    <row r="29403" spans="1:4" x14ac:dyDescent="0.25">
      <c r="A29403" t="s">
        <v>44406</v>
      </c>
      <c r="B29403" t="s">
        <v>44409</v>
      </c>
      <c r="C29403">
        <v>2</v>
      </c>
      <c r="D29403">
        <v>0</v>
      </c>
    </row>
    <row r="29404" spans="1:4" x14ac:dyDescent="0.25">
      <c r="A29404" t="s">
        <v>44410</v>
      </c>
      <c r="B29404" t="s">
        <v>44411</v>
      </c>
      <c r="C29404">
        <v>1</v>
      </c>
      <c r="D29404">
        <v>0</v>
      </c>
    </row>
    <row r="29405" spans="1:4" x14ac:dyDescent="0.25">
      <c r="A29405" t="s">
        <v>44412</v>
      </c>
      <c r="B29405" t="s">
        <v>44413</v>
      </c>
      <c r="C29405">
        <v>0</v>
      </c>
      <c r="D29405">
        <v>0</v>
      </c>
    </row>
    <row r="29406" spans="1:4" x14ac:dyDescent="0.25">
      <c r="A29406" t="s">
        <v>44412</v>
      </c>
      <c r="B29406" t="s">
        <v>44414</v>
      </c>
      <c r="C29406">
        <v>1</v>
      </c>
      <c r="D29406">
        <v>0</v>
      </c>
    </row>
    <row r="29407" spans="1:4" x14ac:dyDescent="0.25">
      <c r="A29407" t="s">
        <v>44415</v>
      </c>
      <c r="B29407" t="s">
        <v>44416</v>
      </c>
      <c r="C29407">
        <v>1</v>
      </c>
      <c r="D29407">
        <v>0</v>
      </c>
    </row>
    <row r="29408" spans="1:4" x14ac:dyDescent="0.25">
      <c r="A29408" t="s">
        <v>44415</v>
      </c>
      <c r="B29408" t="s">
        <v>44417</v>
      </c>
      <c r="C29408">
        <v>1</v>
      </c>
      <c r="D29408">
        <v>0</v>
      </c>
    </row>
    <row r="29409" spans="1:4" x14ac:dyDescent="0.25">
      <c r="A29409" t="s">
        <v>44415</v>
      </c>
      <c r="B29409" t="s">
        <v>44418</v>
      </c>
      <c r="C29409">
        <v>0</v>
      </c>
      <c r="D29409">
        <v>0</v>
      </c>
    </row>
    <row r="29410" spans="1:4" x14ac:dyDescent="0.25">
      <c r="A29410" t="s">
        <v>44419</v>
      </c>
      <c r="B29410" t="s">
        <v>44420</v>
      </c>
      <c r="C29410">
        <v>0</v>
      </c>
      <c r="D29410">
        <v>0</v>
      </c>
    </row>
    <row r="29411" spans="1:4" x14ac:dyDescent="0.25">
      <c r="A29411" t="s">
        <v>44421</v>
      </c>
      <c r="B29411" t="s">
        <v>44422</v>
      </c>
      <c r="C29411">
        <v>1</v>
      </c>
      <c r="D29411">
        <v>0</v>
      </c>
    </row>
    <row r="29412" spans="1:4" x14ac:dyDescent="0.25">
      <c r="A29412" t="s">
        <v>44421</v>
      </c>
      <c r="B29412" t="s">
        <v>44423</v>
      </c>
      <c r="C29412">
        <v>2</v>
      </c>
      <c r="D29412">
        <v>0</v>
      </c>
    </row>
    <row r="29413" spans="1:4" x14ac:dyDescent="0.25">
      <c r="A29413" t="s">
        <v>44421</v>
      </c>
      <c r="B29413" t="s">
        <v>44424</v>
      </c>
      <c r="C29413">
        <v>0</v>
      </c>
      <c r="D29413">
        <v>0</v>
      </c>
    </row>
    <row r="29414" spans="1:4" x14ac:dyDescent="0.25">
      <c r="A29414" t="s">
        <v>44425</v>
      </c>
      <c r="B29414" t="s">
        <v>44426</v>
      </c>
      <c r="C29414">
        <v>1</v>
      </c>
      <c r="D29414">
        <v>0</v>
      </c>
    </row>
    <row r="29415" spans="1:4" x14ac:dyDescent="0.25">
      <c r="A29415" t="s">
        <v>44425</v>
      </c>
      <c r="B29415" t="s">
        <v>44427</v>
      </c>
      <c r="C29415">
        <v>2</v>
      </c>
      <c r="D29415">
        <v>0</v>
      </c>
    </row>
    <row r="29416" spans="1:4" x14ac:dyDescent="0.25">
      <c r="A29416" t="s">
        <v>44428</v>
      </c>
      <c r="B29416" t="s">
        <v>44429</v>
      </c>
      <c r="C29416">
        <v>1</v>
      </c>
      <c r="D29416">
        <v>0</v>
      </c>
    </row>
    <row r="29417" spans="1:4" x14ac:dyDescent="0.25">
      <c r="A29417" t="s">
        <v>44428</v>
      </c>
      <c r="B29417" t="s">
        <v>44430</v>
      </c>
      <c r="C29417">
        <v>2</v>
      </c>
      <c r="D29417">
        <v>0</v>
      </c>
    </row>
    <row r="29418" spans="1:4" x14ac:dyDescent="0.25">
      <c r="A29418" t="s">
        <v>44428</v>
      </c>
      <c r="B29418" t="s">
        <v>14617</v>
      </c>
      <c r="C29418">
        <v>2</v>
      </c>
      <c r="D29418">
        <v>0</v>
      </c>
    </row>
    <row r="29419" spans="1:4" x14ac:dyDescent="0.25">
      <c r="A29419" t="s">
        <v>44431</v>
      </c>
      <c r="B29419" t="s">
        <v>44432</v>
      </c>
      <c r="C29419">
        <v>0</v>
      </c>
      <c r="D29419">
        <v>0</v>
      </c>
    </row>
    <row r="29420" spans="1:4" x14ac:dyDescent="0.25">
      <c r="A29420" t="s">
        <v>44431</v>
      </c>
      <c r="B29420" t="s">
        <v>44433</v>
      </c>
      <c r="C29420">
        <v>0</v>
      </c>
      <c r="D29420">
        <v>0</v>
      </c>
    </row>
    <row r="29421" spans="1:4" x14ac:dyDescent="0.25">
      <c r="A29421" t="s">
        <v>44434</v>
      </c>
      <c r="B29421" t="s">
        <v>44435</v>
      </c>
      <c r="C29421">
        <v>2</v>
      </c>
      <c r="D29421">
        <v>0</v>
      </c>
    </row>
    <row r="29422" spans="1:4" x14ac:dyDescent="0.25">
      <c r="A29422" t="s">
        <v>44434</v>
      </c>
      <c r="B29422" t="s">
        <v>969</v>
      </c>
      <c r="C29422">
        <v>0</v>
      </c>
      <c r="D29422">
        <v>0</v>
      </c>
    </row>
    <row r="29423" spans="1:4" x14ac:dyDescent="0.25">
      <c r="A29423" t="s">
        <v>44434</v>
      </c>
      <c r="B29423" t="s">
        <v>44436</v>
      </c>
      <c r="C29423">
        <v>2</v>
      </c>
      <c r="D29423">
        <v>0</v>
      </c>
    </row>
    <row r="29424" spans="1:4" x14ac:dyDescent="0.25">
      <c r="A29424" t="s">
        <v>44437</v>
      </c>
      <c r="B29424" t="s">
        <v>44438</v>
      </c>
      <c r="C29424">
        <v>0</v>
      </c>
      <c r="D29424">
        <v>0</v>
      </c>
    </row>
    <row r="29425" spans="1:4" x14ac:dyDescent="0.25">
      <c r="A29425" t="s">
        <v>44437</v>
      </c>
      <c r="B29425" t="s">
        <v>44439</v>
      </c>
      <c r="C29425">
        <v>2</v>
      </c>
      <c r="D29425">
        <v>0</v>
      </c>
    </row>
    <row r="29426" spans="1:4" x14ac:dyDescent="0.25">
      <c r="A29426" t="s">
        <v>44437</v>
      </c>
      <c r="B29426" t="s">
        <v>44440</v>
      </c>
      <c r="C29426">
        <v>0</v>
      </c>
      <c r="D29426">
        <v>0</v>
      </c>
    </row>
    <row r="29427" spans="1:4" x14ac:dyDescent="0.25">
      <c r="A29427" t="s">
        <v>44441</v>
      </c>
      <c r="B29427" t="s">
        <v>44442</v>
      </c>
      <c r="C29427">
        <v>1</v>
      </c>
      <c r="D29427">
        <v>0</v>
      </c>
    </row>
    <row r="29428" spans="1:4" x14ac:dyDescent="0.25">
      <c r="A29428" t="s">
        <v>44443</v>
      </c>
      <c r="B29428" t="s">
        <v>44444</v>
      </c>
      <c r="C29428">
        <v>1</v>
      </c>
      <c r="D29428">
        <v>0</v>
      </c>
    </row>
    <row r="29429" spans="1:4" x14ac:dyDescent="0.25">
      <c r="A29429" t="s">
        <v>44443</v>
      </c>
      <c r="B29429" t="s">
        <v>44445</v>
      </c>
      <c r="C29429">
        <v>2</v>
      </c>
      <c r="D29429">
        <v>0</v>
      </c>
    </row>
    <row r="29430" spans="1:4" x14ac:dyDescent="0.25">
      <c r="A29430" t="s">
        <v>44446</v>
      </c>
      <c r="B29430" t="s">
        <v>44447</v>
      </c>
      <c r="C29430">
        <v>0</v>
      </c>
      <c r="D29430">
        <v>0</v>
      </c>
    </row>
    <row r="29431" spans="1:4" x14ac:dyDescent="0.25">
      <c r="A29431" t="s">
        <v>44446</v>
      </c>
      <c r="B29431" t="s">
        <v>44448</v>
      </c>
      <c r="C29431">
        <v>0</v>
      </c>
      <c r="D29431">
        <v>0</v>
      </c>
    </row>
    <row r="29432" spans="1:4" x14ac:dyDescent="0.25">
      <c r="A29432" t="s">
        <v>44446</v>
      </c>
      <c r="B29432" t="s">
        <v>44449</v>
      </c>
      <c r="C29432">
        <v>0</v>
      </c>
      <c r="D29432">
        <v>0</v>
      </c>
    </row>
    <row r="29433" spans="1:4" x14ac:dyDescent="0.25">
      <c r="A29433" t="s">
        <v>44450</v>
      </c>
      <c r="B29433" t="s">
        <v>43166</v>
      </c>
      <c r="C29433">
        <v>0</v>
      </c>
      <c r="D29433">
        <v>0</v>
      </c>
    </row>
    <row r="29434" spans="1:4" x14ac:dyDescent="0.25">
      <c r="A29434" t="s">
        <v>44450</v>
      </c>
      <c r="B29434" t="s">
        <v>44451</v>
      </c>
      <c r="C29434">
        <v>1</v>
      </c>
      <c r="D29434">
        <v>0</v>
      </c>
    </row>
    <row r="29435" spans="1:4" x14ac:dyDescent="0.25">
      <c r="A29435" t="s">
        <v>44452</v>
      </c>
      <c r="B29435" t="s">
        <v>44453</v>
      </c>
      <c r="C29435">
        <v>1</v>
      </c>
      <c r="D29435">
        <v>0</v>
      </c>
    </row>
    <row r="29436" spans="1:4" x14ac:dyDescent="0.25">
      <c r="A29436" t="s">
        <v>44452</v>
      </c>
      <c r="B29436" t="s">
        <v>44454</v>
      </c>
      <c r="C29436">
        <v>0</v>
      </c>
      <c r="D29436">
        <v>0</v>
      </c>
    </row>
    <row r="29437" spans="1:4" x14ac:dyDescent="0.25">
      <c r="A29437" t="s">
        <v>44452</v>
      </c>
      <c r="B29437" t="s">
        <v>44455</v>
      </c>
      <c r="C29437">
        <v>1</v>
      </c>
      <c r="D29437">
        <v>0</v>
      </c>
    </row>
    <row r="29438" spans="1:4" x14ac:dyDescent="0.25">
      <c r="A29438" t="s">
        <v>44456</v>
      </c>
      <c r="B29438" t="s">
        <v>44457</v>
      </c>
      <c r="C29438">
        <v>2</v>
      </c>
      <c r="D29438">
        <v>0</v>
      </c>
    </row>
    <row r="29439" spans="1:4" x14ac:dyDescent="0.25">
      <c r="A29439" t="s">
        <v>44458</v>
      </c>
      <c r="B29439" t="s">
        <v>44459</v>
      </c>
      <c r="C29439">
        <v>1</v>
      </c>
      <c r="D29439">
        <v>0</v>
      </c>
    </row>
    <row r="29440" spans="1:4" x14ac:dyDescent="0.25">
      <c r="A29440" t="s">
        <v>44460</v>
      </c>
      <c r="B29440" t="s">
        <v>44461</v>
      </c>
      <c r="C29440">
        <v>2</v>
      </c>
      <c r="D29440">
        <v>0</v>
      </c>
    </row>
    <row r="29441" spans="1:4" x14ac:dyDescent="0.25">
      <c r="A29441" t="s">
        <v>44460</v>
      </c>
      <c r="B29441" t="s">
        <v>44462</v>
      </c>
      <c r="C29441">
        <v>1</v>
      </c>
      <c r="D29441">
        <v>0</v>
      </c>
    </row>
    <row r="29442" spans="1:4" x14ac:dyDescent="0.25">
      <c r="A29442" t="s">
        <v>44460</v>
      </c>
      <c r="B29442" t="s">
        <v>44463</v>
      </c>
      <c r="C29442">
        <v>2</v>
      </c>
      <c r="D29442">
        <v>0</v>
      </c>
    </row>
    <row r="29443" spans="1:4" x14ac:dyDescent="0.25">
      <c r="A29443" t="s">
        <v>44464</v>
      </c>
      <c r="B29443" t="s">
        <v>44465</v>
      </c>
      <c r="C29443">
        <v>2</v>
      </c>
      <c r="D29443">
        <v>0</v>
      </c>
    </row>
    <row r="29444" spans="1:4" x14ac:dyDescent="0.25">
      <c r="A29444" t="s">
        <v>44466</v>
      </c>
      <c r="B29444" t="s">
        <v>44467</v>
      </c>
      <c r="C29444">
        <v>2</v>
      </c>
      <c r="D29444">
        <v>0</v>
      </c>
    </row>
    <row r="29445" spans="1:4" x14ac:dyDescent="0.25">
      <c r="A29445" t="s">
        <v>44468</v>
      </c>
      <c r="B29445" t="s">
        <v>1101</v>
      </c>
      <c r="C29445">
        <v>1</v>
      </c>
      <c r="D29445">
        <v>0</v>
      </c>
    </row>
    <row r="29446" spans="1:4" x14ac:dyDescent="0.25">
      <c r="A29446" t="s">
        <v>44469</v>
      </c>
      <c r="B29446" t="s">
        <v>44470</v>
      </c>
      <c r="C29446">
        <v>2</v>
      </c>
      <c r="D29446">
        <v>0</v>
      </c>
    </row>
    <row r="29447" spans="1:4" x14ac:dyDescent="0.25">
      <c r="A29447" t="s">
        <v>44469</v>
      </c>
      <c r="B29447" t="s">
        <v>4894</v>
      </c>
      <c r="C29447">
        <v>0</v>
      </c>
      <c r="D29447">
        <v>0</v>
      </c>
    </row>
    <row r="29448" spans="1:4" x14ac:dyDescent="0.25">
      <c r="A29448" t="s">
        <v>44471</v>
      </c>
      <c r="B29448" t="s">
        <v>44472</v>
      </c>
      <c r="C29448">
        <v>0</v>
      </c>
      <c r="D29448">
        <v>0</v>
      </c>
    </row>
    <row r="29449" spans="1:4" x14ac:dyDescent="0.25">
      <c r="A29449" t="s">
        <v>44473</v>
      </c>
      <c r="B29449" t="s">
        <v>44474</v>
      </c>
      <c r="C29449">
        <v>0</v>
      </c>
      <c r="D29449">
        <v>0</v>
      </c>
    </row>
    <row r="29450" spans="1:4" x14ac:dyDescent="0.25">
      <c r="A29450" t="s">
        <v>44475</v>
      </c>
      <c r="B29450" t="s">
        <v>44476</v>
      </c>
      <c r="C29450">
        <v>1</v>
      </c>
      <c r="D29450">
        <v>0</v>
      </c>
    </row>
    <row r="29451" spans="1:4" x14ac:dyDescent="0.25">
      <c r="A29451" t="s">
        <v>44475</v>
      </c>
      <c r="B29451" t="s">
        <v>44477</v>
      </c>
      <c r="C29451">
        <v>0</v>
      </c>
      <c r="D29451">
        <v>0</v>
      </c>
    </row>
    <row r="29452" spans="1:4" x14ac:dyDescent="0.25">
      <c r="A29452" t="s">
        <v>44475</v>
      </c>
      <c r="B29452" t="s">
        <v>44478</v>
      </c>
      <c r="C29452">
        <v>2</v>
      </c>
      <c r="D29452">
        <v>0</v>
      </c>
    </row>
    <row r="29453" spans="1:4" x14ac:dyDescent="0.25">
      <c r="A29453" t="s">
        <v>44479</v>
      </c>
      <c r="B29453" t="s">
        <v>44480</v>
      </c>
      <c r="C29453">
        <v>0</v>
      </c>
      <c r="D29453">
        <v>0</v>
      </c>
    </row>
    <row r="29454" spans="1:4" x14ac:dyDescent="0.25">
      <c r="A29454" t="s">
        <v>44479</v>
      </c>
      <c r="B29454" t="s">
        <v>44481</v>
      </c>
      <c r="C29454">
        <v>0</v>
      </c>
      <c r="D29454">
        <v>0</v>
      </c>
    </row>
    <row r="29455" spans="1:4" x14ac:dyDescent="0.25">
      <c r="A29455" t="s">
        <v>44482</v>
      </c>
      <c r="B29455" t="s">
        <v>44483</v>
      </c>
      <c r="C29455">
        <v>0</v>
      </c>
      <c r="D29455">
        <v>0</v>
      </c>
    </row>
    <row r="29456" spans="1:4" x14ac:dyDescent="0.25">
      <c r="A29456" t="s">
        <v>44482</v>
      </c>
      <c r="B29456" t="s">
        <v>44484</v>
      </c>
      <c r="C29456">
        <v>0</v>
      </c>
      <c r="D29456">
        <v>0</v>
      </c>
    </row>
    <row r="29457" spans="1:4" x14ac:dyDescent="0.25">
      <c r="A29457" t="s">
        <v>44485</v>
      </c>
      <c r="B29457" t="s">
        <v>44486</v>
      </c>
      <c r="C29457">
        <v>1</v>
      </c>
      <c r="D29457">
        <v>0</v>
      </c>
    </row>
    <row r="29458" spans="1:4" x14ac:dyDescent="0.25">
      <c r="A29458" t="s">
        <v>44485</v>
      </c>
      <c r="B29458" t="s">
        <v>44487</v>
      </c>
      <c r="C29458">
        <v>0</v>
      </c>
      <c r="D29458">
        <v>0</v>
      </c>
    </row>
    <row r="29459" spans="1:4" x14ac:dyDescent="0.25">
      <c r="A29459" t="s">
        <v>44488</v>
      </c>
      <c r="B29459" t="s">
        <v>44489</v>
      </c>
      <c r="C29459">
        <v>2</v>
      </c>
      <c r="D29459">
        <v>0</v>
      </c>
    </row>
    <row r="29460" spans="1:4" x14ac:dyDescent="0.25">
      <c r="A29460" t="s">
        <v>44488</v>
      </c>
      <c r="B29460" t="s">
        <v>44490</v>
      </c>
      <c r="C29460">
        <v>2</v>
      </c>
      <c r="D29460">
        <v>0</v>
      </c>
    </row>
    <row r="29461" spans="1:4" x14ac:dyDescent="0.25">
      <c r="A29461" t="s">
        <v>44491</v>
      </c>
      <c r="B29461" t="s">
        <v>44492</v>
      </c>
      <c r="C29461">
        <v>2</v>
      </c>
      <c r="D29461">
        <v>0</v>
      </c>
    </row>
    <row r="29462" spans="1:4" x14ac:dyDescent="0.25">
      <c r="A29462" t="s">
        <v>44493</v>
      </c>
      <c r="B29462" t="s">
        <v>44494</v>
      </c>
      <c r="C29462">
        <v>0</v>
      </c>
      <c r="D29462">
        <v>0</v>
      </c>
    </row>
    <row r="29463" spans="1:4" x14ac:dyDescent="0.25">
      <c r="A29463" t="s">
        <v>44495</v>
      </c>
      <c r="B29463" t="s">
        <v>44496</v>
      </c>
      <c r="C29463">
        <v>0</v>
      </c>
      <c r="D29463">
        <v>0</v>
      </c>
    </row>
    <row r="29464" spans="1:4" x14ac:dyDescent="0.25">
      <c r="A29464" t="s">
        <v>44495</v>
      </c>
      <c r="B29464" t="s">
        <v>44497</v>
      </c>
      <c r="C29464">
        <v>1</v>
      </c>
      <c r="D29464">
        <v>0</v>
      </c>
    </row>
    <row r="29465" spans="1:4" x14ac:dyDescent="0.25">
      <c r="A29465" t="s">
        <v>44495</v>
      </c>
      <c r="B29465" t="s">
        <v>44498</v>
      </c>
      <c r="C29465">
        <v>0</v>
      </c>
      <c r="D29465">
        <v>0</v>
      </c>
    </row>
    <row r="29466" spans="1:4" x14ac:dyDescent="0.25">
      <c r="A29466" t="s">
        <v>44499</v>
      </c>
      <c r="B29466" t="s">
        <v>14266</v>
      </c>
      <c r="C29466">
        <v>0</v>
      </c>
      <c r="D29466">
        <v>0</v>
      </c>
    </row>
    <row r="29467" spans="1:4" x14ac:dyDescent="0.25">
      <c r="A29467" t="s">
        <v>44500</v>
      </c>
      <c r="B29467" t="s">
        <v>44501</v>
      </c>
      <c r="C29467">
        <v>2</v>
      </c>
      <c r="D29467">
        <v>0</v>
      </c>
    </row>
    <row r="29468" spans="1:4" x14ac:dyDescent="0.25">
      <c r="A29468" t="s">
        <v>44502</v>
      </c>
      <c r="B29468" t="s">
        <v>44503</v>
      </c>
      <c r="C29468">
        <v>0</v>
      </c>
      <c r="D29468">
        <v>0</v>
      </c>
    </row>
    <row r="29469" spans="1:4" x14ac:dyDescent="0.25">
      <c r="A29469" t="s">
        <v>44502</v>
      </c>
      <c r="B29469" t="s">
        <v>44504</v>
      </c>
      <c r="C29469">
        <v>0</v>
      </c>
      <c r="D29469">
        <v>0</v>
      </c>
    </row>
    <row r="29470" spans="1:4" x14ac:dyDescent="0.25">
      <c r="A29470" t="s">
        <v>44505</v>
      </c>
      <c r="B29470" t="s">
        <v>44506</v>
      </c>
      <c r="C29470">
        <v>1</v>
      </c>
      <c r="D29470">
        <v>0</v>
      </c>
    </row>
    <row r="29471" spans="1:4" x14ac:dyDescent="0.25">
      <c r="A29471" t="s">
        <v>44505</v>
      </c>
      <c r="B29471" t="s">
        <v>44507</v>
      </c>
      <c r="C29471">
        <v>0</v>
      </c>
      <c r="D29471">
        <v>0</v>
      </c>
    </row>
    <row r="29472" spans="1:4" x14ac:dyDescent="0.25">
      <c r="A29472" t="s">
        <v>44508</v>
      </c>
      <c r="B29472" t="s">
        <v>44509</v>
      </c>
      <c r="C29472">
        <v>0</v>
      </c>
      <c r="D29472">
        <v>0</v>
      </c>
    </row>
    <row r="29473" spans="1:4" x14ac:dyDescent="0.25">
      <c r="A29473" t="s">
        <v>44508</v>
      </c>
      <c r="B29473" t="s">
        <v>44510</v>
      </c>
      <c r="C29473">
        <v>2</v>
      </c>
      <c r="D29473">
        <v>0</v>
      </c>
    </row>
    <row r="29474" spans="1:4" x14ac:dyDescent="0.25">
      <c r="A29474" t="s">
        <v>44508</v>
      </c>
      <c r="B29474" t="s">
        <v>44511</v>
      </c>
      <c r="C29474">
        <v>2</v>
      </c>
      <c r="D29474">
        <v>0</v>
      </c>
    </row>
    <row r="29475" spans="1:4" x14ac:dyDescent="0.25">
      <c r="A29475" t="s">
        <v>44512</v>
      </c>
      <c r="B29475" t="s">
        <v>44513</v>
      </c>
      <c r="C29475">
        <v>2</v>
      </c>
      <c r="D29475">
        <v>0</v>
      </c>
    </row>
    <row r="29476" spans="1:4" x14ac:dyDescent="0.25">
      <c r="A29476" t="s">
        <v>44512</v>
      </c>
      <c r="B29476" t="s">
        <v>44514</v>
      </c>
      <c r="C29476">
        <v>1</v>
      </c>
      <c r="D29476">
        <v>0</v>
      </c>
    </row>
    <row r="29477" spans="1:4" x14ac:dyDescent="0.25">
      <c r="A29477" t="s">
        <v>44515</v>
      </c>
      <c r="B29477" t="s">
        <v>44516</v>
      </c>
      <c r="C29477">
        <v>1</v>
      </c>
      <c r="D29477">
        <v>0</v>
      </c>
    </row>
    <row r="29478" spans="1:4" x14ac:dyDescent="0.25">
      <c r="A29478" t="s">
        <v>44517</v>
      </c>
      <c r="B29478" t="s">
        <v>44518</v>
      </c>
      <c r="C29478">
        <v>0</v>
      </c>
      <c r="D29478">
        <v>0</v>
      </c>
    </row>
    <row r="29479" spans="1:4" x14ac:dyDescent="0.25">
      <c r="A29479" t="s">
        <v>44517</v>
      </c>
      <c r="B29479" t="s">
        <v>44519</v>
      </c>
      <c r="C29479">
        <v>1</v>
      </c>
      <c r="D29479">
        <v>0</v>
      </c>
    </row>
    <row r="29480" spans="1:4" x14ac:dyDescent="0.25">
      <c r="A29480" t="s">
        <v>44517</v>
      </c>
      <c r="B29480" t="s">
        <v>44520</v>
      </c>
      <c r="C29480">
        <v>2</v>
      </c>
      <c r="D29480">
        <v>0</v>
      </c>
    </row>
    <row r="29481" spans="1:4" x14ac:dyDescent="0.25">
      <c r="A29481" t="s">
        <v>44521</v>
      </c>
      <c r="B29481" t="s">
        <v>44522</v>
      </c>
      <c r="C29481">
        <v>1</v>
      </c>
      <c r="D29481">
        <v>0</v>
      </c>
    </row>
    <row r="29482" spans="1:4" x14ac:dyDescent="0.25">
      <c r="A29482" t="s">
        <v>44523</v>
      </c>
      <c r="B29482" t="s">
        <v>398</v>
      </c>
      <c r="C29482">
        <v>0</v>
      </c>
      <c r="D29482">
        <v>0</v>
      </c>
    </row>
    <row r="29483" spans="1:4" x14ac:dyDescent="0.25">
      <c r="A29483" t="s">
        <v>44523</v>
      </c>
      <c r="B29483" t="s">
        <v>843</v>
      </c>
      <c r="C29483">
        <v>1</v>
      </c>
      <c r="D29483">
        <v>0</v>
      </c>
    </row>
    <row r="29484" spans="1:4" x14ac:dyDescent="0.25">
      <c r="A29484" t="s">
        <v>44524</v>
      </c>
      <c r="B29484" t="s">
        <v>44525</v>
      </c>
      <c r="C29484">
        <v>0</v>
      </c>
      <c r="D29484">
        <v>0</v>
      </c>
    </row>
    <row r="29485" spans="1:4" x14ac:dyDescent="0.25">
      <c r="A29485" t="s">
        <v>44524</v>
      </c>
      <c r="B29485" t="s">
        <v>44526</v>
      </c>
      <c r="C29485">
        <v>0</v>
      </c>
      <c r="D29485">
        <v>0</v>
      </c>
    </row>
    <row r="29486" spans="1:4" x14ac:dyDescent="0.25">
      <c r="A29486" t="s">
        <v>44527</v>
      </c>
      <c r="B29486" t="s">
        <v>843</v>
      </c>
      <c r="C29486">
        <v>1</v>
      </c>
      <c r="D29486">
        <v>0</v>
      </c>
    </row>
    <row r="29487" spans="1:4" x14ac:dyDescent="0.25">
      <c r="A29487" t="s">
        <v>44527</v>
      </c>
      <c r="B29487" t="s">
        <v>44528</v>
      </c>
      <c r="C29487">
        <v>2</v>
      </c>
      <c r="D29487">
        <v>0</v>
      </c>
    </row>
    <row r="29488" spans="1:4" x14ac:dyDescent="0.25">
      <c r="A29488" t="s">
        <v>44527</v>
      </c>
      <c r="B29488" t="s">
        <v>44529</v>
      </c>
      <c r="C29488">
        <v>2</v>
      </c>
      <c r="D29488">
        <v>0</v>
      </c>
    </row>
    <row r="29489" spans="1:4" x14ac:dyDescent="0.25">
      <c r="A29489" t="s">
        <v>44530</v>
      </c>
      <c r="B29489" t="s">
        <v>44531</v>
      </c>
      <c r="C29489">
        <v>2</v>
      </c>
      <c r="D29489">
        <v>0</v>
      </c>
    </row>
    <row r="29490" spans="1:4" x14ac:dyDescent="0.25">
      <c r="A29490" t="s">
        <v>44532</v>
      </c>
      <c r="B29490" t="s">
        <v>39805</v>
      </c>
      <c r="C29490">
        <v>0</v>
      </c>
      <c r="D29490">
        <v>0</v>
      </c>
    </row>
    <row r="29491" spans="1:4" x14ac:dyDescent="0.25">
      <c r="A29491" t="s">
        <v>44532</v>
      </c>
      <c r="B29491" t="s">
        <v>44533</v>
      </c>
      <c r="C29491">
        <v>0</v>
      </c>
      <c r="D29491">
        <v>0</v>
      </c>
    </row>
    <row r="29492" spans="1:4" x14ac:dyDescent="0.25">
      <c r="A29492" t="s">
        <v>44532</v>
      </c>
      <c r="B29492" t="s">
        <v>44534</v>
      </c>
      <c r="C29492">
        <v>0</v>
      </c>
      <c r="D29492">
        <v>0</v>
      </c>
    </row>
    <row r="29493" spans="1:4" x14ac:dyDescent="0.25">
      <c r="A29493" t="s">
        <v>44535</v>
      </c>
      <c r="B29493" t="s">
        <v>44536</v>
      </c>
      <c r="C29493">
        <v>1</v>
      </c>
      <c r="D29493">
        <v>0</v>
      </c>
    </row>
    <row r="29494" spans="1:4" x14ac:dyDescent="0.25">
      <c r="A29494" t="s">
        <v>44535</v>
      </c>
      <c r="B29494" t="s">
        <v>44537</v>
      </c>
      <c r="C29494">
        <v>1</v>
      </c>
      <c r="D29494">
        <v>0</v>
      </c>
    </row>
    <row r="29495" spans="1:4" x14ac:dyDescent="0.25">
      <c r="A29495" t="s">
        <v>44538</v>
      </c>
      <c r="B29495" t="s">
        <v>44539</v>
      </c>
      <c r="C29495">
        <v>1</v>
      </c>
      <c r="D29495">
        <v>0</v>
      </c>
    </row>
    <row r="29496" spans="1:4" x14ac:dyDescent="0.25">
      <c r="A29496" t="s">
        <v>44538</v>
      </c>
      <c r="B29496" t="s">
        <v>44540</v>
      </c>
      <c r="C29496">
        <v>1</v>
      </c>
      <c r="D29496">
        <v>0</v>
      </c>
    </row>
    <row r="29497" spans="1:4" x14ac:dyDescent="0.25">
      <c r="A29497" t="s">
        <v>44541</v>
      </c>
      <c r="B29497" t="s">
        <v>1001</v>
      </c>
      <c r="C29497">
        <v>1</v>
      </c>
      <c r="D29497">
        <v>0</v>
      </c>
    </row>
    <row r="29498" spans="1:4" x14ac:dyDescent="0.25">
      <c r="A29498" t="s">
        <v>44542</v>
      </c>
      <c r="B29498" t="s">
        <v>44543</v>
      </c>
      <c r="C29498">
        <v>0</v>
      </c>
      <c r="D29498">
        <v>0</v>
      </c>
    </row>
    <row r="29499" spans="1:4" x14ac:dyDescent="0.25">
      <c r="A29499" t="s">
        <v>44542</v>
      </c>
      <c r="B29499" t="s">
        <v>44544</v>
      </c>
      <c r="C29499">
        <v>0</v>
      </c>
      <c r="D29499">
        <v>0</v>
      </c>
    </row>
    <row r="29500" spans="1:4" x14ac:dyDescent="0.25">
      <c r="A29500" t="s">
        <v>44545</v>
      </c>
      <c r="B29500" t="s">
        <v>32413</v>
      </c>
      <c r="C29500">
        <v>0</v>
      </c>
      <c r="D29500">
        <v>0</v>
      </c>
    </row>
    <row r="29501" spans="1:4" x14ac:dyDescent="0.25">
      <c r="A29501" t="s">
        <v>44545</v>
      </c>
      <c r="B29501" t="s">
        <v>44546</v>
      </c>
      <c r="C29501">
        <v>0</v>
      </c>
      <c r="D29501">
        <v>0</v>
      </c>
    </row>
    <row r="29502" spans="1:4" x14ac:dyDescent="0.25">
      <c r="A29502" t="s">
        <v>44547</v>
      </c>
      <c r="B29502" t="s">
        <v>44548</v>
      </c>
      <c r="C29502">
        <v>1</v>
      </c>
      <c r="D29502">
        <v>0</v>
      </c>
    </row>
    <row r="29503" spans="1:4" x14ac:dyDescent="0.25">
      <c r="A29503" t="s">
        <v>44549</v>
      </c>
      <c r="B29503" t="s">
        <v>44550</v>
      </c>
      <c r="C29503">
        <v>1</v>
      </c>
      <c r="D29503">
        <v>0</v>
      </c>
    </row>
    <row r="29504" spans="1:4" x14ac:dyDescent="0.25">
      <c r="A29504" t="s">
        <v>44549</v>
      </c>
      <c r="B29504" t="s">
        <v>44551</v>
      </c>
      <c r="C29504">
        <v>1</v>
      </c>
      <c r="D29504">
        <v>0</v>
      </c>
    </row>
    <row r="29505" spans="1:4" x14ac:dyDescent="0.25">
      <c r="A29505" t="s">
        <v>44552</v>
      </c>
      <c r="B29505" t="s">
        <v>44553</v>
      </c>
      <c r="C29505">
        <v>1</v>
      </c>
      <c r="D29505">
        <v>0</v>
      </c>
    </row>
    <row r="29506" spans="1:4" x14ac:dyDescent="0.25">
      <c r="A29506" t="s">
        <v>44554</v>
      </c>
      <c r="B29506" t="s">
        <v>44555</v>
      </c>
      <c r="C29506">
        <v>1</v>
      </c>
      <c r="D29506">
        <v>0</v>
      </c>
    </row>
    <row r="29507" spans="1:4" x14ac:dyDescent="0.25">
      <c r="A29507" t="s">
        <v>44554</v>
      </c>
      <c r="B29507" t="s">
        <v>44556</v>
      </c>
      <c r="C29507">
        <v>1</v>
      </c>
      <c r="D29507">
        <v>0</v>
      </c>
    </row>
    <row r="29508" spans="1:4" x14ac:dyDescent="0.25">
      <c r="A29508" t="s">
        <v>44557</v>
      </c>
      <c r="B29508" t="s">
        <v>44558</v>
      </c>
      <c r="C29508">
        <v>0</v>
      </c>
      <c r="D29508">
        <v>0</v>
      </c>
    </row>
    <row r="29509" spans="1:4" x14ac:dyDescent="0.25">
      <c r="A29509" t="s">
        <v>44559</v>
      </c>
      <c r="B29509" t="s">
        <v>1001</v>
      </c>
      <c r="C29509">
        <v>1</v>
      </c>
      <c r="D29509">
        <v>0</v>
      </c>
    </row>
    <row r="29510" spans="1:4" x14ac:dyDescent="0.25">
      <c r="A29510" t="s">
        <v>44560</v>
      </c>
      <c r="B29510" t="s">
        <v>44561</v>
      </c>
      <c r="C29510">
        <v>1</v>
      </c>
      <c r="D29510">
        <v>0</v>
      </c>
    </row>
    <row r="29511" spans="1:4" x14ac:dyDescent="0.25">
      <c r="A29511" t="s">
        <v>44560</v>
      </c>
      <c r="B29511" t="s">
        <v>44562</v>
      </c>
      <c r="C29511">
        <v>1</v>
      </c>
      <c r="D29511">
        <v>0</v>
      </c>
    </row>
    <row r="29512" spans="1:4" x14ac:dyDescent="0.25">
      <c r="A29512" t="s">
        <v>44560</v>
      </c>
      <c r="B29512" t="s">
        <v>44563</v>
      </c>
      <c r="C29512">
        <v>2</v>
      </c>
      <c r="D29512">
        <v>0</v>
      </c>
    </row>
    <row r="29513" spans="1:4" x14ac:dyDescent="0.25">
      <c r="A29513" t="s">
        <v>44564</v>
      </c>
      <c r="B29513" t="s">
        <v>44565</v>
      </c>
      <c r="C29513">
        <v>1</v>
      </c>
      <c r="D29513">
        <v>0</v>
      </c>
    </row>
    <row r="29514" spans="1:4" x14ac:dyDescent="0.25">
      <c r="A29514" t="s">
        <v>44566</v>
      </c>
      <c r="B29514" t="s">
        <v>44567</v>
      </c>
      <c r="C29514">
        <v>0</v>
      </c>
      <c r="D29514">
        <v>0</v>
      </c>
    </row>
    <row r="29515" spans="1:4" x14ac:dyDescent="0.25">
      <c r="A29515" t="s">
        <v>44568</v>
      </c>
      <c r="B29515" t="s">
        <v>44569</v>
      </c>
      <c r="C29515">
        <v>0</v>
      </c>
      <c r="D29515">
        <v>0</v>
      </c>
    </row>
    <row r="29516" spans="1:4" x14ac:dyDescent="0.25">
      <c r="A29516" t="s">
        <v>44570</v>
      </c>
      <c r="B29516" t="s">
        <v>44571</v>
      </c>
      <c r="C29516">
        <v>1</v>
      </c>
      <c r="D29516">
        <v>0</v>
      </c>
    </row>
    <row r="29517" spans="1:4" x14ac:dyDescent="0.25">
      <c r="A29517" t="s">
        <v>44570</v>
      </c>
      <c r="B29517" t="s">
        <v>44572</v>
      </c>
      <c r="C29517">
        <v>0</v>
      </c>
      <c r="D29517">
        <v>0</v>
      </c>
    </row>
    <row r="29518" spans="1:4" x14ac:dyDescent="0.25">
      <c r="A29518" t="s">
        <v>44573</v>
      </c>
      <c r="B29518" t="s">
        <v>44574</v>
      </c>
      <c r="C29518">
        <v>2</v>
      </c>
      <c r="D29518">
        <v>0</v>
      </c>
    </row>
    <row r="29519" spans="1:4" x14ac:dyDescent="0.25">
      <c r="A29519" t="s">
        <v>44573</v>
      </c>
      <c r="B29519" t="s">
        <v>44575</v>
      </c>
      <c r="C29519">
        <v>0</v>
      </c>
      <c r="D29519">
        <v>0</v>
      </c>
    </row>
    <row r="29520" spans="1:4" x14ac:dyDescent="0.25">
      <c r="A29520" t="s">
        <v>44573</v>
      </c>
      <c r="B29520" t="s">
        <v>44576</v>
      </c>
      <c r="C29520">
        <v>0</v>
      </c>
      <c r="D29520">
        <v>0</v>
      </c>
    </row>
    <row r="29521" spans="1:4" x14ac:dyDescent="0.25">
      <c r="A29521" t="s">
        <v>44577</v>
      </c>
      <c r="B29521" t="s">
        <v>816</v>
      </c>
      <c r="C29521">
        <v>1</v>
      </c>
      <c r="D29521">
        <v>0</v>
      </c>
    </row>
    <row r="29522" spans="1:4" x14ac:dyDescent="0.25">
      <c r="A29522" t="s">
        <v>44578</v>
      </c>
      <c r="B29522" t="s">
        <v>5432</v>
      </c>
      <c r="C29522">
        <v>1</v>
      </c>
      <c r="D29522">
        <v>0</v>
      </c>
    </row>
    <row r="29523" spans="1:4" x14ac:dyDescent="0.25">
      <c r="A29523" t="s">
        <v>44579</v>
      </c>
      <c r="B29523" t="s">
        <v>1580</v>
      </c>
      <c r="C29523">
        <v>2</v>
      </c>
      <c r="D29523">
        <v>0</v>
      </c>
    </row>
    <row r="29524" spans="1:4" x14ac:dyDescent="0.25">
      <c r="A29524" t="s">
        <v>44579</v>
      </c>
      <c r="B29524" t="s">
        <v>44580</v>
      </c>
      <c r="C29524">
        <v>1</v>
      </c>
      <c r="D29524">
        <v>0</v>
      </c>
    </row>
    <row r="29525" spans="1:4" x14ac:dyDescent="0.25">
      <c r="A29525" t="s">
        <v>44581</v>
      </c>
      <c r="B29525" t="s">
        <v>44582</v>
      </c>
      <c r="C29525">
        <v>1</v>
      </c>
      <c r="D29525">
        <v>0</v>
      </c>
    </row>
    <row r="29526" spans="1:4" x14ac:dyDescent="0.25">
      <c r="A29526" t="s">
        <v>44581</v>
      </c>
      <c r="B29526" t="s">
        <v>44583</v>
      </c>
      <c r="C29526">
        <v>2</v>
      </c>
      <c r="D29526">
        <v>0</v>
      </c>
    </row>
    <row r="29527" spans="1:4" x14ac:dyDescent="0.25">
      <c r="A29527" t="s">
        <v>44581</v>
      </c>
      <c r="B29527" t="s">
        <v>44584</v>
      </c>
      <c r="C29527">
        <v>0</v>
      </c>
      <c r="D29527">
        <v>0</v>
      </c>
    </row>
    <row r="29528" spans="1:4" x14ac:dyDescent="0.25">
      <c r="A29528" t="s">
        <v>44585</v>
      </c>
      <c r="B29528" t="s">
        <v>44586</v>
      </c>
      <c r="C29528">
        <v>0</v>
      </c>
      <c r="D29528">
        <v>0</v>
      </c>
    </row>
    <row r="29529" spans="1:4" x14ac:dyDescent="0.25">
      <c r="A29529" t="s">
        <v>44587</v>
      </c>
      <c r="B29529" t="s">
        <v>44588</v>
      </c>
      <c r="C29529">
        <v>0</v>
      </c>
      <c r="D29529">
        <v>0</v>
      </c>
    </row>
    <row r="29530" spans="1:4" x14ac:dyDescent="0.25">
      <c r="A29530" t="s">
        <v>44587</v>
      </c>
      <c r="B29530" t="s">
        <v>1001</v>
      </c>
      <c r="C29530">
        <v>1</v>
      </c>
      <c r="D29530">
        <v>0</v>
      </c>
    </row>
    <row r="29531" spans="1:4" x14ac:dyDescent="0.25">
      <c r="A29531" t="s">
        <v>44589</v>
      </c>
      <c r="B29531" t="s">
        <v>44590</v>
      </c>
      <c r="C29531">
        <v>1</v>
      </c>
      <c r="D29531">
        <v>0</v>
      </c>
    </row>
    <row r="29532" spans="1:4" x14ac:dyDescent="0.25">
      <c r="A29532" t="s">
        <v>44591</v>
      </c>
      <c r="B29532" t="s">
        <v>44592</v>
      </c>
      <c r="C29532">
        <v>1</v>
      </c>
      <c r="D29532">
        <v>0</v>
      </c>
    </row>
    <row r="29533" spans="1:4" x14ac:dyDescent="0.25">
      <c r="A29533" t="s">
        <v>44591</v>
      </c>
      <c r="B29533" t="s">
        <v>44593</v>
      </c>
      <c r="C29533">
        <v>1</v>
      </c>
      <c r="D29533">
        <v>0</v>
      </c>
    </row>
    <row r="29534" spans="1:4" x14ac:dyDescent="0.25">
      <c r="A29534" t="s">
        <v>44591</v>
      </c>
      <c r="B29534" t="s">
        <v>44594</v>
      </c>
      <c r="C29534">
        <v>1</v>
      </c>
      <c r="D29534">
        <v>0</v>
      </c>
    </row>
    <row r="29535" spans="1:4" x14ac:dyDescent="0.25">
      <c r="A29535" t="s">
        <v>44595</v>
      </c>
      <c r="B29535" t="s">
        <v>44596</v>
      </c>
      <c r="C29535">
        <v>1</v>
      </c>
      <c r="D29535">
        <v>0</v>
      </c>
    </row>
    <row r="29536" spans="1:4" x14ac:dyDescent="0.25">
      <c r="A29536" t="s">
        <v>44595</v>
      </c>
      <c r="B29536" t="s">
        <v>44597</v>
      </c>
      <c r="C29536">
        <v>2</v>
      </c>
      <c r="D29536">
        <v>0</v>
      </c>
    </row>
    <row r="29537" spans="1:4" x14ac:dyDescent="0.25">
      <c r="A29537" t="s">
        <v>44598</v>
      </c>
      <c r="B29537" t="s">
        <v>44599</v>
      </c>
      <c r="C29537">
        <v>0</v>
      </c>
      <c r="D29537">
        <v>0</v>
      </c>
    </row>
    <row r="29538" spans="1:4" x14ac:dyDescent="0.25">
      <c r="A29538" t="s">
        <v>44600</v>
      </c>
      <c r="B29538" t="s">
        <v>44601</v>
      </c>
      <c r="C29538">
        <v>0</v>
      </c>
      <c r="D29538">
        <v>0</v>
      </c>
    </row>
    <row r="29539" spans="1:4" x14ac:dyDescent="0.25">
      <c r="A29539" t="s">
        <v>44602</v>
      </c>
      <c r="B29539" t="s">
        <v>44603</v>
      </c>
      <c r="C29539">
        <v>1</v>
      </c>
      <c r="D29539">
        <v>0</v>
      </c>
    </row>
    <row r="29540" spans="1:4" x14ac:dyDescent="0.25">
      <c r="A29540" t="s">
        <v>44602</v>
      </c>
      <c r="B29540" t="s">
        <v>44604</v>
      </c>
      <c r="C29540">
        <v>1</v>
      </c>
      <c r="D29540">
        <v>0</v>
      </c>
    </row>
    <row r="29541" spans="1:4" x14ac:dyDescent="0.25">
      <c r="A29541" t="s">
        <v>44602</v>
      </c>
      <c r="B29541" t="s">
        <v>44605</v>
      </c>
      <c r="C29541">
        <v>0</v>
      </c>
      <c r="D29541">
        <v>0</v>
      </c>
    </row>
    <row r="29542" spans="1:4" x14ac:dyDescent="0.25">
      <c r="A29542" t="s">
        <v>44606</v>
      </c>
      <c r="B29542" t="s">
        <v>44607</v>
      </c>
      <c r="C29542">
        <v>0</v>
      </c>
      <c r="D29542">
        <v>0</v>
      </c>
    </row>
    <row r="29543" spans="1:4" x14ac:dyDescent="0.25">
      <c r="A29543" t="s">
        <v>44608</v>
      </c>
      <c r="B29543" t="s">
        <v>44609</v>
      </c>
      <c r="C29543">
        <v>2</v>
      </c>
      <c r="D29543">
        <v>0</v>
      </c>
    </row>
    <row r="29544" spans="1:4" x14ac:dyDescent="0.25">
      <c r="A29544" t="s">
        <v>44608</v>
      </c>
      <c r="B29544" t="s">
        <v>44610</v>
      </c>
      <c r="C29544">
        <v>2</v>
      </c>
      <c r="D29544">
        <v>0</v>
      </c>
    </row>
    <row r="29545" spans="1:4" x14ac:dyDescent="0.25">
      <c r="A29545" t="s">
        <v>44611</v>
      </c>
      <c r="B29545" t="s">
        <v>44612</v>
      </c>
      <c r="C29545">
        <v>0</v>
      </c>
      <c r="D29545">
        <v>0</v>
      </c>
    </row>
    <row r="29546" spans="1:4" x14ac:dyDescent="0.25">
      <c r="A29546" t="s">
        <v>44611</v>
      </c>
      <c r="B29546" t="s">
        <v>44613</v>
      </c>
      <c r="C29546">
        <v>0</v>
      </c>
      <c r="D29546">
        <v>0</v>
      </c>
    </row>
    <row r="29547" spans="1:4" x14ac:dyDescent="0.25">
      <c r="A29547" t="s">
        <v>44614</v>
      </c>
      <c r="B29547" t="s">
        <v>44615</v>
      </c>
      <c r="C29547">
        <v>2</v>
      </c>
      <c r="D29547">
        <v>0</v>
      </c>
    </row>
    <row r="29548" spans="1:4" x14ac:dyDescent="0.25">
      <c r="A29548" t="s">
        <v>44614</v>
      </c>
      <c r="B29548" t="s">
        <v>44616</v>
      </c>
      <c r="C29548">
        <v>1</v>
      </c>
      <c r="D29548">
        <v>0</v>
      </c>
    </row>
    <row r="29549" spans="1:4" x14ac:dyDescent="0.25">
      <c r="A29549" t="s">
        <v>44617</v>
      </c>
      <c r="B29549" t="s">
        <v>1101</v>
      </c>
      <c r="C29549">
        <v>1</v>
      </c>
      <c r="D29549">
        <v>0</v>
      </c>
    </row>
    <row r="29550" spans="1:4" x14ac:dyDescent="0.25">
      <c r="A29550" t="s">
        <v>44618</v>
      </c>
      <c r="B29550" t="s">
        <v>44619</v>
      </c>
      <c r="C29550">
        <v>1</v>
      </c>
      <c r="D29550">
        <v>0</v>
      </c>
    </row>
    <row r="29551" spans="1:4" x14ac:dyDescent="0.25">
      <c r="A29551" t="s">
        <v>44620</v>
      </c>
      <c r="B29551" t="s">
        <v>44621</v>
      </c>
      <c r="C29551">
        <v>0</v>
      </c>
      <c r="D29551">
        <v>0</v>
      </c>
    </row>
    <row r="29552" spans="1:4" x14ac:dyDescent="0.25">
      <c r="A29552" t="s">
        <v>44620</v>
      </c>
      <c r="B29552" t="s">
        <v>44622</v>
      </c>
      <c r="C29552">
        <v>0</v>
      </c>
      <c r="D29552">
        <v>0</v>
      </c>
    </row>
    <row r="29553" spans="1:4" x14ac:dyDescent="0.25">
      <c r="A29553" t="s">
        <v>44620</v>
      </c>
      <c r="B29553" t="s">
        <v>44623</v>
      </c>
      <c r="C29553">
        <v>0</v>
      </c>
      <c r="D29553">
        <v>0</v>
      </c>
    </row>
    <row r="29554" spans="1:4" x14ac:dyDescent="0.25">
      <c r="A29554" t="s">
        <v>44624</v>
      </c>
      <c r="B29554" t="s">
        <v>44625</v>
      </c>
      <c r="C29554">
        <v>1</v>
      </c>
      <c r="D29554">
        <v>0</v>
      </c>
    </row>
    <row r="29555" spans="1:4" x14ac:dyDescent="0.25">
      <c r="A29555" t="s">
        <v>44626</v>
      </c>
      <c r="B29555" t="s">
        <v>44627</v>
      </c>
      <c r="C29555">
        <v>1</v>
      </c>
      <c r="D29555">
        <v>0</v>
      </c>
    </row>
    <row r="29556" spans="1:4" x14ac:dyDescent="0.25">
      <c r="A29556" t="s">
        <v>44626</v>
      </c>
      <c r="B29556" t="s">
        <v>9344</v>
      </c>
      <c r="C29556">
        <v>1</v>
      </c>
      <c r="D29556">
        <v>0</v>
      </c>
    </row>
    <row r="29557" spans="1:4" x14ac:dyDescent="0.25">
      <c r="A29557" t="s">
        <v>44628</v>
      </c>
      <c r="B29557" t="s">
        <v>44629</v>
      </c>
      <c r="C29557">
        <v>1</v>
      </c>
      <c r="D29557">
        <v>0</v>
      </c>
    </row>
    <row r="29558" spans="1:4" x14ac:dyDescent="0.25">
      <c r="A29558" t="s">
        <v>44630</v>
      </c>
      <c r="B29558" t="s">
        <v>44631</v>
      </c>
      <c r="C29558">
        <v>2</v>
      </c>
      <c r="D29558">
        <v>0</v>
      </c>
    </row>
    <row r="29559" spans="1:4" x14ac:dyDescent="0.25">
      <c r="A29559" t="s">
        <v>44630</v>
      </c>
      <c r="B29559" t="s">
        <v>44632</v>
      </c>
      <c r="C29559">
        <v>1</v>
      </c>
      <c r="D29559">
        <v>0</v>
      </c>
    </row>
    <row r="29560" spans="1:4" x14ac:dyDescent="0.25">
      <c r="A29560" t="s">
        <v>44633</v>
      </c>
      <c r="B29560" t="s">
        <v>44634</v>
      </c>
      <c r="C29560">
        <v>2</v>
      </c>
      <c r="D29560">
        <v>0</v>
      </c>
    </row>
    <row r="29561" spans="1:4" x14ac:dyDescent="0.25">
      <c r="A29561" t="s">
        <v>44633</v>
      </c>
      <c r="B29561" t="s">
        <v>44635</v>
      </c>
      <c r="C29561">
        <v>2</v>
      </c>
      <c r="D29561">
        <v>0</v>
      </c>
    </row>
    <row r="29562" spans="1:4" x14ac:dyDescent="0.25">
      <c r="A29562" t="s">
        <v>44636</v>
      </c>
      <c r="B29562" t="s">
        <v>44637</v>
      </c>
      <c r="C29562">
        <v>1</v>
      </c>
      <c r="D29562">
        <v>0</v>
      </c>
    </row>
    <row r="29563" spans="1:4" x14ac:dyDescent="0.25">
      <c r="A29563" t="s">
        <v>44636</v>
      </c>
      <c r="B29563" t="s">
        <v>44638</v>
      </c>
      <c r="C29563">
        <v>0</v>
      </c>
      <c r="D29563">
        <v>0</v>
      </c>
    </row>
    <row r="29564" spans="1:4" x14ac:dyDescent="0.25">
      <c r="A29564" t="s">
        <v>44639</v>
      </c>
      <c r="B29564" t="s">
        <v>2704</v>
      </c>
      <c r="C29564">
        <v>1</v>
      </c>
      <c r="D29564">
        <v>0</v>
      </c>
    </row>
    <row r="29565" spans="1:4" x14ac:dyDescent="0.25">
      <c r="A29565" t="s">
        <v>44640</v>
      </c>
      <c r="B29565" t="s">
        <v>44641</v>
      </c>
      <c r="C29565">
        <v>0</v>
      </c>
      <c r="D29565">
        <v>0</v>
      </c>
    </row>
    <row r="29566" spans="1:4" x14ac:dyDescent="0.25">
      <c r="A29566" t="s">
        <v>44640</v>
      </c>
      <c r="B29566" t="s">
        <v>44642</v>
      </c>
      <c r="C29566">
        <v>0</v>
      </c>
      <c r="D29566">
        <v>0</v>
      </c>
    </row>
    <row r="29567" spans="1:4" x14ac:dyDescent="0.25">
      <c r="A29567" t="s">
        <v>44643</v>
      </c>
      <c r="B29567" t="s">
        <v>44644</v>
      </c>
      <c r="C29567">
        <v>1</v>
      </c>
      <c r="D29567">
        <v>0</v>
      </c>
    </row>
    <row r="29568" spans="1:4" x14ac:dyDescent="0.25">
      <c r="A29568" t="s">
        <v>44643</v>
      </c>
      <c r="B29568" t="s">
        <v>44645</v>
      </c>
      <c r="C29568">
        <v>1</v>
      </c>
      <c r="D29568">
        <v>0</v>
      </c>
    </row>
    <row r="29569" spans="1:4" x14ac:dyDescent="0.25">
      <c r="A29569" t="s">
        <v>44646</v>
      </c>
      <c r="B29569" t="s">
        <v>44647</v>
      </c>
      <c r="C29569">
        <v>0</v>
      </c>
      <c r="D29569">
        <v>0</v>
      </c>
    </row>
    <row r="29570" spans="1:4" x14ac:dyDescent="0.25">
      <c r="A29570" t="s">
        <v>44648</v>
      </c>
      <c r="B29570" t="s">
        <v>44649</v>
      </c>
      <c r="C29570">
        <v>1</v>
      </c>
      <c r="D29570">
        <v>0</v>
      </c>
    </row>
    <row r="29571" spans="1:4" x14ac:dyDescent="0.25">
      <c r="A29571" t="s">
        <v>44648</v>
      </c>
      <c r="B29571" t="s">
        <v>44650</v>
      </c>
      <c r="C29571">
        <v>2</v>
      </c>
      <c r="D29571">
        <v>0</v>
      </c>
    </row>
    <row r="29572" spans="1:4" x14ac:dyDescent="0.25">
      <c r="A29572" t="s">
        <v>44648</v>
      </c>
      <c r="B29572" t="s">
        <v>44651</v>
      </c>
      <c r="C29572">
        <v>1</v>
      </c>
      <c r="D29572">
        <v>0</v>
      </c>
    </row>
    <row r="29573" spans="1:4" x14ac:dyDescent="0.25">
      <c r="A29573" t="s">
        <v>44652</v>
      </c>
      <c r="B29573" t="s">
        <v>44653</v>
      </c>
      <c r="C29573">
        <v>0</v>
      </c>
      <c r="D29573">
        <v>0</v>
      </c>
    </row>
    <row r="29574" spans="1:4" x14ac:dyDescent="0.25">
      <c r="A29574" t="s">
        <v>44652</v>
      </c>
      <c r="B29574" t="s">
        <v>44654</v>
      </c>
      <c r="C29574">
        <v>2</v>
      </c>
      <c r="D29574">
        <v>0</v>
      </c>
    </row>
    <row r="29575" spans="1:4" x14ac:dyDescent="0.25">
      <c r="A29575" t="s">
        <v>44652</v>
      </c>
      <c r="B29575" t="s">
        <v>44655</v>
      </c>
      <c r="C29575">
        <v>0</v>
      </c>
      <c r="D29575">
        <v>0</v>
      </c>
    </row>
    <row r="29576" spans="1:4" x14ac:dyDescent="0.25">
      <c r="A29576" t="s">
        <v>44656</v>
      </c>
      <c r="B29576" t="s">
        <v>44657</v>
      </c>
      <c r="C29576">
        <v>1</v>
      </c>
      <c r="D29576">
        <v>0</v>
      </c>
    </row>
    <row r="29577" spans="1:4" x14ac:dyDescent="0.25">
      <c r="A29577" t="s">
        <v>44656</v>
      </c>
      <c r="B29577" t="s">
        <v>44658</v>
      </c>
      <c r="C29577">
        <v>1</v>
      </c>
      <c r="D29577">
        <v>0</v>
      </c>
    </row>
    <row r="29578" spans="1:4" x14ac:dyDescent="0.25">
      <c r="A29578" t="s">
        <v>44656</v>
      </c>
      <c r="B29578" t="s">
        <v>44659</v>
      </c>
      <c r="C29578">
        <v>1</v>
      </c>
      <c r="D29578">
        <v>0</v>
      </c>
    </row>
    <row r="29579" spans="1:4" x14ac:dyDescent="0.25">
      <c r="A29579" t="s">
        <v>44660</v>
      </c>
      <c r="B29579" t="s">
        <v>44661</v>
      </c>
      <c r="C29579">
        <v>1</v>
      </c>
      <c r="D29579">
        <v>0</v>
      </c>
    </row>
    <row r="29580" spans="1:4" x14ac:dyDescent="0.25">
      <c r="A29580" t="s">
        <v>44660</v>
      </c>
      <c r="B29580" t="s">
        <v>44662</v>
      </c>
      <c r="C29580">
        <v>2</v>
      </c>
      <c r="D29580">
        <v>0</v>
      </c>
    </row>
    <row r="29581" spans="1:4" x14ac:dyDescent="0.25">
      <c r="A29581" t="s">
        <v>44660</v>
      </c>
      <c r="B29581" t="s">
        <v>44663</v>
      </c>
      <c r="C29581">
        <v>0</v>
      </c>
      <c r="D29581">
        <v>0</v>
      </c>
    </row>
    <row r="29582" spans="1:4" x14ac:dyDescent="0.25">
      <c r="A29582" t="s">
        <v>44664</v>
      </c>
      <c r="B29582" t="s">
        <v>3815</v>
      </c>
      <c r="C29582">
        <v>0</v>
      </c>
      <c r="D29582">
        <v>0</v>
      </c>
    </row>
    <row r="29583" spans="1:4" x14ac:dyDescent="0.25">
      <c r="A29583" t="s">
        <v>44665</v>
      </c>
      <c r="B29583" t="s">
        <v>44666</v>
      </c>
      <c r="C29583">
        <v>1</v>
      </c>
      <c r="D29583">
        <v>0</v>
      </c>
    </row>
    <row r="29584" spans="1:4" x14ac:dyDescent="0.25">
      <c r="A29584" t="s">
        <v>44667</v>
      </c>
      <c r="B29584" t="s">
        <v>44668</v>
      </c>
      <c r="C29584">
        <v>1</v>
      </c>
      <c r="D29584">
        <v>0</v>
      </c>
    </row>
    <row r="29585" spans="1:4" x14ac:dyDescent="0.25">
      <c r="A29585" t="s">
        <v>44669</v>
      </c>
      <c r="B29585" t="s">
        <v>44670</v>
      </c>
      <c r="C29585">
        <v>1</v>
      </c>
      <c r="D29585">
        <v>0</v>
      </c>
    </row>
    <row r="29586" spans="1:4" x14ac:dyDescent="0.25">
      <c r="A29586" t="s">
        <v>44669</v>
      </c>
      <c r="B29586" t="s">
        <v>44671</v>
      </c>
      <c r="C29586">
        <v>0</v>
      </c>
      <c r="D29586">
        <v>0</v>
      </c>
    </row>
    <row r="29587" spans="1:4" x14ac:dyDescent="0.25">
      <c r="A29587" t="s">
        <v>44672</v>
      </c>
      <c r="B29587" t="s">
        <v>3410</v>
      </c>
      <c r="C29587">
        <v>1</v>
      </c>
      <c r="D29587">
        <v>0</v>
      </c>
    </row>
    <row r="29588" spans="1:4" x14ac:dyDescent="0.25">
      <c r="A29588" t="s">
        <v>44672</v>
      </c>
      <c r="B29588" t="s">
        <v>44673</v>
      </c>
      <c r="C29588">
        <v>0</v>
      </c>
      <c r="D29588">
        <v>0</v>
      </c>
    </row>
    <row r="29589" spans="1:4" x14ac:dyDescent="0.25">
      <c r="A29589" t="s">
        <v>44674</v>
      </c>
      <c r="B29589" t="s">
        <v>44675</v>
      </c>
      <c r="C29589">
        <v>1</v>
      </c>
      <c r="D29589">
        <v>0</v>
      </c>
    </row>
    <row r="29590" spans="1:4" x14ac:dyDescent="0.25">
      <c r="A29590" t="s">
        <v>44674</v>
      </c>
      <c r="B29590" t="s">
        <v>44676</v>
      </c>
      <c r="C29590">
        <v>1</v>
      </c>
      <c r="D29590">
        <v>0</v>
      </c>
    </row>
    <row r="29591" spans="1:4" x14ac:dyDescent="0.25">
      <c r="A29591" t="s">
        <v>44674</v>
      </c>
      <c r="B29591" t="s">
        <v>44677</v>
      </c>
      <c r="C29591">
        <v>1</v>
      </c>
      <c r="D29591">
        <v>0</v>
      </c>
    </row>
    <row r="29592" spans="1:4" x14ac:dyDescent="0.25">
      <c r="A29592" t="s">
        <v>44678</v>
      </c>
      <c r="B29592" t="s">
        <v>11948</v>
      </c>
      <c r="C29592">
        <v>0</v>
      </c>
      <c r="D29592">
        <v>0</v>
      </c>
    </row>
    <row r="29593" spans="1:4" x14ac:dyDescent="0.25">
      <c r="A29593" t="s">
        <v>44678</v>
      </c>
      <c r="B29593" t="s">
        <v>5864</v>
      </c>
      <c r="C29593">
        <v>1</v>
      </c>
      <c r="D29593">
        <v>0</v>
      </c>
    </row>
    <row r="29594" spans="1:4" x14ac:dyDescent="0.25">
      <c r="A29594" t="s">
        <v>44679</v>
      </c>
      <c r="B29594" t="s">
        <v>44680</v>
      </c>
      <c r="C29594">
        <v>2</v>
      </c>
      <c r="D29594">
        <v>0</v>
      </c>
    </row>
    <row r="29595" spans="1:4" x14ac:dyDescent="0.25">
      <c r="A29595" t="s">
        <v>44679</v>
      </c>
      <c r="B29595" t="s">
        <v>44681</v>
      </c>
      <c r="C29595">
        <v>2</v>
      </c>
      <c r="D29595">
        <v>0</v>
      </c>
    </row>
    <row r="29596" spans="1:4" x14ac:dyDescent="0.25">
      <c r="A29596" t="s">
        <v>44682</v>
      </c>
      <c r="B29596" t="s">
        <v>44683</v>
      </c>
      <c r="C29596">
        <v>0</v>
      </c>
      <c r="D29596">
        <v>0</v>
      </c>
    </row>
    <row r="29597" spans="1:4" x14ac:dyDescent="0.25">
      <c r="A29597" t="s">
        <v>44682</v>
      </c>
      <c r="B29597" t="s">
        <v>44684</v>
      </c>
      <c r="C29597">
        <v>2</v>
      </c>
      <c r="D29597">
        <v>0</v>
      </c>
    </row>
    <row r="29598" spans="1:4" x14ac:dyDescent="0.25">
      <c r="A29598" t="s">
        <v>44682</v>
      </c>
      <c r="B29598" t="s">
        <v>44685</v>
      </c>
      <c r="C29598">
        <v>1</v>
      </c>
      <c r="D29598">
        <v>0</v>
      </c>
    </row>
    <row r="29599" spans="1:4" x14ac:dyDescent="0.25">
      <c r="A29599" t="s">
        <v>44686</v>
      </c>
      <c r="B29599" t="s">
        <v>44687</v>
      </c>
      <c r="C29599">
        <v>0</v>
      </c>
      <c r="D29599">
        <v>0</v>
      </c>
    </row>
    <row r="29600" spans="1:4" x14ac:dyDescent="0.25">
      <c r="A29600" t="s">
        <v>44688</v>
      </c>
      <c r="B29600" t="s">
        <v>44689</v>
      </c>
      <c r="C29600">
        <v>1</v>
      </c>
      <c r="D29600">
        <v>0</v>
      </c>
    </row>
    <row r="29601" spans="1:4" x14ac:dyDescent="0.25">
      <c r="A29601" t="s">
        <v>44688</v>
      </c>
      <c r="B29601" t="s">
        <v>44690</v>
      </c>
      <c r="C29601">
        <v>1</v>
      </c>
      <c r="D29601">
        <v>0</v>
      </c>
    </row>
    <row r="29602" spans="1:4" x14ac:dyDescent="0.25">
      <c r="A29602" t="s">
        <v>44688</v>
      </c>
      <c r="B29602" t="s">
        <v>44691</v>
      </c>
      <c r="C29602">
        <v>0</v>
      </c>
      <c r="D29602">
        <v>0</v>
      </c>
    </row>
    <row r="29603" spans="1:4" x14ac:dyDescent="0.25">
      <c r="A29603" t="s">
        <v>44692</v>
      </c>
      <c r="B29603" t="s">
        <v>44693</v>
      </c>
      <c r="C29603">
        <v>0</v>
      </c>
      <c r="D29603">
        <v>0</v>
      </c>
    </row>
    <row r="29604" spans="1:4" x14ac:dyDescent="0.25">
      <c r="A29604" t="s">
        <v>44694</v>
      </c>
      <c r="B29604" t="s">
        <v>44695</v>
      </c>
      <c r="C29604">
        <v>1</v>
      </c>
      <c r="D29604">
        <v>0</v>
      </c>
    </row>
    <row r="29605" spans="1:4" x14ac:dyDescent="0.25">
      <c r="A29605" t="s">
        <v>44694</v>
      </c>
      <c r="B29605" t="s">
        <v>44696</v>
      </c>
      <c r="C29605">
        <v>0</v>
      </c>
      <c r="D29605">
        <v>0</v>
      </c>
    </row>
    <row r="29606" spans="1:4" x14ac:dyDescent="0.25">
      <c r="A29606" t="s">
        <v>44697</v>
      </c>
      <c r="B29606" t="s">
        <v>44698</v>
      </c>
      <c r="C29606">
        <v>0</v>
      </c>
      <c r="D29606">
        <v>0</v>
      </c>
    </row>
    <row r="29607" spans="1:4" x14ac:dyDescent="0.25">
      <c r="A29607" t="s">
        <v>44697</v>
      </c>
      <c r="B29607" t="s">
        <v>44699</v>
      </c>
      <c r="C29607">
        <v>0</v>
      </c>
      <c r="D29607">
        <v>0</v>
      </c>
    </row>
    <row r="29608" spans="1:4" x14ac:dyDescent="0.25">
      <c r="A29608" t="s">
        <v>44697</v>
      </c>
      <c r="B29608" t="s">
        <v>44700</v>
      </c>
      <c r="C29608">
        <v>1</v>
      </c>
      <c r="D29608">
        <v>0</v>
      </c>
    </row>
    <row r="29609" spans="1:4" x14ac:dyDescent="0.25">
      <c r="A29609" t="s">
        <v>44701</v>
      </c>
      <c r="B29609" t="s">
        <v>44702</v>
      </c>
      <c r="C29609">
        <v>0</v>
      </c>
      <c r="D29609">
        <v>0</v>
      </c>
    </row>
    <row r="29610" spans="1:4" x14ac:dyDescent="0.25">
      <c r="A29610" t="s">
        <v>44703</v>
      </c>
      <c r="B29610" t="s">
        <v>44704</v>
      </c>
      <c r="C29610">
        <v>2</v>
      </c>
      <c r="D29610">
        <v>0</v>
      </c>
    </row>
    <row r="29611" spans="1:4" x14ac:dyDescent="0.25">
      <c r="A29611" t="s">
        <v>44703</v>
      </c>
      <c r="B29611" t="s">
        <v>44705</v>
      </c>
      <c r="C29611">
        <v>1</v>
      </c>
      <c r="D29611">
        <v>0</v>
      </c>
    </row>
    <row r="29612" spans="1:4" x14ac:dyDescent="0.25">
      <c r="A29612" t="s">
        <v>44706</v>
      </c>
      <c r="B29612" t="s">
        <v>44707</v>
      </c>
      <c r="C29612">
        <v>1</v>
      </c>
      <c r="D29612">
        <v>0</v>
      </c>
    </row>
    <row r="29613" spans="1:4" x14ac:dyDescent="0.25">
      <c r="A29613" t="s">
        <v>44706</v>
      </c>
      <c r="B29613" t="s">
        <v>44708</v>
      </c>
      <c r="C29613">
        <v>1</v>
      </c>
      <c r="D29613">
        <v>0</v>
      </c>
    </row>
    <row r="29614" spans="1:4" x14ac:dyDescent="0.25">
      <c r="A29614" t="s">
        <v>44706</v>
      </c>
      <c r="B29614" t="s">
        <v>44709</v>
      </c>
      <c r="C29614">
        <v>0</v>
      </c>
      <c r="D29614">
        <v>0</v>
      </c>
    </row>
    <row r="29615" spans="1:4" x14ac:dyDescent="0.25">
      <c r="A29615" t="s">
        <v>44710</v>
      </c>
      <c r="B29615" t="s">
        <v>44711</v>
      </c>
      <c r="C29615">
        <v>0</v>
      </c>
      <c r="D29615">
        <v>0</v>
      </c>
    </row>
    <row r="29616" spans="1:4" x14ac:dyDescent="0.25">
      <c r="A29616" t="s">
        <v>44712</v>
      </c>
      <c r="B29616" t="s">
        <v>44713</v>
      </c>
      <c r="C29616">
        <v>1</v>
      </c>
      <c r="D29616">
        <v>0</v>
      </c>
    </row>
    <row r="29617" spans="1:4" x14ac:dyDescent="0.25">
      <c r="A29617" t="s">
        <v>44712</v>
      </c>
      <c r="B29617" t="s">
        <v>44714</v>
      </c>
      <c r="C29617">
        <v>1</v>
      </c>
      <c r="D29617">
        <v>0</v>
      </c>
    </row>
    <row r="29618" spans="1:4" x14ac:dyDescent="0.25">
      <c r="A29618" t="s">
        <v>44712</v>
      </c>
      <c r="B29618" t="s">
        <v>44715</v>
      </c>
      <c r="C29618">
        <v>1</v>
      </c>
      <c r="D29618">
        <v>0</v>
      </c>
    </row>
    <row r="29619" spans="1:4" x14ac:dyDescent="0.25">
      <c r="A29619" t="s">
        <v>44716</v>
      </c>
      <c r="B29619" t="s">
        <v>44717</v>
      </c>
      <c r="C29619">
        <v>1</v>
      </c>
      <c r="D29619">
        <v>0</v>
      </c>
    </row>
    <row r="29620" spans="1:4" x14ac:dyDescent="0.25">
      <c r="A29620" t="s">
        <v>44718</v>
      </c>
      <c r="B29620" t="s">
        <v>44719</v>
      </c>
      <c r="C29620">
        <v>0</v>
      </c>
      <c r="D29620">
        <v>0</v>
      </c>
    </row>
    <row r="29621" spans="1:4" x14ac:dyDescent="0.25">
      <c r="A29621" t="s">
        <v>44718</v>
      </c>
      <c r="B29621" t="s">
        <v>44720</v>
      </c>
      <c r="C29621">
        <v>0</v>
      </c>
      <c r="D29621">
        <v>0</v>
      </c>
    </row>
    <row r="29622" spans="1:4" x14ac:dyDescent="0.25">
      <c r="A29622" t="s">
        <v>44718</v>
      </c>
      <c r="B29622" t="s">
        <v>44721</v>
      </c>
      <c r="C29622">
        <v>0</v>
      </c>
      <c r="D29622">
        <v>0</v>
      </c>
    </row>
    <row r="29623" spans="1:4" x14ac:dyDescent="0.25">
      <c r="A29623" t="s">
        <v>44722</v>
      </c>
      <c r="B29623" t="s">
        <v>44723</v>
      </c>
      <c r="C29623">
        <v>2</v>
      </c>
      <c r="D29623">
        <v>0</v>
      </c>
    </row>
    <row r="29624" spans="1:4" x14ac:dyDescent="0.25">
      <c r="A29624" t="s">
        <v>44722</v>
      </c>
      <c r="B29624" t="s">
        <v>44724</v>
      </c>
      <c r="C29624">
        <v>0</v>
      </c>
      <c r="D29624">
        <v>0</v>
      </c>
    </row>
    <row r="29625" spans="1:4" x14ac:dyDescent="0.25">
      <c r="A29625" t="s">
        <v>44722</v>
      </c>
      <c r="B29625" t="s">
        <v>44725</v>
      </c>
      <c r="C29625">
        <v>2</v>
      </c>
      <c r="D29625">
        <v>0</v>
      </c>
    </row>
    <row r="29626" spans="1:4" x14ac:dyDescent="0.25">
      <c r="A29626" t="s">
        <v>44726</v>
      </c>
      <c r="B29626" t="s">
        <v>44727</v>
      </c>
      <c r="C29626">
        <v>1</v>
      </c>
      <c r="D29626">
        <v>0</v>
      </c>
    </row>
    <row r="29627" spans="1:4" x14ac:dyDescent="0.25">
      <c r="A29627" t="s">
        <v>44728</v>
      </c>
      <c r="B29627" t="s">
        <v>44729</v>
      </c>
      <c r="C29627">
        <v>1</v>
      </c>
      <c r="D29627">
        <v>0</v>
      </c>
    </row>
    <row r="29628" spans="1:4" x14ac:dyDescent="0.25">
      <c r="A29628" t="s">
        <v>44728</v>
      </c>
      <c r="B29628" t="s">
        <v>44730</v>
      </c>
      <c r="C29628">
        <v>1</v>
      </c>
      <c r="D29628">
        <v>0</v>
      </c>
    </row>
    <row r="29629" spans="1:4" x14ac:dyDescent="0.25">
      <c r="A29629" t="s">
        <v>44728</v>
      </c>
      <c r="B29629" t="s">
        <v>44731</v>
      </c>
      <c r="C29629">
        <v>1</v>
      </c>
      <c r="D29629">
        <v>0</v>
      </c>
    </row>
    <row r="29630" spans="1:4" x14ac:dyDescent="0.25">
      <c r="A29630" t="s">
        <v>44732</v>
      </c>
      <c r="B29630" t="s">
        <v>44733</v>
      </c>
      <c r="C29630">
        <v>2</v>
      </c>
      <c r="D29630">
        <v>0</v>
      </c>
    </row>
    <row r="29631" spans="1:4" x14ac:dyDescent="0.25">
      <c r="A29631" t="s">
        <v>44732</v>
      </c>
      <c r="B29631" t="s">
        <v>44734</v>
      </c>
      <c r="C29631">
        <v>1</v>
      </c>
      <c r="D29631">
        <v>0</v>
      </c>
    </row>
    <row r="29632" spans="1:4" x14ac:dyDescent="0.25">
      <c r="A29632" t="s">
        <v>44732</v>
      </c>
      <c r="B29632" t="s">
        <v>44735</v>
      </c>
      <c r="C29632">
        <v>2</v>
      </c>
      <c r="D29632">
        <v>0</v>
      </c>
    </row>
    <row r="29633" spans="1:4" x14ac:dyDescent="0.25">
      <c r="A29633" t="s">
        <v>44736</v>
      </c>
      <c r="B29633" t="s">
        <v>44737</v>
      </c>
      <c r="C29633">
        <v>0</v>
      </c>
      <c r="D29633">
        <v>0</v>
      </c>
    </row>
    <row r="29634" spans="1:4" x14ac:dyDescent="0.25">
      <c r="A29634" t="s">
        <v>44738</v>
      </c>
      <c r="B29634" t="s">
        <v>44739</v>
      </c>
      <c r="C29634">
        <v>1</v>
      </c>
      <c r="D29634">
        <v>0</v>
      </c>
    </row>
    <row r="29635" spans="1:4" x14ac:dyDescent="0.25">
      <c r="A29635" t="s">
        <v>44738</v>
      </c>
      <c r="B29635" t="s">
        <v>44740</v>
      </c>
      <c r="C29635">
        <v>1</v>
      </c>
      <c r="D29635">
        <v>0</v>
      </c>
    </row>
    <row r="29636" spans="1:4" x14ac:dyDescent="0.25">
      <c r="A29636" t="s">
        <v>44738</v>
      </c>
      <c r="B29636" t="s">
        <v>44741</v>
      </c>
      <c r="C29636">
        <v>1</v>
      </c>
      <c r="D29636">
        <v>0</v>
      </c>
    </row>
    <row r="29637" spans="1:4" x14ac:dyDescent="0.25">
      <c r="A29637" t="s">
        <v>44742</v>
      </c>
      <c r="B29637" t="s">
        <v>44743</v>
      </c>
      <c r="C29637">
        <v>1</v>
      </c>
      <c r="D29637">
        <v>0</v>
      </c>
    </row>
    <row r="29638" spans="1:4" x14ac:dyDescent="0.25">
      <c r="A29638" t="s">
        <v>44742</v>
      </c>
      <c r="B29638" t="s">
        <v>44744</v>
      </c>
      <c r="C29638">
        <v>2</v>
      </c>
      <c r="D29638">
        <v>0</v>
      </c>
    </row>
    <row r="29639" spans="1:4" x14ac:dyDescent="0.25">
      <c r="A29639" t="s">
        <v>44745</v>
      </c>
      <c r="B29639" t="s">
        <v>44746</v>
      </c>
      <c r="C29639">
        <v>0</v>
      </c>
      <c r="D29639">
        <v>0</v>
      </c>
    </row>
    <row r="29640" spans="1:4" x14ac:dyDescent="0.25">
      <c r="A29640" t="s">
        <v>44745</v>
      </c>
      <c r="B29640" t="s">
        <v>15704</v>
      </c>
      <c r="C29640">
        <v>2</v>
      </c>
      <c r="D29640">
        <v>0</v>
      </c>
    </row>
    <row r="29641" spans="1:4" x14ac:dyDescent="0.25">
      <c r="A29641" t="s">
        <v>44745</v>
      </c>
      <c r="B29641" t="s">
        <v>44747</v>
      </c>
      <c r="C29641">
        <v>2</v>
      </c>
      <c r="D29641">
        <v>0</v>
      </c>
    </row>
    <row r="29642" spans="1:4" x14ac:dyDescent="0.25">
      <c r="A29642" t="s">
        <v>44748</v>
      </c>
      <c r="B29642" t="s">
        <v>37016</v>
      </c>
      <c r="C29642">
        <v>1</v>
      </c>
      <c r="D29642">
        <v>0</v>
      </c>
    </row>
    <row r="29643" spans="1:4" x14ac:dyDescent="0.25">
      <c r="A29643" t="s">
        <v>44748</v>
      </c>
      <c r="B29643" t="s">
        <v>44749</v>
      </c>
      <c r="C29643">
        <v>0</v>
      </c>
      <c r="D29643">
        <v>0</v>
      </c>
    </row>
    <row r="29644" spans="1:4" x14ac:dyDescent="0.25">
      <c r="A29644" t="s">
        <v>44750</v>
      </c>
      <c r="B29644" t="s">
        <v>44751</v>
      </c>
      <c r="C29644">
        <v>0</v>
      </c>
      <c r="D29644">
        <v>0</v>
      </c>
    </row>
    <row r="29645" spans="1:4" x14ac:dyDescent="0.25">
      <c r="A29645" t="s">
        <v>44752</v>
      </c>
      <c r="B29645" t="s">
        <v>1101</v>
      </c>
      <c r="C29645">
        <v>1</v>
      </c>
      <c r="D29645">
        <v>0</v>
      </c>
    </row>
    <row r="29646" spans="1:4" x14ac:dyDescent="0.25">
      <c r="A29646" t="s">
        <v>44753</v>
      </c>
      <c r="B29646" t="s">
        <v>44754</v>
      </c>
      <c r="C29646">
        <v>1</v>
      </c>
      <c r="D29646">
        <v>0</v>
      </c>
    </row>
    <row r="29647" spans="1:4" x14ac:dyDescent="0.25">
      <c r="A29647" t="s">
        <v>44755</v>
      </c>
      <c r="B29647" t="s">
        <v>44756</v>
      </c>
      <c r="C29647">
        <v>1</v>
      </c>
      <c r="D29647">
        <v>0</v>
      </c>
    </row>
    <row r="29648" spans="1:4" x14ac:dyDescent="0.25">
      <c r="A29648" t="s">
        <v>44755</v>
      </c>
      <c r="B29648" t="s">
        <v>44757</v>
      </c>
      <c r="C29648">
        <v>0</v>
      </c>
      <c r="D29648">
        <v>0</v>
      </c>
    </row>
    <row r="29649" spans="1:4" x14ac:dyDescent="0.25">
      <c r="A29649" t="s">
        <v>44755</v>
      </c>
      <c r="B29649" t="s">
        <v>44758</v>
      </c>
      <c r="C29649">
        <v>0</v>
      </c>
      <c r="D29649">
        <v>0</v>
      </c>
    </row>
    <row r="29650" spans="1:4" x14ac:dyDescent="0.25">
      <c r="A29650" t="s">
        <v>44759</v>
      </c>
      <c r="B29650" t="s">
        <v>44760</v>
      </c>
      <c r="C29650">
        <v>1</v>
      </c>
      <c r="D29650">
        <v>0</v>
      </c>
    </row>
    <row r="29651" spans="1:4" x14ac:dyDescent="0.25">
      <c r="A29651" t="s">
        <v>44759</v>
      </c>
      <c r="B29651" t="s">
        <v>44761</v>
      </c>
      <c r="C29651">
        <v>2</v>
      </c>
      <c r="D29651">
        <v>0</v>
      </c>
    </row>
    <row r="29652" spans="1:4" x14ac:dyDescent="0.25">
      <c r="A29652" t="s">
        <v>44759</v>
      </c>
      <c r="B29652" t="s">
        <v>44762</v>
      </c>
      <c r="C29652">
        <v>2</v>
      </c>
      <c r="D29652">
        <v>0</v>
      </c>
    </row>
    <row r="29653" spans="1:4" x14ac:dyDescent="0.25">
      <c r="A29653" t="s">
        <v>44763</v>
      </c>
      <c r="B29653" t="s">
        <v>44764</v>
      </c>
      <c r="C29653">
        <v>1</v>
      </c>
      <c r="D29653">
        <v>0</v>
      </c>
    </row>
    <row r="29654" spans="1:4" x14ac:dyDescent="0.25">
      <c r="A29654" t="s">
        <v>44765</v>
      </c>
      <c r="B29654" t="s">
        <v>44766</v>
      </c>
      <c r="C29654">
        <v>0</v>
      </c>
      <c r="D29654">
        <v>0</v>
      </c>
    </row>
    <row r="29655" spans="1:4" x14ac:dyDescent="0.25">
      <c r="A29655" t="s">
        <v>44765</v>
      </c>
      <c r="B29655" t="s">
        <v>44767</v>
      </c>
      <c r="C29655">
        <v>0</v>
      </c>
      <c r="D29655">
        <v>0</v>
      </c>
    </row>
    <row r="29656" spans="1:4" x14ac:dyDescent="0.25">
      <c r="A29656" t="s">
        <v>44765</v>
      </c>
      <c r="B29656" t="s">
        <v>44768</v>
      </c>
      <c r="C29656">
        <v>0</v>
      </c>
      <c r="D29656">
        <v>0</v>
      </c>
    </row>
    <row r="29657" spans="1:4" x14ac:dyDescent="0.25">
      <c r="A29657" t="s">
        <v>44769</v>
      </c>
      <c r="B29657" t="s">
        <v>44770</v>
      </c>
      <c r="C29657">
        <v>1</v>
      </c>
      <c r="D29657">
        <v>0</v>
      </c>
    </row>
    <row r="29658" spans="1:4" x14ac:dyDescent="0.25">
      <c r="A29658" t="s">
        <v>44771</v>
      </c>
      <c r="B29658" t="s">
        <v>44772</v>
      </c>
      <c r="C29658">
        <v>2</v>
      </c>
      <c r="D29658">
        <v>0</v>
      </c>
    </row>
    <row r="29659" spans="1:4" x14ac:dyDescent="0.25">
      <c r="A29659" t="s">
        <v>44773</v>
      </c>
      <c r="B29659" t="s">
        <v>44774</v>
      </c>
      <c r="C29659">
        <v>0</v>
      </c>
      <c r="D29659">
        <v>0</v>
      </c>
    </row>
    <row r="29660" spans="1:4" x14ac:dyDescent="0.25">
      <c r="A29660" t="s">
        <v>44775</v>
      </c>
      <c r="B29660" t="s">
        <v>44776</v>
      </c>
      <c r="C29660">
        <v>0</v>
      </c>
      <c r="D29660">
        <v>0</v>
      </c>
    </row>
    <row r="29661" spans="1:4" x14ac:dyDescent="0.25">
      <c r="A29661" t="s">
        <v>44775</v>
      </c>
      <c r="B29661" t="s">
        <v>44777</v>
      </c>
      <c r="C29661">
        <v>0</v>
      </c>
      <c r="D29661">
        <v>0</v>
      </c>
    </row>
    <row r="29662" spans="1:4" x14ac:dyDescent="0.25">
      <c r="A29662" t="s">
        <v>44775</v>
      </c>
      <c r="B29662" t="s">
        <v>44778</v>
      </c>
      <c r="C29662">
        <v>0</v>
      </c>
      <c r="D29662">
        <v>0</v>
      </c>
    </row>
    <row r="29663" spans="1:4" x14ac:dyDescent="0.25">
      <c r="A29663" t="s">
        <v>44779</v>
      </c>
      <c r="B29663" t="s">
        <v>44780</v>
      </c>
      <c r="C29663">
        <v>1</v>
      </c>
      <c r="D29663">
        <v>0</v>
      </c>
    </row>
    <row r="29664" spans="1:4" x14ac:dyDescent="0.25">
      <c r="A29664" t="s">
        <v>44779</v>
      </c>
      <c r="B29664" t="s">
        <v>35153</v>
      </c>
      <c r="C29664">
        <v>0</v>
      </c>
      <c r="D29664">
        <v>0</v>
      </c>
    </row>
    <row r="29665" spans="1:4" x14ac:dyDescent="0.25">
      <c r="A29665" t="s">
        <v>44779</v>
      </c>
      <c r="B29665" t="s">
        <v>44781</v>
      </c>
      <c r="C29665">
        <v>1</v>
      </c>
      <c r="D29665">
        <v>0</v>
      </c>
    </row>
    <row r="29666" spans="1:4" x14ac:dyDescent="0.25">
      <c r="A29666" t="s">
        <v>44782</v>
      </c>
      <c r="B29666" t="s">
        <v>1887</v>
      </c>
      <c r="C29666">
        <v>0</v>
      </c>
      <c r="D29666">
        <v>0</v>
      </c>
    </row>
    <row r="29667" spans="1:4" x14ac:dyDescent="0.25">
      <c r="A29667" t="s">
        <v>44783</v>
      </c>
      <c r="B29667" t="s">
        <v>44784</v>
      </c>
      <c r="C29667">
        <v>2</v>
      </c>
      <c r="D29667">
        <v>0</v>
      </c>
    </row>
    <row r="29668" spans="1:4" x14ac:dyDescent="0.25">
      <c r="A29668" t="s">
        <v>44783</v>
      </c>
      <c r="B29668" t="s">
        <v>44785</v>
      </c>
      <c r="C29668">
        <v>1</v>
      </c>
      <c r="D29668">
        <v>0</v>
      </c>
    </row>
    <row r="29669" spans="1:4" x14ac:dyDescent="0.25">
      <c r="A29669" t="s">
        <v>44786</v>
      </c>
      <c r="B29669" t="s">
        <v>44787</v>
      </c>
      <c r="C29669">
        <v>2</v>
      </c>
      <c r="D29669">
        <v>0</v>
      </c>
    </row>
    <row r="29670" spans="1:4" x14ac:dyDescent="0.25">
      <c r="A29670" t="s">
        <v>44786</v>
      </c>
      <c r="B29670" t="s">
        <v>44788</v>
      </c>
      <c r="C29670">
        <v>0</v>
      </c>
      <c r="D29670">
        <v>0</v>
      </c>
    </row>
    <row r="29671" spans="1:4" x14ac:dyDescent="0.25">
      <c r="A29671" t="s">
        <v>44789</v>
      </c>
      <c r="B29671" t="s">
        <v>44790</v>
      </c>
      <c r="C29671">
        <v>2</v>
      </c>
      <c r="D29671">
        <v>0</v>
      </c>
    </row>
    <row r="29672" spans="1:4" x14ac:dyDescent="0.25">
      <c r="A29672" t="s">
        <v>44789</v>
      </c>
      <c r="B29672" t="s">
        <v>41442</v>
      </c>
      <c r="C29672">
        <v>0</v>
      </c>
      <c r="D29672">
        <v>0</v>
      </c>
    </row>
    <row r="29673" spans="1:4" x14ac:dyDescent="0.25">
      <c r="A29673" t="s">
        <v>44789</v>
      </c>
      <c r="B29673" t="s">
        <v>44791</v>
      </c>
      <c r="C29673">
        <v>0</v>
      </c>
      <c r="D29673">
        <v>0</v>
      </c>
    </row>
    <row r="29674" spans="1:4" x14ac:dyDescent="0.25">
      <c r="A29674" t="s">
        <v>44792</v>
      </c>
      <c r="B29674" t="s">
        <v>44793</v>
      </c>
      <c r="C29674">
        <v>1</v>
      </c>
      <c r="D29674">
        <v>0</v>
      </c>
    </row>
    <row r="29675" spans="1:4" x14ac:dyDescent="0.25">
      <c r="A29675" t="s">
        <v>44794</v>
      </c>
      <c r="B29675" t="s">
        <v>44795</v>
      </c>
      <c r="C29675">
        <v>1</v>
      </c>
      <c r="D29675">
        <v>0</v>
      </c>
    </row>
    <row r="29676" spans="1:4" x14ac:dyDescent="0.25">
      <c r="A29676" t="s">
        <v>44796</v>
      </c>
      <c r="B29676" t="s">
        <v>843</v>
      </c>
      <c r="C29676">
        <v>1</v>
      </c>
      <c r="D29676">
        <v>0</v>
      </c>
    </row>
    <row r="29677" spans="1:4" x14ac:dyDescent="0.25">
      <c r="A29677" t="s">
        <v>44797</v>
      </c>
      <c r="B29677" t="s">
        <v>5047</v>
      </c>
      <c r="C29677">
        <v>0</v>
      </c>
      <c r="D29677">
        <v>0</v>
      </c>
    </row>
    <row r="29678" spans="1:4" x14ac:dyDescent="0.25">
      <c r="A29678" t="s">
        <v>44798</v>
      </c>
      <c r="B29678" t="s">
        <v>44799</v>
      </c>
      <c r="C29678">
        <v>1</v>
      </c>
      <c r="D29678">
        <v>0</v>
      </c>
    </row>
    <row r="29679" spans="1:4" x14ac:dyDescent="0.25">
      <c r="A29679" t="s">
        <v>44800</v>
      </c>
      <c r="B29679" t="s">
        <v>44801</v>
      </c>
      <c r="C29679">
        <v>1</v>
      </c>
      <c r="D29679">
        <v>0</v>
      </c>
    </row>
    <row r="29680" spans="1:4" x14ac:dyDescent="0.25">
      <c r="A29680" t="s">
        <v>44800</v>
      </c>
      <c r="B29680" t="s">
        <v>44802</v>
      </c>
      <c r="C29680">
        <v>1</v>
      </c>
      <c r="D29680">
        <v>0</v>
      </c>
    </row>
    <row r="29681" spans="1:4" x14ac:dyDescent="0.25">
      <c r="A29681" t="s">
        <v>44800</v>
      </c>
      <c r="B29681" t="s">
        <v>44803</v>
      </c>
      <c r="C29681">
        <v>2</v>
      </c>
      <c r="D29681">
        <v>0</v>
      </c>
    </row>
    <row r="29682" spans="1:4" x14ac:dyDescent="0.25">
      <c r="A29682" t="s">
        <v>44804</v>
      </c>
      <c r="B29682" t="s">
        <v>44805</v>
      </c>
      <c r="C29682">
        <v>0</v>
      </c>
      <c r="D29682">
        <v>0</v>
      </c>
    </row>
    <row r="29683" spans="1:4" x14ac:dyDescent="0.25">
      <c r="A29683" t="s">
        <v>44806</v>
      </c>
      <c r="B29683" t="s">
        <v>44807</v>
      </c>
      <c r="C29683">
        <v>1</v>
      </c>
      <c r="D29683">
        <v>0</v>
      </c>
    </row>
    <row r="29684" spans="1:4" x14ac:dyDescent="0.25">
      <c r="A29684" t="s">
        <v>44808</v>
      </c>
      <c r="B29684" t="s">
        <v>44809</v>
      </c>
      <c r="C29684">
        <v>2</v>
      </c>
      <c r="D29684">
        <v>0</v>
      </c>
    </row>
    <row r="29685" spans="1:4" x14ac:dyDescent="0.25">
      <c r="A29685" t="s">
        <v>44808</v>
      </c>
      <c r="B29685" t="s">
        <v>44810</v>
      </c>
      <c r="C29685">
        <v>2</v>
      </c>
      <c r="D29685">
        <v>0</v>
      </c>
    </row>
    <row r="29686" spans="1:4" x14ac:dyDescent="0.25">
      <c r="A29686" t="s">
        <v>44808</v>
      </c>
      <c r="B29686" t="s">
        <v>44811</v>
      </c>
      <c r="C29686">
        <v>1</v>
      </c>
      <c r="D29686">
        <v>0</v>
      </c>
    </row>
    <row r="29687" spans="1:4" x14ac:dyDescent="0.25">
      <c r="A29687" t="s">
        <v>44812</v>
      </c>
      <c r="B29687" t="s">
        <v>44813</v>
      </c>
      <c r="C29687">
        <v>2</v>
      </c>
      <c r="D29687">
        <v>0</v>
      </c>
    </row>
    <row r="29688" spans="1:4" x14ac:dyDescent="0.25">
      <c r="A29688" t="s">
        <v>44812</v>
      </c>
      <c r="B29688" t="s">
        <v>44814</v>
      </c>
      <c r="C29688">
        <v>2</v>
      </c>
      <c r="D29688">
        <v>0</v>
      </c>
    </row>
    <row r="29689" spans="1:4" x14ac:dyDescent="0.25">
      <c r="A29689" t="s">
        <v>44812</v>
      </c>
      <c r="B29689" t="s">
        <v>44815</v>
      </c>
      <c r="C29689">
        <v>2</v>
      </c>
      <c r="D29689">
        <v>0</v>
      </c>
    </row>
    <row r="29690" spans="1:4" x14ac:dyDescent="0.25">
      <c r="A29690" t="s">
        <v>44816</v>
      </c>
      <c r="B29690" t="s">
        <v>44817</v>
      </c>
      <c r="C29690">
        <v>1</v>
      </c>
      <c r="D29690">
        <v>0</v>
      </c>
    </row>
    <row r="29691" spans="1:4" x14ac:dyDescent="0.25">
      <c r="A29691" t="s">
        <v>44818</v>
      </c>
      <c r="B29691" t="s">
        <v>44819</v>
      </c>
      <c r="C29691">
        <v>0</v>
      </c>
      <c r="D29691">
        <v>0</v>
      </c>
    </row>
    <row r="29692" spans="1:4" x14ac:dyDescent="0.25">
      <c r="A29692" t="s">
        <v>44818</v>
      </c>
      <c r="B29692" t="s">
        <v>44820</v>
      </c>
      <c r="C29692">
        <v>0</v>
      </c>
      <c r="D29692">
        <v>0</v>
      </c>
    </row>
    <row r="29693" spans="1:4" x14ac:dyDescent="0.25">
      <c r="A29693" t="s">
        <v>44821</v>
      </c>
      <c r="B29693" t="s">
        <v>44822</v>
      </c>
      <c r="C29693">
        <v>1</v>
      </c>
      <c r="D29693">
        <v>0</v>
      </c>
    </row>
    <row r="29694" spans="1:4" x14ac:dyDescent="0.25">
      <c r="A29694" t="s">
        <v>44823</v>
      </c>
      <c r="B29694" t="s">
        <v>44824</v>
      </c>
      <c r="C29694">
        <v>1</v>
      </c>
      <c r="D29694">
        <v>0</v>
      </c>
    </row>
    <row r="29695" spans="1:4" x14ac:dyDescent="0.25">
      <c r="A29695" t="s">
        <v>44825</v>
      </c>
      <c r="B29695" t="s">
        <v>44826</v>
      </c>
      <c r="C29695">
        <v>1</v>
      </c>
      <c r="D29695">
        <v>0</v>
      </c>
    </row>
    <row r="29696" spans="1:4" x14ac:dyDescent="0.25">
      <c r="A29696" t="s">
        <v>44827</v>
      </c>
      <c r="B29696" t="s">
        <v>44828</v>
      </c>
      <c r="C29696">
        <v>0</v>
      </c>
      <c r="D29696">
        <v>0</v>
      </c>
    </row>
    <row r="29697" spans="1:4" x14ac:dyDescent="0.25">
      <c r="A29697" t="s">
        <v>44829</v>
      </c>
      <c r="B29697" t="s">
        <v>1101</v>
      </c>
      <c r="C29697">
        <v>1</v>
      </c>
      <c r="D29697">
        <v>0</v>
      </c>
    </row>
    <row r="29698" spans="1:4" x14ac:dyDescent="0.25">
      <c r="A29698" t="s">
        <v>44830</v>
      </c>
      <c r="B29698" t="s">
        <v>44831</v>
      </c>
      <c r="C29698">
        <v>0</v>
      </c>
      <c r="D29698">
        <v>0</v>
      </c>
    </row>
    <row r="29699" spans="1:4" x14ac:dyDescent="0.25">
      <c r="A29699" t="s">
        <v>44830</v>
      </c>
      <c r="B29699" t="s">
        <v>44832</v>
      </c>
      <c r="C29699">
        <v>2</v>
      </c>
      <c r="D29699">
        <v>0</v>
      </c>
    </row>
    <row r="29700" spans="1:4" x14ac:dyDescent="0.25">
      <c r="A29700" t="s">
        <v>44830</v>
      </c>
      <c r="B29700" t="s">
        <v>44833</v>
      </c>
      <c r="C29700">
        <v>2</v>
      </c>
      <c r="D29700">
        <v>0</v>
      </c>
    </row>
    <row r="29701" spans="1:4" x14ac:dyDescent="0.25">
      <c r="A29701" t="s">
        <v>44834</v>
      </c>
      <c r="B29701" t="s">
        <v>44835</v>
      </c>
      <c r="C29701">
        <v>1</v>
      </c>
      <c r="D29701">
        <v>0</v>
      </c>
    </row>
    <row r="29702" spans="1:4" x14ac:dyDescent="0.25">
      <c r="A29702" t="s">
        <v>44836</v>
      </c>
      <c r="B29702" t="s">
        <v>44837</v>
      </c>
      <c r="C29702">
        <v>1</v>
      </c>
      <c r="D29702">
        <v>0</v>
      </c>
    </row>
    <row r="29703" spans="1:4" x14ac:dyDescent="0.25">
      <c r="A29703" t="s">
        <v>44838</v>
      </c>
      <c r="B29703" t="s">
        <v>44839</v>
      </c>
      <c r="C29703">
        <v>0</v>
      </c>
      <c r="D29703">
        <v>0</v>
      </c>
    </row>
    <row r="29704" spans="1:4" x14ac:dyDescent="0.25">
      <c r="A29704" t="s">
        <v>44838</v>
      </c>
      <c r="B29704" t="s">
        <v>44840</v>
      </c>
      <c r="C29704">
        <v>0</v>
      </c>
      <c r="D29704">
        <v>0</v>
      </c>
    </row>
    <row r="29705" spans="1:4" x14ac:dyDescent="0.25">
      <c r="A29705" t="s">
        <v>44838</v>
      </c>
      <c r="B29705" t="s">
        <v>44841</v>
      </c>
      <c r="C29705">
        <v>1</v>
      </c>
      <c r="D29705">
        <v>0</v>
      </c>
    </row>
    <row r="29706" spans="1:4" x14ac:dyDescent="0.25">
      <c r="A29706" t="s">
        <v>44842</v>
      </c>
      <c r="B29706" t="s">
        <v>44843</v>
      </c>
      <c r="C29706">
        <v>1</v>
      </c>
      <c r="D29706">
        <v>0</v>
      </c>
    </row>
    <row r="29707" spans="1:4" x14ac:dyDescent="0.25">
      <c r="A29707" t="s">
        <v>44842</v>
      </c>
      <c r="B29707" t="s">
        <v>44844</v>
      </c>
      <c r="C29707">
        <v>1</v>
      </c>
      <c r="D29707">
        <v>0</v>
      </c>
    </row>
    <row r="29708" spans="1:4" x14ac:dyDescent="0.25">
      <c r="A29708" t="s">
        <v>44842</v>
      </c>
      <c r="B29708" t="s">
        <v>44845</v>
      </c>
      <c r="C29708">
        <v>1</v>
      </c>
      <c r="D29708">
        <v>0</v>
      </c>
    </row>
    <row r="29709" spans="1:4" x14ac:dyDescent="0.25">
      <c r="A29709" t="s">
        <v>44846</v>
      </c>
      <c r="B29709" t="s">
        <v>44847</v>
      </c>
      <c r="C29709">
        <v>1</v>
      </c>
      <c r="D29709">
        <v>0</v>
      </c>
    </row>
    <row r="29710" spans="1:4" x14ac:dyDescent="0.25">
      <c r="A29710" t="s">
        <v>44848</v>
      </c>
      <c r="B29710" t="s">
        <v>44849</v>
      </c>
      <c r="C29710">
        <v>0</v>
      </c>
      <c r="D29710">
        <v>0</v>
      </c>
    </row>
    <row r="29711" spans="1:4" x14ac:dyDescent="0.25">
      <c r="A29711" t="s">
        <v>44848</v>
      </c>
      <c r="B29711" t="s">
        <v>44850</v>
      </c>
      <c r="C29711">
        <v>0</v>
      </c>
      <c r="D29711">
        <v>0</v>
      </c>
    </row>
    <row r="29712" spans="1:4" x14ac:dyDescent="0.25">
      <c r="A29712" t="s">
        <v>44851</v>
      </c>
      <c r="B29712" t="s">
        <v>44852</v>
      </c>
      <c r="C29712">
        <v>0</v>
      </c>
      <c r="D29712">
        <v>0</v>
      </c>
    </row>
    <row r="29713" spans="1:4" x14ac:dyDescent="0.25">
      <c r="A29713" t="s">
        <v>44853</v>
      </c>
      <c r="B29713" t="s">
        <v>44854</v>
      </c>
      <c r="C29713">
        <v>0</v>
      </c>
      <c r="D29713">
        <v>0</v>
      </c>
    </row>
    <row r="29714" spans="1:4" x14ac:dyDescent="0.25">
      <c r="A29714" t="s">
        <v>44853</v>
      </c>
      <c r="B29714" t="s">
        <v>44855</v>
      </c>
      <c r="C29714">
        <v>0</v>
      </c>
      <c r="D29714">
        <v>0</v>
      </c>
    </row>
    <row r="29715" spans="1:4" x14ac:dyDescent="0.25">
      <c r="A29715" t="s">
        <v>44856</v>
      </c>
      <c r="B29715" t="s">
        <v>44857</v>
      </c>
      <c r="C29715">
        <v>2</v>
      </c>
      <c r="D29715">
        <v>0</v>
      </c>
    </row>
    <row r="29716" spans="1:4" x14ac:dyDescent="0.25">
      <c r="A29716" t="s">
        <v>44856</v>
      </c>
      <c r="B29716" t="s">
        <v>44858</v>
      </c>
      <c r="C29716">
        <v>0</v>
      </c>
      <c r="D29716">
        <v>0</v>
      </c>
    </row>
    <row r="29717" spans="1:4" x14ac:dyDescent="0.25">
      <c r="A29717" t="s">
        <v>44859</v>
      </c>
      <c r="B29717" t="s">
        <v>44860</v>
      </c>
      <c r="C29717">
        <v>0</v>
      </c>
      <c r="D29717">
        <v>0</v>
      </c>
    </row>
    <row r="29718" spans="1:4" x14ac:dyDescent="0.25">
      <c r="A29718" t="s">
        <v>44859</v>
      </c>
      <c r="B29718" t="s">
        <v>44861</v>
      </c>
      <c r="C29718">
        <v>0</v>
      </c>
      <c r="D29718">
        <v>0</v>
      </c>
    </row>
    <row r="29719" spans="1:4" x14ac:dyDescent="0.25">
      <c r="A29719" t="s">
        <v>44859</v>
      </c>
      <c r="B29719" t="s">
        <v>44862</v>
      </c>
      <c r="C29719">
        <v>1</v>
      </c>
      <c r="D29719">
        <v>0</v>
      </c>
    </row>
    <row r="29720" spans="1:4" x14ac:dyDescent="0.25">
      <c r="A29720" t="s">
        <v>44863</v>
      </c>
      <c r="B29720" t="s">
        <v>969</v>
      </c>
      <c r="C29720">
        <v>0</v>
      </c>
      <c r="D29720">
        <v>0</v>
      </c>
    </row>
    <row r="29721" spans="1:4" x14ac:dyDescent="0.25">
      <c r="A29721" t="s">
        <v>44863</v>
      </c>
      <c r="B29721" t="s">
        <v>968</v>
      </c>
      <c r="C29721">
        <v>1</v>
      </c>
      <c r="D29721">
        <v>0</v>
      </c>
    </row>
    <row r="29722" spans="1:4" x14ac:dyDescent="0.25">
      <c r="A29722" t="s">
        <v>44864</v>
      </c>
      <c r="B29722" t="s">
        <v>44865</v>
      </c>
      <c r="C29722">
        <v>1</v>
      </c>
      <c r="D29722">
        <v>0</v>
      </c>
    </row>
    <row r="29723" spans="1:4" x14ac:dyDescent="0.25">
      <c r="A29723" t="s">
        <v>44866</v>
      </c>
      <c r="B29723" t="s">
        <v>4729</v>
      </c>
      <c r="C29723">
        <v>1</v>
      </c>
      <c r="D29723">
        <v>0</v>
      </c>
    </row>
    <row r="29724" spans="1:4" x14ac:dyDescent="0.25">
      <c r="A29724" t="s">
        <v>44866</v>
      </c>
      <c r="B29724" t="s">
        <v>44867</v>
      </c>
      <c r="C29724">
        <v>1</v>
      </c>
      <c r="D29724">
        <v>0</v>
      </c>
    </row>
    <row r="29725" spans="1:4" x14ac:dyDescent="0.25">
      <c r="A29725" t="s">
        <v>44868</v>
      </c>
      <c r="B29725" t="s">
        <v>44869</v>
      </c>
      <c r="C29725">
        <v>1</v>
      </c>
      <c r="D29725">
        <v>0</v>
      </c>
    </row>
    <row r="29726" spans="1:4" x14ac:dyDescent="0.25">
      <c r="A29726" t="s">
        <v>44870</v>
      </c>
      <c r="B29726" t="s">
        <v>44871</v>
      </c>
      <c r="C29726">
        <v>2</v>
      </c>
      <c r="D29726">
        <v>0</v>
      </c>
    </row>
    <row r="29727" spans="1:4" x14ac:dyDescent="0.25">
      <c r="A29727" t="s">
        <v>44870</v>
      </c>
      <c r="B29727" t="s">
        <v>44872</v>
      </c>
      <c r="C29727">
        <v>1</v>
      </c>
      <c r="D29727">
        <v>0</v>
      </c>
    </row>
    <row r="29728" spans="1:4" x14ac:dyDescent="0.25">
      <c r="A29728" t="s">
        <v>44873</v>
      </c>
      <c r="B29728" t="s">
        <v>44874</v>
      </c>
      <c r="C29728">
        <v>0</v>
      </c>
      <c r="D29728">
        <v>0</v>
      </c>
    </row>
    <row r="29729" spans="1:4" x14ac:dyDescent="0.25">
      <c r="A29729" t="s">
        <v>44875</v>
      </c>
      <c r="B29729" t="s">
        <v>44876</v>
      </c>
      <c r="C29729">
        <v>0</v>
      </c>
      <c r="D29729">
        <v>0</v>
      </c>
    </row>
    <row r="29730" spans="1:4" x14ac:dyDescent="0.25">
      <c r="A29730" t="s">
        <v>44877</v>
      </c>
      <c r="B29730" t="s">
        <v>44878</v>
      </c>
      <c r="C29730">
        <v>1</v>
      </c>
      <c r="D29730">
        <v>0</v>
      </c>
    </row>
    <row r="29731" spans="1:4" x14ac:dyDescent="0.25">
      <c r="A29731" t="s">
        <v>44879</v>
      </c>
      <c r="B29731" t="s">
        <v>44880</v>
      </c>
      <c r="C29731">
        <v>0</v>
      </c>
      <c r="D29731">
        <v>0</v>
      </c>
    </row>
    <row r="29732" spans="1:4" x14ac:dyDescent="0.25">
      <c r="A29732" t="s">
        <v>44881</v>
      </c>
      <c r="B29732" t="s">
        <v>398</v>
      </c>
      <c r="C29732">
        <v>0</v>
      </c>
      <c r="D29732">
        <v>0</v>
      </c>
    </row>
    <row r="29733" spans="1:4" x14ac:dyDescent="0.25">
      <c r="A29733" t="s">
        <v>44881</v>
      </c>
      <c r="B29733" t="s">
        <v>843</v>
      </c>
      <c r="C29733">
        <v>1</v>
      </c>
      <c r="D29733">
        <v>0</v>
      </c>
    </row>
    <row r="29734" spans="1:4" x14ac:dyDescent="0.25">
      <c r="A29734" t="s">
        <v>44882</v>
      </c>
      <c r="B29734" t="s">
        <v>1001</v>
      </c>
      <c r="C29734">
        <v>1</v>
      </c>
      <c r="D29734">
        <v>0</v>
      </c>
    </row>
    <row r="29735" spans="1:4" x14ac:dyDescent="0.25">
      <c r="A29735" t="s">
        <v>44883</v>
      </c>
      <c r="B29735" t="s">
        <v>44884</v>
      </c>
      <c r="C29735">
        <v>0</v>
      </c>
      <c r="D29735">
        <v>0</v>
      </c>
    </row>
    <row r="29736" spans="1:4" x14ac:dyDescent="0.25">
      <c r="A29736" t="s">
        <v>44883</v>
      </c>
      <c r="B29736" t="s">
        <v>44885</v>
      </c>
      <c r="C29736">
        <v>0</v>
      </c>
      <c r="D29736">
        <v>0</v>
      </c>
    </row>
    <row r="29737" spans="1:4" x14ac:dyDescent="0.25">
      <c r="A29737" t="s">
        <v>44883</v>
      </c>
      <c r="B29737" t="s">
        <v>44886</v>
      </c>
      <c r="C29737">
        <v>0</v>
      </c>
      <c r="D29737">
        <v>0</v>
      </c>
    </row>
    <row r="29738" spans="1:4" x14ac:dyDescent="0.25">
      <c r="A29738" t="s">
        <v>44887</v>
      </c>
      <c r="B29738" t="s">
        <v>44888</v>
      </c>
      <c r="C29738">
        <v>1</v>
      </c>
      <c r="D29738">
        <v>0</v>
      </c>
    </row>
    <row r="29739" spans="1:4" x14ac:dyDescent="0.25">
      <c r="A29739" t="s">
        <v>44887</v>
      </c>
      <c r="B29739" t="s">
        <v>44889</v>
      </c>
      <c r="C29739">
        <v>1</v>
      </c>
      <c r="D29739">
        <v>0</v>
      </c>
    </row>
    <row r="29740" spans="1:4" x14ac:dyDescent="0.25">
      <c r="A29740" t="s">
        <v>44890</v>
      </c>
      <c r="B29740" t="s">
        <v>44891</v>
      </c>
      <c r="C29740">
        <v>1</v>
      </c>
      <c r="D29740">
        <v>0</v>
      </c>
    </row>
    <row r="29741" spans="1:4" x14ac:dyDescent="0.25">
      <c r="A29741" t="s">
        <v>44890</v>
      </c>
      <c r="B29741" t="s">
        <v>44892</v>
      </c>
      <c r="C29741">
        <v>1</v>
      </c>
      <c r="D29741">
        <v>0</v>
      </c>
    </row>
    <row r="29742" spans="1:4" x14ac:dyDescent="0.25">
      <c r="A29742" t="s">
        <v>44890</v>
      </c>
      <c r="B29742" t="s">
        <v>44893</v>
      </c>
      <c r="C29742">
        <v>2</v>
      </c>
      <c r="D29742">
        <v>0</v>
      </c>
    </row>
    <row r="29743" spans="1:4" x14ac:dyDescent="0.25">
      <c r="A29743" t="s">
        <v>44894</v>
      </c>
      <c r="B29743" t="s">
        <v>1001</v>
      </c>
      <c r="C29743">
        <v>1</v>
      </c>
      <c r="D29743">
        <v>0</v>
      </c>
    </row>
    <row r="29744" spans="1:4" x14ac:dyDescent="0.25">
      <c r="A29744" t="s">
        <v>44895</v>
      </c>
      <c r="B29744" t="s">
        <v>44896</v>
      </c>
      <c r="C29744">
        <v>1</v>
      </c>
      <c r="D29744">
        <v>0</v>
      </c>
    </row>
    <row r="29745" spans="1:4" x14ac:dyDescent="0.25">
      <c r="A29745" t="s">
        <v>44897</v>
      </c>
      <c r="B29745" t="s">
        <v>1294</v>
      </c>
      <c r="C29745">
        <v>1</v>
      </c>
      <c r="D29745">
        <v>0</v>
      </c>
    </row>
    <row r="29746" spans="1:4" x14ac:dyDescent="0.25">
      <c r="A29746" t="s">
        <v>44897</v>
      </c>
      <c r="B29746" t="s">
        <v>969</v>
      </c>
      <c r="C29746">
        <v>0</v>
      </c>
      <c r="D29746">
        <v>0</v>
      </c>
    </row>
    <row r="29747" spans="1:4" x14ac:dyDescent="0.25">
      <c r="A29747" t="s">
        <v>44898</v>
      </c>
      <c r="B29747" t="s">
        <v>44899</v>
      </c>
      <c r="C29747">
        <v>1</v>
      </c>
      <c r="D29747">
        <v>0</v>
      </c>
    </row>
    <row r="29748" spans="1:4" x14ac:dyDescent="0.25">
      <c r="A29748" t="s">
        <v>44898</v>
      </c>
      <c r="B29748" t="s">
        <v>44900</v>
      </c>
      <c r="C29748">
        <v>1</v>
      </c>
      <c r="D29748">
        <v>0</v>
      </c>
    </row>
    <row r="29749" spans="1:4" x14ac:dyDescent="0.25">
      <c r="A29749" t="s">
        <v>44901</v>
      </c>
      <c r="B29749" t="s">
        <v>44902</v>
      </c>
      <c r="C29749">
        <v>1</v>
      </c>
      <c r="D29749">
        <v>0</v>
      </c>
    </row>
    <row r="29750" spans="1:4" x14ac:dyDescent="0.25">
      <c r="A29750" t="s">
        <v>44903</v>
      </c>
      <c r="B29750" t="s">
        <v>44904</v>
      </c>
      <c r="C29750">
        <v>2</v>
      </c>
      <c r="D29750">
        <v>0</v>
      </c>
    </row>
    <row r="29751" spans="1:4" x14ac:dyDescent="0.25">
      <c r="A29751" t="s">
        <v>44903</v>
      </c>
      <c r="B29751" t="s">
        <v>44905</v>
      </c>
      <c r="C29751">
        <v>2</v>
      </c>
      <c r="D29751">
        <v>0</v>
      </c>
    </row>
    <row r="29752" spans="1:4" x14ac:dyDescent="0.25">
      <c r="A29752" t="s">
        <v>44906</v>
      </c>
      <c r="B29752" t="s">
        <v>44907</v>
      </c>
      <c r="C29752">
        <v>2</v>
      </c>
      <c r="D29752">
        <v>0</v>
      </c>
    </row>
    <row r="29753" spans="1:4" x14ac:dyDescent="0.25">
      <c r="A29753" t="s">
        <v>44908</v>
      </c>
      <c r="B29753" t="s">
        <v>1001</v>
      </c>
      <c r="C29753">
        <v>1</v>
      </c>
      <c r="D29753">
        <v>0</v>
      </c>
    </row>
    <row r="29754" spans="1:4" x14ac:dyDescent="0.25">
      <c r="A29754" t="s">
        <v>44909</v>
      </c>
      <c r="B29754" t="s">
        <v>44910</v>
      </c>
      <c r="C29754">
        <v>1</v>
      </c>
      <c r="D29754">
        <v>0</v>
      </c>
    </row>
    <row r="29755" spans="1:4" x14ac:dyDescent="0.25">
      <c r="A29755" t="s">
        <v>44909</v>
      </c>
      <c r="B29755" t="s">
        <v>44911</v>
      </c>
      <c r="C29755">
        <v>1</v>
      </c>
      <c r="D29755">
        <v>0</v>
      </c>
    </row>
    <row r="29756" spans="1:4" x14ac:dyDescent="0.25">
      <c r="A29756" t="s">
        <v>44909</v>
      </c>
      <c r="B29756" t="s">
        <v>44912</v>
      </c>
      <c r="C29756">
        <v>1</v>
      </c>
      <c r="D29756">
        <v>0</v>
      </c>
    </row>
    <row r="29757" spans="1:4" x14ac:dyDescent="0.25">
      <c r="A29757" t="s">
        <v>44913</v>
      </c>
      <c r="B29757" t="s">
        <v>44914</v>
      </c>
      <c r="C29757">
        <v>0</v>
      </c>
      <c r="D29757">
        <v>0</v>
      </c>
    </row>
    <row r="29758" spans="1:4" x14ac:dyDescent="0.25">
      <c r="A29758" t="s">
        <v>44913</v>
      </c>
      <c r="B29758" t="s">
        <v>44915</v>
      </c>
      <c r="C29758">
        <v>0</v>
      </c>
      <c r="D29758">
        <v>0</v>
      </c>
    </row>
    <row r="29759" spans="1:4" x14ac:dyDescent="0.25">
      <c r="A29759" t="s">
        <v>44913</v>
      </c>
      <c r="B29759" t="s">
        <v>44916</v>
      </c>
      <c r="C29759">
        <v>0</v>
      </c>
      <c r="D29759">
        <v>0</v>
      </c>
    </row>
    <row r="29760" spans="1:4" x14ac:dyDescent="0.25">
      <c r="A29760" t="s">
        <v>44917</v>
      </c>
      <c r="B29760" t="s">
        <v>44918</v>
      </c>
      <c r="C29760">
        <v>2</v>
      </c>
      <c r="D29760">
        <v>0</v>
      </c>
    </row>
    <row r="29761" spans="1:4" x14ac:dyDescent="0.25">
      <c r="A29761" t="s">
        <v>44917</v>
      </c>
      <c r="B29761" t="s">
        <v>44919</v>
      </c>
      <c r="C29761">
        <v>2</v>
      </c>
      <c r="D29761">
        <v>0</v>
      </c>
    </row>
    <row r="29762" spans="1:4" x14ac:dyDescent="0.25">
      <c r="A29762" t="s">
        <v>44920</v>
      </c>
      <c r="B29762" t="s">
        <v>44921</v>
      </c>
      <c r="C29762">
        <v>1</v>
      </c>
      <c r="D29762">
        <v>0</v>
      </c>
    </row>
    <row r="29763" spans="1:4" x14ac:dyDescent="0.25">
      <c r="A29763" t="s">
        <v>44922</v>
      </c>
      <c r="B29763" t="s">
        <v>44923</v>
      </c>
      <c r="C29763">
        <v>1</v>
      </c>
      <c r="D29763">
        <v>0</v>
      </c>
    </row>
    <row r="29764" spans="1:4" x14ac:dyDescent="0.25">
      <c r="A29764" t="s">
        <v>44922</v>
      </c>
      <c r="B29764" t="s">
        <v>44924</v>
      </c>
      <c r="C29764">
        <v>1</v>
      </c>
      <c r="D29764">
        <v>0</v>
      </c>
    </row>
    <row r="29765" spans="1:4" x14ac:dyDescent="0.25">
      <c r="A29765" t="s">
        <v>44925</v>
      </c>
      <c r="B29765" t="s">
        <v>44926</v>
      </c>
      <c r="C29765">
        <v>2</v>
      </c>
      <c r="D29765">
        <v>0</v>
      </c>
    </row>
    <row r="29766" spans="1:4" x14ac:dyDescent="0.25">
      <c r="A29766" t="s">
        <v>44925</v>
      </c>
      <c r="B29766" t="s">
        <v>44927</v>
      </c>
      <c r="C29766">
        <v>0</v>
      </c>
      <c r="D29766">
        <v>0</v>
      </c>
    </row>
    <row r="29767" spans="1:4" x14ac:dyDescent="0.25">
      <c r="A29767" t="s">
        <v>44925</v>
      </c>
      <c r="B29767" t="s">
        <v>44928</v>
      </c>
      <c r="C29767">
        <v>2</v>
      </c>
      <c r="D29767">
        <v>0</v>
      </c>
    </row>
    <row r="29768" spans="1:4" x14ac:dyDescent="0.25">
      <c r="A29768" t="s">
        <v>44929</v>
      </c>
      <c r="B29768" t="s">
        <v>11948</v>
      </c>
      <c r="C29768">
        <v>0</v>
      </c>
      <c r="D29768">
        <v>0</v>
      </c>
    </row>
    <row r="29769" spans="1:4" x14ac:dyDescent="0.25">
      <c r="A29769" t="s">
        <v>44929</v>
      </c>
      <c r="B29769" t="s">
        <v>5864</v>
      </c>
      <c r="C29769">
        <v>1</v>
      </c>
      <c r="D29769">
        <v>0</v>
      </c>
    </row>
    <row r="29770" spans="1:4" x14ac:dyDescent="0.25">
      <c r="A29770" t="s">
        <v>44930</v>
      </c>
      <c r="B29770" t="s">
        <v>44931</v>
      </c>
      <c r="C29770">
        <v>1</v>
      </c>
      <c r="D29770">
        <v>0</v>
      </c>
    </row>
    <row r="29771" spans="1:4" x14ac:dyDescent="0.25">
      <c r="A29771" t="s">
        <v>44930</v>
      </c>
      <c r="B29771" t="s">
        <v>44932</v>
      </c>
      <c r="C29771">
        <v>1</v>
      </c>
      <c r="D29771">
        <v>0</v>
      </c>
    </row>
    <row r="29772" spans="1:4" x14ac:dyDescent="0.25">
      <c r="A29772" t="s">
        <v>44933</v>
      </c>
      <c r="B29772" t="s">
        <v>44934</v>
      </c>
      <c r="C29772">
        <v>1</v>
      </c>
      <c r="D29772">
        <v>0</v>
      </c>
    </row>
    <row r="29773" spans="1:4" x14ac:dyDescent="0.25">
      <c r="A29773" t="s">
        <v>44935</v>
      </c>
      <c r="B29773" t="s">
        <v>44936</v>
      </c>
      <c r="C29773">
        <v>1</v>
      </c>
      <c r="D29773">
        <v>0</v>
      </c>
    </row>
    <row r="29774" spans="1:4" x14ac:dyDescent="0.25">
      <c r="A29774" t="s">
        <v>44935</v>
      </c>
      <c r="B29774" t="s">
        <v>44937</v>
      </c>
      <c r="C29774">
        <v>1</v>
      </c>
      <c r="D29774">
        <v>0</v>
      </c>
    </row>
    <row r="29775" spans="1:4" x14ac:dyDescent="0.25">
      <c r="A29775" t="s">
        <v>44935</v>
      </c>
      <c r="B29775" t="s">
        <v>44938</v>
      </c>
      <c r="C29775">
        <v>1</v>
      </c>
      <c r="D29775">
        <v>0</v>
      </c>
    </row>
    <row r="29776" spans="1:4" x14ac:dyDescent="0.25">
      <c r="A29776" t="s">
        <v>44939</v>
      </c>
      <c r="B29776" t="s">
        <v>44940</v>
      </c>
      <c r="C29776">
        <v>1</v>
      </c>
      <c r="D29776">
        <v>0</v>
      </c>
    </row>
    <row r="29777" spans="1:4" x14ac:dyDescent="0.25">
      <c r="A29777" t="s">
        <v>44941</v>
      </c>
      <c r="B29777" t="s">
        <v>968</v>
      </c>
      <c r="C29777">
        <v>1</v>
      </c>
      <c r="D29777">
        <v>0</v>
      </c>
    </row>
    <row r="29778" spans="1:4" x14ac:dyDescent="0.25">
      <c r="A29778" t="s">
        <v>44942</v>
      </c>
      <c r="B29778" t="s">
        <v>44943</v>
      </c>
      <c r="C29778">
        <v>0</v>
      </c>
      <c r="D29778">
        <v>0</v>
      </c>
    </row>
    <row r="29779" spans="1:4" x14ac:dyDescent="0.25">
      <c r="A29779" t="s">
        <v>44944</v>
      </c>
      <c r="B29779" t="s">
        <v>44945</v>
      </c>
      <c r="C29779">
        <v>1</v>
      </c>
      <c r="D29779">
        <v>0</v>
      </c>
    </row>
    <row r="29780" spans="1:4" x14ac:dyDescent="0.25">
      <c r="A29780" t="s">
        <v>44944</v>
      </c>
      <c r="B29780" t="s">
        <v>44946</v>
      </c>
      <c r="C29780">
        <v>2</v>
      </c>
      <c r="D29780">
        <v>0</v>
      </c>
    </row>
    <row r="29781" spans="1:4" x14ac:dyDescent="0.25">
      <c r="A29781" t="s">
        <v>44944</v>
      </c>
      <c r="B29781" t="s">
        <v>44947</v>
      </c>
      <c r="C29781">
        <v>2</v>
      </c>
      <c r="D29781">
        <v>0</v>
      </c>
    </row>
    <row r="29782" spans="1:4" x14ac:dyDescent="0.25">
      <c r="A29782" t="s">
        <v>44948</v>
      </c>
      <c r="B29782" t="s">
        <v>44949</v>
      </c>
      <c r="C29782">
        <v>1</v>
      </c>
      <c r="D29782">
        <v>0</v>
      </c>
    </row>
    <row r="29783" spans="1:4" x14ac:dyDescent="0.25">
      <c r="A29783" t="s">
        <v>44948</v>
      </c>
      <c r="B29783" t="s">
        <v>44950</v>
      </c>
      <c r="C29783">
        <v>0</v>
      </c>
      <c r="D29783">
        <v>0</v>
      </c>
    </row>
    <row r="29784" spans="1:4" x14ac:dyDescent="0.25">
      <c r="A29784" t="s">
        <v>44948</v>
      </c>
      <c r="B29784" t="s">
        <v>44951</v>
      </c>
      <c r="C29784">
        <v>1</v>
      </c>
      <c r="D29784">
        <v>0</v>
      </c>
    </row>
    <row r="29785" spans="1:4" x14ac:dyDescent="0.25">
      <c r="A29785" t="s">
        <v>44952</v>
      </c>
      <c r="B29785" t="s">
        <v>44953</v>
      </c>
      <c r="C29785">
        <v>0</v>
      </c>
      <c r="D29785">
        <v>0</v>
      </c>
    </row>
    <row r="29786" spans="1:4" x14ac:dyDescent="0.25">
      <c r="A29786" t="s">
        <v>44952</v>
      </c>
      <c r="B29786" t="s">
        <v>44954</v>
      </c>
      <c r="C29786">
        <v>0</v>
      </c>
      <c r="D29786">
        <v>0</v>
      </c>
    </row>
    <row r="29787" spans="1:4" x14ac:dyDescent="0.25">
      <c r="A29787" t="s">
        <v>44952</v>
      </c>
      <c r="B29787" t="s">
        <v>44955</v>
      </c>
      <c r="C29787">
        <v>0</v>
      </c>
      <c r="D29787">
        <v>0</v>
      </c>
    </row>
    <row r="29788" spans="1:4" x14ac:dyDescent="0.25">
      <c r="A29788" t="s">
        <v>44956</v>
      </c>
      <c r="B29788" t="s">
        <v>968</v>
      </c>
      <c r="C29788">
        <v>1</v>
      </c>
      <c r="D29788">
        <v>0</v>
      </c>
    </row>
    <row r="29789" spans="1:4" x14ac:dyDescent="0.25">
      <c r="A29789" t="s">
        <v>44957</v>
      </c>
      <c r="B29789" t="s">
        <v>44958</v>
      </c>
      <c r="C29789">
        <v>0</v>
      </c>
      <c r="D29789">
        <v>0</v>
      </c>
    </row>
    <row r="29790" spans="1:4" x14ac:dyDescent="0.25">
      <c r="A29790" t="s">
        <v>44957</v>
      </c>
      <c r="B29790" t="s">
        <v>44959</v>
      </c>
      <c r="C29790">
        <v>1</v>
      </c>
      <c r="D29790">
        <v>0</v>
      </c>
    </row>
    <row r="29791" spans="1:4" x14ac:dyDescent="0.25">
      <c r="A29791" t="s">
        <v>44957</v>
      </c>
      <c r="B29791" t="s">
        <v>44960</v>
      </c>
      <c r="C29791">
        <v>0</v>
      </c>
      <c r="D29791">
        <v>0</v>
      </c>
    </row>
    <row r="29792" spans="1:4" x14ac:dyDescent="0.25">
      <c r="A29792" t="s">
        <v>44961</v>
      </c>
      <c r="B29792" t="s">
        <v>44962</v>
      </c>
      <c r="C29792">
        <v>2</v>
      </c>
      <c r="D29792">
        <v>0</v>
      </c>
    </row>
    <row r="29793" spans="1:4" x14ac:dyDescent="0.25">
      <c r="A29793" t="s">
        <v>44961</v>
      </c>
      <c r="B29793" t="s">
        <v>44963</v>
      </c>
      <c r="C29793">
        <v>1</v>
      </c>
      <c r="D29793">
        <v>0</v>
      </c>
    </row>
    <row r="29794" spans="1:4" x14ac:dyDescent="0.25">
      <c r="A29794" t="s">
        <v>44961</v>
      </c>
      <c r="B29794" t="s">
        <v>44964</v>
      </c>
      <c r="C29794">
        <v>2</v>
      </c>
      <c r="D29794">
        <v>0</v>
      </c>
    </row>
    <row r="29795" spans="1:4" x14ac:dyDescent="0.25">
      <c r="A29795" t="s">
        <v>44965</v>
      </c>
      <c r="B29795" t="s">
        <v>398</v>
      </c>
      <c r="C29795">
        <v>0</v>
      </c>
      <c r="D29795">
        <v>0</v>
      </c>
    </row>
    <row r="29796" spans="1:4" x14ac:dyDescent="0.25">
      <c r="A29796" t="s">
        <v>44966</v>
      </c>
      <c r="B29796" t="s">
        <v>44967</v>
      </c>
      <c r="C29796">
        <v>2</v>
      </c>
      <c r="D29796">
        <v>0</v>
      </c>
    </row>
    <row r="29797" spans="1:4" x14ac:dyDescent="0.25">
      <c r="A29797" t="s">
        <v>44966</v>
      </c>
      <c r="B29797" t="s">
        <v>44968</v>
      </c>
      <c r="C29797">
        <v>0</v>
      </c>
      <c r="D29797">
        <v>0</v>
      </c>
    </row>
    <row r="29798" spans="1:4" x14ac:dyDescent="0.25">
      <c r="A29798" t="s">
        <v>44969</v>
      </c>
      <c r="B29798" t="s">
        <v>44970</v>
      </c>
      <c r="C29798">
        <v>0</v>
      </c>
      <c r="D29798">
        <v>0</v>
      </c>
    </row>
    <row r="29799" spans="1:4" x14ac:dyDescent="0.25">
      <c r="A29799" t="s">
        <v>44969</v>
      </c>
      <c r="B29799" t="s">
        <v>44971</v>
      </c>
      <c r="C29799">
        <v>2</v>
      </c>
      <c r="D29799">
        <v>0</v>
      </c>
    </row>
    <row r="29800" spans="1:4" x14ac:dyDescent="0.25">
      <c r="A29800" t="s">
        <v>44972</v>
      </c>
      <c r="B29800" t="s">
        <v>44973</v>
      </c>
      <c r="C29800">
        <v>1</v>
      </c>
      <c r="D29800">
        <v>0</v>
      </c>
    </row>
    <row r="29801" spans="1:4" x14ac:dyDescent="0.25">
      <c r="A29801" t="s">
        <v>44972</v>
      </c>
      <c r="B29801" t="s">
        <v>44974</v>
      </c>
      <c r="C29801">
        <v>1</v>
      </c>
      <c r="D29801">
        <v>0</v>
      </c>
    </row>
    <row r="29802" spans="1:4" x14ac:dyDescent="0.25">
      <c r="A29802" t="s">
        <v>44975</v>
      </c>
      <c r="B29802" t="s">
        <v>44976</v>
      </c>
      <c r="C29802">
        <v>1</v>
      </c>
      <c r="D29802">
        <v>0</v>
      </c>
    </row>
    <row r="29803" spans="1:4" x14ac:dyDescent="0.25">
      <c r="A29803" t="s">
        <v>44975</v>
      </c>
      <c r="B29803" t="s">
        <v>44977</v>
      </c>
      <c r="C29803">
        <v>2</v>
      </c>
      <c r="D29803">
        <v>0</v>
      </c>
    </row>
    <row r="29804" spans="1:4" x14ac:dyDescent="0.25">
      <c r="A29804" t="s">
        <v>44978</v>
      </c>
      <c r="B29804" t="s">
        <v>44979</v>
      </c>
      <c r="C29804">
        <v>0</v>
      </c>
      <c r="D29804">
        <v>0</v>
      </c>
    </row>
    <row r="29805" spans="1:4" x14ac:dyDescent="0.25">
      <c r="A29805" t="s">
        <v>44978</v>
      </c>
      <c r="B29805" t="s">
        <v>44980</v>
      </c>
      <c r="C29805">
        <v>2</v>
      </c>
      <c r="D29805">
        <v>0</v>
      </c>
    </row>
    <row r="29806" spans="1:4" x14ac:dyDescent="0.25">
      <c r="A29806" t="s">
        <v>44978</v>
      </c>
      <c r="B29806" t="s">
        <v>44981</v>
      </c>
      <c r="C29806">
        <v>1</v>
      </c>
      <c r="D29806">
        <v>0</v>
      </c>
    </row>
    <row r="29807" spans="1:4" x14ac:dyDescent="0.25">
      <c r="A29807" t="s">
        <v>44982</v>
      </c>
      <c r="B29807" t="s">
        <v>44983</v>
      </c>
      <c r="C29807">
        <v>2</v>
      </c>
      <c r="D29807">
        <v>0</v>
      </c>
    </row>
    <row r="29808" spans="1:4" x14ac:dyDescent="0.25">
      <c r="A29808" t="s">
        <v>44982</v>
      </c>
      <c r="B29808" t="s">
        <v>44984</v>
      </c>
      <c r="C29808">
        <v>2</v>
      </c>
      <c r="D29808">
        <v>0</v>
      </c>
    </row>
    <row r="29809" spans="1:4" x14ac:dyDescent="0.25">
      <c r="A29809" t="s">
        <v>44985</v>
      </c>
      <c r="B29809" t="s">
        <v>44986</v>
      </c>
      <c r="C29809">
        <v>1</v>
      </c>
      <c r="D29809">
        <v>0</v>
      </c>
    </row>
    <row r="29810" spans="1:4" x14ac:dyDescent="0.25">
      <c r="A29810" t="s">
        <v>44985</v>
      </c>
      <c r="B29810" t="s">
        <v>37431</v>
      </c>
      <c r="C29810">
        <v>1</v>
      </c>
      <c r="D29810">
        <v>0</v>
      </c>
    </row>
    <row r="29811" spans="1:4" x14ac:dyDescent="0.25">
      <c r="A29811" t="s">
        <v>44987</v>
      </c>
      <c r="B29811" t="s">
        <v>14279</v>
      </c>
      <c r="C29811">
        <v>1</v>
      </c>
      <c r="D29811">
        <v>0</v>
      </c>
    </row>
    <row r="29812" spans="1:4" x14ac:dyDescent="0.25">
      <c r="A29812" t="s">
        <v>44987</v>
      </c>
      <c r="B29812" t="s">
        <v>44988</v>
      </c>
      <c r="C29812">
        <v>2</v>
      </c>
      <c r="D29812">
        <v>0</v>
      </c>
    </row>
    <row r="29813" spans="1:4" x14ac:dyDescent="0.25">
      <c r="A29813" t="s">
        <v>44987</v>
      </c>
      <c r="B29813" t="s">
        <v>44989</v>
      </c>
      <c r="C29813">
        <v>2</v>
      </c>
      <c r="D29813">
        <v>0</v>
      </c>
    </row>
    <row r="29814" spans="1:4" x14ac:dyDescent="0.25">
      <c r="A29814" t="s">
        <v>44990</v>
      </c>
      <c r="B29814" t="s">
        <v>44991</v>
      </c>
      <c r="C29814">
        <v>1</v>
      </c>
      <c r="D29814">
        <v>0</v>
      </c>
    </row>
    <row r="29815" spans="1:4" x14ac:dyDescent="0.25">
      <c r="A29815" t="s">
        <v>44990</v>
      </c>
      <c r="B29815" t="s">
        <v>44992</v>
      </c>
      <c r="C29815">
        <v>2</v>
      </c>
      <c r="D29815">
        <v>0</v>
      </c>
    </row>
    <row r="29816" spans="1:4" x14ac:dyDescent="0.25">
      <c r="A29816" t="s">
        <v>44990</v>
      </c>
      <c r="B29816" t="s">
        <v>44993</v>
      </c>
      <c r="C29816">
        <v>0</v>
      </c>
      <c r="D29816">
        <v>0</v>
      </c>
    </row>
    <row r="29817" spans="1:4" x14ac:dyDescent="0.25">
      <c r="A29817" t="s">
        <v>44994</v>
      </c>
      <c r="B29817" t="s">
        <v>44995</v>
      </c>
      <c r="C29817">
        <v>0</v>
      </c>
      <c r="D29817">
        <v>0</v>
      </c>
    </row>
    <row r="29818" spans="1:4" x14ac:dyDescent="0.25">
      <c r="A29818" t="s">
        <v>44994</v>
      </c>
      <c r="B29818" t="s">
        <v>33996</v>
      </c>
      <c r="C29818">
        <v>1</v>
      </c>
      <c r="D29818">
        <v>0</v>
      </c>
    </row>
    <row r="29819" spans="1:4" x14ac:dyDescent="0.25">
      <c r="A29819" t="s">
        <v>44994</v>
      </c>
      <c r="B29819" t="s">
        <v>44996</v>
      </c>
      <c r="C29819">
        <v>2</v>
      </c>
      <c r="D29819">
        <v>0</v>
      </c>
    </row>
    <row r="29820" spans="1:4" x14ac:dyDescent="0.25">
      <c r="A29820" t="s">
        <v>44997</v>
      </c>
      <c r="B29820" t="s">
        <v>44998</v>
      </c>
      <c r="C29820">
        <v>0</v>
      </c>
      <c r="D29820">
        <v>0</v>
      </c>
    </row>
    <row r="29821" spans="1:4" x14ac:dyDescent="0.25">
      <c r="A29821" t="s">
        <v>44997</v>
      </c>
      <c r="B29821" t="s">
        <v>44999</v>
      </c>
      <c r="C29821">
        <v>1</v>
      </c>
      <c r="D29821">
        <v>0</v>
      </c>
    </row>
    <row r="29822" spans="1:4" x14ac:dyDescent="0.25">
      <c r="A29822" t="s">
        <v>44997</v>
      </c>
      <c r="B29822" t="s">
        <v>45000</v>
      </c>
      <c r="C29822">
        <v>1</v>
      </c>
      <c r="D29822">
        <v>0</v>
      </c>
    </row>
    <row r="29823" spans="1:4" x14ac:dyDescent="0.25">
      <c r="A29823" t="s">
        <v>45001</v>
      </c>
      <c r="B29823" t="s">
        <v>45002</v>
      </c>
      <c r="C29823">
        <v>0</v>
      </c>
      <c r="D29823">
        <v>0</v>
      </c>
    </row>
    <row r="29824" spans="1:4" x14ac:dyDescent="0.25">
      <c r="A29824" t="s">
        <v>45003</v>
      </c>
      <c r="B29824" t="s">
        <v>45004</v>
      </c>
      <c r="C29824">
        <v>1</v>
      </c>
      <c r="D29824">
        <v>0</v>
      </c>
    </row>
    <row r="29825" spans="1:4" x14ac:dyDescent="0.25">
      <c r="A29825" t="s">
        <v>45005</v>
      </c>
      <c r="B29825" t="s">
        <v>45006</v>
      </c>
      <c r="C29825">
        <v>1</v>
      </c>
      <c r="D29825">
        <v>0</v>
      </c>
    </row>
    <row r="29826" spans="1:4" x14ac:dyDescent="0.25">
      <c r="A29826" t="s">
        <v>45007</v>
      </c>
      <c r="B29826" t="s">
        <v>45008</v>
      </c>
      <c r="C29826">
        <v>1</v>
      </c>
      <c r="D29826">
        <v>0</v>
      </c>
    </row>
    <row r="29827" spans="1:4" x14ac:dyDescent="0.25">
      <c r="A29827" t="s">
        <v>45007</v>
      </c>
      <c r="B29827" t="s">
        <v>45009</v>
      </c>
      <c r="C29827">
        <v>2</v>
      </c>
      <c r="D29827">
        <v>0</v>
      </c>
    </row>
    <row r="29828" spans="1:4" x14ac:dyDescent="0.25">
      <c r="A29828" t="s">
        <v>45007</v>
      </c>
      <c r="B29828" t="s">
        <v>45010</v>
      </c>
      <c r="C29828">
        <v>0</v>
      </c>
      <c r="D29828">
        <v>0</v>
      </c>
    </row>
    <row r="29829" spans="1:4" x14ac:dyDescent="0.25">
      <c r="A29829" t="s">
        <v>45011</v>
      </c>
      <c r="B29829" t="s">
        <v>45012</v>
      </c>
      <c r="C29829">
        <v>1</v>
      </c>
      <c r="D29829">
        <v>0</v>
      </c>
    </row>
    <row r="29830" spans="1:4" x14ac:dyDescent="0.25">
      <c r="A29830" t="s">
        <v>45011</v>
      </c>
      <c r="B29830" t="s">
        <v>45013</v>
      </c>
      <c r="C29830">
        <v>1</v>
      </c>
      <c r="D29830">
        <v>0</v>
      </c>
    </row>
    <row r="29831" spans="1:4" x14ac:dyDescent="0.25">
      <c r="A29831" t="s">
        <v>45011</v>
      </c>
      <c r="B29831" t="s">
        <v>45014</v>
      </c>
      <c r="C29831">
        <v>0</v>
      </c>
      <c r="D29831">
        <v>0</v>
      </c>
    </row>
    <row r="29832" spans="1:4" x14ac:dyDescent="0.25">
      <c r="A29832" t="s">
        <v>45015</v>
      </c>
      <c r="B29832" t="s">
        <v>45016</v>
      </c>
      <c r="C29832">
        <v>0</v>
      </c>
      <c r="D29832">
        <v>0</v>
      </c>
    </row>
    <row r="29833" spans="1:4" x14ac:dyDescent="0.25">
      <c r="A29833" t="s">
        <v>45017</v>
      </c>
      <c r="B29833" t="s">
        <v>45018</v>
      </c>
      <c r="C29833">
        <v>1</v>
      </c>
      <c r="D29833">
        <v>0</v>
      </c>
    </row>
    <row r="29834" spans="1:4" x14ac:dyDescent="0.25">
      <c r="A29834" t="s">
        <v>45017</v>
      </c>
      <c r="B29834" t="s">
        <v>45019</v>
      </c>
      <c r="C29834">
        <v>1</v>
      </c>
      <c r="D29834">
        <v>0</v>
      </c>
    </row>
    <row r="29835" spans="1:4" x14ac:dyDescent="0.25">
      <c r="A29835" t="s">
        <v>45020</v>
      </c>
      <c r="B29835" t="s">
        <v>45021</v>
      </c>
      <c r="C29835">
        <v>1</v>
      </c>
      <c r="D29835">
        <v>0</v>
      </c>
    </row>
    <row r="29836" spans="1:4" x14ac:dyDescent="0.25">
      <c r="A29836" t="s">
        <v>45020</v>
      </c>
      <c r="B29836" t="s">
        <v>45022</v>
      </c>
      <c r="C29836">
        <v>0</v>
      </c>
      <c r="D29836">
        <v>0</v>
      </c>
    </row>
    <row r="29837" spans="1:4" x14ac:dyDescent="0.25">
      <c r="A29837" t="s">
        <v>45023</v>
      </c>
      <c r="B29837" t="s">
        <v>2267</v>
      </c>
      <c r="C29837">
        <v>0</v>
      </c>
      <c r="D29837">
        <v>0</v>
      </c>
    </row>
    <row r="29838" spans="1:4" x14ac:dyDescent="0.25">
      <c r="A29838" t="s">
        <v>45024</v>
      </c>
      <c r="B29838" t="s">
        <v>45025</v>
      </c>
      <c r="C29838">
        <v>1</v>
      </c>
      <c r="D29838">
        <v>0</v>
      </c>
    </row>
    <row r="29839" spans="1:4" x14ac:dyDescent="0.25">
      <c r="A29839" t="s">
        <v>45024</v>
      </c>
      <c r="B29839" t="s">
        <v>45026</v>
      </c>
      <c r="C29839">
        <v>0</v>
      </c>
      <c r="D29839">
        <v>0</v>
      </c>
    </row>
    <row r="29840" spans="1:4" x14ac:dyDescent="0.25">
      <c r="A29840" t="s">
        <v>45027</v>
      </c>
      <c r="B29840" t="s">
        <v>45028</v>
      </c>
      <c r="C29840">
        <v>2</v>
      </c>
      <c r="D29840">
        <v>0</v>
      </c>
    </row>
    <row r="29841" spans="1:4" x14ac:dyDescent="0.25">
      <c r="A29841" t="s">
        <v>45029</v>
      </c>
      <c r="B29841" t="s">
        <v>45030</v>
      </c>
      <c r="C29841">
        <v>2</v>
      </c>
      <c r="D29841">
        <v>0</v>
      </c>
    </row>
    <row r="29842" spans="1:4" x14ac:dyDescent="0.25">
      <c r="A29842" t="s">
        <v>45031</v>
      </c>
      <c r="B29842" t="s">
        <v>16173</v>
      </c>
      <c r="C29842">
        <v>1</v>
      </c>
      <c r="D29842">
        <v>0</v>
      </c>
    </row>
    <row r="29843" spans="1:4" x14ac:dyDescent="0.25">
      <c r="A29843" t="s">
        <v>45032</v>
      </c>
      <c r="B29843" t="s">
        <v>852</v>
      </c>
      <c r="C29843">
        <v>0</v>
      </c>
      <c r="D29843">
        <v>0</v>
      </c>
    </row>
    <row r="29844" spans="1:4" x14ac:dyDescent="0.25">
      <c r="A29844" t="s">
        <v>45033</v>
      </c>
      <c r="B29844" t="s">
        <v>45034</v>
      </c>
      <c r="C29844">
        <v>2</v>
      </c>
      <c r="D29844">
        <v>0</v>
      </c>
    </row>
    <row r="29845" spans="1:4" x14ac:dyDescent="0.25">
      <c r="A29845" t="s">
        <v>45033</v>
      </c>
      <c r="B29845" t="s">
        <v>45035</v>
      </c>
      <c r="C29845">
        <v>2</v>
      </c>
      <c r="D29845">
        <v>0</v>
      </c>
    </row>
    <row r="29846" spans="1:4" x14ac:dyDescent="0.25">
      <c r="A29846" t="s">
        <v>45036</v>
      </c>
      <c r="B29846" t="s">
        <v>45037</v>
      </c>
      <c r="C29846">
        <v>1</v>
      </c>
      <c r="D29846">
        <v>0</v>
      </c>
    </row>
    <row r="29847" spans="1:4" x14ac:dyDescent="0.25">
      <c r="A29847" t="s">
        <v>45036</v>
      </c>
      <c r="B29847" t="s">
        <v>45038</v>
      </c>
      <c r="C29847">
        <v>1</v>
      </c>
      <c r="D29847">
        <v>0</v>
      </c>
    </row>
    <row r="29848" spans="1:4" x14ac:dyDescent="0.25">
      <c r="A29848" t="s">
        <v>45039</v>
      </c>
      <c r="B29848" t="s">
        <v>968</v>
      </c>
      <c r="C29848">
        <v>1</v>
      </c>
      <c r="D29848">
        <v>0</v>
      </c>
    </row>
    <row r="29849" spans="1:4" x14ac:dyDescent="0.25">
      <c r="A29849" t="s">
        <v>45040</v>
      </c>
      <c r="B29849" t="s">
        <v>45041</v>
      </c>
      <c r="C29849">
        <v>0</v>
      </c>
      <c r="D29849">
        <v>0</v>
      </c>
    </row>
    <row r="29850" spans="1:4" x14ac:dyDescent="0.25">
      <c r="A29850" t="s">
        <v>45040</v>
      </c>
      <c r="B29850" t="s">
        <v>45042</v>
      </c>
      <c r="C29850">
        <v>1</v>
      </c>
      <c r="D29850">
        <v>0</v>
      </c>
    </row>
    <row r="29851" spans="1:4" x14ac:dyDescent="0.25">
      <c r="A29851" t="s">
        <v>45040</v>
      </c>
      <c r="B29851" t="s">
        <v>45043</v>
      </c>
      <c r="C29851">
        <v>0</v>
      </c>
      <c r="D29851">
        <v>0</v>
      </c>
    </row>
    <row r="29852" spans="1:4" x14ac:dyDescent="0.25">
      <c r="A29852" t="s">
        <v>45044</v>
      </c>
      <c r="B29852" t="s">
        <v>45045</v>
      </c>
      <c r="C29852">
        <v>2</v>
      </c>
      <c r="D29852">
        <v>0</v>
      </c>
    </row>
    <row r="29853" spans="1:4" x14ac:dyDescent="0.25">
      <c r="A29853" t="s">
        <v>45044</v>
      </c>
      <c r="B29853" t="s">
        <v>45046</v>
      </c>
      <c r="C29853">
        <v>0</v>
      </c>
      <c r="D29853">
        <v>0</v>
      </c>
    </row>
    <row r="29854" spans="1:4" x14ac:dyDescent="0.25">
      <c r="A29854" t="s">
        <v>45047</v>
      </c>
      <c r="B29854" t="s">
        <v>45048</v>
      </c>
      <c r="C29854">
        <v>1</v>
      </c>
      <c r="D29854">
        <v>0</v>
      </c>
    </row>
    <row r="29855" spans="1:4" x14ac:dyDescent="0.25">
      <c r="A29855" t="s">
        <v>45047</v>
      </c>
      <c r="B29855" t="s">
        <v>45049</v>
      </c>
      <c r="C29855">
        <v>2</v>
      </c>
      <c r="D29855">
        <v>0</v>
      </c>
    </row>
    <row r="29856" spans="1:4" x14ac:dyDescent="0.25">
      <c r="A29856" t="s">
        <v>45050</v>
      </c>
      <c r="B29856" t="s">
        <v>1938</v>
      </c>
      <c r="C29856">
        <v>0</v>
      </c>
      <c r="D29856">
        <v>0</v>
      </c>
    </row>
    <row r="29857" spans="1:4" x14ac:dyDescent="0.25">
      <c r="A29857" t="s">
        <v>45051</v>
      </c>
      <c r="B29857" t="s">
        <v>45052</v>
      </c>
      <c r="C29857">
        <v>2</v>
      </c>
      <c r="D29857">
        <v>0</v>
      </c>
    </row>
    <row r="29858" spans="1:4" x14ac:dyDescent="0.25">
      <c r="A29858" t="s">
        <v>45051</v>
      </c>
      <c r="B29858" t="s">
        <v>45053</v>
      </c>
      <c r="C29858">
        <v>1</v>
      </c>
      <c r="D29858">
        <v>0</v>
      </c>
    </row>
    <row r="29859" spans="1:4" x14ac:dyDescent="0.25">
      <c r="A29859" t="s">
        <v>45051</v>
      </c>
      <c r="B29859" t="s">
        <v>45054</v>
      </c>
      <c r="C29859">
        <v>2</v>
      </c>
      <c r="D29859">
        <v>0</v>
      </c>
    </row>
    <row r="29860" spans="1:4" x14ac:dyDescent="0.25">
      <c r="A29860" t="s">
        <v>45055</v>
      </c>
      <c r="B29860" t="s">
        <v>11948</v>
      </c>
      <c r="C29860">
        <v>0</v>
      </c>
      <c r="D29860">
        <v>0</v>
      </c>
    </row>
    <row r="29861" spans="1:4" x14ac:dyDescent="0.25">
      <c r="A29861" t="s">
        <v>45056</v>
      </c>
      <c r="B29861" t="s">
        <v>45057</v>
      </c>
      <c r="C29861">
        <v>2</v>
      </c>
      <c r="D29861">
        <v>0</v>
      </c>
    </row>
    <row r="29862" spans="1:4" x14ac:dyDescent="0.25">
      <c r="A29862" t="s">
        <v>45056</v>
      </c>
      <c r="B29862" t="s">
        <v>45058</v>
      </c>
      <c r="C29862">
        <v>2</v>
      </c>
      <c r="D29862">
        <v>0</v>
      </c>
    </row>
    <row r="29863" spans="1:4" x14ac:dyDescent="0.25">
      <c r="A29863" t="s">
        <v>45056</v>
      </c>
      <c r="B29863" t="s">
        <v>45059</v>
      </c>
      <c r="C29863">
        <v>2</v>
      </c>
      <c r="D29863">
        <v>0</v>
      </c>
    </row>
    <row r="29864" spans="1:4" x14ac:dyDescent="0.25">
      <c r="A29864" t="s">
        <v>45060</v>
      </c>
      <c r="B29864" t="s">
        <v>45061</v>
      </c>
      <c r="C29864">
        <v>1</v>
      </c>
      <c r="D29864">
        <v>0</v>
      </c>
    </row>
    <row r="29865" spans="1:4" x14ac:dyDescent="0.25">
      <c r="A29865" t="s">
        <v>45060</v>
      </c>
      <c r="B29865" t="s">
        <v>45062</v>
      </c>
      <c r="C29865">
        <v>1</v>
      </c>
      <c r="D29865">
        <v>0</v>
      </c>
    </row>
    <row r="29866" spans="1:4" x14ac:dyDescent="0.25">
      <c r="A29866" t="s">
        <v>45060</v>
      </c>
      <c r="B29866" t="s">
        <v>45063</v>
      </c>
      <c r="C29866">
        <v>1</v>
      </c>
      <c r="D29866">
        <v>0</v>
      </c>
    </row>
    <row r="29867" spans="1:4" x14ac:dyDescent="0.25">
      <c r="A29867" t="s">
        <v>45064</v>
      </c>
      <c r="B29867" t="s">
        <v>45065</v>
      </c>
      <c r="C29867">
        <v>0</v>
      </c>
      <c r="D29867">
        <v>0</v>
      </c>
    </row>
    <row r="29868" spans="1:4" x14ac:dyDescent="0.25">
      <c r="A29868" t="s">
        <v>45064</v>
      </c>
      <c r="B29868" t="s">
        <v>45066</v>
      </c>
      <c r="C29868">
        <v>2</v>
      </c>
      <c r="D29868">
        <v>0</v>
      </c>
    </row>
    <row r="29869" spans="1:4" x14ac:dyDescent="0.25">
      <c r="A29869" t="s">
        <v>45067</v>
      </c>
      <c r="B29869" t="s">
        <v>45068</v>
      </c>
      <c r="C29869">
        <v>1</v>
      </c>
      <c r="D29869">
        <v>0</v>
      </c>
    </row>
    <row r="29870" spans="1:4" x14ac:dyDescent="0.25">
      <c r="A29870" t="s">
        <v>45067</v>
      </c>
      <c r="B29870" t="s">
        <v>45069</v>
      </c>
      <c r="C29870">
        <v>1</v>
      </c>
      <c r="D29870">
        <v>0</v>
      </c>
    </row>
    <row r="29871" spans="1:4" x14ac:dyDescent="0.25">
      <c r="A29871" t="s">
        <v>45070</v>
      </c>
      <c r="B29871" t="s">
        <v>45071</v>
      </c>
      <c r="C29871">
        <v>1</v>
      </c>
      <c r="D29871">
        <v>0</v>
      </c>
    </row>
    <row r="29872" spans="1:4" x14ac:dyDescent="0.25">
      <c r="A29872" t="s">
        <v>45070</v>
      </c>
      <c r="B29872" t="s">
        <v>45072</v>
      </c>
      <c r="C29872">
        <v>0</v>
      </c>
      <c r="D29872">
        <v>0</v>
      </c>
    </row>
    <row r="29873" spans="1:4" x14ac:dyDescent="0.25">
      <c r="A29873" t="s">
        <v>45070</v>
      </c>
      <c r="B29873" t="s">
        <v>45073</v>
      </c>
      <c r="C29873">
        <v>1</v>
      </c>
      <c r="D29873">
        <v>0</v>
      </c>
    </row>
    <row r="29874" spans="1:4" x14ac:dyDescent="0.25">
      <c r="A29874" t="s">
        <v>45074</v>
      </c>
      <c r="B29874" t="s">
        <v>45075</v>
      </c>
      <c r="C29874">
        <v>1</v>
      </c>
      <c r="D29874">
        <v>0</v>
      </c>
    </row>
    <row r="29875" spans="1:4" x14ac:dyDescent="0.25">
      <c r="A29875" t="s">
        <v>45074</v>
      </c>
      <c r="B29875" t="s">
        <v>45076</v>
      </c>
      <c r="C29875">
        <v>2</v>
      </c>
      <c r="D29875">
        <v>0</v>
      </c>
    </row>
    <row r="29876" spans="1:4" x14ac:dyDescent="0.25">
      <c r="A29876" t="s">
        <v>45077</v>
      </c>
      <c r="B29876" t="s">
        <v>45078</v>
      </c>
      <c r="C29876">
        <v>2</v>
      </c>
      <c r="D29876">
        <v>0</v>
      </c>
    </row>
    <row r="29877" spans="1:4" x14ac:dyDescent="0.25">
      <c r="A29877" t="s">
        <v>45079</v>
      </c>
      <c r="B29877" t="s">
        <v>45080</v>
      </c>
      <c r="C29877">
        <v>0</v>
      </c>
      <c r="D29877">
        <v>0</v>
      </c>
    </row>
    <row r="29878" spans="1:4" x14ac:dyDescent="0.25">
      <c r="A29878" t="s">
        <v>45081</v>
      </c>
      <c r="B29878" t="s">
        <v>1526</v>
      </c>
      <c r="C29878">
        <v>1</v>
      </c>
      <c r="D29878">
        <v>0</v>
      </c>
    </row>
    <row r="29879" spans="1:4" x14ac:dyDescent="0.25">
      <c r="A29879" t="s">
        <v>45082</v>
      </c>
      <c r="B29879" t="s">
        <v>1938</v>
      </c>
      <c r="C29879">
        <v>1</v>
      </c>
      <c r="D29879">
        <v>0</v>
      </c>
    </row>
    <row r="29880" spans="1:4" x14ac:dyDescent="0.25">
      <c r="A29880" t="s">
        <v>45083</v>
      </c>
      <c r="B29880" t="s">
        <v>41777</v>
      </c>
      <c r="C29880">
        <v>1</v>
      </c>
      <c r="D29880">
        <v>0</v>
      </c>
    </row>
    <row r="29881" spans="1:4" x14ac:dyDescent="0.25">
      <c r="A29881" t="s">
        <v>45083</v>
      </c>
      <c r="B29881" t="s">
        <v>45084</v>
      </c>
      <c r="C29881">
        <v>1</v>
      </c>
      <c r="D29881">
        <v>0</v>
      </c>
    </row>
    <row r="29882" spans="1:4" x14ac:dyDescent="0.25">
      <c r="A29882" t="s">
        <v>45083</v>
      </c>
      <c r="B29882" t="s">
        <v>45085</v>
      </c>
      <c r="C29882">
        <v>1</v>
      </c>
      <c r="D29882">
        <v>0</v>
      </c>
    </row>
    <row r="29883" spans="1:4" x14ac:dyDescent="0.25">
      <c r="A29883" t="s">
        <v>45086</v>
      </c>
      <c r="B29883" t="s">
        <v>45087</v>
      </c>
      <c r="C29883">
        <v>0</v>
      </c>
      <c r="D29883">
        <v>0</v>
      </c>
    </row>
    <row r="29884" spans="1:4" x14ac:dyDescent="0.25">
      <c r="A29884" t="s">
        <v>45086</v>
      </c>
      <c r="B29884" t="s">
        <v>45088</v>
      </c>
      <c r="C29884">
        <v>1</v>
      </c>
      <c r="D29884">
        <v>0</v>
      </c>
    </row>
    <row r="29885" spans="1:4" x14ac:dyDescent="0.25">
      <c r="A29885" t="s">
        <v>45089</v>
      </c>
      <c r="B29885" t="s">
        <v>4637</v>
      </c>
      <c r="C29885">
        <v>1</v>
      </c>
      <c r="D29885">
        <v>0</v>
      </c>
    </row>
    <row r="29886" spans="1:4" x14ac:dyDescent="0.25">
      <c r="A29886" t="s">
        <v>45090</v>
      </c>
      <c r="B29886" t="s">
        <v>45091</v>
      </c>
      <c r="C29886">
        <v>0</v>
      </c>
      <c r="D29886">
        <v>0</v>
      </c>
    </row>
    <row r="29887" spans="1:4" x14ac:dyDescent="0.25">
      <c r="A29887" t="s">
        <v>45092</v>
      </c>
      <c r="B29887" t="s">
        <v>45093</v>
      </c>
      <c r="C29887">
        <v>1</v>
      </c>
      <c r="D29887">
        <v>0</v>
      </c>
    </row>
    <row r="29888" spans="1:4" x14ac:dyDescent="0.25">
      <c r="A29888" t="s">
        <v>45092</v>
      </c>
      <c r="B29888" t="s">
        <v>45094</v>
      </c>
      <c r="C29888">
        <v>0</v>
      </c>
      <c r="D29888">
        <v>0</v>
      </c>
    </row>
    <row r="29889" spans="1:4" x14ac:dyDescent="0.25">
      <c r="A29889" t="s">
        <v>45095</v>
      </c>
      <c r="B29889" t="s">
        <v>45096</v>
      </c>
      <c r="C29889">
        <v>1</v>
      </c>
      <c r="D29889">
        <v>0</v>
      </c>
    </row>
    <row r="29890" spans="1:4" x14ac:dyDescent="0.25">
      <c r="A29890" t="s">
        <v>45095</v>
      </c>
      <c r="B29890" t="s">
        <v>45097</v>
      </c>
      <c r="C29890">
        <v>0</v>
      </c>
      <c r="D29890">
        <v>0</v>
      </c>
    </row>
    <row r="29891" spans="1:4" x14ac:dyDescent="0.25">
      <c r="A29891" t="s">
        <v>45098</v>
      </c>
      <c r="B29891" t="s">
        <v>45099</v>
      </c>
      <c r="C29891">
        <v>0</v>
      </c>
      <c r="D29891">
        <v>0</v>
      </c>
    </row>
    <row r="29892" spans="1:4" x14ac:dyDescent="0.25">
      <c r="A29892" t="s">
        <v>45098</v>
      </c>
      <c r="B29892" t="s">
        <v>45100</v>
      </c>
      <c r="C29892">
        <v>1</v>
      </c>
      <c r="D29892">
        <v>0</v>
      </c>
    </row>
    <row r="29893" spans="1:4" x14ac:dyDescent="0.25">
      <c r="A29893" t="s">
        <v>45101</v>
      </c>
      <c r="B29893" t="s">
        <v>45102</v>
      </c>
      <c r="C29893">
        <v>0</v>
      </c>
      <c r="D29893">
        <v>0</v>
      </c>
    </row>
    <row r="29894" spans="1:4" x14ac:dyDescent="0.25">
      <c r="A29894" t="s">
        <v>45101</v>
      </c>
      <c r="B29894" t="s">
        <v>45103</v>
      </c>
      <c r="C29894">
        <v>2</v>
      </c>
      <c r="D29894">
        <v>0</v>
      </c>
    </row>
    <row r="29895" spans="1:4" x14ac:dyDescent="0.25">
      <c r="A29895" t="s">
        <v>45101</v>
      </c>
      <c r="B29895" t="s">
        <v>45104</v>
      </c>
      <c r="C29895">
        <v>2</v>
      </c>
      <c r="D29895">
        <v>0</v>
      </c>
    </row>
    <row r="29896" spans="1:4" x14ac:dyDescent="0.25">
      <c r="A29896" t="s">
        <v>45105</v>
      </c>
      <c r="B29896" t="s">
        <v>45106</v>
      </c>
      <c r="C29896">
        <v>2</v>
      </c>
      <c r="D29896">
        <v>0</v>
      </c>
    </row>
    <row r="29897" spans="1:4" x14ac:dyDescent="0.25">
      <c r="A29897" t="s">
        <v>45105</v>
      </c>
      <c r="B29897" t="s">
        <v>45107</v>
      </c>
      <c r="C29897">
        <v>0</v>
      </c>
      <c r="D29897">
        <v>0</v>
      </c>
    </row>
    <row r="29898" spans="1:4" x14ac:dyDescent="0.25">
      <c r="A29898" t="s">
        <v>45105</v>
      </c>
      <c r="B29898" t="s">
        <v>45108</v>
      </c>
      <c r="C29898">
        <v>1</v>
      </c>
      <c r="D29898">
        <v>0</v>
      </c>
    </row>
    <row r="29899" spans="1:4" x14ac:dyDescent="0.25">
      <c r="A29899" t="s">
        <v>45109</v>
      </c>
      <c r="B29899" t="s">
        <v>42578</v>
      </c>
      <c r="C29899">
        <v>1</v>
      </c>
      <c r="D29899">
        <v>0</v>
      </c>
    </row>
    <row r="29900" spans="1:4" x14ac:dyDescent="0.25">
      <c r="A29900" t="s">
        <v>45109</v>
      </c>
      <c r="B29900" t="s">
        <v>45110</v>
      </c>
      <c r="C29900">
        <v>2</v>
      </c>
      <c r="D29900">
        <v>0</v>
      </c>
    </row>
    <row r="29901" spans="1:4" x14ac:dyDescent="0.25">
      <c r="A29901" t="s">
        <v>45111</v>
      </c>
      <c r="B29901" t="s">
        <v>45112</v>
      </c>
      <c r="C29901">
        <v>2</v>
      </c>
      <c r="D29901">
        <v>0</v>
      </c>
    </row>
    <row r="29902" spans="1:4" x14ac:dyDescent="0.25">
      <c r="A29902" t="s">
        <v>45111</v>
      </c>
      <c r="B29902" t="s">
        <v>45113</v>
      </c>
      <c r="C29902">
        <v>2</v>
      </c>
      <c r="D29902">
        <v>0</v>
      </c>
    </row>
    <row r="29903" spans="1:4" x14ac:dyDescent="0.25">
      <c r="A29903" t="s">
        <v>45111</v>
      </c>
      <c r="B29903" t="s">
        <v>45114</v>
      </c>
      <c r="C29903">
        <v>2</v>
      </c>
      <c r="D29903">
        <v>0</v>
      </c>
    </row>
    <row r="29904" spans="1:4" x14ac:dyDescent="0.25">
      <c r="A29904" t="s">
        <v>45115</v>
      </c>
      <c r="B29904" t="s">
        <v>1570</v>
      </c>
      <c r="C29904">
        <v>1</v>
      </c>
      <c r="D29904">
        <v>0</v>
      </c>
    </row>
    <row r="29905" spans="1:4" x14ac:dyDescent="0.25">
      <c r="A29905" t="s">
        <v>45115</v>
      </c>
      <c r="B29905" t="s">
        <v>45116</v>
      </c>
      <c r="C29905">
        <v>1</v>
      </c>
      <c r="D29905">
        <v>0</v>
      </c>
    </row>
    <row r="29906" spans="1:4" x14ac:dyDescent="0.25">
      <c r="A29906" t="s">
        <v>45115</v>
      </c>
      <c r="B29906" t="s">
        <v>45117</v>
      </c>
      <c r="C29906">
        <v>2</v>
      </c>
      <c r="D29906">
        <v>0</v>
      </c>
    </row>
    <row r="29907" spans="1:4" x14ac:dyDescent="0.25">
      <c r="A29907" t="s">
        <v>45118</v>
      </c>
      <c r="B29907" t="s">
        <v>45119</v>
      </c>
      <c r="C29907">
        <v>1</v>
      </c>
      <c r="D29907">
        <v>0</v>
      </c>
    </row>
    <row r="29908" spans="1:4" x14ac:dyDescent="0.25">
      <c r="A29908" t="s">
        <v>45118</v>
      </c>
      <c r="B29908" t="s">
        <v>45120</v>
      </c>
      <c r="C29908">
        <v>1</v>
      </c>
      <c r="D29908">
        <v>0</v>
      </c>
    </row>
    <row r="29909" spans="1:4" x14ac:dyDescent="0.25">
      <c r="A29909" t="s">
        <v>45121</v>
      </c>
      <c r="B29909" t="s">
        <v>45122</v>
      </c>
      <c r="C29909">
        <v>1</v>
      </c>
      <c r="D29909">
        <v>0</v>
      </c>
    </row>
    <row r="29910" spans="1:4" x14ac:dyDescent="0.25">
      <c r="A29910" t="s">
        <v>45123</v>
      </c>
      <c r="B29910" t="s">
        <v>45124</v>
      </c>
      <c r="C29910">
        <v>1</v>
      </c>
      <c r="D29910">
        <v>0</v>
      </c>
    </row>
    <row r="29911" spans="1:4" x14ac:dyDescent="0.25">
      <c r="A29911" t="s">
        <v>45123</v>
      </c>
      <c r="B29911" t="s">
        <v>45125</v>
      </c>
      <c r="C29911">
        <v>0</v>
      </c>
      <c r="D29911">
        <v>0</v>
      </c>
    </row>
    <row r="29912" spans="1:4" x14ac:dyDescent="0.25">
      <c r="A29912" t="s">
        <v>45123</v>
      </c>
      <c r="B29912" t="s">
        <v>45126</v>
      </c>
      <c r="C29912">
        <v>1</v>
      </c>
      <c r="D29912">
        <v>0</v>
      </c>
    </row>
    <row r="29913" spans="1:4" x14ac:dyDescent="0.25">
      <c r="A29913" t="s">
        <v>45127</v>
      </c>
      <c r="B29913" t="s">
        <v>45128</v>
      </c>
      <c r="C29913">
        <v>0</v>
      </c>
      <c r="D29913">
        <v>0</v>
      </c>
    </row>
    <row r="29914" spans="1:4" x14ac:dyDescent="0.25">
      <c r="A29914" t="s">
        <v>45127</v>
      </c>
      <c r="B29914" t="s">
        <v>45129</v>
      </c>
      <c r="C29914">
        <v>0</v>
      </c>
      <c r="D29914">
        <v>0</v>
      </c>
    </row>
    <row r="29915" spans="1:4" x14ac:dyDescent="0.25">
      <c r="A29915" t="s">
        <v>45130</v>
      </c>
      <c r="B29915" t="s">
        <v>45131</v>
      </c>
      <c r="C29915">
        <v>0</v>
      </c>
      <c r="D29915">
        <v>0</v>
      </c>
    </row>
    <row r="29916" spans="1:4" x14ac:dyDescent="0.25">
      <c r="A29916" t="s">
        <v>45130</v>
      </c>
      <c r="B29916" t="s">
        <v>45132</v>
      </c>
      <c r="C29916">
        <v>2</v>
      </c>
      <c r="D29916">
        <v>0</v>
      </c>
    </row>
    <row r="29917" spans="1:4" x14ac:dyDescent="0.25">
      <c r="A29917" t="s">
        <v>45130</v>
      </c>
      <c r="B29917" t="s">
        <v>45133</v>
      </c>
      <c r="C29917">
        <v>0</v>
      </c>
      <c r="D29917">
        <v>0</v>
      </c>
    </row>
    <row r="29918" spans="1:4" x14ac:dyDescent="0.25">
      <c r="A29918" t="s">
        <v>45134</v>
      </c>
      <c r="B29918" t="s">
        <v>45135</v>
      </c>
      <c r="C29918">
        <v>1</v>
      </c>
      <c r="D29918">
        <v>0</v>
      </c>
    </row>
    <row r="29919" spans="1:4" x14ac:dyDescent="0.25">
      <c r="A29919" t="s">
        <v>45134</v>
      </c>
      <c r="B29919" t="s">
        <v>45136</v>
      </c>
      <c r="C29919">
        <v>2</v>
      </c>
      <c r="D29919">
        <v>0</v>
      </c>
    </row>
    <row r="29920" spans="1:4" x14ac:dyDescent="0.25">
      <c r="A29920" t="s">
        <v>45134</v>
      </c>
      <c r="B29920" t="s">
        <v>45137</v>
      </c>
      <c r="C29920">
        <v>2</v>
      </c>
      <c r="D29920">
        <v>0</v>
      </c>
    </row>
    <row r="29921" spans="1:4" x14ac:dyDescent="0.25">
      <c r="A29921" t="s">
        <v>45138</v>
      </c>
      <c r="B29921" t="s">
        <v>45139</v>
      </c>
      <c r="C29921">
        <v>0</v>
      </c>
      <c r="D29921">
        <v>0</v>
      </c>
    </row>
    <row r="29922" spans="1:4" x14ac:dyDescent="0.25">
      <c r="A29922" t="s">
        <v>45140</v>
      </c>
      <c r="B29922" t="s">
        <v>45141</v>
      </c>
      <c r="C29922">
        <v>1</v>
      </c>
      <c r="D29922">
        <v>0</v>
      </c>
    </row>
    <row r="29923" spans="1:4" x14ac:dyDescent="0.25">
      <c r="A29923" t="s">
        <v>45140</v>
      </c>
      <c r="B29923" t="s">
        <v>45142</v>
      </c>
      <c r="C29923">
        <v>1</v>
      </c>
      <c r="D29923">
        <v>0</v>
      </c>
    </row>
    <row r="29924" spans="1:4" x14ac:dyDescent="0.25">
      <c r="A29924" t="s">
        <v>45140</v>
      </c>
      <c r="B29924" t="s">
        <v>45143</v>
      </c>
      <c r="C29924">
        <v>1</v>
      </c>
      <c r="D29924">
        <v>0</v>
      </c>
    </row>
    <row r="29925" spans="1:4" x14ac:dyDescent="0.25">
      <c r="A29925" t="s">
        <v>45144</v>
      </c>
      <c r="B29925" t="s">
        <v>5864</v>
      </c>
      <c r="C29925">
        <v>1</v>
      </c>
      <c r="D29925">
        <v>0</v>
      </c>
    </row>
    <row r="29926" spans="1:4" x14ac:dyDescent="0.25">
      <c r="A29926" t="s">
        <v>45144</v>
      </c>
      <c r="B29926" t="s">
        <v>11948</v>
      </c>
      <c r="C29926">
        <v>0</v>
      </c>
      <c r="D29926">
        <v>0</v>
      </c>
    </row>
    <row r="29927" spans="1:4" x14ac:dyDescent="0.25">
      <c r="A29927" t="s">
        <v>45145</v>
      </c>
      <c r="B29927" t="s">
        <v>45146</v>
      </c>
      <c r="C29927">
        <v>1</v>
      </c>
      <c r="D29927">
        <v>0</v>
      </c>
    </row>
    <row r="29928" spans="1:4" x14ac:dyDescent="0.25">
      <c r="A29928" t="s">
        <v>45145</v>
      </c>
      <c r="B29928" t="s">
        <v>45147</v>
      </c>
      <c r="C29928">
        <v>0</v>
      </c>
      <c r="D29928">
        <v>0</v>
      </c>
    </row>
    <row r="29929" spans="1:4" x14ac:dyDescent="0.25">
      <c r="A29929" t="s">
        <v>45145</v>
      </c>
      <c r="B29929" t="s">
        <v>45148</v>
      </c>
      <c r="C29929">
        <v>1</v>
      </c>
      <c r="D29929">
        <v>0</v>
      </c>
    </row>
    <row r="29930" spans="1:4" x14ac:dyDescent="0.25">
      <c r="A29930" t="s">
        <v>45149</v>
      </c>
      <c r="B29930" t="s">
        <v>45150</v>
      </c>
      <c r="C29930">
        <v>1</v>
      </c>
      <c r="D29930">
        <v>0</v>
      </c>
    </row>
    <row r="29931" spans="1:4" x14ac:dyDescent="0.25">
      <c r="A29931" t="s">
        <v>45151</v>
      </c>
      <c r="B29931" t="s">
        <v>13093</v>
      </c>
      <c r="C29931">
        <v>1</v>
      </c>
      <c r="D29931">
        <v>0</v>
      </c>
    </row>
    <row r="29932" spans="1:4" x14ac:dyDescent="0.25">
      <c r="A29932" t="s">
        <v>45152</v>
      </c>
      <c r="B29932" t="s">
        <v>45153</v>
      </c>
      <c r="C29932">
        <v>1</v>
      </c>
      <c r="D29932">
        <v>0</v>
      </c>
    </row>
    <row r="29933" spans="1:4" x14ac:dyDescent="0.25">
      <c r="A29933" t="s">
        <v>45152</v>
      </c>
      <c r="B29933" t="s">
        <v>45154</v>
      </c>
      <c r="C29933">
        <v>0</v>
      </c>
      <c r="D29933">
        <v>0</v>
      </c>
    </row>
    <row r="29934" spans="1:4" x14ac:dyDescent="0.25">
      <c r="A29934" t="s">
        <v>45152</v>
      </c>
      <c r="B29934" t="s">
        <v>45155</v>
      </c>
      <c r="C29934">
        <v>0</v>
      </c>
      <c r="D29934">
        <v>0</v>
      </c>
    </row>
    <row r="29935" spans="1:4" x14ac:dyDescent="0.25">
      <c r="A29935" t="s">
        <v>45156</v>
      </c>
      <c r="B29935" t="s">
        <v>45157</v>
      </c>
      <c r="C29935">
        <v>0</v>
      </c>
      <c r="D29935">
        <v>0</v>
      </c>
    </row>
    <row r="29936" spans="1:4" x14ac:dyDescent="0.25">
      <c r="A29936" t="s">
        <v>45156</v>
      </c>
      <c r="B29936" t="s">
        <v>45158</v>
      </c>
      <c r="C29936">
        <v>0</v>
      </c>
      <c r="D29936">
        <v>0</v>
      </c>
    </row>
    <row r="29937" spans="1:4" x14ac:dyDescent="0.25">
      <c r="A29937" t="s">
        <v>45159</v>
      </c>
      <c r="B29937" t="s">
        <v>1001</v>
      </c>
      <c r="C29937">
        <v>1</v>
      </c>
      <c r="D29937">
        <v>0</v>
      </c>
    </row>
    <row r="29938" spans="1:4" x14ac:dyDescent="0.25">
      <c r="A29938" t="s">
        <v>45159</v>
      </c>
      <c r="B29938" t="s">
        <v>45160</v>
      </c>
      <c r="C29938">
        <v>0</v>
      </c>
      <c r="D29938">
        <v>0</v>
      </c>
    </row>
    <row r="29939" spans="1:4" x14ac:dyDescent="0.25">
      <c r="A29939" t="s">
        <v>45159</v>
      </c>
      <c r="B29939" t="s">
        <v>45161</v>
      </c>
      <c r="C29939">
        <v>1</v>
      </c>
      <c r="D29939">
        <v>0</v>
      </c>
    </row>
    <row r="29940" spans="1:4" x14ac:dyDescent="0.25">
      <c r="A29940" t="s">
        <v>45162</v>
      </c>
      <c r="B29940" t="s">
        <v>45163</v>
      </c>
      <c r="C29940">
        <v>1</v>
      </c>
      <c r="D29940">
        <v>0</v>
      </c>
    </row>
    <row r="29941" spans="1:4" x14ac:dyDescent="0.25">
      <c r="A29941" t="s">
        <v>45162</v>
      </c>
      <c r="B29941" t="s">
        <v>45164</v>
      </c>
      <c r="C29941">
        <v>0</v>
      </c>
      <c r="D29941">
        <v>0</v>
      </c>
    </row>
    <row r="29942" spans="1:4" x14ac:dyDescent="0.25">
      <c r="A29942" t="s">
        <v>45165</v>
      </c>
      <c r="B29942" t="s">
        <v>5703</v>
      </c>
      <c r="C29942">
        <v>0</v>
      </c>
      <c r="D29942">
        <v>0</v>
      </c>
    </row>
    <row r="29943" spans="1:4" x14ac:dyDescent="0.25">
      <c r="A29943" t="s">
        <v>45165</v>
      </c>
      <c r="B29943" t="s">
        <v>45166</v>
      </c>
      <c r="C29943">
        <v>1</v>
      </c>
      <c r="D29943">
        <v>0</v>
      </c>
    </row>
    <row r="29944" spans="1:4" x14ac:dyDescent="0.25">
      <c r="A29944" t="s">
        <v>45167</v>
      </c>
      <c r="B29944" t="s">
        <v>45168</v>
      </c>
      <c r="C29944">
        <v>0</v>
      </c>
      <c r="D29944">
        <v>0</v>
      </c>
    </row>
    <row r="29945" spans="1:4" x14ac:dyDescent="0.25">
      <c r="A29945" t="s">
        <v>45167</v>
      </c>
      <c r="B29945" t="s">
        <v>45169</v>
      </c>
      <c r="C29945">
        <v>0</v>
      </c>
      <c r="D29945">
        <v>0</v>
      </c>
    </row>
    <row r="29946" spans="1:4" x14ac:dyDescent="0.25">
      <c r="A29946" t="s">
        <v>45167</v>
      </c>
      <c r="B29946" t="s">
        <v>45170</v>
      </c>
      <c r="C29946">
        <v>2</v>
      </c>
      <c r="D29946">
        <v>0</v>
      </c>
    </row>
    <row r="29947" spans="1:4" x14ac:dyDescent="0.25">
      <c r="A29947" t="s">
        <v>45171</v>
      </c>
      <c r="B29947" t="s">
        <v>45172</v>
      </c>
      <c r="C29947">
        <v>1</v>
      </c>
      <c r="D29947">
        <v>0</v>
      </c>
    </row>
    <row r="29948" spans="1:4" x14ac:dyDescent="0.25">
      <c r="A29948" t="s">
        <v>45171</v>
      </c>
      <c r="B29948" t="s">
        <v>45173</v>
      </c>
      <c r="C29948">
        <v>1</v>
      </c>
      <c r="D29948">
        <v>0</v>
      </c>
    </row>
    <row r="29949" spans="1:4" x14ac:dyDescent="0.25">
      <c r="A29949" t="s">
        <v>45171</v>
      </c>
      <c r="B29949" t="s">
        <v>45174</v>
      </c>
      <c r="C29949">
        <v>1</v>
      </c>
      <c r="D29949">
        <v>0</v>
      </c>
    </row>
    <row r="29950" spans="1:4" x14ac:dyDescent="0.25">
      <c r="A29950" t="s">
        <v>45175</v>
      </c>
      <c r="B29950" t="s">
        <v>45176</v>
      </c>
      <c r="C29950">
        <v>2</v>
      </c>
      <c r="D29950">
        <v>0</v>
      </c>
    </row>
    <row r="29951" spans="1:4" x14ac:dyDescent="0.25">
      <c r="A29951" t="s">
        <v>45177</v>
      </c>
      <c r="B29951" t="s">
        <v>45178</v>
      </c>
      <c r="C29951">
        <v>1</v>
      </c>
      <c r="D29951">
        <v>0</v>
      </c>
    </row>
    <row r="29952" spans="1:4" x14ac:dyDescent="0.25">
      <c r="A29952" t="s">
        <v>45179</v>
      </c>
      <c r="B29952" t="s">
        <v>816</v>
      </c>
      <c r="C29952">
        <v>1</v>
      </c>
      <c r="D29952">
        <v>0</v>
      </c>
    </row>
    <row r="29953" spans="1:4" x14ac:dyDescent="0.25">
      <c r="A29953" t="s">
        <v>45180</v>
      </c>
      <c r="B29953" t="s">
        <v>45181</v>
      </c>
      <c r="C29953">
        <v>0</v>
      </c>
      <c r="D29953">
        <v>0</v>
      </c>
    </row>
    <row r="29954" spans="1:4" x14ac:dyDescent="0.25">
      <c r="A29954" t="s">
        <v>45180</v>
      </c>
      <c r="B29954" t="s">
        <v>45182</v>
      </c>
      <c r="C29954">
        <v>0</v>
      </c>
      <c r="D29954">
        <v>0</v>
      </c>
    </row>
    <row r="29955" spans="1:4" x14ac:dyDescent="0.25">
      <c r="A29955" t="s">
        <v>45180</v>
      </c>
      <c r="B29955" t="s">
        <v>45183</v>
      </c>
      <c r="C29955">
        <v>1</v>
      </c>
      <c r="D29955">
        <v>0</v>
      </c>
    </row>
    <row r="29956" spans="1:4" x14ac:dyDescent="0.25">
      <c r="A29956" t="s">
        <v>45184</v>
      </c>
      <c r="B29956" t="s">
        <v>45185</v>
      </c>
      <c r="C29956">
        <v>0</v>
      </c>
      <c r="D29956">
        <v>0</v>
      </c>
    </row>
    <row r="29957" spans="1:4" x14ac:dyDescent="0.25">
      <c r="A29957" t="s">
        <v>45184</v>
      </c>
      <c r="B29957" t="s">
        <v>45186</v>
      </c>
      <c r="C29957">
        <v>0</v>
      </c>
      <c r="D29957">
        <v>0</v>
      </c>
    </row>
    <row r="29958" spans="1:4" x14ac:dyDescent="0.25">
      <c r="A29958" t="s">
        <v>45187</v>
      </c>
      <c r="B29958" t="s">
        <v>45188</v>
      </c>
      <c r="C29958">
        <v>1</v>
      </c>
      <c r="D29958">
        <v>0</v>
      </c>
    </row>
    <row r="29959" spans="1:4" x14ac:dyDescent="0.25">
      <c r="A29959" t="s">
        <v>45189</v>
      </c>
      <c r="B29959" t="s">
        <v>45190</v>
      </c>
      <c r="C29959">
        <v>2</v>
      </c>
      <c r="D29959">
        <v>0</v>
      </c>
    </row>
    <row r="29960" spans="1:4" x14ac:dyDescent="0.25">
      <c r="A29960" t="s">
        <v>45191</v>
      </c>
      <c r="B29960" t="s">
        <v>45192</v>
      </c>
      <c r="C29960">
        <v>0</v>
      </c>
      <c r="D29960">
        <v>0</v>
      </c>
    </row>
    <row r="29961" spans="1:4" x14ac:dyDescent="0.25">
      <c r="A29961" t="s">
        <v>45191</v>
      </c>
      <c r="B29961" t="s">
        <v>45193</v>
      </c>
      <c r="C29961">
        <v>1</v>
      </c>
      <c r="D29961">
        <v>0</v>
      </c>
    </row>
    <row r="29962" spans="1:4" x14ac:dyDescent="0.25">
      <c r="A29962" t="s">
        <v>45194</v>
      </c>
      <c r="B29962" t="s">
        <v>45195</v>
      </c>
      <c r="C29962">
        <v>1</v>
      </c>
      <c r="D29962">
        <v>0</v>
      </c>
    </row>
    <row r="29963" spans="1:4" x14ac:dyDescent="0.25">
      <c r="A29963" t="s">
        <v>45194</v>
      </c>
      <c r="B29963" t="s">
        <v>45196</v>
      </c>
      <c r="C29963">
        <v>1</v>
      </c>
      <c r="D29963">
        <v>0</v>
      </c>
    </row>
    <row r="29964" spans="1:4" x14ac:dyDescent="0.25">
      <c r="A29964" t="s">
        <v>45194</v>
      </c>
      <c r="B29964" t="s">
        <v>45197</v>
      </c>
      <c r="C29964">
        <v>2</v>
      </c>
      <c r="D29964">
        <v>0</v>
      </c>
    </row>
    <row r="29965" spans="1:4" x14ac:dyDescent="0.25">
      <c r="A29965" t="s">
        <v>45198</v>
      </c>
      <c r="B29965" t="s">
        <v>45199</v>
      </c>
      <c r="C29965">
        <v>2</v>
      </c>
      <c r="D29965">
        <v>0</v>
      </c>
    </row>
    <row r="29966" spans="1:4" x14ac:dyDescent="0.25">
      <c r="A29966" t="s">
        <v>45198</v>
      </c>
      <c r="B29966" t="s">
        <v>45200</v>
      </c>
      <c r="C29966">
        <v>0</v>
      </c>
      <c r="D29966">
        <v>0</v>
      </c>
    </row>
    <row r="29967" spans="1:4" x14ac:dyDescent="0.25">
      <c r="A29967" t="s">
        <v>45198</v>
      </c>
      <c r="B29967" t="s">
        <v>45201</v>
      </c>
      <c r="C29967">
        <v>2</v>
      </c>
      <c r="D29967">
        <v>0</v>
      </c>
    </row>
    <row r="29968" spans="1:4" x14ac:dyDescent="0.25">
      <c r="A29968" t="s">
        <v>45202</v>
      </c>
      <c r="B29968" t="s">
        <v>45203</v>
      </c>
      <c r="C29968">
        <v>0</v>
      </c>
      <c r="D29968">
        <v>0</v>
      </c>
    </row>
    <row r="29969" spans="1:4" x14ac:dyDescent="0.25">
      <c r="A29969" t="s">
        <v>45202</v>
      </c>
      <c r="B29969" t="s">
        <v>45204</v>
      </c>
      <c r="C29969">
        <v>2</v>
      </c>
      <c r="D29969">
        <v>0</v>
      </c>
    </row>
    <row r="29970" spans="1:4" x14ac:dyDescent="0.25">
      <c r="A29970" t="s">
        <v>45202</v>
      </c>
      <c r="B29970" t="s">
        <v>45205</v>
      </c>
      <c r="C29970">
        <v>1</v>
      </c>
      <c r="D29970">
        <v>0</v>
      </c>
    </row>
    <row r="29971" spans="1:4" x14ac:dyDescent="0.25">
      <c r="A29971" t="s">
        <v>45206</v>
      </c>
      <c r="B29971" t="s">
        <v>45207</v>
      </c>
      <c r="C29971">
        <v>0</v>
      </c>
      <c r="D29971">
        <v>0</v>
      </c>
    </row>
    <row r="29972" spans="1:4" x14ac:dyDescent="0.25">
      <c r="A29972" t="s">
        <v>45206</v>
      </c>
      <c r="B29972" t="s">
        <v>45208</v>
      </c>
      <c r="C29972">
        <v>0</v>
      </c>
      <c r="D29972">
        <v>0</v>
      </c>
    </row>
    <row r="29973" spans="1:4" x14ac:dyDescent="0.25">
      <c r="A29973" t="s">
        <v>45206</v>
      </c>
      <c r="B29973" t="s">
        <v>45209</v>
      </c>
      <c r="C29973">
        <v>2</v>
      </c>
      <c r="D29973">
        <v>0</v>
      </c>
    </row>
    <row r="29974" spans="1:4" x14ac:dyDescent="0.25">
      <c r="A29974" t="s">
        <v>45210</v>
      </c>
      <c r="B29974" t="s">
        <v>45211</v>
      </c>
      <c r="C29974">
        <v>1</v>
      </c>
      <c r="D29974">
        <v>0</v>
      </c>
    </row>
    <row r="29975" spans="1:4" x14ac:dyDescent="0.25">
      <c r="A29975" t="s">
        <v>45212</v>
      </c>
      <c r="B29975" t="s">
        <v>45213</v>
      </c>
      <c r="C29975">
        <v>2</v>
      </c>
      <c r="D29975">
        <v>0</v>
      </c>
    </row>
    <row r="29976" spans="1:4" x14ac:dyDescent="0.25">
      <c r="A29976" t="s">
        <v>45212</v>
      </c>
      <c r="B29976" t="s">
        <v>45214</v>
      </c>
      <c r="C29976">
        <v>2</v>
      </c>
      <c r="D29976">
        <v>0</v>
      </c>
    </row>
    <row r="29977" spans="1:4" x14ac:dyDescent="0.25">
      <c r="A29977" t="s">
        <v>45212</v>
      </c>
      <c r="B29977" t="s">
        <v>45215</v>
      </c>
      <c r="C29977">
        <v>2</v>
      </c>
      <c r="D29977">
        <v>0</v>
      </c>
    </row>
    <row r="29978" spans="1:4" x14ac:dyDescent="0.25">
      <c r="A29978" t="s">
        <v>45216</v>
      </c>
      <c r="B29978" t="s">
        <v>45217</v>
      </c>
      <c r="C29978">
        <v>0</v>
      </c>
      <c r="D29978">
        <v>0</v>
      </c>
    </row>
    <row r="29979" spans="1:4" x14ac:dyDescent="0.25">
      <c r="A29979" t="s">
        <v>45216</v>
      </c>
      <c r="B29979" t="s">
        <v>45218</v>
      </c>
      <c r="C29979">
        <v>2</v>
      </c>
      <c r="D29979">
        <v>0</v>
      </c>
    </row>
    <row r="29980" spans="1:4" x14ac:dyDescent="0.25">
      <c r="A29980" t="s">
        <v>45216</v>
      </c>
      <c r="B29980" t="s">
        <v>45219</v>
      </c>
      <c r="C29980">
        <v>2</v>
      </c>
      <c r="D29980">
        <v>0</v>
      </c>
    </row>
    <row r="29981" spans="1:4" x14ac:dyDescent="0.25">
      <c r="A29981" t="s">
        <v>45220</v>
      </c>
      <c r="B29981" t="s">
        <v>45221</v>
      </c>
      <c r="C29981">
        <v>0</v>
      </c>
      <c r="D29981">
        <v>0</v>
      </c>
    </row>
    <row r="29982" spans="1:4" x14ac:dyDescent="0.25">
      <c r="A29982" t="s">
        <v>45220</v>
      </c>
      <c r="B29982" t="s">
        <v>45222</v>
      </c>
      <c r="C29982">
        <v>0</v>
      </c>
      <c r="D29982">
        <v>0</v>
      </c>
    </row>
    <row r="29983" spans="1:4" x14ac:dyDescent="0.25">
      <c r="A29983" t="s">
        <v>45220</v>
      </c>
      <c r="B29983" t="s">
        <v>45223</v>
      </c>
      <c r="C29983">
        <v>0</v>
      </c>
      <c r="D29983">
        <v>0</v>
      </c>
    </row>
    <row r="29984" spans="1:4" x14ac:dyDescent="0.25">
      <c r="A29984" t="s">
        <v>45224</v>
      </c>
      <c r="B29984" t="s">
        <v>45225</v>
      </c>
      <c r="C29984">
        <v>0</v>
      </c>
      <c r="D29984">
        <v>0</v>
      </c>
    </row>
    <row r="29985" spans="1:4" x14ac:dyDescent="0.25">
      <c r="A29985" t="s">
        <v>45224</v>
      </c>
      <c r="B29985" t="s">
        <v>45226</v>
      </c>
      <c r="C29985">
        <v>0</v>
      </c>
      <c r="D29985">
        <v>0</v>
      </c>
    </row>
    <row r="29986" spans="1:4" x14ac:dyDescent="0.25">
      <c r="A29986" t="s">
        <v>45224</v>
      </c>
      <c r="B29986" t="s">
        <v>45227</v>
      </c>
      <c r="C29986">
        <v>2</v>
      </c>
      <c r="D29986">
        <v>0</v>
      </c>
    </row>
    <row r="29987" spans="1:4" x14ac:dyDescent="0.25">
      <c r="A29987" t="s">
        <v>45228</v>
      </c>
      <c r="B29987" t="s">
        <v>45229</v>
      </c>
      <c r="C29987">
        <v>1</v>
      </c>
      <c r="D29987">
        <v>0</v>
      </c>
    </row>
    <row r="29988" spans="1:4" x14ac:dyDescent="0.25">
      <c r="A29988" t="s">
        <v>45228</v>
      </c>
      <c r="B29988" t="s">
        <v>45230</v>
      </c>
      <c r="C29988">
        <v>1</v>
      </c>
      <c r="D29988">
        <v>0</v>
      </c>
    </row>
    <row r="29989" spans="1:4" x14ac:dyDescent="0.25">
      <c r="A29989" t="s">
        <v>45228</v>
      </c>
      <c r="B29989" t="s">
        <v>45231</v>
      </c>
      <c r="C29989">
        <v>2</v>
      </c>
      <c r="D29989">
        <v>0</v>
      </c>
    </row>
    <row r="29990" spans="1:4" x14ac:dyDescent="0.25">
      <c r="A29990" t="s">
        <v>45232</v>
      </c>
      <c r="B29990" t="s">
        <v>45233</v>
      </c>
      <c r="C29990">
        <v>1</v>
      </c>
      <c r="D29990">
        <v>0</v>
      </c>
    </row>
    <row r="29991" spans="1:4" x14ac:dyDescent="0.25">
      <c r="A29991" t="s">
        <v>45232</v>
      </c>
      <c r="B29991" t="s">
        <v>45234</v>
      </c>
      <c r="C29991">
        <v>1</v>
      </c>
      <c r="D29991">
        <v>0</v>
      </c>
    </row>
    <row r="29992" spans="1:4" x14ac:dyDescent="0.25">
      <c r="A29992" t="s">
        <v>45232</v>
      </c>
      <c r="B29992" t="s">
        <v>45235</v>
      </c>
      <c r="C29992">
        <v>1</v>
      </c>
      <c r="D29992">
        <v>0</v>
      </c>
    </row>
    <row r="29993" spans="1:4" x14ac:dyDescent="0.25">
      <c r="A29993" t="s">
        <v>45236</v>
      </c>
      <c r="B29993" t="s">
        <v>45237</v>
      </c>
      <c r="C29993">
        <v>2</v>
      </c>
      <c r="D29993">
        <v>0</v>
      </c>
    </row>
    <row r="29994" spans="1:4" x14ac:dyDescent="0.25">
      <c r="A29994" t="s">
        <v>45238</v>
      </c>
      <c r="B29994" t="s">
        <v>45239</v>
      </c>
      <c r="C29994">
        <v>0</v>
      </c>
      <c r="D29994">
        <v>0</v>
      </c>
    </row>
    <row r="29995" spans="1:4" x14ac:dyDescent="0.25">
      <c r="A29995" t="s">
        <v>45238</v>
      </c>
      <c r="B29995" t="s">
        <v>45240</v>
      </c>
      <c r="C29995">
        <v>2</v>
      </c>
      <c r="D29995">
        <v>0</v>
      </c>
    </row>
    <row r="29996" spans="1:4" x14ac:dyDescent="0.25">
      <c r="A29996" t="s">
        <v>45241</v>
      </c>
      <c r="B29996" t="s">
        <v>45242</v>
      </c>
      <c r="C29996">
        <v>0</v>
      </c>
      <c r="D29996">
        <v>0</v>
      </c>
    </row>
    <row r="29997" spans="1:4" x14ac:dyDescent="0.25">
      <c r="A29997" t="s">
        <v>45243</v>
      </c>
      <c r="B29997" t="s">
        <v>45244</v>
      </c>
      <c r="C29997">
        <v>1</v>
      </c>
      <c r="D29997">
        <v>0</v>
      </c>
    </row>
    <row r="29998" spans="1:4" x14ac:dyDescent="0.25">
      <c r="A29998" t="s">
        <v>45245</v>
      </c>
      <c r="B29998" t="s">
        <v>45246</v>
      </c>
      <c r="C29998">
        <v>0</v>
      </c>
      <c r="D29998">
        <v>0</v>
      </c>
    </row>
    <row r="29999" spans="1:4" x14ac:dyDescent="0.25">
      <c r="A29999" t="s">
        <v>45245</v>
      </c>
      <c r="B29999" t="s">
        <v>45247</v>
      </c>
      <c r="C29999">
        <v>1</v>
      </c>
      <c r="D29999">
        <v>0</v>
      </c>
    </row>
    <row r="30000" spans="1:4" x14ac:dyDescent="0.25">
      <c r="A30000" t="s">
        <v>45245</v>
      </c>
      <c r="B30000" t="s">
        <v>45248</v>
      </c>
      <c r="C30000">
        <v>0</v>
      </c>
      <c r="D30000">
        <v>0</v>
      </c>
    </row>
    <row r="30001" spans="1:4" x14ac:dyDescent="0.25">
      <c r="A30001" t="s">
        <v>45249</v>
      </c>
      <c r="B30001" t="s">
        <v>45250</v>
      </c>
      <c r="C30001">
        <v>2</v>
      </c>
      <c r="D30001">
        <v>0</v>
      </c>
    </row>
    <row r="30002" spans="1:4" x14ac:dyDescent="0.25">
      <c r="A30002" t="s">
        <v>45249</v>
      </c>
      <c r="B30002" t="s">
        <v>45251</v>
      </c>
      <c r="C30002">
        <v>0</v>
      </c>
      <c r="D30002">
        <v>0</v>
      </c>
    </row>
    <row r="30003" spans="1:4" x14ac:dyDescent="0.25">
      <c r="A30003" t="s">
        <v>45252</v>
      </c>
      <c r="B30003" t="s">
        <v>45253</v>
      </c>
      <c r="C30003">
        <v>2</v>
      </c>
      <c r="D30003">
        <v>0</v>
      </c>
    </row>
    <row r="30004" spans="1:4" x14ac:dyDescent="0.25">
      <c r="A30004" t="s">
        <v>45252</v>
      </c>
      <c r="B30004" t="s">
        <v>45254</v>
      </c>
      <c r="C30004">
        <v>2</v>
      </c>
      <c r="D30004">
        <v>0</v>
      </c>
    </row>
    <row r="30005" spans="1:4" x14ac:dyDescent="0.25">
      <c r="A30005" t="s">
        <v>45255</v>
      </c>
      <c r="B30005" t="s">
        <v>45256</v>
      </c>
      <c r="C30005">
        <v>0</v>
      </c>
      <c r="D30005">
        <v>0</v>
      </c>
    </row>
    <row r="30006" spans="1:4" x14ac:dyDescent="0.25">
      <c r="A30006" t="s">
        <v>45257</v>
      </c>
      <c r="B30006" t="s">
        <v>45258</v>
      </c>
      <c r="C30006">
        <v>0</v>
      </c>
      <c r="D30006">
        <v>0</v>
      </c>
    </row>
    <row r="30007" spans="1:4" x14ac:dyDescent="0.25">
      <c r="A30007" t="s">
        <v>45257</v>
      </c>
      <c r="B30007" t="s">
        <v>45259</v>
      </c>
      <c r="C30007">
        <v>2</v>
      </c>
      <c r="D30007">
        <v>0</v>
      </c>
    </row>
    <row r="30008" spans="1:4" x14ac:dyDescent="0.25">
      <c r="A30008" t="s">
        <v>45260</v>
      </c>
      <c r="B30008" t="s">
        <v>45261</v>
      </c>
      <c r="C30008">
        <v>1</v>
      </c>
      <c r="D30008">
        <v>0</v>
      </c>
    </row>
    <row r="30009" spans="1:4" x14ac:dyDescent="0.25">
      <c r="A30009" t="s">
        <v>45260</v>
      </c>
      <c r="B30009" t="s">
        <v>45262</v>
      </c>
      <c r="C30009">
        <v>1</v>
      </c>
      <c r="D30009">
        <v>0</v>
      </c>
    </row>
    <row r="30010" spans="1:4" x14ac:dyDescent="0.25">
      <c r="A30010" t="s">
        <v>45260</v>
      </c>
      <c r="B30010" t="s">
        <v>45263</v>
      </c>
      <c r="C30010">
        <v>1</v>
      </c>
      <c r="D30010">
        <v>0</v>
      </c>
    </row>
    <row r="30011" spans="1:4" x14ac:dyDescent="0.25">
      <c r="A30011" t="s">
        <v>45264</v>
      </c>
      <c r="B30011" t="s">
        <v>45265</v>
      </c>
      <c r="C30011">
        <v>1</v>
      </c>
      <c r="D30011">
        <v>0</v>
      </c>
    </row>
    <row r="30012" spans="1:4" x14ac:dyDescent="0.25">
      <c r="A30012" t="s">
        <v>45264</v>
      </c>
      <c r="B30012" t="s">
        <v>45266</v>
      </c>
      <c r="C30012">
        <v>2</v>
      </c>
      <c r="D30012">
        <v>0</v>
      </c>
    </row>
    <row r="30013" spans="1:4" x14ac:dyDescent="0.25">
      <c r="A30013" t="s">
        <v>45264</v>
      </c>
      <c r="B30013" t="s">
        <v>45267</v>
      </c>
      <c r="C30013">
        <v>1</v>
      </c>
      <c r="D30013">
        <v>0</v>
      </c>
    </row>
    <row r="30014" spans="1:4" x14ac:dyDescent="0.25">
      <c r="A30014" t="s">
        <v>45268</v>
      </c>
      <c r="B30014" t="s">
        <v>45269</v>
      </c>
      <c r="C30014">
        <v>1</v>
      </c>
      <c r="D30014">
        <v>0</v>
      </c>
    </row>
    <row r="30015" spans="1:4" x14ac:dyDescent="0.25">
      <c r="A30015" t="s">
        <v>45268</v>
      </c>
      <c r="B30015" t="s">
        <v>45270</v>
      </c>
      <c r="C30015">
        <v>2</v>
      </c>
      <c r="D30015">
        <v>0</v>
      </c>
    </row>
    <row r="30016" spans="1:4" x14ac:dyDescent="0.25">
      <c r="A30016" t="s">
        <v>45268</v>
      </c>
      <c r="B30016" t="s">
        <v>45271</v>
      </c>
      <c r="C30016">
        <v>0</v>
      </c>
      <c r="D30016">
        <v>0</v>
      </c>
    </row>
    <row r="30017" spans="1:4" x14ac:dyDescent="0.25">
      <c r="A30017" t="s">
        <v>45272</v>
      </c>
      <c r="B30017" t="s">
        <v>45273</v>
      </c>
      <c r="C30017">
        <v>1</v>
      </c>
      <c r="D30017">
        <v>0</v>
      </c>
    </row>
    <row r="30018" spans="1:4" x14ac:dyDescent="0.25">
      <c r="A30018" t="s">
        <v>45274</v>
      </c>
      <c r="B30018" t="s">
        <v>45275</v>
      </c>
      <c r="C30018">
        <v>0</v>
      </c>
      <c r="D30018">
        <v>0</v>
      </c>
    </row>
    <row r="30019" spans="1:4" x14ac:dyDescent="0.25">
      <c r="A30019" t="s">
        <v>45276</v>
      </c>
      <c r="B30019" t="s">
        <v>45277</v>
      </c>
      <c r="C30019">
        <v>1</v>
      </c>
      <c r="D30019">
        <v>0</v>
      </c>
    </row>
    <row r="30020" spans="1:4" x14ac:dyDescent="0.25">
      <c r="A30020" t="s">
        <v>45278</v>
      </c>
      <c r="B30020" t="s">
        <v>45279</v>
      </c>
      <c r="C30020">
        <v>0</v>
      </c>
      <c r="D30020">
        <v>0</v>
      </c>
    </row>
    <row r="30021" spans="1:4" x14ac:dyDescent="0.25">
      <c r="A30021" t="s">
        <v>45280</v>
      </c>
      <c r="B30021" t="s">
        <v>3410</v>
      </c>
      <c r="C30021">
        <v>1</v>
      </c>
      <c r="D30021">
        <v>0</v>
      </c>
    </row>
    <row r="30022" spans="1:4" x14ac:dyDescent="0.25">
      <c r="A30022" t="s">
        <v>45280</v>
      </c>
      <c r="B30022" t="s">
        <v>45281</v>
      </c>
      <c r="C30022">
        <v>1</v>
      </c>
      <c r="D30022">
        <v>0</v>
      </c>
    </row>
    <row r="30023" spans="1:4" x14ac:dyDescent="0.25">
      <c r="A30023" t="s">
        <v>45280</v>
      </c>
      <c r="B30023" t="s">
        <v>1499</v>
      </c>
      <c r="C30023">
        <v>1</v>
      </c>
      <c r="D30023">
        <v>0</v>
      </c>
    </row>
    <row r="30024" spans="1:4" x14ac:dyDescent="0.25">
      <c r="A30024" t="s">
        <v>45282</v>
      </c>
      <c r="B30024" t="s">
        <v>45283</v>
      </c>
      <c r="C30024">
        <v>1</v>
      </c>
      <c r="D30024">
        <v>0</v>
      </c>
    </row>
    <row r="30025" spans="1:4" x14ac:dyDescent="0.25">
      <c r="A30025" t="s">
        <v>45282</v>
      </c>
      <c r="B30025" t="s">
        <v>2267</v>
      </c>
      <c r="C30025">
        <v>0</v>
      </c>
      <c r="D30025">
        <v>0</v>
      </c>
    </row>
    <row r="30026" spans="1:4" x14ac:dyDescent="0.25">
      <c r="A30026" t="s">
        <v>45284</v>
      </c>
      <c r="B30026" t="s">
        <v>45285</v>
      </c>
      <c r="C30026">
        <v>0</v>
      </c>
      <c r="D30026">
        <v>0</v>
      </c>
    </row>
    <row r="30027" spans="1:4" x14ac:dyDescent="0.25">
      <c r="A30027" t="s">
        <v>45286</v>
      </c>
      <c r="B30027" t="s">
        <v>45287</v>
      </c>
      <c r="C30027">
        <v>1</v>
      </c>
      <c r="D30027">
        <v>0</v>
      </c>
    </row>
    <row r="30028" spans="1:4" x14ac:dyDescent="0.25">
      <c r="A30028" t="s">
        <v>45288</v>
      </c>
      <c r="B30028" t="s">
        <v>45289</v>
      </c>
      <c r="C30028">
        <v>0</v>
      </c>
      <c r="D30028">
        <v>0</v>
      </c>
    </row>
    <row r="30029" spans="1:4" x14ac:dyDescent="0.25">
      <c r="A30029" t="s">
        <v>45288</v>
      </c>
      <c r="B30029" t="s">
        <v>45290</v>
      </c>
      <c r="C30029">
        <v>0</v>
      </c>
      <c r="D30029">
        <v>0</v>
      </c>
    </row>
    <row r="30030" spans="1:4" x14ac:dyDescent="0.25">
      <c r="A30030" t="s">
        <v>45291</v>
      </c>
      <c r="B30030" t="s">
        <v>45292</v>
      </c>
      <c r="C30030">
        <v>1</v>
      </c>
      <c r="D30030">
        <v>0</v>
      </c>
    </row>
    <row r="30031" spans="1:4" x14ac:dyDescent="0.25">
      <c r="A30031" t="s">
        <v>45293</v>
      </c>
      <c r="B30031" t="s">
        <v>45294</v>
      </c>
      <c r="C30031">
        <v>1</v>
      </c>
      <c r="D30031">
        <v>0</v>
      </c>
    </row>
    <row r="30032" spans="1:4" x14ac:dyDescent="0.25">
      <c r="A30032" t="s">
        <v>45293</v>
      </c>
      <c r="B30032" t="s">
        <v>45295</v>
      </c>
      <c r="C30032">
        <v>1</v>
      </c>
      <c r="D30032">
        <v>0</v>
      </c>
    </row>
    <row r="30033" spans="1:4" x14ac:dyDescent="0.25">
      <c r="A30033" t="s">
        <v>45293</v>
      </c>
      <c r="B30033" t="s">
        <v>45296</v>
      </c>
      <c r="C30033">
        <v>2</v>
      </c>
      <c r="D30033">
        <v>0</v>
      </c>
    </row>
    <row r="30034" spans="1:4" x14ac:dyDescent="0.25">
      <c r="A30034" t="s">
        <v>45297</v>
      </c>
      <c r="B30034" t="s">
        <v>45298</v>
      </c>
      <c r="C30034">
        <v>0</v>
      </c>
      <c r="D30034">
        <v>0</v>
      </c>
    </row>
    <row r="30035" spans="1:4" x14ac:dyDescent="0.25">
      <c r="A30035" t="s">
        <v>45297</v>
      </c>
      <c r="B30035" t="s">
        <v>45299</v>
      </c>
      <c r="C30035">
        <v>0</v>
      </c>
      <c r="D30035">
        <v>0</v>
      </c>
    </row>
    <row r="30036" spans="1:4" x14ac:dyDescent="0.25">
      <c r="A30036" t="s">
        <v>45297</v>
      </c>
      <c r="B30036" t="s">
        <v>45300</v>
      </c>
      <c r="C30036">
        <v>0</v>
      </c>
      <c r="D30036">
        <v>0</v>
      </c>
    </row>
    <row r="30037" spans="1:4" x14ac:dyDescent="0.25">
      <c r="A30037" t="s">
        <v>45301</v>
      </c>
      <c r="B30037" t="s">
        <v>45302</v>
      </c>
      <c r="C30037">
        <v>1</v>
      </c>
      <c r="D30037">
        <v>0</v>
      </c>
    </row>
    <row r="30038" spans="1:4" x14ac:dyDescent="0.25">
      <c r="A30038" t="s">
        <v>45301</v>
      </c>
      <c r="B30038" t="s">
        <v>45303</v>
      </c>
      <c r="C30038">
        <v>0</v>
      </c>
      <c r="D30038">
        <v>0</v>
      </c>
    </row>
    <row r="30039" spans="1:4" x14ac:dyDescent="0.25">
      <c r="A30039" t="s">
        <v>45301</v>
      </c>
      <c r="B30039" t="s">
        <v>45304</v>
      </c>
      <c r="C30039">
        <v>1</v>
      </c>
      <c r="D30039">
        <v>0</v>
      </c>
    </row>
    <row r="30040" spans="1:4" x14ac:dyDescent="0.25">
      <c r="A30040" t="s">
        <v>45305</v>
      </c>
      <c r="B30040" t="s">
        <v>45306</v>
      </c>
      <c r="C30040">
        <v>2</v>
      </c>
      <c r="D30040">
        <v>0</v>
      </c>
    </row>
    <row r="30041" spans="1:4" x14ac:dyDescent="0.25">
      <c r="A30041" t="s">
        <v>45305</v>
      </c>
      <c r="B30041" t="s">
        <v>45307</v>
      </c>
      <c r="C30041">
        <v>1</v>
      </c>
      <c r="D30041">
        <v>0</v>
      </c>
    </row>
    <row r="30042" spans="1:4" x14ac:dyDescent="0.25">
      <c r="A30042" t="s">
        <v>45305</v>
      </c>
      <c r="B30042" t="s">
        <v>45308</v>
      </c>
      <c r="C30042">
        <v>1</v>
      </c>
      <c r="D30042">
        <v>0</v>
      </c>
    </row>
    <row r="30043" spans="1:4" x14ac:dyDescent="0.25">
      <c r="A30043" t="s">
        <v>45309</v>
      </c>
      <c r="B30043" t="s">
        <v>45310</v>
      </c>
      <c r="C30043">
        <v>1</v>
      </c>
      <c r="D30043">
        <v>0</v>
      </c>
    </row>
    <row r="30044" spans="1:4" x14ac:dyDescent="0.25">
      <c r="A30044" t="s">
        <v>45311</v>
      </c>
      <c r="B30044" t="s">
        <v>45312</v>
      </c>
      <c r="C30044">
        <v>0</v>
      </c>
      <c r="D30044">
        <v>0</v>
      </c>
    </row>
    <row r="30045" spans="1:4" x14ac:dyDescent="0.25">
      <c r="A30045" t="s">
        <v>45313</v>
      </c>
      <c r="B30045" t="s">
        <v>45314</v>
      </c>
      <c r="C30045">
        <v>1</v>
      </c>
      <c r="D30045">
        <v>0</v>
      </c>
    </row>
    <row r="30046" spans="1:4" x14ac:dyDescent="0.25">
      <c r="A30046" t="s">
        <v>45313</v>
      </c>
      <c r="B30046" t="s">
        <v>45315</v>
      </c>
      <c r="C30046">
        <v>1</v>
      </c>
      <c r="D30046">
        <v>0</v>
      </c>
    </row>
    <row r="30047" spans="1:4" x14ac:dyDescent="0.25">
      <c r="A30047" t="s">
        <v>45313</v>
      </c>
      <c r="B30047" t="s">
        <v>45316</v>
      </c>
      <c r="C30047">
        <v>1</v>
      </c>
      <c r="D30047">
        <v>0</v>
      </c>
    </row>
    <row r="30048" spans="1:4" x14ac:dyDescent="0.25">
      <c r="A30048" t="s">
        <v>45317</v>
      </c>
      <c r="B30048" t="s">
        <v>45318</v>
      </c>
      <c r="C30048">
        <v>2</v>
      </c>
      <c r="D30048">
        <v>0</v>
      </c>
    </row>
    <row r="30049" spans="1:4" x14ac:dyDescent="0.25">
      <c r="A30049" t="s">
        <v>45319</v>
      </c>
      <c r="B30049" t="s">
        <v>45320</v>
      </c>
      <c r="C30049">
        <v>0</v>
      </c>
      <c r="D30049">
        <v>0</v>
      </c>
    </row>
    <row r="30050" spans="1:4" x14ac:dyDescent="0.25">
      <c r="A30050" t="s">
        <v>45321</v>
      </c>
      <c r="B30050" t="s">
        <v>45322</v>
      </c>
      <c r="C30050">
        <v>1</v>
      </c>
      <c r="D30050">
        <v>0</v>
      </c>
    </row>
    <row r="30051" spans="1:4" x14ac:dyDescent="0.25">
      <c r="A30051" t="s">
        <v>45321</v>
      </c>
      <c r="B30051" t="s">
        <v>45323</v>
      </c>
      <c r="C30051">
        <v>0</v>
      </c>
      <c r="D30051">
        <v>0</v>
      </c>
    </row>
    <row r="30052" spans="1:4" x14ac:dyDescent="0.25">
      <c r="A30052" t="s">
        <v>45321</v>
      </c>
      <c r="B30052" t="s">
        <v>45324</v>
      </c>
      <c r="C30052">
        <v>1</v>
      </c>
      <c r="D30052">
        <v>0</v>
      </c>
    </row>
    <row r="30053" spans="1:4" x14ac:dyDescent="0.25">
      <c r="A30053" t="s">
        <v>45325</v>
      </c>
      <c r="B30053" t="s">
        <v>398</v>
      </c>
      <c r="C30053">
        <v>0</v>
      </c>
      <c r="D30053">
        <v>0</v>
      </c>
    </row>
    <row r="30054" spans="1:4" x14ac:dyDescent="0.25">
      <c r="A30054" t="s">
        <v>45326</v>
      </c>
      <c r="B30054" t="s">
        <v>45327</v>
      </c>
      <c r="C30054">
        <v>1</v>
      </c>
      <c r="D30054">
        <v>0</v>
      </c>
    </row>
    <row r="30055" spans="1:4" x14ac:dyDescent="0.25">
      <c r="A30055" t="s">
        <v>45326</v>
      </c>
      <c r="B30055" t="s">
        <v>45328</v>
      </c>
      <c r="C30055">
        <v>0</v>
      </c>
      <c r="D30055">
        <v>0</v>
      </c>
    </row>
    <row r="30056" spans="1:4" x14ac:dyDescent="0.25">
      <c r="A30056" t="s">
        <v>45329</v>
      </c>
      <c r="B30056" t="s">
        <v>45330</v>
      </c>
      <c r="C30056">
        <v>1</v>
      </c>
      <c r="D30056">
        <v>0</v>
      </c>
    </row>
    <row r="30057" spans="1:4" x14ac:dyDescent="0.25">
      <c r="A30057" t="s">
        <v>45329</v>
      </c>
      <c r="B30057" t="s">
        <v>45331</v>
      </c>
      <c r="C30057">
        <v>1</v>
      </c>
      <c r="D30057">
        <v>0</v>
      </c>
    </row>
    <row r="30058" spans="1:4" x14ac:dyDescent="0.25">
      <c r="A30058" t="s">
        <v>45329</v>
      </c>
      <c r="B30058" t="s">
        <v>45332</v>
      </c>
      <c r="C30058">
        <v>0</v>
      </c>
      <c r="D30058">
        <v>0</v>
      </c>
    </row>
    <row r="30059" spans="1:4" x14ac:dyDescent="0.25">
      <c r="A30059" t="s">
        <v>45333</v>
      </c>
      <c r="B30059" t="s">
        <v>45334</v>
      </c>
      <c r="C30059">
        <v>2</v>
      </c>
      <c r="D30059">
        <v>0</v>
      </c>
    </row>
    <row r="30060" spans="1:4" x14ac:dyDescent="0.25">
      <c r="A30060" t="s">
        <v>45333</v>
      </c>
      <c r="B30060" t="s">
        <v>45335</v>
      </c>
      <c r="C30060">
        <v>1</v>
      </c>
      <c r="D30060">
        <v>0</v>
      </c>
    </row>
    <row r="30061" spans="1:4" x14ac:dyDescent="0.25">
      <c r="A30061" t="s">
        <v>45333</v>
      </c>
      <c r="B30061" t="s">
        <v>45336</v>
      </c>
      <c r="C30061">
        <v>2</v>
      </c>
      <c r="D30061">
        <v>0</v>
      </c>
    </row>
    <row r="30062" spans="1:4" x14ac:dyDescent="0.25">
      <c r="A30062" t="s">
        <v>45337</v>
      </c>
      <c r="B30062" t="s">
        <v>852</v>
      </c>
      <c r="C30062">
        <v>0</v>
      </c>
      <c r="D30062">
        <v>0</v>
      </c>
    </row>
    <row r="30063" spans="1:4" x14ac:dyDescent="0.25">
      <c r="A30063" t="s">
        <v>45338</v>
      </c>
      <c r="B30063" t="s">
        <v>45339</v>
      </c>
      <c r="C30063">
        <v>0</v>
      </c>
      <c r="D30063">
        <v>0</v>
      </c>
    </row>
    <row r="30064" spans="1:4" x14ac:dyDescent="0.25">
      <c r="A30064" t="s">
        <v>45338</v>
      </c>
      <c r="B30064" t="s">
        <v>45340</v>
      </c>
      <c r="C30064">
        <v>2</v>
      </c>
      <c r="D30064">
        <v>0</v>
      </c>
    </row>
    <row r="30065" spans="1:4" x14ac:dyDescent="0.25">
      <c r="A30065" t="s">
        <v>45338</v>
      </c>
      <c r="B30065" t="s">
        <v>45341</v>
      </c>
      <c r="C30065">
        <v>0</v>
      </c>
      <c r="D30065">
        <v>0</v>
      </c>
    </row>
    <row r="30066" spans="1:4" x14ac:dyDescent="0.25">
      <c r="A30066" t="s">
        <v>45342</v>
      </c>
      <c r="B30066" t="s">
        <v>45343</v>
      </c>
      <c r="C30066">
        <v>2</v>
      </c>
      <c r="D30066">
        <v>0</v>
      </c>
    </row>
    <row r="30067" spans="1:4" x14ac:dyDescent="0.25">
      <c r="A30067" t="s">
        <v>45342</v>
      </c>
      <c r="B30067" t="s">
        <v>45344</v>
      </c>
      <c r="C30067">
        <v>0</v>
      </c>
      <c r="D30067">
        <v>0</v>
      </c>
    </row>
    <row r="30068" spans="1:4" x14ac:dyDescent="0.25">
      <c r="A30068" t="s">
        <v>45342</v>
      </c>
      <c r="B30068" t="s">
        <v>45345</v>
      </c>
      <c r="C30068">
        <v>1</v>
      </c>
      <c r="D30068">
        <v>0</v>
      </c>
    </row>
    <row r="30069" spans="1:4" x14ac:dyDescent="0.25">
      <c r="A30069" t="s">
        <v>45346</v>
      </c>
      <c r="B30069" t="s">
        <v>45347</v>
      </c>
      <c r="C30069">
        <v>0</v>
      </c>
      <c r="D30069">
        <v>0</v>
      </c>
    </row>
    <row r="30070" spans="1:4" x14ac:dyDescent="0.25">
      <c r="A30070" t="s">
        <v>45348</v>
      </c>
      <c r="B30070" t="s">
        <v>45349</v>
      </c>
      <c r="C30070">
        <v>1</v>
      </c>
      <c r="D30070">
        <v>0</v>
      </c>
    </row>
    <row r="30071" spans="1:4" x14ac:dyDescent="0.25">
      <c r="A30071" t="s">
        <v>45348</v>
      </c>
      <c r="B30071" t="s">
        <v>45350</v>
      </c>
      <c r="C30071">
        <v>1</v>
      </c>
      <c r="D30071">
        <v>0</v>
      </c>
    </row>
    <row r="30072" spans="1:4" x14ac:dyDescent="0.25">
      <c r="A30072" t="s">
        <v>45351</v>
      </c>
      <c r="B30072" t="s">
        <v>45352</v>
      </c>
      <c r="C30072">
        <v>0</v>
      </c>
      <c r="D30072">
        <v>0</v>
      </c>
    </row>
    <row r="30073" spans="1:4" x14ac:dyDescent="0.25">
      <c r="A30073" t="s">
        <v>45351</v>
      </c>
      <c r="B30073" t="s">
        <v>45353</v>
      </c>
      <c r="C30073">
        <v>1</v>
      </c>
      <c r="D30073">
        <v>0</v>
      </c>
    </row>
    <row r="30074" spans="1:4" x14ac:dyDescent="0.25">
      <c r="A30074" t="s">
        <v>45351</v>
      </c>
      <c r="B30074" t="s">
        <v>45354</v>
      </c>
      <c r="C30074">
        <v>2</v>
      </c>
      <c r="D30074">
        <v>0</v>
      </c>
    </row>
    <row r="30075" spans="1:4" x14ac:dyDescent="0.25">
      <c r="A30075" t="s">
        <v>45355</v>
      </c>
      <c r="B30075" t="s">
        <v>45356</v>
      </c>
      <c r="C30075">
        <v>1</v>
      </c>
      <c r="D30075">
        <v>0</v>
      </c>
    </row>
    <row r="30076" spans="1:4" x14ac:dyDescent="0.25">
      <c r="A30076" t="s">
        <v>45355</v>
      </c>
      <c r="B30076" t="s">
        <v>33131</v>
      </c>
      <c r="C30076">
        <v>1</v>
      </c>
      <c r="D30076">
        <v>0</v>
      </c>
    </row>
    <row r="30077" spans="1:4" x14ac:dyDescent="0.25">
      <c r="A30077" t="s">
        <v>45355</v>
      </c>
      <c r="B30077" t="s">
        <v>45357</v>
      </c>
      <c r="C30077">
        <v>2</v>
      </c>
      <c r="D30077">
        <v>0</v>
      </c>
    </row>
    <row r="30078" spans="1:4" x14ac:dyDescent="0.25">
      <c r="A30078" t="s">
        <v>45358</v>
      </c>
      <c r="B30078" t="s">
        <v>45359</v>
      </c>
      <c r="C30078">
        <v>2</v>
      </c>
      <c r="D30078">
        <v>0</v>
      </c>
    </row>
    <row r="30079" spans="1:4" x14ac:dyDescent="0.25">
      <c r="A30079" t="s">
        <v>45358</v>
      </c>
      <c r="B30079" t="s">
        <v>45360</v>
      </c>
      <c r="C30079">
        <v>1</v>
      </c>
      <c r="D30079">
        <v>0</v>
      </c>
    </row>
    <row r="30080" spans="1:4" x14ac:dyDescent="0.25">
      <c r="A30080" t="s">
        <v>45358</v>
      </c>
      <c r="B30080" t="s">
        <v>45361</v>
      </c>
      <c r="C30080">
        <v>0</v>
      </c>
      <c r="D30080">
        <v>0</v>
      </c>
    </row>
    <row r="30081" spans="1:4" x14ac:dyDescent="0.25">
      <c r="A30081" t="s">
        <v>45362</v>
      </c>
      <c r="B30081" t="s">
        <v>45363</v>
      </c>
      <c r="C30081">
        <v>1</v>
      </c>
      <c r="D30081">
        <v>0</v>
      </c>
    </row>
    <row r="30082" spans="1:4" x14ac:dyDescent="0.25">
      <c r="A30082" t="s">
        <v>45364</v>
      </c>
      <c r="B30082" t="s">
        <v>45365</v>
      </c>
      <c r="C30082">
        <v>1</v>
      </c>
      <c r="D30082">
        <v>0</v>
      </c>
    </row>
    <row r="30083" spans="1:4" x14ac:dyDescent="0.25">
      <c r="A30083" t="s">
        <v>45364</v>
      </c>
      <c r="B30083" t="s">
        <v>45366</v>
      </c>
      <c r="C30083">
        <v>2</v>
      </c>
      <c r="D30083">
        <v>0</v>
      </c>
    </row>
    <row r="30084" spans="1:4" x14ac:dyDescent="0.25">
      <c r="A30084" t="s">
        <v>45367</v>
      </c>
      <c r="B30084" t="s">
        <v>45368</v>
      </c>
      <c r="C30084">
        <v>0</v>
      </c>
      <c r="D30084">
        <v>0</v>
      </c>
    </row>
    <row r="30085" spans="1:4" x14ac:dyDescent="0.25">
      <c r="A30085" t="s">
        <v>45367</v>
      </c>
      <c r="B30085" t="s">
        <v>45369</v>
      </c>
      <c r="C30085">
        <v>1</v>
      </c>
      <c r="D30085">
        <v>0</v>
      </c>
    </row>
    <row r="30086" spans="1:4" x14ac:dyDescent="0.25">
      <c r="A30086" t="s">
        <v>45367</v>
      </c>
      <c r="B30086" t="s">
        <v>45370</v>
      </c>
      <c r="C30086">
        <v>1</v>
      </c>
      <c r="D30086">
        <v>0</v>
      </c>
    </row>
    <row r="30087" spans="1:4" x14ac:dyDescent="0.25">
      <c r="A30087" t="s">
        <v>45371</v>
      </c>
      <c r="B30087" t="s">
        <v>45372</v>
      </c>
      <c r="C30087">
        <v>1</v>
      </c>
      <c r="D30087">
        <v>0</v>
      </c>
    </row>
    <row r="30088" spans="1:4" x14ac:dyDescent="0.25">
      <c r="A30088" t="s">
        <v>45371</v>
      </c>
      <c r="B30088" t="s">
        <v>45373</v>
      </c>
      <c r="C30088">
        <v>2</v>
      </c>
      <c r="D30088">
        <v>0</v>
      </c>
    </row>
    <row r="30089" spans="1:4" x14ac:dyDescent="0.25">
      <c r="A30089" t="s">
        <v>45374</v>
      </c>
      <c r="B30089" t="s">
        <v>45375</v>
      </c>
      <c r="C30089">
        <v>0</v>
      </c>
      <c r="D30089">
        <v>0</v>
      </c>
    </row>
    <row r="30090" spans="1:4" x14ac:dyDescent="0.25">
      <c r="A30090" t="s">
        <v>45374</v>
      </c>
      <c r="B30090" t="s">
        <v>45376</v>
      </c>
      <c r="C30090">
        <v>1</v>
      </c>
      <c r="D30090">
        <v>0</v>
      </c>
    </row>
    <row r="30091" spans="1:4" x14ac:dyDescent="0.25">
      <c r="A30091" t="s">
        <v>45374</v>
      </c>
      <c r="B30091" t="s">
        <v>2267</v>
      </c>
      <c r="C30091">
        <v>0</v>
      </c>
      <c r="D30091">
        <v>0</v>
      </c>
    </row>
    <row r="30092" spans="1:4" x14ac:dyDescent="0.25">
      <c r="A30092" t="s">
        <v>45377</v>
      </c>
      <c r="B30092" t="s">
        <v>45378</v>
      </c>
      <c r="C30092">
        <v>0</v>
      </c>
      <c r="D30092">
        <v>0</v>
      </c>
    </row>
    <row r="30093" spans="1:4" x14ac:dyDescent="0.25">
      <c r="A30093" t="s">
        <v>45379</v>
      </c>
      <c r="B30093" t="s">
        <v>45380</v>
      </c>
      <c r="C30093">
        <v>2</v>
      </c>
      <c r="D30093">
        <v>0</v>
      </c>
    </row>
    <row r="30094" spans="1:4" x14ac:dyDescent="0.25">
      <c r="A30094" t="s">
        <v>45379</v>
      </c>
      <c r="B30094" t="s">
        <v>45381</v>
      </c>
      <c r="C30094">
        <v>1</v>
      </c>
      <c r="D30094">
        <v>0</v>
      </c>
    </row>
    <row r="30095" spans="1:4" x14ac:dyDescent="0.25">
      <c r="A30095" t="s">
        <v>45379</v>
      </c>
      <c r="B30095" t="s">
        <v>45382</v>
      </c>
      <c r="C30095">
        <v>1</v>
      </c>
      <c r="D30095">
        <v>0</v>
      </c>
    </row>
    <row r="30096" spans="1:4" x14ac:dyDescent="0.25">
      <c r="A30096" t="s">
        <v>45383</v>
      </c>
      <c r="B30096" t="s">
        <v>843</v>
      </c>
      <c r="C30096">
        <v>1</v>
      </c>
      <c r="D30096">
        <v>0</v>
      </c>
    </row>
    <row r="30097" spans="1:4" x14ac:dyDescent="0.25">
      <c r="A30097" t="s">
        <v>45384</v>
      </c>
      <c r="B30097" t="s">
        <v>45385</v>
      </c>
      <c r="C30097">
        <v>0</v>
      </c>
      <c r="D30097">
        <v>0</v>
      </c>
    </row>
    <row r="30098" spans="1:4" x14ac:dyDescent="0.25">
      <c r="A30098" t="s">
        <v>45384</v>
      </c>
      <c r="B30098" t="s">
        <v>45386</v>
      </c>
      <c r="C30098">
        <v>1</v>
      </c>
      <c r="D30098">
        <v>0</v>
      </c>
    </row>
    <row r="30099" spans="1:4" x14ac:dyDescent="0.25">
      <c r="A30099" t="s">
        <v>45387</v>
      </c>
      <c r="B30099" t="s">
        <v>45388</v>
      </c>
      <c r="C30099">
        <v>1</v>
      </c>
      <c r="D30099">
        <v>0</v>
      </c>
    </row>
    <row r="30100" spans="1:4" x14ac:dyDescent="0.25">
      <c r="A30100" t="s">
        <v>45387</v>
      </c>
      <c r="B30100" t="s">
        <v>5000</v>
      </c>
      <c r="C30100">
        <v>1</v>
      </c>
      <c r="D30100">
        <v>0</v>
      </c>
    </row>
    <row r="30101" spans="1:4" x14ac:dyDescent="0.25">
      <c r="A30101" t="s">
        <v>45387</v>
      </c>
      <c r="B30101" t="s">
        <v>45389</v>
      </c>
      <c r="C30101">
        <v>1</v>
      </c>
      <c r="D30101">
        <v>0</v>
      </c>
    </row>
    <row r="30102" spans="1:4" x14ac:dyDescent="0.25">
      <c r="A30102" t="s">
        <v>45390</v>
      </c>
      <c r="B30102" t="s">
        <v>45391</v>
      </c>
      <c r="C30102">
        <v>1</v>
      </c>
      <c r="D30102">
        <v>0</v>
      </c>
    </row>
    <row r="30103" spans="1:4" x14ac:dyDescent="0.25">
      <c r="A30103" t="s">
        <v>45390</v>
      </c>
      <c r="B30103" t="s">
        <v>45392</v>
      </c>
      <c r="C30103">
        <v>1</v>
      </c>
      <c r="D30103">
        <v>0</v>
      </c>
    </row>
    <row r="30104" spans="1:4" x14ac:dyDescent="0.25">
      <c r="A30104" t="s">
        <v>45393</v>
      </c>
      <c r="B30104" t="s">
        <v>45394</v>
      </c>
      <c r="C30104">
        <v>2</v>
      </c>
      <c r="D30104">
        <v>0</v>
      </c>
    </row>
    <row r="30105" spans="1:4" x14ac:dyDescent="0.25">
      <c r="A30105" t="s">
        <v>45395</v>
      </c>
      <c r="B30105" t="s">
        <v>45396</v>
      </c>
      <c r="C30105">
        <v>1</v>
      </c>
      <c r="D30105">
        <v>0</v>
      </c>
    </row>
    <row r="30106" spans="1:4" x14ac:dyDescent="0.25">
      <c r="A30106" t="s">
        <v>45395</v>
      </c>
      <c r="B30106" t="s">
        <v>45397</v>
      </c>
      <c r="C30106">
        <v>0</v>
      </c>
      <c r="D30106">
        <v>0</v>
      </c>
    </row>
    <row r="30107" spans="1:4" x14ac:dyDescent="0.25">
      <c r="A30107" t="s">
        <v>45395</v>
      </c>
      <c r="B30107" t="s">
        <v>45398</v>
      </c>
      <c r="C30107">
        <v>0</v>
      </c>
      <c r="D30107">
        <v>0</v>
      </c>
    </row>
    <row r="30108" spans="1:4" x14ac:dyDescent="0.25">
      <c r="A30108" t="s">
        <v>45399</v>
      </c>
      <c r="B30108" t="s">
        <v>45400</v>
      </c>
      <c r="C30108">
        <v>2</v>
      </c>
      <c r="D30108">
        <v>0</v>
      </c>
    </row>
    <row r="30109" spans="1:4" x14ac:dyDescent="0.25">
      <c r="A30109" t="s">
        <v>45401</v>
      </c>
      <c r="B30109" t="s">
        <v>1555</v>
      </c>
      <c r="C30109">
        <v>2</v>
      </c>
      <c r="D30109">
        <v>0</v>
      </c>
    </row>
    <row r="30110" spans="1:4" x14ac:dyDescent="0.25">
      <c r="A30110" t="s">
        <v>45401</v>
      </c>
      <c r="B30110" t="s">
        <v>1769</v>
      </c>
      <c r="C30110">
        <v>1</v>
      </c>
      <c r="D30110">
        <v>0</v>
      </c>
    </row>
    <row r="30111" spans="1:4" x14ac:dyDescent="0.25">
      <c r="A30111" t="s">
        <v>45402</v>
      </c>
      <c r="B30111" t="s">
        <v>2061</v>
      </c>
      <c r="C30111">
        <v>0</v>
      </c>
      <c r="D30111">
        <v>0</v>
      </c>
    </row>
    <row r="30112" spans="1:4" x14ac:dyDescent="0.25">
      <c r="A30112" t="s">
        <v>45403</v>
      </c>
      <c r="B30112" t="s">
        <v>45404</v>
      </c>
      <c r="C30112">
        <v>0</v>
      </c>
      <c r="D30112">
        <v>0</v>
      </c>
    </row>
    <row r="30113" spans="1:4" x14ac:dyDescent="0.25">
      <c r="A30113" t="s">
        <v>45403</v>
      </c>
      <c r="B30113" t="s">
        <v>45405</v>
      </c>
      <c r="C30113">
        <v>0</v>
      </c>
      <c r="D30113">
        <v>0</v>
      </c>
    </row>
    <row r="30114" spans="1:4" x14ac:dyDescent="0.25">
      <c r="A30114" t="s">
        <v>45406</v>
      </c>
      <c r="B30114" t="s">
        <v>1001</v>
      </c>
      <c r="C30114">
        <v>1</v>
      </c>
      <c r="D30114">
        <v>0</v>
      </c>
    </row>
    <row r="30115" spans="1:4" x14ac:dyDescent="0.25">
      <c r="A30115" t="s">
        <v>45407</v>
      </c>
      <c r="B30115" t="s">
        <v>45408</v>
      </c>
      <c r="C30115">
        <v>2</v>
      </c>
      <c r="D30115">
        <v>0</v>
      </c>
    </row>
    <row r="30116" spans="1:4" x14ac:dyDescent="0.25">
      <c r="A30116" t="s">
        <v>45407</v>
      </c>
      <c r="B30116" t="s">
        <v>45409</v>
      </c>
      <c r="C30116">
        <v>2</v>
      </c>
      <c r="D30116">
        <v>0</v>
      </c>
    </row>
    <row r="30117" spans="1:4" x14ac:dyDescent="0.25">
      <c r="A30117" t="s">
        <v>45410</v>
      </c>
      <c r="B30117" t="s">
        <v>45411</v>
      </c>
      <c r="C30117">
        <v>0</v>
      </c>
      <c r="D30117">
        <v>0</v>
      </c>
    </row>
    <row r="30118" spans="1:4" x14ac:dyDescent="0.25">
      <c r="A30118" t="s">
        <v>45410</v>
      </c>
      <c r="B30118" t="s">
        <v>45412</v>
      </c>
      <c r="C30118">
        <v>0</v>
      </c>
      <c r="D30118">
        <v>0</v>
      </c>
    </row>
    <row r="30119" spans="1:4" x14ac:dyDescent="0.25">
      <c r="A30119" t="s">
        <v>45413</v>
      </c>
      <c r="B30119" t="s">
        <v>44826</v>
      </c>
      <c r="C30119">
        <v>0</v>
      </c>
      <c r="D30119">
        <v>0</v>
      </c>
    </row>
    <row r="30120" spans="1:4" x14ac:dyDescent="0.25">
      <c r="A30120" t="s">
        <v>45413</v>
      </c>
      <c r="B30120" t="s">
        <v>43888</v>
      </c>
      <c r="C30120">
        <v>0</v>
      </c>
      <c r="D30120">
        <v>0</v>
      </c>
    </row>
    <row r="30121" spans="1:4" x14ac:dyDescent="0.25">
      <c r="A30121" t="s">
        <v>45413</v>
      </c>
      <c r="B30121" t="s">
        <v>45414</v>
      </c>
      <c r="C30121">
        <v>1</v>
      </c>
      <c r="D30121">
        <v>0</v>
      </c>
    </row>
    <row r="30122" spans="1:4" x14ac:dyDescent="0.25">
      <c r="A30122" t="s">
        <v>45415</v>
      </c>
      <c r="B30122" t="s">
        <v>45416</v>
      </c>
      <c r="C30122">
        <v>0</v>
      </c>
      <c r="D30122">
        <v>0</v>
      </c>
    </row>
    <row r="30123" spans="1:4" x14ac:dyDescent="0.25">
      <c r="A30123" t="s">
        <v>45417</v>
      </c>
      <c r="B30123" t="s">
        <v>45418</v>
      </c>
      <c r="C30123">
        <v>0</v>
      </c>
      <c r="D30123">
        <v>0</v>
      </c>
    </row>
    <row r="30124" spans="1:4" x14ac:dyDescent="0.25">
      <c r="A30124" t="s">
        <v>45417</v>
      </c>
      <c r="B30124" t="s">
        <v>45419</v>
      </c>
      <c r="C30124">
        <v>0</v>
      </c>
      <c r="D30124">
        <v>0</v>
      </c>
    </row>
    <row r="30125" spans="1:4" x14ac:dyDescent="0.25">
      <c r="A30125" t="s">
        <v>45417</v>
      </c>
      <c r="B30125" t="s">
        <v>45420</v>
      </c>
      <c r="C30125">
        <v>1</v>
      </c>
      <c r="D30125">
        <v>0</v>
      </c>
    </row>
    <row r="30126" spans="1:4" x14ac:dyDescent="0.25">
      <c r="A30126" t="s">
        <v>45421</v>
      </c>
      <c r="B30126" t="s">
        <v>45422</v>
      </c>
      <c r="C30126">
        <v>1</v>
      </c>
      <c r="D30126">
        <v>0</v>
      </c>
    </row>
    <row r="30127" spans="1:4" x14ac:dyDescent="0.25">
      <c r="A30127" t="s">
        <v>45423</v>
      </c>
      <c r="B30127" t="s">
        <v>45424</v>
      </c>
      <c r="C30127">
        <v>0</v>
      </c>
      <c r="D30127">
        <v>0</v>
      </c>
    </row>
    <row r="30128" spans="1:4" x14ac:dyDescent="0.25">
      <c r="A30128" t="s">
        <v>45425</v>
      </c>
      <c r="B30128" t="s">
        <v>45426</v>
      </c>
      <c r="C30128">
        <v>1</v>
      </c>
      <c r="D30128">
        <v>0</v>
      </c>
    </row>
    <row r="30129" spans="1:4" x14ac:dyDescent="0.25">
      <c r="A30129" t="s">
        <v>45425</v>
      </c>
      <c r="B30129" t="s">
        <v>45427</v>
      </c>
      <c r="C30129">
        <v>2</v>
      </c>
      <c r="D30129">
        <v>0</v>
      </c>
    </row>
    <row r="30130" spans="1:4" x14ac:dyDescent="0.25">
      <c r="A30130" t="s">
        <v>45425</v>
      </c>
      <c r="B30130" t="s">
        <v>45428</v>
      </c>
      <c r="C30130">
        <v>0</v>
      </c>
      <c r="D30130">
        <v>0</v>
      </c>
    </row>
    <row r="30131" spans="1:4" x14ac:dyDescent="0.25">
      <c r="A30131" t="s">
        <v>45429</v>
      </c>
      <c r="B30131" t="s">
        <v>45430</v>
      </c>
      <c r="C30131">
        <v>1</v>
      </c>
      <c r="D30131">
        <v>0</v>
      </c>
    </row>
    <row r="30132" spans="1:4" x14ac:dyDescent="0.25">
      <c r="A30132" t="s">
        <v>45429</v>
      </c>
      <c r="B30132" t="s">
        <v>3292</v>
      </c>
      <c r="C30132">
        <v>0</v>
      </c>
      <c r="D30132">
        <v>0</v>
      </c>
    </row>
    <row r="30133" spans="1:4" x14ac:dyDescent="0.25">
      <c r="A30133" t="s">
        <v>45431</v>
      </c>
      <c r="B30133" t="s">
        <v>45432</v>
      </c>
      <c r="C30133">
        <v>1</v>
      </c>
      <c r="D30133">
        <v>0</v>
      </c>
    </row>
    <row r="30134" spans="1:4" x14ac:dyDescent="0.25">
      <c r="A30134" t="s">
        <v>45431</v>
      </c>
      <c r="B30134" t="s">
        <v>45433</v>
      </c>
      <c r="C30134">
        <v>2</v>
      </c>
      <c r="D30134">
        <v>0</v>
      </c>
    </row>
    <row r="30135" spans="1:4" x14ac:dyDescent="0.25">
      <c r="A30135" t="s">
        <v>45434</v>
      </c>
      <c r="B30135" t="s">
        <v>45435</v>
      </c>
      <c r="C30135">
        <v>1</v>
      </c>
      <c r="D30135">
        <v>0</v>
      </c>
    </row>
    <row r="30136" spans="1:4" x14ac:dyDescent="0.25">
      <c r="A30136" t="s">
        <v>45434</v>
      </c>
      <c r="B30136" t="s">
        <v>45436</v>
      </c>
      <c r="C30136">
        <v>2</v>
      </c>
      <c r="D30136">
        <v>0</v>
      </c>
    </row>
    <row r="30137" spans="1:4" x14ac:dyDescent="0.25">
      <c r="A30137" t="s">
        <v>45437</v>
      </c>
      <c r="B30137" t="s">
        <v>2651</v>
      </c>
      <c r="C30137">
        <v>0</v>
      </c>
      <c r="D30137">
        <v>0</v>
      </c>
    </row>
    <row r="30138" spans="1:4" x14ac:dyDescent="0.25">
      <c r="A30138" t="s">
        <v>45438</v>
      </c>
      <c r="B30138" t="s">
        <v>398</v>
      </c>
      <c r="C30138">
        <v>0</v>
      </c>
      <c r="D30138">
        <v>0</v>
      </c>
    </row>
    <row r="30139" spans="1:4" x14ac:dyDescent="0.25">
      <c r="A30139" t="s">
        <v>45439</v>
      </c>
      <c r="B30139" t="s">
        <v>45440</v>
      </c>
      <c r="C30139">
        <v>0</v>
      </c>
      <c r="D30139">
        <v>0</v>
      </c>
    </row>
    <row r="30140" spans="1:4" x14ac:dyDescent="0.25">
      <c r="A30140" t="s">
        <v>45441</v>
      </c>
      <c r="B30140" t="s">
        <v>45442</v>
      </c>
      <c r="C30140">
        <v>0</v>
      </c>
      <c r="D30140">
        <v>0</v>
      </c>
    </row>
    <row r="30141" spans="1:4" x14ac:dyDescent="0.25">
      <c r="A30141" t="s">
        <v>45441</v>
      </c>
      <c r="B30141" t="s">
        <v>45443</v>
      </c>
      <c r="C30141">
        <v>0</v>
      </c>
      <c r="D30141">
        <v>0</v>
      </c>
    </row>
    <row r="30142" spans="1:4" x14ac:dyDescent="0.25">
      <c r="A30142" t="s">
        <v>45444</v>
      </c>
      <c r="B30142" t="s">
        <v>45445</v>
      </c>
      <c r="C30142">
        <v>0</v>
      </c>
      <c r="D30142">
        <v>0</v>
      </c>
    </row>
    <row r="30143" spans="1:4" x14ac:dyDescent="0.25">
      <c r="A30143" t="s">
        <v>45444</v>
      </c>
      <c r="B30143" t="s">
        <v>45446</v>
      </c>
      <c r="C30143">
        <v>1</v>
      </c>
      <c r="D30143">
        <v>0</v>
      </c>
    </row>
    <row r="30144" spans="1:4" x14ac:dyDescent="0.25">
      <c r="A30144" t="s">
        <v>45447</v>
      </c>
      <c r="B30144" t="s">
        <v>45448</v>
      </c>
      <c r="C30144">
        <v>0</v>
      </c>
      <c r="D30144">
        <v>0</v>
      </c>
    </row>
    <row r="30145" spans="1:4" x14ac:dyDescent="0.25">
      <c r="A30145" t="s">
        <v>45447</v>
      </c>
      <c r="B30145" t="s">
        <v>45449</v>
      </c>
      <c r="C30145">
        <v>2</v>
      </c>
      <c r="D30145">
        <v>0</v>
      </c>
    </row>
    <row r="30146" spans="1:4" x14ac:dyDescent="0.25">
      <c r="A30146" t="s">
        <v>45447</v>
      </c>
      <c r="B30146" t="s">
        <v>45450</v>
      </c>
      <c r="C30146">
        <v>1</v>
      </c>
      <c r="D30146">
        <v>0</v>
      </c>
    </row>
    <row r="30147" spans="1:4" x14ac:dyDescent="0.25">
      <c r="A30147" t="s">
        <v>45451</v>
      </c>
      <c r="B30147" t="s">
        <v>45452</v>
      </c>
      <c r="C30147">
        <v>0</v>
      </c>
      <c r="D30147">
        <v>0</v>
      </c>
    </row>
    <row r="30148" spans="1:4" x14ac:dyDescent="0.25">
      <c r="A30148" t="s">
        <v>45451</v>
      </c>
      <c r="B30148" t="s">
        <v>45453</v>
      </c>
      <c r="C30148">
        <v>2</v>
      </c>
      <c r="D30148">
        <v>0</v>
      </c>
    </row>
    <row r="30149" spans="1:4" x14ac:dyDescent="0.25">
      <c r="A30149" t="s">
        <v>45451</v>
      </c>
      <c r="B30149" t="s">
        <v>45454</v>
      </c>
      <c r="C30149">
        <v>2</v>
      </c>
      <c r="D30149">
        <v>0</v>
      </c>
    </row>
    <row r="30150" spans="1:4" x14ac:dyDescent="0.25">
      <c r="A30150" t="s">
        <v>45455</v>
      </c>
      <c r="B30150" t="s">
        <v>45456</v>
      </c>
      <c r="C30150">
        <v>0</v>
      </c>
      <c r="D30150">
        <v>0</v>
      </c>
    </row>
    <row r="30151" spans="1:4" x14ac:dyDescent="0.25">
      <c r="A30151" t="s">
        <v>45455</v>
      </c>
      <c r="B30151" t="s">
        <v>45457</v>
      </c>
      <c r="C30151">
        <v>2</v>
      </c>
      <c r="D30151">
        <v>0</v>
      </c>
    </row>
    <row r="30152" spans="1:4" x14ac:dyDescent="0.25">
      <c r="A30152" t="s">
        <v>45455</v>
      </c>
      <c r="B30152" t="s">
        <v>45458</v>
      </c>
      <c r="C30152">
        <v>0</v>
      </c>
      <c r="D30152">
        <v>0</v>
      </c>
    </row>
    <row r="30153" spans="1:4" x14ac:dyDescent="0.25">
      <c r="A30153" t="s">
        <v>45459</v>
      </c>
      <c r="B30153" t="s">
        <v>45460</v>
      </c>
      <c r="C30153">
        <v>1</v>
      </c>
      <c r="D30153">
        <v>0</v>
      </c>
    </row>
    <row r="30154" spans="1:4" x14ac:dyDescent="0.25">
      <c r="A30154" t="s">
        <v>45459</v>
      </c>
      <c r="B30154" t="s">
        <v>45461</v>
      </c>
      <c r="C30154">
        <v>1</v>
      </c>
      <c r="D30154">
        <v>0</v>
      </c>
    </row>
    <row r="30155" spans="1:4" x14ac:dyDescent="0.25">
      <c r="A30155" t="s">
        <v>45459</v>
      </c>
      <c r="B30155" t="s">
        <v>45462</v>
      </c>
      <c r="C30155">
        <v>1</v>
      </c>
      <c r="D30155">
        <v>0</v>
      </c>
    </row>
    <row r="30156" spans="1:4" x14ac:dyDescent="0.25">
      <c r="A30156" t="s">
        <v>45463</v>
      </c>
      <c r="B30156" t="s">
        <v>45464</v>
      </c>
      <c r="C30156">
        <v>1</v>
      </c>
      <c r="D30156">
        <v>0</v>
      </c>
    </row>
    <row r="30157" spans="1:4" x14ac:dyDescent="0.25">
      <c r="A30157" t="s">
        <v>45463</v>
      </c>
      <c r="B30157" t="s">
        <v>45465</v>
      </c>
      <c r="C30157">
        <v>0</v>
      </c>
      <c r="D30157">
        <v>0</v>
      </c>
    </row>
    <row r="30158" spans="1:4" x14ac:dyDescent="0.25">
      <c r="A30158" t="s">
        <v>45466</v>
      </c>
      <c r="B30158" t="s">
        <v>45467</v>
      </c>
      <c r="C30158">
        <v>1</v>
      </c>
      <c r="D30158">
        <v>0</v>
      </c>
    </row>
    <row r="30159" spans="1:4" x14ac:dyDescent="0.25">
      <c r="A30159" t="s">
        <v>45468</v>
      </c>
      <c r="B30159" t="s">
        <v>45469</v>
      </c>
      <c r="C30159">
        <v>0</v>
      </c>
      <c r="D30159">
        <v>0</v>
      </c>
    </row>
    <row r="30160" spans="1:4" x14ac:dyDescent="0.25">
      <c r="A30160" t="s">
        <v>45468</v>
      </c>
      <c r="B30160" t="s">
        <v>45470</v>
      </c>
      <c r="C30160">
        <v>1</v>
      </c>
      <c r="D30160">
        <v>0</v>
      </c>
    </row>
    <row r="30161" spans="1:4" x14ac:dyDescent="0.25">
      <c r="A30161" t="s">
        <v>45471</v>
      </c>
      <c r="B30161" t="s">
        <v>45472</v>
      </c>
      <c r="C30161">
        <v>2</v>
      </c>
      <c r="D30161">
        <v>0</v>
      </c>
    </row>
    <row r="30162" spans="1:4" x14ac:dyDescent="0.25">
      <c r="A30162" t="s">
        <v>45471</v>
      </c>
      <c r="B30162" t="s">
        <v>45473</v>
      </c>
      <c r="C30162">
        <v>0</v>
      </c>
      <c r="D30162">
        <v>0</v>
      </c>
    </row>
    <row r="30163" spans="1:4" x14ac:dyDescent="0.25">
      <c r="A30163" t="s">
        <v>45471</v>
      </c>
      <c r="B30163" t="s">
        <v>45474</v>
      </c>
      <c r="C30163">
        <v>0</v>
      </c>
      <c r="D30163">
        <v>0</v>
      </c>
    </row>
    <row r="30164" spans="1:4" x14ac:dyDescent="0.25">
      <c r="A30164" t="s">
        <v>45475</v>
      </c>
      <c r="B30164" t="s">
        <v>45476</v>
      </c>
      <c r="C30164">
        <v>1</v>
      </c>
      <c r="D30164">
        <v>0</v>
      </c>
    </row>
    <row r="30165" spans="1:4" x14ac:dyDescent="0.25">
      <c r="A30165" t="s">
        <v>45477</v>
      </c>
      <c r="B30165" t="s">
        <v>45478</v>
      </c>
      <c r="C30165">
        <v>0</v>
      </c>
      <c r="D30165">
        <v>0</v>
      </c>
    </row>
    <row r="30166" spans="1:4" x14ac:dyDescent="0.25">
      <c r="A30166" t="s">
        <v>45477</v>
      </c>
      <c r="B30166" t="s">
        <v>45479</v>
      </c>
      <c r="C30166">
        <v>2</v>
      </c>
      <c r="D30166">
        <v>0</v>
      </c>
    </row>
    <row r="30167" spans="1:4" x14ac:dyDescent="0.25">
      <c r="A30167" t="s">
        <v>45480</v>
      </c>
      <c r="B30167" t="s">
        <v>45481</v>
      </c>
      <c r="C30167">
        <v>1</v>
      </c>
      <c r="D30167">
        <v>0</v>
      </c>
    </row>
    <row r="30168" spans="1:4" x14ac:dyDescent="0.25">
      <c r="A30168" t="s">
        <v>45482</v>
      </c>
      <c r="B30168" t="s">
        <v>3858</v>
      </c>
      <c r="C30168">
        <v>1</v>
      </c>
      <c r="D30168">
        <v>0</v>
      </c>
    </row>
    <row r="30169" spans="1:4" x14ac:dyDescent="0.25">
      <c r="A30169" t="s">
        <v>45483</v>
      </c>
      <c r="B30169" t="s">
        <v>45484</v>
      </c>
      <c r="C30169">
        <v>2</v>
      </c>
      <c r="D30169">
        <v>0</v>
      </c>
    </row>
    <row r="30170" spans="1:4" x14ac:dyDescent="0.25">
      <c r="A30170" t="s">
        <v>45483</v>
      </c>
      <c r="B30170" t="s">
        <v>45485</v>
      </c>
      <c r="C30170">
        <v>0</v>
      </c>
      <c r="D30170">
        <v>0</v>
      </c>
    </row>
    <row r="30171" spans="1:4" x14ac:dyDescent="0.25">
      <c r="A30171" t="s">
        <v>45483</v>
      </c>
      <c r="B30171" t="s">
        <v>45486</v>
      </c>
      <c r="C30171">
        <v>0</v>
      </c>
      <c r="D30171">
        <v>0</v>
      </c>
    </row>
    <row r="30172" spans="1:4" x14ac:dyDescent="0.25">
      <c r="A30172" t="s">
        <v>45487</v>
      </c>
      <c r="B30172" t="s">
        <v>45488</v>
      </c>
      <c r="C30172">
        <v>1</v>
      </c>
      <c r="D30172">
        <v>0</v>
      </c>
    </row>
    <row r="30173" spans="1:4" x14ac:dyDescent="0.25">
      <c r="A30173" t="s">
        <v>45487</v>
      </c>
      <c r="B30173" t="s">
        <v>45489</v>
      </c>
      <c r="C30173">
        <v>2</v>
      </c>
      <c r="D30173">
        <v>0</v>
      </c>
    </row>
    <row r="30174" spans="1:4" x14ac:dyDescent="0.25">
      <c r="A30174" t="s">
        <v>45490</v>
      </c>
      <c r="B30174" t="s">
        <v>45491</v>
      </c>
      <c r="C30174">
        <v>1</v>
      </c>
      <c r="D30174">
        <v>0</v>
      </c>
    </row>
    <row r="30175" spans="1:4" x14ac:dyDescent="0.25">
      <c r="A30175" t="s">
        <v>45492</v>
      </c>
      <c r="B30175" t="s">
        <v>45493</v>
      </c>
      <c r="C30175">
        <v>1</v>
      </c>
      <c r="D30175">
        <v>0</v>
      </c>
    </row>
    <row r="30176" spans="1:4" x14ac:dyDescent="0.25">
      <c r="A30176" t="s">
        <v>45492</v>
      </c>
      <c r="B30176" t="s">
        <v>45494</v>
      </c>
      <c r="C30176">
        <v>0</v>
      </c>
      <c r="D30176">
        <v>0</v>
      </c>
    </row>
    <row r="30177" spans="1:4" x14ac:dyDescent="0.25">
      <c r="A30177" t="s">
        <v>45495</v>
      </c>
      <c r="B30177" t="s">
        <v>45496</v>
      </c>
      <c r="C30177">
        <v>1</v>
      </c>
      <c r="D30177">
        <v>0</v>
      </c>
    </row>
    <row r="30178" spans="1:4" x14ac:dyDescent="0.25">
      <c r="A30178" t="s">
        <v>45495</v>
      </c>
      <c r="B30178" t="s">
        <v>45497</v>
      </c>
      <c r="C30178">
        <v>1</v>
      </c>
      <c r="D30178">
        <v>0</v>
      </c>
    </row>
    <row r="30179" spans="1:4" x14ac:dyDescent="0.25">
      <c r="A30179" t="s">
        <v>45498</v>
      </c>
      <c r="B30179" t="s">
        <v>45499</v>
      </c>
      <c r="C30179">
        <v>2</v>
      </c>
      <c r="D30179">
        <v>0</v>
      </c>
    </row>
    <row r="30180" spans="1:4" x14ac:dyDescent="0.25">
      <c r="A30180" t="s">
        <v>45498</v>
      </c>
      <c r="B30180" t="s">
        <v>45500</v>
      </c>
      <c r="C30180">
        <v>1</v>
      </c>
      <c r="D30180">
        <v>0</v>
      </c>
    </row>
    <row r="30181" spans="1:4" x14ac:dyDescent="0.25">
      <c r="A30181" t="s">
        <v>45498</v>
      </c>
      <c r="B30181" t="s">
        <v>45501</v>
      </c>
      <c r="C30181">
        <v>1</v>
      </c>
      <c r="D30181">
        <v>0</v>
      </c>
    </row>
    <row r="30182" spans="1:4" x14ac:dyDescent="0.25">
      <c r="A30182" t="s">
        <v>45502</v>
      </c>
      <c r="B30182" t="s">
        <v>45503</v>
      </c>
      <c r="C30182">
        <v>2</v>
      </c>
      <c r="D30182">
        <v>0</v>
      </c>
    </row>
    <row r="30183" spans="1:4" x14ac:dyDescent="0.25">
      <c r="A30183" t="s">
        <v>45502</v>
      </c>
      <c r="B30183" t="s">
        <v>45504</v>
      </c>
      <c r="C30183">
        <v>1</v>
      </c>
      <c r="D30183">
        <v>0</v>
      </c>
    </row>
    <row r="30184" spans="1:4" x14ac:dyDescent="0.25">
      <c r="A30184" t="s">
        <v>45502</v>
      </c>
      <c r="B30184" t="s">
        <v>45505</v>
      </c>
      <c r="C30184">
        <v>1</v>
      </c>
      <c r="D30184">
        <v>0</v>
      </c>
    </row>
    <row r="30185" spans="1:4" x14ac:dyDescent="0.25">
      <c r="A30185" t="s">
        <v>45506</v>
      </c>
      <c r="B30185" t="s">
        <v>45507</v>
      </c>
      <c r="C30185">
        <v>2</v>
      </c>
      <c r="D30185">
        <v>0</v>
      </c>
    </row>
    <row r="30186" spans="1:4" x14ac:dyDescent="0.25">
      <c r="A30186" t="s">
        <v>45506</v>
      </c>
      <c r="B30186" t="s">
        <v>45508</v>
      </c>
      <c r="C30186">
        <v>2</v>
      </c>
      <c r="D30186">
        <v>0</v>
      </c>
    </row>
    <row r="30187" spans="1:4" x14ac:dyDescent="0.25">
      <c r="A30187" t="s">
        <v>45509</v>
      </c>
      <c r="B30187" t="s">
        <v>13381</v>
      </c>
      <c r="C30187">
        <v>1</v>
      </c>
      <c r="D30187">
        <v>0</v>
      </c>
    </row>
    <row r="30188" spans="1:4" x14ac:dyDescent="0.25">
      <c r="A30188" t="s">
        <v>45510</v>
      </c>
      <c r="B30188" t="s">
        <v>45511</v>
      </c>
      <c r="C30188">
        <v>0</v>
      </c>
      <c r="D30188">
        <v>0</v>
      </c>
    </row>
    <row r="30189" spans="1:4" x14ac:dyDescent="0.25">
      <c r="A30189" t="s">
        <v>45512</v>
      </c>
      <c r="B30189" t="s">
        <v>45513</v>
      </c>
      <c r="C30189">
        <v>0</v>
      </c>
      <c r="D30189">
        <v>0</v>
      </c>
    </row>
    <row r="30190" spans="1:4" x14ac:dyDescent="0.25">
      <c r="A30190" t="s">
        <v>45512</v>
      </c>
      <c r="B30190" t="s">
        <v>44826</v>
      </c>
      <c r="C30190">
        <v>0</v>
      </c>
      <c r="D30190">
        <v>0</v>
      </c>
    </row>
    <row r="30191" spans="1:4" x14ac:dyDescent="0.25">
      <c r="A30191" t="s">
        <v>45512</v>
      </c>
      <c r="B30191" t="s">
        <v>45514</v>
      </c>
      <c r="C30191">
        <v>2</v>
      </c>
      <c r="D30191">
        <v>0</v>
      </c>
    </row>
    <row r="30192" spans="1:4" x14ac:dyDescent="0.25">
      <c r="A30192" t="s">
        <v>45515</v>
      </c>
      <c r="B30192" t="s">
        <v>45516</v>
      </c>
      <c r="C30192">
        <v>0</v>
      </c>
      <c r="D30192">
        <v>0</v>
      </c>
    </row>
    <row r="30193" spans="1:4" x14ac:dyDescent="0.25">
      <c r="A30193" t="s">
        <v>45515</v>
      </c>
      <c r="B30193" t="s">
        <v>45517</v>
      </c>
      <c r="C30193">
        <v>1</v>
      </c>
      <c r="D30193">
        <v>0</v>
      </c>
    </row>
    <row r="30194" spans="1:4" x14ac:dyDescent="0.25">
      <c r="A30194" t="s">
        <v>45518</v>
      </c>
      <c r="B30194" t="s">
        <v>45519</v>
      </c>
      <c r="C30194">
        <v>2</v>
      </c>
      <c r="D30194">
        <v>0</v>
      </c>
    </row>
    <row r="30195" spans="1:4" x14ac:dyDescent="0.25">
      <c r="A30195" t="s">
        <v>45518</v>
      </c>
      <c r="B30195" t="s">
        <v>45520</v>
      </c>
      <c r="C30195">
        <v>2</v>
      </c>
      <c r="D30195">
        <v>0</v>
      </c>
    </row>
    <row r="30196" spans="1:4" x14ac:dyDescent="0.25">
      <c r="A30196" t="s">
        <v>45518</v>
      </c>
      <c r="B30196" t="s">
        <v>45521</v>
      </c>
      <c r="C30196">
        <v>1</v>
      </c>
      <c r="D30196">
        <v>0</v>
      </c>
    </row>
    <row r="30197" spans="1:4" x14ac:dyDescent="0.25">
      <c r="A30197" t="s">
        <v>45522</v>
      </c>
      <c r="B30197" t="s">
        <v>45523</v>
      </c>
      <c r="C30197">
        <v>0</v>
      </c>
      <c r="D30197">
        <v>0</v>
      </c>
    </row>
    <row r="30198" spans="1:4" x14ac:dyDescent="0.25">
      <c r="A30198" t="s">
        <v>45524</v>
      </c>
      <c r="B30198" t="s">
        <v>45525</v>
      </c>
      <c r="C30198">
        <v>2</v>
      </c>
      <c r="D30198">
        <v>0</v>
      </c>
    </row>
    <row r="30199" spans="1:4" x14ac:dyDescent="0.25">
      <c r="A30199" t="s">
        <v>45526</v>
      </c>
      <c r="B30199" t="s">
        <v>45527</v>
      </c>
      <c r="C30199">
        <v>1</v>
      </c>
      <c r="D30199">
        <v>0</v>
      </c>
    </row>
    <row r="30200" spans="1:4" x14ac:dyDescent="0.25">
      <c r="A30200" t="s">
        <v>45526</v>
      </c>
      <c r="B30200" t="s">
        <v>45528</v>
      </c>
      <c r="C30200">
        <v>2</v>
      </c>
      <c r="D30200">
        <v>0</v>
      </c>
    </row>
    <row r="30201" spans="1:4" x14ac:dyDescent="0.25">
      <c r="A30201" t="s">
        <v>45526</v>
      </c>
      <c r="B30201" t="s">
        <v>45529</v>
      </c>
      <c r="C30201">
        <v>2</v>
      </c>
      <c r="D30201">
        <v>0</v>
      </c>
    </row>
    <row r="30202" spans="1:4" x14ac:dyDescent="0.25">
      <c r="A30202" t="s">
        <v>45530</v>
      </c>
      <c r="B30202" t="s">
        <v>45531</v>
      </c>
      <c r="C30202">
        <v>1</v>
      </c>
      <c r="D30202">
        <v>0</v>
      </c>
    </row>
    <row r="30203" spans="1:4" x14ac:dyDescent="0.25">
      <c r="A30203" t="s">
        <v>45530</v>
      </c>
      <c r="B30203" t="s">
        <v>45532</v>
      </c>
      <c r="C30203">
        <v>1</v>
      </c>
      <c r="D30203">
        <v>0</v>
      </c>
    </row>
    <row r="30204" spans="1:4" x14ac:dyDescent="0.25">
      <c r="A30204" t="s">
        <v>45530</v>
      </c>
      <c r="B30204" t="s">
        <v>45533</v>
      </c>
      <c r="C30204">
        <v>0</v>
      </c>
      <c r="D30204">
        <v>0</v>
      </c>
    </row>
    <row r="30205" spans="1:4" x14ac:dyDescent="0.25">
      <c r="A30205" t="s">
        <v>45534</v>
      </c>
      <c r="B30205" t="s">
        <v>9783</v>
      </c>
      <c r="C30205">
        <v>0</v>
      </c>
      <c r="D30205">
        <v>0</v>
      </c>
    </row>
    <row r="30206" spans="1:4" x14ac:dyDescent="0.25">
      <c r="A30206" t="s">
        <v>45535</v>
      </c>
      <c r="B30206" t="s">
        <v>45536</v>
      </c>
      <c r="C30206">
        <v>1</v>
      </c>
      <c r="D30206">
        <v>0</v>
      </c>
    </row>
    <row r="30207" spans="1:4" x14ac:dyDescent="0.25">
      <c r="A30207" t="s">
        <v>45537</v>
      </c>
      <c r="B30207" t="s">
        <v>45538</v>
      </c>
      <c r="C30207">
        <v>1</v>
      </c>
      <c r="D30207">
        <v>0</v>
      </c>
    </row>
    <row r="30208" spans="1:4" x14ac:dyDescent="0.25">
      <c r="A30208" t="s">
        <v>45537</v>
      </c>
      <c r="B30208" t="s">
        <v>1401</v>
      </c>
      <c r="C30208">
        <v>0</v>
      </c>
      <c r="D30208">
        <v>0</v>
      </c>
    </row>
    <row r="30209" spans="1:4" x14ac:dyDescent="0.25">
      <c r="A30209" t="s">
        <v>45539</v>
      </c>
      <c r="B30209" t="s">
        <v>45540</v>
      </c>
      <c r="C30209">
        <v>2</v>
      </c>
      <c r="D30209">
        <v>0</v>
      </c>
    </row>
    <row r="30210" spans="1:4" x14ac:dyDescent="0.25">
      <c r="A30210" t="s">
        <v>45539</v>
      </c>
      <c r="B30210" t="s">
        <v>45541</v>
      </c>
      <c r="C30210">
        <v>1</v>
      </c>
      <c r="D30210">
        <v>0</v>
      </c>
    </row>
    <row r="30211" spans="1:4" x14ac:dyDescent="0.25">
      <c r="A30211" t="s">
        <v>45539</v>
      </c>
      <c r="B30211" t="s">
        <v>45542</v>
      </c>
      <c r="C30211">
        <v>0</v>
      </c>
      <c r="D30211">
        <v>0</v>
      </c>
    </row>
    <row r="30212" spans="1:4" x14ac:dyDescent="0.25">
      <c r="A30212" t="s">
        <v>45543</v>
      </c>
      <c r="B30212" t="s">
        <v>45544</v>
      </c>
      <c r="C30212">
        <v>0</v>
      </c>
      <c r="D30212">
        <v>0</v>
      </c>
    </row>
    <row r="30213" spans="1:4" x14ac:dyDescent="0.25">
      <c r="A30213" t="s">
        <v>45543</v>
      </c>
      <c r="B30213" t="s">
        <v>45545</v>
      </c>
      <c r="C30213">
        <v>0</v>
      </c>
      <c r="D30213">
        <v>0</v>
      </c>
    </row>
    <row r="30214" spans="1:4" x14ac:dyDescent="0.25">
      <c r="A30214" t="s">
        <v>45543</v>
      </c>
      <c r="B30214" t="s">
        <v>45546</v>
      </c>
      <c r="C30214">
        <v>0</v>
      </c>
      <c r="D30214">
        <v>0</v>
      </c>
    </row>
    <row r="30215" spans="1:4" x14ac:dyDescent="0.25">
      <c r="A30215" t="s">
        <v>45547</v>
      </c>
      <c r="B30215" t="s">
        <v>45548</v>
      </c>
      <c r="C30215">
        <v>0</v>
      </c>
      <c r="D30215">
        <v>0</v>
      </c>
    </row>
    <row r="30216" spans="1:4" x14ac:dyDescent="0.25">
      <c r="A30216" t="s">
        <v>45549</v>
      </c>
      <c r="B30216" t="s">
        <v>45550</v>
      </c>
      <c r="C30216">
        <v>1</v>
      </c>
      <c r="D30216">
        <v>0</v>
      </c>
    </row>
    <row r="30217" spans="1:4" x14ac:dyDescent="0.25">
      <c r="A30217" t="s">
        <v>45549</v>
      </c>
      <c r="B30217" t="s">
        <v>969</v>
      </c>
      <c r="C30217">
        <v>0</v>
      </c>
      <c r="D30217">
        <v>0</v>
      </c>
    </row>
    <row r="30218" spans="1:4" x14ac:dyDescent="0.25">
      <c r="A30218" t="s">
        <v>45551</v>
      </c>
      <c r="B30218" t="s">
        <v>45552</v>
      </c>
      <c r="C30218">
        <v>1</v>
      </c>
      <c r="D30218">
        <v>0</v>
      </c>
    </row>
    <row r="30219" spans="1:4" x14ac:dyDescent="0.25">
      <c r="A30219" t="s">
        <v>45551</v>
      </c>
      <c r="B30219" t="s">
        <v>45553</v>
      </c>
      <c r="C30219">
        <v>1</v>
      </c>
      <c r="D30219">
        <v>0</v>
      </c>
    </row>
    <row r="30220" spans="1:4" x14ac:dyDescent="0.25">
      <c r="A30220" t="s">
        <v>45551</v>
      </c>
      <c r="B30220" t="s">
        <v>45554</v>
      </c>
      <c r="C30220">
        <v>2</v>
      </c>
      <c r="D30220">
        <v>0</v>
      </c>
    </row>
    <row r="30221" spans="1:4" x14ac:dyDescent="0.25">
      <c r="A30221" t="s">
        <v>45555</v>
      </c>
      <c r="B30221" t="s">
        <v>45556</v>
      </c>
      <c r="C30221">
        <v>1</v>
      </c>
      <c r="D30221">
        <v>0</v>
      </c>
    </row>
    <row r="30222" spans="1:4" x14ac:dyDescent="0.25">
      <c r="A30222" t="s">
        <v>45555</v>
      </c>
      <c r="B30222" t="s">
        <v>45557</v>
      </c>
      <c r="C30222">
        <v>1</v>
      </c>
      <c r="D30222">
        <v>0</v>
      </c>
    </row>
    <row r="30223" spans="1:4" x14ac:dyDescent="0.25">
      <c r="A30223" t="s">
        <v>45558</v>
      </c>
      <c r="B30223" t="s">
        <v>45559</v>
      </c>
      <c r="C30223">
        <v>1</v>
      </c>
      <c r="D30223">
        <v>0</v>
      </c>
    </row>
    <row r="30224" spans="1:4" x14ac:dyDescent="0.25">
      <c r="A30224" t="s">
        <v>45560</v>
      </c>
      <c r="B30224" t="s">
        <v>45561</v>
      </c>
      <c r="C30224">
        <v>1</v>
      </c>
      <c r="D30224">
        <v>0</v>
      </c>
    </row>
    <row r="30225" spans="1:4" x14ac:dyDescent="0.25">
      <c r="A30225" t="s">
        <v>45562</v>
      </c>
      <c r="B30225" t="s">
        <v>45563</v>
      </c>
      <c r="C30225">
        <v>1</v>
      </c>
      <c r="D30225">
        <v>0</v>
      </c>
    </row>
    <row r="30226" spans="1:4" x14ac:dyDescent="0.25">
      <c r="A30226" t="s">
        <v>45562</v>
      </c>
      <c r="B30226" t="s">
        <v>45564</v>
      </c>
      <c r="C30226">
        <v>1</v>
      </c>
      <c r="D30226">
        <v>0</v>
      </c>
    </row>
    <row r="30227" spans="1:4" x14ac:dyDescent="0.25">
      <c r="A30227" t="s">
        <v>45565</v>
      </c>
      <c r="B30227" t="s">
        <v>45566</v>
      </c>
      <c r="C30227">
        <v>0</v>
      </c>
      <c r="D30227">
        <v>0</v>
      </c>
    </row>
    <row r="30228" spans="1:4" x14ac:dyDescent="0.25">
      <c r="A30228" t="s">
        <v>45567</v>
      </c>
      <c r="B30228" t="s">
        <v>45568</v>
      </c>
      <c r="C30228">
        <v>0</v>
      </c>
      <c r="D30228">
        <v>0</v>
      </c>
    </row>
    <row r="30229" spans="1:4" x14ac:dyDescent="0.25">
      <c r="A30229" t="s">
        <v>45569</v>
      </c>
      <c r="B30229" t="s">
        <v>45570</v>
      </c>
      <c r="C30229">
        <v>1</v>
      </c>
      <c r="D30229">
        <v>0</v>
      </c>
    </row>
    <row r="30230" spans="1:4" x14ac:dyDescent="0.25">
      <c r="A30230" t="s">
        <v>45569</v>
      </c>
      <c r="B30230" t="s">
        <v>25389</v>
      </c>
      <c r="C30230">
        <v>0</v>
      </c>
      <c r="D30230">
        <v>0</v>
      </c>
    </row>
    <row r="30231" spans="1:4" x14ac:dyDescent="0.25">
      <c r="A30231" t="s">
        <v>45571</v>
      </c>
      <c r="B30231" t="s">
        <v>45572</v>
      </c>
      <c r="C30231">
        <v>1</v>
      </c>
      <c r="D30231">
        <v>0</v>
      </c>
    </row>
    <row r="30232" spans="1:4" x14ac:dyDescent="0.25">
      <c r="A30232" t="s">
        <v>45571</v>
      </c>
      <c r="B30232" t="s">
        <v>45573</v>
      </c>
      <c r="C30232">
        <v>1</v>
      </c>
      <c r="D30232">
        <v>0</v>
      </c>
    </row>
    <row r="30233" spans="1:4" x14ac:dyDescent="0.25">
      <c r="A30233" t="s">
        <v>45571</v>
      </c>
      <c r="B30233" t="s">
        <v>45574</v>
      </c>
      <c r="C30233">
        <v>0</v>
      </c>
      <c r="D30233">
        <v>0</v>
      </c>
    </row>
    <row r="30234" spans="1:4" x14ac:dyDescent="0.25">
      <c r="A30234" t="s">
        <v>45575</v>
      </c>
      <c r="B30234" t="s">
        <v>45576</v>
      </c>
      <c r="C30234">
        <v>1</v>
      </c>
      <c r="D30234">
        <v>0</v>
      </c>
    </row>
    <row r="30235" spans="1:4" x14ac:dyDescent="0.25">
      <c r="A30235" t="s">
        <v>45577</v>
      </c>
      <c r="B30235" t="s">
        <v>45578</v>
      </c>
      <c r="C30235">
        <v>2</v>
      </c>
      <c r="D30235">
        <v>0</v>
      </c>
    </row>
    <row r="30236" spans="1:4" x14ac:dyDescent="0.25">
      <c r="A30236" t="s">
        <v>45577</v>
      </c>
      <c r="B30236" t="s">
        <v>45579</v>
      </c>
      <c r="C30236">
        <v>0</v>
      </c>
      <c r="D30236">
        <v>0</v>
      </c>
    </row>
    <row r="30237" spans="1:4" x14ac:dyDescent="0.25">
      <c r="A30237" t="s">
        <v>45577</v>
      </c>
      <c r="B30237" t="s">
        <v>45580</v>
      </c>
      <c r="C30237">
        <v>2</v>
      </c>
      <c r="D30237">
        <v>0</v>
      </c>
    </row>
    <row r="30238" spans="1:4" x14ac:dyDescent="0.25">
      <c r="A30238" t="s">
        <v>45581</v>
      </c>
      <c r="B30238" t="s">
        <v>45582</v>
      </c>
      <c r="C30238">
        <v>0</v>
      </c>
      <c r="D30238">
        <v>0</v>
      </c>
    </row>
    <row r="30239" spans="1:4" x14ac:dyDescent="0.25">
      <c r="A30239" t="s">
        <v>45583</v>
      </c>
      <c r="B30239" t="s">
        <v>45584</v>
      </c>
      <c r="C30239">
        <v>2</v>
      </c>
      <c r="D30239">
        <v>0</v>
      </c>
    </row>
    <row r="30240" spans="1:4" x14ac:dyDescent="0.25">
      <c r="A30240" t="s">
        <v>45583</v>
      </c>
      <c r="B30240" t="s">
        <v>45585</v>
      </c>
      <c r="C30240">
        <v>2</v>
      </c>
      <c r="D30240">
        <v>0</v>
      </c>
    </row>
    <row r="30241" spans="1:4" x14ac:dyDescent="0.25">
      <c r="A30241" t="s">
        <v>45583</v>
      </c>
      <c r="B30241" t="s">
        <v>45586</v>
      </c>
      <c r="C30241">
        <v>2</v>
      </c>
      <c r="D30241">
        <v>0</v>
      </c>
    </row>
    <row r="30242" spans="1:4" x14ac:dyDescent="0.25">
      <c r="A30242" t="s">
        <v>45587</v>
      </c>
      <c r="B30242" t="s">
        <v>45588</v>
      </c>
      <c r="C30242">
        <v>1</v>
      </c>
      <c r="D30242">
        <v>0</v>
      </c>
    </row>
    <row r="30243" spans="1:4" x14ac:dyDescent="0.25">
      <c r="A30243" t="s">
        <v>45587</v>
      </c>
      <c r="B30243" t="s">
        <v>45589</v>
      </c>
      <c r="C30243">
        <v>2</v>
      </c>
      <c r="D30243">
        <v>0</v>
      </c>
    </row>
    <row r="30244" spans="1:4" x14ac:dyDescent="0.25">
      <c r="A30244" t="s">
        <v>45587</v>
      </c>
      <c r="B30244" t="s">
        <v>45590</v>
      </c>
      <c r="C30244">
        <v>2</v>
      </c>
      <c r="D30244">
        <v>0</v>
      </c>
    </row>
    <row r="30245" spans="1:4" x14ac:dyDescent="0.25">
      <c r="A30245" t="s">
        <v>45591</v>
      </c>
      <c r="B30245" t="s">
        <v>3334</v>
      </c>
      <c r="C30245">
        <v>0</v>
      </c>
      <c r="D30245">
        <v>0</v>
      </c>
    </row>
    <row r="30246" spans="1:4" x14ac:dyDescent="0.25">
      <c r="A30246" t="s">
        <v>45592</v>
      </c>
      <c r="B30246" t="s">
        <v>45593</v>
      </c>
      <c r="C30246">
        <v>1</v>
      </c>
      <c r="D30246">
        <v>0</v>
      </c>
    </row>
    <row r="30247" spans="1:4" x14ac:dyDescent="0.25">
      <c r="A30247" t="s">
        <v>45594</v>
      </c>
      <c r="B30247" t="s">
        <v>45595</v>
      </c>
      <c r="C30247">
        <v>1</v>
      </c>
      <c r="D30247">
        <v>0</v>
      </c>
    </row>
    <row r="30248" spans="1:4" x14ac:dyDescent="0.25">
      <c r="A30248" t="s">
        <v>45594</v>
      </c>
      <c r="B30248" t="s">
        <v>2061</v>
      </c>
      <c r="C30248">
        <v>0</v>
      </c>
      <c r="D30248">
        <v>0</v>
      </c>
    </row>
    <row r="30249" spans="1:4" x14ac:dyDescent="0.25">
      <c r="A30249" t="s">
        <v>45596</v>
      </c>
      <c r="B30249" t="s">
        <v>1499</v>
      </c>
      <c r="C30249">
        <v>1</v>
      </c>
      <c r="D30249">
        <v>0</v>
      </c>
    </row>
    <row r="30250" spans="1:4" x14ac:dyDescent="0.25">
      <c r="A30250" t="s">
        <v>45596</v>
      </c>
      <c r="B30250" t="s">
        <v>45597</v>
      </c>
      <c r="C30250">
        <v>0</v>
      </c>
      <c r="D30250">
        <v>0</v>
      </c>
    </row>
    <row r="30251" spans="1:4" x14ac:dyDescent="0.25">
      <c r="A30251" t="s">
        <v>45596</v>
      </c>
      <c r="B30251" t="s">
        <v>45598</v>
      </c>
      <c r="C30251">
        <v>0</v>
      </c>
      <c r="D30251">
        <v>0</v>
      </c>
    </row>
    <row r="30252" spans="1:4" x14ac:dyDescent="0.25">
      <c r="A30252" t="s">
        <v>45599</v>
      </c>
      <c r="B30252" t="s">
        <v>45600</v>
      </c>
      <c r="C30252">
        <v>0</v>
      </c>
      <c r="D30252">
        <v>0</v>
      </c>
    </row>
    <row r="30253" spans="1:4" x14ac:dyDescent="0.25">
      <c r="A30253" t="s">
        <v>45599</v>
      </c>
      <c r="B30253" t="s">
        <v>45601</v>
      </c>
      <c r="C30253">
        <v>1</v>
      </c>
      <c r="D30253">
        <v>0</v>
      </c>
    </row>
    <row r="30254" spans="1:4" x14ac:dyDescent="0.25">
      <c r="A30254" t="s">
        <v>45599</v>
      </c>
      <c r="B30254" t="s">
        <v>45602</v>
      </c>
      <c r="C30254">
        <v>1</v>
      </c>
      <c r="D30254">
        <v>0</v>
      </c>
    </row>
    <row r="30255" spans="1:4" x14ac:dyDescent="0.25">
      <c r="A30255" t="s">
        <v>45603</v>
      </c>
      <c r="B30255" t="s">
        <v>45604</v>
      </c>
      <c r="C30255">
        <v>1</v>
      </c>
      <c r="D30255">
        <v>0</v>
      </c>
    </row>
    <row r="30256" spans="1:4" x14ac:dyDescent="0.25">
      <c r="A30256" t="s">
        <v>45603</v>
      </c>
      <c r="B30256" t="s">
        <v>852</v>
      </c>
      <c r="C30256">
        <v>0</v>
      </c>
      <c r="D30256">
        <v>0</v>
      </c>
    </row>
    <row r="30257" spans="1:4" x14ac:dyDescent="0.25">
      <c r="A30257" t="s">
        <v>45605</v>
      </c>
      <c r="B30257" t="s">
        <v>45606</v>
      </c>
      <c r="C30257">
        <v>0</v>
      </c>
      <c r="D30257">
        <v>0</v>
      </c>
    </row>
    <row r="30258" spans="1:4" x14ac:dyDescent="0.25">
      <c r="A30258" t="s">
        <v>45605</v>
      </c>
      <c r="B30258" t="s">
        <v>45607</v>
      </c>
      <c r="C30258">
        <v>0</v>
      </c>
      <c r="D30258">
        <v>0</v>
      </c>
    </row>
    <row r="30259" spans="1:4" x14ac:dyDescent="0.25">
      <c r="A30259" t="s">
        <v>45608</v>
      </c>
      <c r="B30259" t="s">
        <v>45609</v>
      </c>
      <c r="C30259">
        <v>2</v>
      </c>
      <c r="D30259">
        <v>0</v>
      </c>
    </row>
    <row r="30260" spans="1:4" x14ac:dyDescent="0.25">
      <c r="A30260" t="s">
        <v>45608</v>
      </c>
      <c r="B30260" t="s">
        <v>45610</v>
      </c>
      <c r="C30260">
        <v>1</v>
      </c>
      <c r="D30260">
        <v>0</v>
      </c>
    </row>
    <row r="30261" spans="1:4" x14ac:dyDescent="0.25">
      <c r="A30261" t="s">
        <v>45608</v>
      </c>
      <c r="B30261" t="s">
        <v>45611</v>
      </c>
      <c r="C30261">
        <v>2</v>
      </c>
      <c r="D30261">
        <v>0</v>
      </c>
    </row>
    <row r="30262" spans="1:4" x14ac:dyDescent="0.25">
      <c r="A30262" t="s">
        <v>45612</v>
      </c>
      <c r="B30262" t="s">
        <v>45613</v>
      </c>
      <c r="C30262">
        <v>0</v>
      </c>
      <c r="D30262">
        <v>0</v>
      </c>
    </row>
    <row r="30263" spans="1:4" x14ac:dyDescent="0.25">
      <c r="A30263" t="s">
        <v>45612</v>
      </c>
      <c r="B30263" t="s">
        <v>45614</v>
      </c>
      <c r="C30263">
        <v>1</v>
      </c>
      <c r="D30263">
        <v>0</v>
      </c>
    </row>
    <row r="30264" spans="1:4" x14ac:dyDescent="0.25">
      <c r="A30264" t="s">
        <v>45612</v>
      </c>
      <c r="B30264" t="s">
        <v>45615</v>
      </c>
      <c r="C30264">
        <v>0</v>
      </c>
      <c r="D30264">
        <v>0</v>
      </c>
    </row>
    <row r="30265" spans="1:4" x14ac:dyDescent="0.25">
      <c r="A30265" t="s">
        <v>45616</v>
      </c>
      <c r="B30265" t="s">
        <v>45617</v>
      </c>
      <c r="C30265">
        <v>2</v>
      </c>
      <c r="D30265">
        <v>0</v>
      </c>
    </row>
    <row r="30266" spans="1:4" x14ac:dyDescent="0.25">
      <c r="A30266" t="s">
        <v>45616</v>
      </c>
      <c r="B30266" t="s">
        <v>45618</v>
      </c>
      <c r="C30266">
        <v>2</v>
      </c>
      <c r="D30266">
        <v>0</v>
      </c>
    </row>
    <row r="30267" spans="1:4" x14ac:dyDescent="0.25">
      <c r="A30267" t="s">
        <v>45616</v>
      </c>
      <c r="B30267" t="s">
        <v>45619</v>
      </c>
      <c r="C30267">
        <v>1</v>
      </c>
      <c r="D30267">
        <v>0</v>
      </c>
    </row>
    <row r="30268" spans="1:4" x14ac:dyDescent="0.25">
      <c r="A30268" t="s">
        <v>45620</v>
      </c>
      <c r="B30268" t="s">
        <v>45621</v>
      </c>
      <c r="C30268">
        <v>0</v>
      </c>
      <c r="D30268">
        <v>0</v>
      </c>
    </row>
    <row r="30269" spans="1:4" x14ac:dyDescent="0.25">
      <c r="A30269" t="s">
        <v>45620</v>
      </c>
      <c r="B30269" t="s">
        <v>45622</v>
      </c>
      <c r="C30269">
        <v>1</v>
      </c>
      <c r="D30269">
        <v>0</v>
      </c>
    </row>
    <row r="30270" spans="1:4" x14ac:dyDescent="0.25">
      <c r="A30270" t="s">
        <v>45620</v>
      </c>
      <c r="B30270" t="s">
        <v>45623</v>
      </c>
      <c r="C30270">
        <v>0</v>
      </c>
      <c r="D30270">
        <v>0</v>
      </c>
    </row>
    <row r="30271" spans="1:4" x14ac:dyDescent="0.25">
      <c r="A30271" t="s">
        <v>45624</v>
      </c>
      <c r="B30271" t="s">
        <v>14655</v>
      </c>
      <c r="C30271">
        <v>1</v>
      </c>
      <c r="D30271">
        <v>0</v>
      </c>
    </row>
    <row r="30272" spans="1:4" x14ac:dyDescent="0.25">
      <c r="A30272" t="s">
        <v>45625</v>
      </c>
      <c r="B30272" t="s">
        <v>45626</v>
      </c>
      <c r="C30272">
        <v>0</v>
      </c>
      <c r="D30272">
        <v>0</v>
      </c>
    </row>
    <row r="30273" spans="1:4" x14ac:dyDescent="0.25">
      <c r="A30273" t="s">
        <v>45627</v>
      </c>
      <c r="B30273" t="s">
        <v>45628</v>
      </c>
      <c r="C30273">
        <v>1</v>
      </c>
      <c r="D30273">
        <v>0</v>
      </c>
    </row>
    <row r="30274" spans="1:4" x14ac:dyDescent="0.25">
      <c r="A30274" t="s">
        <v>45627</v>
      </c>
      <c r="B30274" t="s">
        <v>45629</v>
      </c>
      <c r="C30274">
        <v>1</v>
      </c>
      <c r="D30274">
        <v>0</v>
      </c>
    </row>
    <row r="30275" spans="1:4" x14ac:dyDescent="0.25">
      <c r="A30275" t="s">
        <v>45630</v>
      </c>
      <c r="B30275" t="s">
        <v>5047</v>
      </c>
      <c r="C30275">
        <v>0</v>
      </c>
      <c r="D30275">
        <v>0</v>
      </c>
    </row>
    <row r="30276" spans="1:4" x14ac:dyDescent="0.25">
      <c r="A30276" t="s">
        <v>45631</v>
      </c>
      <c r="B30276" t="s">
        <v>45632</v>
      </c>
      <c r="C30276">
        <v>1</v>
      </c>
      <c r="D30276">
        <v>0</v>
      </c>
    </row>
    <row r="30277" spans="1:4" x14ac:dyDescent="0.25">
      <c r="A30277" t="s">
        <v>45633</v>
      </c>
      <c r="B30277" t="s">
        <v>45634</v>
      </c>
      <c r="C30277">
        <v>0</v>
      </c>
      <c r="D30277">
        <v>0</v>
      </c>
    </row>
    <row r="30278" spans="1:4" x14ac:dyDescent="0.25">
      <c r="A30278" t="s">
        <v>45633</v>
      </c>
      <c r="B30278" t="s">
        <v>45635</v>
      </c>
      <c r="C30278">
        <v>1</v>
      </c>
      <c r="D30278">
        <v>0</v>
      </c>
    </row>
    <row r="30279" spans="1:4" x14ac:dyDescent="0.25">
      <c r="A30279" t="s">
        <v>45633</v>
      </c>
      <c r="B30279" t="s">
        <v>45636</v>
      </c>
      <c r="C30279">
        <v>0</v>
      </c>
      <c r="D30279">
        <v>0</v>
      </c>
    </row>
    <row r="30280" spans="1:4" x14ac:dyDescent="0.25">
      <c r="A30280" t="s">
        <v>45637</v>
      </c>
      <c r="B30280" t="s">
        <v>45638</v>
      </c>
      <c r="C30280">
        <v>0</v>
      </c>
      <c r="D30280">
        <v>0</v>
      </c>
    </row>
    <row r="30281" spans="1:4" x14ac:dyDescent="0.25">
      <c r="A30281" t="s">
        <v>45637</v>
      </c>
      <c r="B30281" t="s">
        <v>45639</v>
      </c>
      <c r="C30281">
        <v>0</v>
      </c>
      <c r="D30281">
        <v>0</v>
      </c>
    </row>
    <row r="30282" spans="1:4" x14ac:dyDescent="0.25">
      <c r="A30282" t="s">
        <v>45637</v>
      </c>
      <c r="B30282" t="s">
        <v>45640</v>
      </c>
      <c r="C30282">
        <v>0</v>
      </c>
      <c r="D30282">
        <v>0</v>
      </c>
    </row>
    <row r="30283" spans="1:4" x14ac:dyDescent="0.25">
      <c r="A30283" t="s">
        <v>45641</v>
      </c>
      <c r="B30283" t="s">
        <v>45642</v>
      </c>
      <c r="C30283">
        <v>0</v>
      </c>
      <c r="D30283">
        <v>0</v>
      </c>
    </row>
    <row r="30284" spans="1:4" x14ac:dyDescent="0.25">
      <c r="A30284" t="s">
        <v>45641</v>
      </c>
      <c r="B30284" t="s">
        <v>45643</v>
      </c>
      <c r="C30284">
        <v>1</v>
      </c>
      <c r="D30284">
        <v>0</v>
      </c>
    </row>
    <row r="30285" spans="1:4" x14ac:dyDescent="0.25">
      <c r="A30285" t="s">
        <v>45644</v>
      </c>
      <c r="B30285" t="s">
        <v>45645</v>
      </c>
      <c r="C30285">
        <v>0</v>
      </c>
      <c r="D30285">
        <v>0</v>
      </c>
    </row>
    <row r="30286" spans="1:4" x14ac:dyDescent="0.25">
      <c r="A30286" t="s">
        <v>45646</v>
      </c>
      <c r="B30286" t="s">
        <v>45647</v>
      </c>
      <c r="C30286">
        <v>1</v>
      </c>
      <c r="D30286">
        <v>0</v>
      </c>
    </row>
    <row r="30287" spans="1:4" x14ac:dyDescent="0.25">
      <c r="A30287" t="s">
        <v>45648</v>
      </c>
      <c r="B30287" t="s">
        <v>45649</v>
      </c>
      <c r="C30287">
        <v>1</v>
      </c>
      <c r="D30287">
        <v>0</v>
      </c>
    </row>
    <row r="30288" spans="1:4" x14ac:dyDescent="0.25">
      <c r="A30288" t="s">
        <v>45648</v>
      </c>
      <c r="B30288" t="s">
        <v>45650</v>
      </c>
      <c r="C30288">
        <v>1</v>
      </c>
      <c r="D30288">
        <v>0</v>
      </c>
    </row>
    <row r="30289" spans="1:4" x14ac:dyDescent="0.25">
      <c r="A30289" t="s">
        <v>45651</v>
      </c>
      <c r="B30289" t="s">
        <v>45652</v>
      </c>
      <c r="C30289">
        <v>1</v>
      </c>
      <c r="D30289">
        <v>0</v>
      </c>
    </row>
    <row r="30290" spans="1:4" x14ac:dyDescent="0.25">
      <c r="A30290" t="s">
        <v>45653</v>
      </c>
      <c r="B30290" t="s">
        <v>45654</v>
      </c>
      <c r="C30290">
        <v>1</v>
      </c>
      <c r="D30290">
        <v>0</v>
      </c>
    </row>
    <row r="30291" spans="1:4" x14ac:dyDescent="0.25">
      <c r="A30291" t="s">
        <v>45653</v>
      </c>
      <c r="B30291" t="s">
        <v>29549</v>
      </c>
      <c r="C30291">
        <v>1</v>
      </c>
      <c r="D30291">
        <v>0</v>
      </c>
    </row>
    <row r="30292" spans="1:4" x14ac:dyDescent="0.25">
      <c r="A30292" t="s">
        <v>45655</v>
      </c>
      <c r="B30292" t="s">
        <v>45656</v>
      </c>
      <c r="C30292">
        <v>0</v>
      </c>
      <c r="D30292">
        <v>0</v>
      </c>
    </row>
    <row r="30293" spans="1:4" x14ac:dyDescent="0.25">
      <c r="A30293" t="s">
        <v>45655</v>
      </c>
      <c r="B30293" t="s">
        <v>45657</v>
      </c>
      <c r="C30293">
        <v>1</v>
      </c>
      <c r="D30293">
        <v>0</v>
      </c>
    </row>
    <row r="30294" spans="1:4" x14ac:dyDescent="0.25">
      <c r="A30294" t="s">
        <v>45658</v>
      </c>
      <c r="B30294" t="s">
        <v>45659</v>
      </c>
      <c r="C30294">
        <v>1</v>
      </c>
      <c r="D30294">
        <v>0</v>
      </c>
    </row>
    <row r="30295" spans="1:4" x14ac:dyDescent="0.25">
      <c r="A30295" t="s">
        <v>45658</v>
      </c>
      <c r="B30295" t="s">
        <v>45660</v>
      </c>
      <c r="C30295">
        <v>1</v>
      </c>
      <c r="D30295">
        <v>0</v>
      </c>
    </row>
    <row r="30296" spans="1:4" x14ac:dyDescent="0.25">
      <c r="A30296" t="s">
        <v>45658</v>
      </c>
      <c r="B30296" t="s">
        <v>45661</v>
      </c>
      <c r="C30296">
        <v>1</v>
      </c>
      <c r="D30296">
        <v>0</v>
      </c>
    </row>
    <row r="30297" spans="1:4" x14ac:dyDescent="0.25">
      <c r="A30297" t="s">
        <v>45662</v>
      </c>
      <c r="B30297" t="s">
        <v>45663</v>
      </c>
      <c r="C30297">
        <v>0</v>
      </c>
      <c r="D30297">
        <v>0</v>
      </c>
    </row>
    <row r="30298" spans="1:4" x14ac:dyDescent="0.25">
      <c r="A30298" t="s">
        <v>45662</v>
      </c>
      <c r="B30298" t="s">
        <v>45664</v>
      </c>
      <c r="C30298">
        <v>1</v>
      </c>
      <c r="D30298">
        <v>0</v>
      </c>
    </row>
    <row r="30299" spans="1:4" x14ac:dyDescent="0.25">
      <c r="A30299" t="s">
        <v>45665</v>
      </c>
      <c r="B30299" t="s">
        <v>852</v>
      </c>
      <c r="C30299">
        <v>0</v>
      </c>
      <c r="D30299">
        <v>0</v>
      </c>
    </row>
    <row r="30300" spans="1:4" x14ac:dyDescent="0.25">
      <c r="A30300" t="s">
        <v>45666</v>
      </c>
      <c r="B30300" t="s">
        <v>45667</v>
      </c>
      <c r="C30300">
        <v>0</v>
      </c>
      <c r="D30300">
        <v>0</v>
      </c>
    </row>
    <row r="30301" spans="1:4" x14ac:dyDescent="0.25">
      <c r="A30301" t="s">
        <v>45666</v>
      </c>
      <c r="B30301" t="s">
        <v>45668</v>
      </c>
      <c r="C30301">
        <v>1</v>
      </c>
      <c r="D30301">
        <v>0</v>
      </c>
    </row>
    <row r="30302" spans="1:4" x14ac:dyDescent="0.25">
      <c r="A30302" t="s">
        <v>45669</v>
      </c>
      <c r="B30302" t="s">
        <v>45670</v>
      </c>
      <c r="C30302">
        <v>1</v>
      </c>
      <c r="D30302">
        <v>0</v>
      </c>
    </row>
    <row r="30303" spans="1:4" x14ac:dyDescent="0.25">
      <c r="A30303" t="s">
        <v>45671</v>
      </c>
      <c r="B30303" t="s">
        <v>45672</v>
      </c>
      <c r="C30303">
        <v>1</v>
      </c>
      <c r="D30303">
        <v>0</v>
      </c>
    </row>
    <row r="30304" spans="1:4" x14ac:dyDescent="0.25">
      <c r="A30304" t="s">
        <v>45673</v>
      </c>
      <c r="B30304" t="s">
        <v>45674</v>
      </c>
      <c r="C30304">
        <v>0</v>
      </c>
      <c r="D30304">
        <v>0</v>
      </c>
    </row>
    <row r="30305" spans="1:4" x14ac:dyDescent="0.25">
      <c r="A30305" t="s">
        <v>45673</v>
      </c>
      <c r="B30305" t="s">
        <v>45675</v>
      </c>
      <c r="C30305">
        <v>1</v>
      </c>
      <c r="D30305">
        <v>0</v>
      </c>
    </row>
    <row r="30306" spans="1:4" x14ac:dyDescent="0.25">
      <c r="A30306" t="s">
        <v>45676</v>
      </c>
      <c r="B30306" t="s">
        <v>45677</v>
      </c>
      <c r="C30306">
        <v>0</v>
      </c>
      <c r="D30306">
        <v>0</v>
      </c>
    </row>
    <row r="30307" spans="1:4" x14ac:dyDescent="0.25">
      <c r="A30307" t="s">
        <v>45676</v>
      </c>
      <c r="B30307" t="s">
        <v>45678</v>
      </c>
      <c r="C30307">
        <v>0</v>
      </c>
      <c r="D30307">
        <v>0</v>
      </c>
    </row>
    <row r="30308" spans="1:4" x14ac:dyDescent="0.25">
      <c r="A30308" t="s">
        <v>45679</v>
      </c>
      <c r="B30308" t="s">
        <v>45680</v>
      </c>
      <c r="C30308">
        <v>1</v>
      </c>
      <c r="D30308">
        <v>0</v>
      </c>
    </row>
    <row r="30309" spans="1:4" x14ac:dyDescent="0.25">
      <c r="A30309" t="s">
        <v>45679</v>
      </c>
      <c r="B30309" t="s">
        <v>45681</v>
      </c>
      <c r="C30309">
        <v>2</v>
      </c>
      <c r="D30309">
        <v>0</v>
      </c>
    </row>
    <row r="30310" spans="1:4" x14ac:dyDescent="0.25">
      <c r="A30310" t="s">
        <v>45682</v>
      </c>
      <c r="B30310" t="s">
        <v>45683</v>
      </c>
      <c r="C30310">
        <v>1</v>
      </c>
      <c r="D30310">
        <v>0</v>
      </c>
    </row>
    <row r="30311" spans="1:4" x14ac:dyDescent="0.25">
      <c r="A30311" t="s">
        <v>45682</v>
      </c>
      <c r="B30311" t="s">
        <v>45684</v>
      </c>
      <c r="C30311">
        <v>0</v>
      </c>
      <c r="D30311">
        <v>0</v>
      </c>
    </row>
    <row r="30312" spans="1:4" x14ac:dyDescent="0.25">
      <c r="A30312" t="s">
        <v>45682</v>
      </c>
      <c r="B30312" t="s">
        <v>45685</v>
      </c>
      <c r="C30312">
        <v>1</v>
      </c>
      <c r="D30312">
        <v>0</v>
      </c>
    </row>
    <row r="30313" spans="1:4" x14ac:dyDescent="0.25">
      <c r="A30313" t="s">
        <v>45686</v>
      </c>
      <c r="B30313" t="s">
        <v>45687</v>
      </c>
      <c r="C30313">
        <v>2</v>
      </c>
      <c r="D30313">
        <v>0</v>
      </c>
    </row>
    <row r="30314" spans="1:4" x14ac:dyDescent="0.25">
      <c r="A30314" t="s">
        <v>45688</v>
      </c>
      <c r="B30314" t="s">
        <v>45689</v>
      </c>
      <c r="C30314">
        <v>1</v>
      </c>
      <c r="D30314">
        <v>0</v>
      </c>
    </row>
    <row r="30315" spans="1:4" x14ac:dyDescent="0.25">
      <c r="A30315" t="s">
        <v>45688</v>
      </c>
      <c r="B30315" t="s">
        <v>45690</v>
      </c>
      <c r="C30315">
        <v>1</v>
      </c>
      <c r="D30315">
        <v>0</v>
      </c>
    </row>
    <row r="30316" spans="1:4" x14ac:dyDescent="0.25">
      <c r="A30316" t="s">
        <v>45691</v>
      </c>
      <c r="B30316" t="s">
        <v>45692</v>
      </c>
      <c r="C30316">
        <v>0</v>
      </c>
      <c r="D30316">
        <v>0</v>
      </c>
    </row>
    <row r="30317" spans="1:4" x14ac:dyDescent="0.25">
      <c r="A30317" t="s">
        <v>45691</v>
      </c>
      <c r="B30317" t="s">
        <v>45693</v>
      </c>
      <c r="C30317">
        <v>1</v>
      </c>
      <c r="D30317">
        <v>0</v>
      </c>
    </row>
    <row r="30318" spans="1:4" x14ac:dyDescent="0.25">
      <c r="A30318" t="s">
        <v>45691</v>
      </c>
      <c r="B30318" t="s">
        <v>45694</v>
      </c>
      <c r="C30318">
        <v>1</v>
      </c>
      <c r="D30318">
        <v>0</v>
      </c>
    </row>
    <row r="30319" spans="1:4" x14ac:dyDescent="0.25">
      <c r="A30319" t="s">
        <v>45695</v>
      </c>
      <c r="B30319" t="s">
        <v>45696</v>
      </c>
      <c r="C30319">
        <v>1</v>
      </c>
      <c r="D30319">
        <v>0</v>
      </c>
    </row>
    <row r="30320" spans="1:4" x14ac:dyDescent="0.25">
      <c r="A30320" t="s">
        <v>45695</v>
      </c>
      <c r="B30320" t="s">
        <v>45697</v>
      </c>
      <c r="C30320">
        <v>2</v>
      </c>
      <c r="D30320">
        <v>0</v>
      </c>
    </row>
    <row r="30321" spans="1:4" x14ac:dyDescent="0.25">
      <c r="A30321" t="s">
        <v>45695</v>
      </c>
      <c r="B30321" t="s">
        <v>45698</v>
      </c>
      <c r="C30321">
        <v>2</v>
      </c>
      <c r="D30321">
        <v>0</v>
      </c>
    </row>
    <row r="30322" spans="1:4" x14ac:dyDescent="0.25">
      <c r="A30322" t="s">
        <v>45699</v>
      </c>
      <c r="B30322" t="s">
        <v>45700</v>
      </c>
      <c r="C30322">
        <v>2</v>
      </c>
      <c r="D30322">
        <v>0</v>
      </c>
    </row>
    <row r="30323" spans="1:4" x14ac:dyDescent="0.25">
      <c r="A30323" t="s">
        <v>45699</v>
      </c>
      <c r="B30323" t="s">
        <v>45701</v>
      </c>
      <c r="C30323">
        <v>0</v>
      </c>
      <c r="D30323">
        <v>0</v>
      </c>
    </row>
    <row r="30324" spans="1:4" x14ac:dyDescent="0.25">
      <c r="A30324" t="s">
        <v>45702</v>
      </c>
      <c r="B30324" t="s">
        <v>4422</v>
      </c>
      <c r="C30324">
        <v>1</v>
      </c>
      <c r="D30324">
        <v>0</v>
      </c>
    </row>
    <row r="30325" spans="1:4" x14ac:dyDescent="0.25">
      <c r="A30325" t="s">
        <v>45703</v>
      </c>
      <c r="B30325" t="s">
        <v>45704</v>
      </c>
      <c r="C30325">
        <v>2</v>
      </c>
      <c r="D30325">
        <v>0</v>
      </c>
    </row>
    <row r="30326" spans="1:4" x14ac:dyDescent="0.25">
      <c r="A30326" t="s">
        <v>45703</v>
      </c>
      <c r="B30326" t="s">
        <v>45705</v>
      </c>
      <c r="C30326">
        <v>2</v>
      </c>
      <c r="D30326">
        <v>0</v>
      </c>
    </row>
    <row r="30327" spans="1:4" x14ac:dyDescent="0.25">
      <c r="A30327" t="s">
        <v>45703</v>
      </c>
      <c r="B30327" t="s">
        <v>45706</v>
      </c>
      <c r="C30327">
        <v>1</v>
      </c>
      <c r="D30327">
        <v>0</v>
      </c>
    </row>
    <row r="30328" spans="1:4" x14ac:dyDescent="0.25">
      <c r="A30328" t="s">
        <v>45707</v>
      </c>
      <c r="B30328" t="s">
        <v>45708</v>
      </c>
      <c r="C30328">
        <v>1</v>
      </c>
      <c r="D30328">
        <v>0</v>
      </c>
    </row>
    <row r="30329" spans="1:4" x14ac:dyDescent="0.25">
      <c r="A30329" t="s">
        <v>45709</v>
      </c>
      <c r="B30329" t="s">
        <v>45710</v>
      </c>
      <c r="C30329">
        <v>0</v>
      </c>
      <c r="D30329">
        <v>0</v>
      </c>
    </row>
    <row r="30330" spans="1:4" x14ac:dyDescent="0.25">
      <c r="A30330" t="s">
        <v>45709</v>
      </c>
      <c r="B30330" t="s">
        <v>45711</v>
      </c>
      <c r="C30330">
        <v>0</v>
      </c>
      <c r="D30330">
        <v>0</v>
      </c>
    </row>
    <row r="30331" spans="1:4" x14ac:dyDescent="0.25">
      <c r="A30331" t="s">
        <v>45709</v>
      </c>
      <c r="B30331" t="s">
        <v>45712</v>
      </c>
      <c r="C30331">
        <v>2</v>
      </c>
      <c r="D30331">
        <v>0</v>
      </c>
    </row>
    <row r="30332" spans="1:4" x14ac:dyDescent="0.25">
      <c r="A30332" t="s">
        <v>45713</v>
      </c>
      <c r="B30332" t="s">
        <v>398</v>
      </c>
      <c r="C30332">
        <v>0</v>
      </c>
      <c r="D30332">
        <v>0</v>
      </c>
    </row>
    <row r="30333" spans="1:4" x14ac:dyDescent="0.25">
      <c r="A30333" t="s">
        <v>45713</v>
      </c>
      <c r="B30333" t="s">
        <v>45714</v>
      </c>
      <c r="C30333">
        <v>0</v>
      </c>
      <c r="D30333">
        <v>0</v>
      </c>
    </row>
    <row r="30334" spans="1:4" x14ac:dyDescent="0.25">
      <c r="A30334" t="s">
        <v>45715</v>
      </c>
      <c r="B30334" t="s">
        <v>45716</v>
      </c>
      <c r="C30334">
        <v>0</v>
      </c>
      <c r="D30334">
        <v>0</v>
      </c>
    </row>
    <row r="30335" spans="1:4" x14ac:dyDescent="0.25">
      <c r="A30335" t="s">
        <v>45717</v>
      </c>
      <c r="B30335" t="s">
        <v>45718</v>
      </c>
      <c r="C30335">
        <v>1</v>
      </c>
      <c r="D30335">
        <v>0</v>
      </c>
    </row>
    <row r="30336" spans="1:4" x14ac:dyDescent="0.25">
      <c r="A30336" t="s">
        <v>45717</v>
      </c>
      <c r="B30336" t="s">
        <v>45719</v>
      </c>
      <c r="C30336">
        <v>2</v>
      </c>
      <c r="D30336">
        <v>0</v>
      </c>
    </row>
    <row r="30337" spans="1:4" x14ac:dyDescent="0.25">
      <c r="A30337" t="s">
        <v>45717</v>
      </c>
      <c r="B30337" t="s">
        <v>45720</v>
      </c>
      <c r="C30337">
        <v>1</v>
      </c>
      <c r="D30337">
        <v>0</v>
      </c>
    </row>
    <row r="30338" spans="1:4" x14ac:dyDescent="0.25">
      <c r="A30338" t="s">
        <v>45721</v>
      </c>
      <c r="B30338" t="s">
        <v>45722</v>
      </c>
      <c r="C30338">
        <v>0</v>
      </c>
      <c r="D30338">
        <v>0</v>
      </c>
    </row>
    <row r="30339" spans="1:4" x14ac:dyDescent="0.25">
      <c r="A30339" t="s">
        <v>45723</v>
      </c>
      <c r="B30339" t="s">
        <v>45724</v>
      </c>
      <c r="C30339">
        <v>1</v>
      </c>
      <c r="D30339">
        <v>0</v>
      </c>
    </row>
    <row r="30340" spans="1:4" x14ac:dyDescent="0.25">
      <c r="A30340" t="s">
        <v>45723</v>
      </c>
      <c r="B30340" t="s">
        <v>45725</v>
      </c>
      <c r="C30340">
        <v>2</v>
      </c>
      <c r="D30340">
        <v>0</v>
      </c>
    </row>
    <row r="30341" spans="1:4" x14ac:dyDescent="0.25">
      <c r="A30341" t="s">
        <v>45723</v>
      </c>
      <c r="B30341" t="s">
        <v>45726</v>
      </c>
      <c r="C30341">
        <v>2</v>
      </c>
      <c r="D30341">
        <v>0</v>
      </c>
    </row>
    <row r="30342" spans="1:4" x14ac:dyDescent="0.25">
      <c r="A30342" t="s">
        <v>45727</v>
      </c>
      <c r="B30342" t="s">
        <v>45728</v>
      </c>
      <c r="C30342">
        <v>1</v>
      </c>
      <c r="D30342">
        <v>0</v>
      </c>
    </row>
    <row r="30343" spans="1:4" x14ac:dyDescent="0.25">
      <c r="A30343" t="s">
        <v>45729</v>
      </c>
      <c r="B30343" t="s">
        <v>1001</v>
      </c>
      <c r="C30343">
        <v>1</v>
      </c>
      <c r="D30343">
        <v>0</v>
      </c>
    </row>
    <row r="30344" spans="1:4" x14ac:dyDescent="0.25">
      <c r="A30344" t="s">
        <v>45729</v>
      </c>
      <c r="B30344" t="s">
        <v>45730</v>
      </c>
      <c r="C30344">
        <v>1</v>
      </c>
      <c r="D30344">
        <v>0</v>
      </c>
    </row>
    <row r="30345" spans="1:4" x14ac:dyDescent="0.25">
      <c r="A30345" t="s">
        <v>45729</v>
      </c>
      <c r="B30345" t="s">
        <v>45731</v>
      </c>
      <c r="C30345">
        <v>2</v>
      </c>
      <c r="D30345">
        <v>0</v>
      </c>
    </row>
    <row r="30346" spans="1:4" x14ac:dyDescent="0.25">
      <c r="A30346" t="s">
        <v>45732</v>
      </c>
      <c r="B30346" t="s">
        <v>45733</v>
      </c>
      <c r="C30346">
        <v>2</v>
      </c>
      <c r="D30346">
        <v>0</v>
      </c>
    </row>
    <row r="30347" spans="1:4" x14ac:dyDescent="0.25">
      <c r="A30347" t="s">
        <v>45732</v>
      </c>
      <c r="B30347" t="s">
        <v>45734</v>
      </c>
      <c r="C30347">
        <v>1</v>
      </c>
      <c r="D30347">
        <v>0</v>
      </c>
    </row>
    <row r="30348" spans="1:4" x14ac:dyDescent="0.25">
      <c r="A30348" t="s">
        <v>45732</v>
      </c>
      <c r="B30348" t="s">
        <v>45735</v>
      </c>
      <c r="C30348">
        <v>1</v>
      </c>
      <c r="D30348">
        <v>0</v>
      </c>
    </row>
    <row r="30349" spans="1:4" x14ac:dyDescent="0.25">
      <c r="A30349" t="s">
        <v>45736</v>
      </c>
      <c r="B30349" t="s">
        <v>45737</v>
      </c>
      <c r="C30349">
        <v>0</v>
      </c>
      <c r="D30349">
        <v>0</v>
      </c>
    </row>
    <row r="30350" spans="1:4" x14ac:dyDescent="0.25">
      <c r="A30350" t="s">
        <v>45738</v>
      </c>
      <c r="B30350" t="s">
        <v>843</v>
      </c>
      <c r="C30350">
        <v>1</v>
      </c>
      <c r="D30350">
        <v>0</v>
      </c>
    </row>
    <row r="30351" spans="1:4" x14ac:dyDescent="0.25">
      <c r="A30351" t="s">
        <v>45739</v>
      </c>
      <c r="B30351" t="s">
        <v>45740</v>
      </c>
      <c r="C30351">
        <v>0</v>
      </c>
      <c r="D30351">
        <v>0</v>
      </c>
    </row>
    <row r="30352" spans="1:4" x14ac:dyDescent="0.25">
      <c r="A30352" t="s">
        <v>45739</v>
      </c>
      <c r="B30352" t="s">
        <v>45741</v>
      </c>
      <c r="C30352">
        <v>2</v>
      </c>
      <c r="D30352">
        <v>0</v>
      </c>
    </row>
    <row r="30353" spans="1:4" x14ac:dyDescent="0.25">
      <c r="A30353" t="s">
        <v>45742</v>
      </c>
      <c r="B30353" t="s">
        <v>45743</v>
      </c>
      <c r="C30353">
        <v>2</v>
      </c>
      <c r="D30353">
        <v>0</v>
      </c>
    </row>
    <row r="30354" spans="1:4" x14ac:dyDescent="0.25">
      <c r="A30354" t="s">
        <v>45742</v>
      </c>
      <c r="B30354" t="s">
        <v>945</v>
      </c>
      <c r="C30354">
        <v>1</v>
      </c>
      <c r="D30354">
        <v>0</v>
      </c>
    </row>
    <row r="30355" spans="1:4" x14ac:dyDescent="0.25">
      <c r="A30355" t="s">
        <v>45744</v>
      </c>
      <c r="B30355" t="s">
        <v>1526</v>
      </c>
      <c r="C30355">
        <v>1</v>
      </c>
      <c r="D30355">
        <v>0</v>
      </c>
    </row>
    <row r="30356" spans="1:4" x14ac:dyDescent="0.25">
      <c r="A30356" t="s">
        <v>45744</v>
      </c>
      <c r="B30356" t="s">
        <v>1401</v>
      </c>
      <c r="C30356">
        <v>0</v>
      </c>
      <c r="D30356">
        <v>0</v>
      </c>
    </row>
    <row r="30357" spans="1:4" x14ac:dyDescent="0.25">
      <c r="A30357" t="s">
        <v>45744</v>
      </c>
      <c r="B30357" t="s">
        <v>45745</v>
      </c>
      <c r="C30357">
        <v>1</v>
      </c>
      <c r="D30357">
        <v>0</v>
      </c>
    </row>
    <row r="30358" spans="1:4" x14ac:dyDescent="0.25">
      <c r="A30358" t="s">
        <v>45746</v>
      </c>
      <c r="B30358" t="s">
        <v>45747</v>
      </c>
      <c r="C30358">
        <v>2</v>
      </c>
      <c r="D30358">
        <v>0</v>
      </c>
    </row>
    <row r="30359" spans="1:4" x14ac:dyDescent="0.25">
      <c r="A30359" t="s">
        <v>45746</v>
      </c>
      <c r="B30359" t="s">
        <v>45748</v>
      </c>
      <c r="C30359">
        <v>2</v>
      </c>
      <c r="D30359">
        <v>0</v>
      </c>
    </row>
    <row r="30360" spans="1:4" x14ac:dyDescent="0.25">
      <c r="A30360" t="s">
        <v>45749</v>
      </c>
      <c r="B30360" t="s">
        <v>45750</v>
      </c>
      <c r="C30360">
        <v>1</v>
      </c>
      <c r="D30360">
        <v>0</v>
      </c>
    </row>
    <row r="30361" spans="1:4" x14ac:dyDescent="0.25">
      <c r="A30361" t="s">
        <v>45751</v>
      </c>
      <c r="B30361" t="s">
        <v>45752</v>
      </c>
      <c r="C30361">
        <v>1</v>
      </c>
      <c r="D30361">
        <v>0</v>
      </c>
    </row>
    <row r="30362" spans="1:4" x14ac:dyDescent="0.25">
      <c r="A30362" t="s">
        <v>45753</v>
      </c>
      <c r="B30362" t="s">
        <v>45754</v>
      </c>
      <c r="C30362">
        <v>2</v>
      </c>
      <c r="D30362">
        <v>0</v>
      </c>
    </row>
    <row r="30363" spans="1:4" x14ac:dyDescent="0.25">
      <c r="A30363" t="s">
        <v>45753</v>
      </c>
      <c r="B30363" t="s">
        <v>45755</v>
      </c>
      <c r="C30363">
        <v>2</v>
      </c>
      <c r="D30363">
        <v>0</v>
      </c>
    </row>
    <row r="30364" spans="1:4" x14ac:dyDescent="0.25">
      <c r="A30364" t="s">
        <v>45753</v>
      </c>
      <c r="B30364" t="s">
        <v>45756</v>
      </c>
      <c r="C30364">
        <v>1</v>
      </c>
      <c r="D30364">
        <v>0</v>
      </c>
    </row>
    <row r="30365" spans="1:4" x14ac:dyDescent="0.25">
      <c r="A30365" t="s">
        <v>45757</v>
      </c>
      <c r="B30365" t="s">
        <v>45758</v>
      </c>
      <c r="C30365">
        <v>1</v>
      </c>
      <c r="D30365">
        <v>0</v>
      </c>
    </row>
    <row r="30366" spans="1:4" x14ac:dyDescent="0.25">
      <c r="A30366" t="s">
        <v>45759</v>
      </c>
      <c r="B30366" t="s">
        <v>852</v>
      </c>
      <c r="C30366">
        <v>0</v>
      </c>
      <c r="D30366">
        <v>0</v>
      </c>
    </row>
    <row r="30367" spans="1:4" x14ac:dyDescent="0.25">
      <c r="A30367" t="s">
        <v>45760</v>
      </c>
      <c r="B30367" t="s">
        <v>45761</v>
      </c>
      <c r="C30367">
        <v>1</v>
      </c>
      <c r="D30367">
        <v>0</v>
      </c>
    </row>
    <row r="30368" spans="1:4" x14ac:dyDescent="0.25">
      <c r="A30368" t="s">
        <v>45760</v>
      </c>
      <c r="B30368" t="s">
        <v>45762</v>
      </c>
      <c r="C30368">
        <v>1</v>
      </c>
      <c r="D30368">
        <v>0</v>
      </c>
    </row>
    <row r="30369" spans="1:4" x14ac:dyDescent="0.25">
      <c r="A30369" t="s">
        <v>45763</v>
      </c>
      <c r="B30369" t="s">
        <v>45764</v>
      </c>
      <c r="C30369">
        <v>0</v>
      </c>
      <c r="D30369">
        <v>0</v>
      </c>
    </row>
    <row r="30370" spans="1:4" x14ac:dyDescent="0.25">
      <c r="A30370" t="s">
        <v>45763</v>
      </c>
      <c r="B30370" t="s">
        <v>45765</v>
      </c>
      <c r="C30370">
        <v>2</v>
      </c>
      <c r="D30370">
        <v>0</v>
      </c>
    </row>
    <row r="30371" spans="1:4" x14ac:dyDescent="0.25">
      <c r="A30371" t="s">
        <v>45766</v>
      </c>
      <c r="B30371" t="s">
        <v>45767</v>
      </c>
      <c r="C30371">
        <v>2</v>
      </c>
      <c r="D30371">
        <v>0</v>
      </c>
    </row>
    <row r="30372" spans="1:4" x14ac:dyDescent="0.25">
      <c r="A30372" t="s">
        <v>45766</v>
      </c>
      <c r="B30372" t="s">
        <v>45768</v>
      </c>
      <c r="C30372">
        <v>2</v>
      </c>
      <c r="D30372">
        <v>0</v>
      </c>
    </row>
    <row r="30373" spans="1:4" x14ac:dyDescent="0.25">
      <c r="A30373" t="s">
        <v>45769</v>
      </c>
      <c r="B30373" t="s">
        <v>13383</v>
      </c>
      <c r="C30373">
        <v>0</v>
      </c>
      <c r="D30373">
        <v>0</v>
      </c>
    </row>
    <row r="30374" spans="1:4" x14ac:dyDescent="0.25">
      <c r="A30374" t="s">
        <v>45769</v>
      </c>
      <c r="B30374" t="s">
        <v>45770</v>
      </c>
      <c r="C30374">
        <v>1</v>
      </c>
      <c r="D30374">
        <v>0</v>
      </c>
    </row>
    <row r="30375" spans="1:4" x14ac:dyDescent="0.25">
      <c r="A30375" t="s">
        <v>45769</v>
      </c>
      <c r="B30375" t="s">
        <v>45771</v>
      </c>
      <c r="C30375">
        <v>1</v>
      </c>
      <c r="D30375">
        <v>0</v>
      </c>
    </row>
    <row r="30376" spans="1:4" x14ac:dyDescent="0.25">
      <c r="A30376" t="s">
        <v>45772</v>
      </c>
      <c r="B30376" t="s">
        <v>45773</v>
      </c>
      <c r="C30376">
        <v>0</v>
      </c>
      <c r="D30376">
        <v>0</v>
      </c>
    </row>
    <row r="30377" spans="1:4" x14ac:dyDescent="0.25">
      <c r="A30377" t="s">
        <v>45772</v>
      </c>
      <c r="B30377" t="s">
        <v>45774</v>
      </c>
      <c r="C30377">
        <v>1</v>
      </c>
      <c r="D30377">
        <v>0</v>
      </c>
    </row>
    <row r="30378" spans="1:4" x14ac:dyDescent="0.25">
      <c r="A30378" t="s">
        <v>45775</v>
      </c>
      <c r="B30378" t="s">
        <v>45776</v>
      </c>
      <c r="C30378">
        <v>0</v>
      </c>
      <c r="D30378">
        <v>0</v>
      </c>
    </row>
    <row r="30379" spans="1:4" x14ac:dyDescent="0.25">
      <c r="A30379" t="s">
        <v>45777</v>
      </c>
      <c r="B30379" t="s">
        <v>45778</v>
      </c>
      <c r="C30379">
        <v>2</v>
      </c>
      <c r="D30379">
        <v>0</v>
      </c>
    </row>
    <row r="30380" spans="1:4" x14ac:dyDescent="0.25">
      <c r="A30380" t="s">
        <v>45777</v>
      </c>
      <c r="B30380" t="s">
        <v>45779</v>
      </c>
      <c r="C30380">
        <v>1</v>
      </c>
      <c r="D30380">
        <v>0</v>
      </c>
    </row>
    <row r="30381" spans="1:4" x14ac:dyDescent="0.25">
      <c r="A30381" t="s">
        <v>45780</v>
      </c>
      <c r="B30381" t="s">
        <v>45781</v>
      </c>
      <c r="C30381">
        <v>0</v>
      </c>
      <c r="D30381">
        <v>0</v>
      </c>
    </row>
    <row r="30382" spans="1:4" x14ac:dyDescent="0.25">
      <c r="A30382" t="s">
        <v>45782</v>
      </c>
      <c r="B30382" t="s">
        <v>45783</v>
      </c>
      <c r="C30382">
        <v>1</v>
      </c>
      <c r="D30382">
        <v>0</v>
      </c>
    </row>
    <row r="30383" spans="1:4" x14ac:dyDescent="0.25">
      <c r="A30383" t="s">
        <v>45784</v>
      </c>
      <c r="B30383" t="s">
        <v>3410</v>
      </c>
      <c r="C30383">
        <v>1</v>
      </c>
      <c r="D30383">
        <v>0</v>
      </c>
    </row>
    <row r="30384" spans="1:4" x14ac:dyDescent="0.25">
      <c r="A30384" t="s">
        <v>45784</v>
      </c>
      <c r="B30384" t="s">
        <v>45785</v>
      </c>
      <c r="C30384">
        <v>0</v>
      </c>
      <c r="D30384">
        <v>0</v>
      </c>
    </row>
    <row r="30385" spans="1:4" x14ac:dyDescent="0.25">
      <c r="A30385" t="s">
        <v>45786</v>
      </c>
      <c r="B30385" t="s">
        <v>45787</v>
      </c>
      <c r="C30385">
        <v>1</v>
      </c>
      <c r="D30385">
        <v>0</v>
      </c>
    </row>
    <row r="30386" spans="1:4" x14ac:dyDescent="0.25">
      <c r="A30386" t="s">
        <v>45788</v>
      </c>
      <c r="B30386" t="s">
        <v>45789</v>
      </c>
      <c r="C30386">
        <v>1</v>
      </c>
      <c r="D30386">
        <v>0</v>
      </c>
    </row>
    <row r="30387" spans="1:4" x14ac:dyDescent="0.25">
      <c r="A30387" t="s">
        <v>45790</v>
      </c>
      <c r="B30387" t="s">
        <v>2267</v>
      </c>
      <c r="C30387">
        <v>0</v>
      </c>
      <c r="D30387">
        <v>0</v>
      </c>
    </row>
    <row r="30388" spans="1:4" x14ac:dyDescent="0.25">
      <c r="A30388" t="s">
        <v>45790</v>
      </c>
      <c r="B30388" t="s">
        <v>45791</v>
      </c>
      <c r="C30388">
        <v>2</v>
      </c>
      <c r="D30388">
        <v>0</v>
      </c>
    </row>
    <row r="30389" spans="1:4" x14ac:dyDescent="0.25">
      <c r="A30389" t="s">
        <v>45792</v>
      </c>
      <c r="B30389" t="s">
        <v>45793</v>
      </c>
      <c r="C30389">
        <v>1</v>
      </c>
      <c r="D30389">
        <v>0</v>
      </c>
    </row>
    <row r="30390" spans="1:4" x14ac:dyDescent="0.25">
      <c r="A30390" t="s">
        <v>45792</v>
      </c>
      <c r="B30390" t="s">
        <v>45794</v>
      </c>
      <c r="C30390">
        <v>1</v>
      </c>
      <c r="D30390">
        <v>0</v>
      </c>
    </row>
    <row r="30391" spans="1:4" x14ac:dyDescent="0.25">
      <c r="A30391" t="s">
        <v>45792</v>
      </c>
      <c r="B30391" t="s">
        <v>45795</v>
      </c>
      <c r="C30391">
        <v>1</v>
      </c>
      <c r="D30391">
        <v>0</v>
      </c>
    </row>
    <row r="30392" spans="1:4" x14ac:dyDescent="0.25">
      <c r="A30392" t="s">
        <v>45796</v>
      </c>
      <c r="B30392" t="s">
        <v>45797</v>
      </c>
      <c r="C30392">
        <v>2</v>
      </c>
      <c r="D30392">
        <v>0</v>
      </c>
    </row>
    <row r="30393" spans="1:4" x14ac:dyDescent="0.25">
      <c r="A30393" t="s">
        <v>45796</v>
      </c>
      <c r="B30393" t="s">
        <v>13321</v>
      </c>
      <c r="C30393">
        <v>2</v>
      </c>
      <c r="D30393">
        <v>0</v>
      </c>
    </row>
    <row r="30394" spans="1:4" x14ac:dyDescent="0.25">
      <c r="A30394" t="s">
        <v>45798</v>
      </c>
      <c r="B30394" t="s">
        <v>45799</v>
      </c>
      <c r="C30394">
        <v>0</v>
      </c>
      <c r="D30394">
        <v>0</v>
      </c>
    </row>
    <row r="30395" spans="1:4" x14ac:dyDescent="0.25">
      <c r="A30395" t="s">
        <v>45798</v>
      </c>
      <c r="B30395" t="s">
        <v>45800</v>
      </c>
      <c r="C30395">
        <v>0</v>
      </c>
      <c r="D30395">
        <v>0</v>
      </c>
    </row>
    <row r="30396" spans="1:4" x14ac:dyDescent="0.25">
      <c r="A30396" t="s">
        <v>45801</v>
      </c>
      <c r="B30396" t="s">
        <v>30920</v>
      </c>
      <c r="C30396">
        <v>0</v>
      </c>
      <c r="D30396">
        <v>0</v>
      </c>
    </row>
    <row r="30397" spans="1:4" x14ac:dyDescent="0.25">
      <c r="A30397" t="s">
        <v>45802</v>
      </c>
      <c r="B30397" t="s">
        <v>888</v>
      </c>
      <c r="C30397">
        <v>1</v>
      </c>
      <c r="D30397">
        <v>0</v>
      </c>
    </row>
    <row r="30398" spans="1:4" x14ac:dyDescent="0.25">
      <c r="A30398" t="s">
        <v>45803</v>
      </c>
      <c r="B30398" t="s">
        <v>45804</v>
      </c>
      <c r="C30398">
        <v>0</v>
      </c>
      <c r="D30398">
        <v>0</v>
      </c>
    </row>
    <row r="30399" spans="1:4" x14ac:dyDescent="0.25">
      <c r="A30399" t="s">
        <v>45805</v>
      </c>
      <c r="B30399" t="s">
        <v>45806</v>
      </c>
      <c r="C30399">
        <v>1</v>
      </c>
      <c r="D30399">
        <v>0</v>
      </c>
    </row>
    <row r="30400" spans="1:4" x14ac:dyDescent="0.25">
      <c r="A30400" t="s">
        <v>45805</v>
      </c>
      <c r="B30400" t="s">
        <v>45807</v>
      </c>
      <c r="C30400">
        <v>1</v>
      </c>
      <c r="D30400">
        <v>0</v>
      </c>
    </row>
    <row r="30401" spans="1:4" x14ac:dyDescent="0.25">
      <c r="A30401" t="s">
        <v>45805</v>
      </c>
      <c r="B30401" t="s">
        <v>45808</v>
      </c>
      <c r="C30401">
        <v>0</v>
      </c>
      <c r="D30401">
        <v>0</v>
      </c>
    </row>
    <row r="30402" spans="1:4" x14ac:dyDescent="0.25">
      <c r="A30402" t="s">
        <v>45805</v>
      </c>
      <c r="B30402" t="s">
        <v>45809</v>
      </c>
      <c r="C30402">
        <v>1</v>
      </c>
      <c r="D30402">
        <v>0</v>
      </c>
    </row>
    <row r="30403" spans="1:4" x14ac:dyDescent="0.25">
      <c r="A30403" t="s">
        <v>45805</v>
      </c>
      <c r="B30403" t="s">
        <v>45810</v>
      </c>
      <c r="C30403">
        <v>1</v>
      </c>
      <c r="D30403">
        <v>0</v>
      </c>
    </row>
    <row r="30404" spans="1:4" x14ac:dyDescent="0.25">
      <c r="A30404" t="s">
        <v>45811</v>
      </c>
      <c r="B30404" t="s">
        <v>45812</v>
      </c>
      <c r="C30404">
        <v>0</v>
      </c>
      <c r="D30404">
        <v>0</v>
      </c>
    </row>
    <row r="30405" spans="1:4" x14ac:dyDescent="0.25">
      <c r="A30405" t="s">
        <v>45811</v>
      </c>
      <c r="B30405" t="s">
        <v>45813</v>
      </c>
      <c r="C30405">
        <v>1</v>
      </c>
      <c r="D30405">
        <v>0</v>
      </c>
    </row>
    <row r="30406" spans="1:4" x14ac:dyDescent="0.25">
      <c r="A30406" t="s">
        <v>45814</v>
      </c>
      <c r="B30406" t="s">
        <v>45815</v>
      </c>
      <c r="C30406">
        <v>1</v>
      </c>
      <c r="D30406">
        <v>0</v>
      </c>
    </row>
    <row r="30407" spans="1:4" x14ac:dyDescent="0.25">
      <c r="A30407" t="s">
        <v>45814</v>
      </c>
      <c r="B30407" t="s">
        <v>45816</v>
      </c>
      <c r="C30407">
        <v>1</v>
      </c>
      <c r="D30407">
        <v>0</v>
      </c>
    </row>
    <row r="30408" spans="1:4" x14ac:dyDescent="0.25">
      <c r="A30408" t="s">
        <v>45814</v>
      </c>
      <c r="B30408" t="s">
        <v>45817</v>
      </c>
      <c r="C30408">
        <v>1</v>
      </c>
      <c r="D30408">
        <v>0</v>
      </c>
    </row>
    <row r="30409" spans="1:4" x14ac:dyDescent="0.25">
      <c r="A30409" t="s">
        <v>45814</v>
      </c>
      <c r="B30409" t="s">
        <v>45818</v>
      </c>
      <c r="C30409">
        <v>1</v>
      </c>
      <c r="D30409">
        <v>0</v>
      </c>
    </row>
    <row r="30410" spans="1:4" x14ac:dyDescent="0.25">
      <c r="A30410" t="s">
        <v>45814</v>
      </c>
      <c r="B30410" t="s">
        <v>45819</v>
      </c>
      <c r="C30410">
        <v>1</v>
      </c>
      <c r="D30410">
        <v>0</v>
      </c>
    </row>
    <row r="30411" spans="1:4" x14ac:dyDescent="0.25">
      <c r="A30411" t="s">
        <v>45820</v>
      </c>
      <c r="B30411" t="s">
        <v>45821</v>
      </c>
      <c r="C30411">
        <v>1</v>
      </c>
      <c r="D30411">
        <v>0</v>
      </c>
    </row>
    <row r="30412" spans="1:4" x14ac:dyDescent="0.25">
      <c r="A30412" t="s">
        <v>45820</v>
      </c>
      <c r="B30412" t="s">
        <v>45822</v>
      </c>
      <c r="C30412">
        <v>1</v>
      </c>
      <c r="D30412">
        <v>0</v>
      </c>
    </row>
    <row r="30413" spans="1:4" x14ac:dyDescent="0.25">
      <c r="A30413" t="s">
        <v>45820</v>
      </c>
      <c r="B30413" t="s">
        <v>45823</v>
      </c>
      <c r="C30413">
        <v>1</v>
      </c>
      <c r="D30413">
        <v>0</v>
      </c>
    </row>
    <row r="30414" spans="1:4" x14ac:dyDescent="0.25">
      <c r="A30414" t="s">
        <v>45824</v>
      </c>
      <c r="B30414" t="s">
        <v>45825</v>
      </c>
      <c r="C30414">
        <v>2</v>
      </c>
      <c r="D30414">
        <v>0</v>
      </c>
    </row>
    <row r="30415" spans="1:4" x14ac:dyDescent="0.25">
      <c r="A30415" t="s">
        <v>45824</v>
      </c>
      <c r="B30415" t="s">
        <v>45826</v>
      </c>
      <c r="C30415">
        <v>1</v>
      </c>
      <c r="D30415">
        <v>0</v>
      </c>
    </row>
    <row r="30416" spans="1:4" x14ac:dyDescent="0.25">
      <c r="A30416" t="s">
        <v>45827</v>
      </c>
      <c r="B30416" t="s">
        <v>45828</v>
      </c>
      <c r="C30416">
        <v>2</v>
      </c>
      <c r="D30416">
        <v>0</v>
      </c>
    </row>
    <row r="30417" spans="1:4" x14ac:dyDescent="0.25">
      <c r="A30417" t="s">
        <v>45827</v>
      </c>
      <c r="B30417" t="s">
        <v>45829</v>
      </c>
      <c r="C30417">
        <v>1</v>
      </c>
      <c r="D30417">
        <v>0</v>
      </c>
    </row>
    <row r="30418" spans="1:4" x14ac:dyDescent="0.25">
      <c r="A30418" t="s">
        <v>45827</v>
      </c>
      <c r="B30418" t="s">
        <v>45830</v>
      </c>
      <c r="C30418">
        <v>1</v>
      </c>
      <c r="D30418">
        <v>0</v>
      </c>
    </row>
    <row r="30419" spans="1:4" x14ac:dyDescent="0.25">
      <c r="A30419" t="s">
        <v>45831</v>
      </c>
      <c r="B30419" t="s">
        <v>45832</v>
      </c>
      <c r="C30419">
        <v>1</v>
      </c>
      <c r="D30419">
        <v>0</v>
      </c>
    </row>
    <row r="30420" spans="1:4" x14ac:dyDescent="0.25">
      <c r="A30420" t="s">
        <v>45831</v>
      </c>
      <c r="B30420" t="s">
        <v>45833</v>
      </c>
      <c r="C30420">
        <v>1</v>
      </c>
      <c r="D30420">
        <v>0</v>
      </c>
    </row>
    <row r="30421" spans="1:4" x14ac:dyDescent="0.25">
      <c r="A30421" t="s">
        <v>45831</v>
      </c>
      <c r="B30421" t="s">
        <v>45834</v>
      </c>
      <c r="C30421">
        <v>1</v>
      </c>
      <c r="D30421">
        <v>0</v>
      </c>
    </row>
    <row r="30422" spans="1:4" x14ac:dyDescent="0.25">
      <c r="A30422" t="s">
        <v>45831</v>
      </c>
      <c r="B30422" t="s">
        <v>45835</v>
      </c>
      <c r="C30422">
        <v>0</v>
      </c>
      <c r="D30422">
        <v>0</v>
      </c>
    </row>
    <row r="30423" spans="1:4" x14ac:dyDescent="0.25">
      <c r="A30423" t="s">
        <v>45836</v>
      </c>
      <c r="B30423" t="s">
        <v>45837</v>
      </c>
      <c r="C30423">
        <v>0</v>
      </c>
      <c r="D30423">
        <v>0</v>
      </c>
    </row>
    <row r="30424" spans="1:4" x14ac:dyDescent="0.25">
      <c r="A30424" t="s">
        <v>45836</v>
      </c>
      <c r="B30424" t="s">
        <v>45838</v>
      </c>
      <c r="C30424">
        <v>0</v>
      </c>
      <c r="D30424">
        <v>0</v>
      </c>
    </row>
    <row r="30425" spans="1:4" x14ac:dyDescent="0.25">
      <c r="A30425" t="s">
        <v>45836</v>
      </c>
      <c r="B30425" t="s">
        <v>45839</v>
      </c>
      <c r="C30425">
        <v>1</v>
      </c>
      <c r="D30425">
        <v>0</v>
      </c>
    </row>
    <row r="30426" spans="1:4" x14ac:dyDescent="0.25">
      <c r="A30426" t="s">
        <v>45836</v>
      </c>
      <c r="B30426" t="s">
        <v>45840</v>
      </c>
      <c r="C30426">
        <v>1</v>
      </c>
      <c r="D30426">
        <v>0</v>
      </c>
    </row>
    <row r="30427" spans="1:4" x14ac:dyDescent="0.25">
      <c r="A30427" t="s">
        <v>45836</v>
      </c>
      <c r="B30427" t="s">
        <v>2865</v>
      </c>
      <c r="C30427">
        <v>0</v>
      </c>
      <c r="D30427">
        <v>0</v>
      </c>
    </row>
    <row r="30428" spans="1:4" x14ac:dyDescent="0.25">
      <c r="A30428" t="s">
        <v>45841</v>
      </c>
      <c r="B30428" t="s">
        <v>45842</v>
      </c>
      <c r="C30428">
        <v>1</v>
      </c>
      <c r="D30428">
        <v>0</v>
      </c>
    </row>
    <row r="30429" spans="1:4" x14ac:dyDescent="0.25">
      <c r="A30429" t="s">
        <v>45841</v>
      </c>
      <c r="B30429" t="s">
        <v>45843</v>
      </c>
      <c r="C30429">
        <v>1</v>
      </c>
      <c r="D30429">
        <v>0</v>
      </c>
    </row>
    <row r="30430" spans="1:4" x14ac:dyDescent="0.25">
      <c r="A30430" t="s">
        <v>45841</v>
      </c>
      <c r="B30430" t="s">
        <v>45844</v>
      </c>
      <c r="C30430">
        <v>1</v>
      </c>
      <c r="D30430">
        <v>0</v>
      </c>
    </row>
    <row r="30431" spans="1:4" x14ac:dyDescent="0.25">
      <c r="A30431" t="s">
        <v>45845</v>
      </c>
      <c r="B30431" t="s">
        <v>45846</v>
      </c>
      <c r="C30431">
        <v>0</v>
      </c>
      <c r="D30431">
        <v>0</v>
      </c>
    </row>
    <row r="30432" spans="1:4" x14ac:dyDescent="0.25">
      <c r="A30432" t="s">
        <v>45845</v>
      </c>
      <c r="B30432" t="s">
        <v>45847</v>
      </c>
      <c r="C30432">
        <v>0</v>
      </c>
      <c r="D30432">
        <v>0</v>
      </c>
    </row>
    <row r="30433" spans="1:4" x14ac:dyDescent="0.25">
      <c r="A30433" t="s">
        <v>45845</v>
      </c>
      <c r="B30433" t="s">
        <v>45848</v>
      </c>
      <c r="C30433">
        <v>0</v>
      </c>
      <c r="D30433">
        <v>0</v>
      </c>
    </row>
    <row r="30434" spans="1:4" x14ac:dyDescent="0.25">
      <c r="A30434" t="s">
        <v>45849</v>
      </c>
      <c r="B30434" t="s">
        <v>45850</v>
      </c>
      <c r="C30434">
        <v>1</v>
      </c>
      <c r="D30434">
        <v>0</v>
      </c>
    </row>
    <row r="30435" spans="1:4" x14ac:dyDescent="0.25">
      <c r="A30435" t="s">
        <v>45849</v>
      </c>
      <c r="B30435" t="s">
        <v>45851</v>
      </c>
      <c r="C30435">
        <v>0</v>
      </c>
      <c r="D30435">
        <v>0</v>
      </c>
    </row>
    <row r="30436" spans="1:4" x14ac:dyDescent="0.25">
      <c r="A30436" t="s">
        <v>45849</v>
      </c>
      <c r="B30436" t="s">
        <v>45852</v>
      </c>
      <c r="C30436">
        <v>0</v>
      </c>
      <c r="D30436">
        <v>0</v>
      </c>
    </row>
    <row r="30437" spans="1:4" x14ac:dyDescent="0.25">
      <c r="A30437" t="s">
        <v>45849</v>
      </c>
      <c r="B30437" t="s">
        <v>45853</v>
      </c>
      <c r="C30437">
        <v>1</v>
      </c>
      <c r="D30437">
        <v>0</v>
      </c>
    </row>
    <row r="30438" spans="1:4" x14ac:dyDescent="0.25">
      <c r="A30438" t="s">
        <v>45849</v>
      </c>
      <c r="B30438" t="s">
        <v>45854</v>
      </c>
      <c r="C30438">
        <v>1</v>
      </c>
      <c r="D30438">
        <v>0</v>
      </c>
    </row>
    <row r="30439" spans="1:4" x14ac:dyDescent="0.25">
      <c r="A30439" t="s">
        <v>45849</v>
      </c>
      <c r="B30439" t="s">
        <v>45855</v>
      </c>
      <c r="C30439">
        <v>0</v>
      </c>
      <c r="D30439">
        <v>0</v>
      </c>
    </row>
    <row r="30440" spans="1:4" x14ac:dyDescent="0.25">
      <c r="A30440" t="s">
        <v>45849</v>
      </c>
      <c r="B30440" t="s">
        <v>45856</v>
      </c>
      <c r="C30440">
        <v>0</v>
      </c>
      <c r="D30440">
        <v>0</v>
      </c>
    </row>
    <row r="30441" spans="1:4" x14ac:dyDescent="0.25">
      <c r="A30441" t="s">
        <v>45849</v>
      </c>
      <c r="B30441" t="s">
        <v>45857</v>
      </c>
      <c r="C30441">
        <v>0</v>
      </c>
      <c r="D30441">
        <v>0</v>
      </c>
    </row>
    <row r="30442" spans="1:4" x14ac:dyDescent="0.25">
      <c r="A30442" t="s">
        <v>45858</v>
      </c>
      <c r="B30442" t="s">
        <v>45859</v>
      </c>
      <c r="C30442">
        <v>1</v>
      </c>
      <c r="D30442">
        <v>0</v>
      </c>
    </row>
    <row r="30443" spans="1:4" x14ac:dyDescent="0.25">
      <c r="A30443" t="s">
        <v>45858</v>
      </c>
      <c r="B30443" t="s">
        <v>45860</v>
      </c>
      <c r="C30443">
        <v>2</v>
      </c>
      <c r="D30443">
        <v>0</v>
      </c>
    </row>
    <row r="30444" spans="1:4" x14ac:dyDescent="0.25">
      <c r="A30444" t="s">
        <v>45858</v>
      </c>
      <c r="B30444" t="s">
        <v>45861</v>
      </c>
      <c r="C30444">
        <v>1</v>
      </c>
      <c r="D30444">
        <v>0</v>
      </c>
    </row>
    <row r="30445" spans="1:4" x14ac:dyDescent="0.25">
      <c r="A30445" t="s">
        <v>45858</v>
      </c>
      <c r="B30445" t="s">
        <v>45862</v>
      </c>
      <c r="C30445">
        <v>2</v>
      </c>
      <c r="D30445">
        <v>0</v>
      </c>
    </row>
    <row r="30446" spans="1:4" x14ac:dyDescent="0.25">
      <c r="A30446" t="s">
        <v>45858</v>
      </c>
      <c r="B30446" t="s">
        <v>45863</v>
      </c>
      <c r="C30446">
        <v>2</v>
      </c>
      <c r="D30446">
        <v>0</v>
      </c>
    </row>
    <row r="30447" spans="1:4" x14ac:dyDescent="0.25">
      <c r="A30447" t="s">
        <v>45864</v>
      </c>
      <c r="B30447" t="s">
        <v>45865</v>
      </c>
      <c r="C30447">
        <v>1</v>
      </c>
      <c r="D30447">
        <v>0</v>
      </c>
    </row>
    <row r="30448" spans="1:4" x14ac:dyDescent="0.25">
      <c r="A30448" t="s">
        <v>45864</v>
      </c>
      <c r="B30448" t="s">
        <v>45866</v>
      </c>
      <c r="C30448">
        <v>0</v>
      </c>
      <c r="D30448">
        <v>0</v>
      </c>
    </row>
    <row r="30449" spans="1:4" x14ac:dyDescent="0.25">
      <c r="A30449" t="s">
        <v>45864</v>
      </c>
      <c r="B30449" t="s">
        <v>45867</v>
      </c>
      <c r="C30449">
        <v>0</v>
      </c>
      <c r="D30449">
        <v>0</v>
      </c>
    </row>
    <row r="30450" spans="1:4" x14ac:dyDescent="0.25">
      <c r="A30450" t="s">
        <v>45864</v>
      </c>
      <c r="B30450" t="s">
        <v>45868</v>
      </c>
      <c r="C30450">
        <v>0</v>
      </c>
      <c r="D30450">
        <v>0</v>
      </c>
    </row>
    <row r="30451" spans="1:4" x14ac:dyDescent="0.25">
      <c r="A30451" t="s">
        <v>45869</v>
      </c>
      <c r="B30451" t="s">
        <v>45870</v>
      </c>
      <c r="C30451">
        <v>0</v>
      </c>
      <c r="D30451">
        <v>0</v>
      </c>
    </row>
    <row r="30452" spans="1:4" x14ac:dyDescent="0.25">
      <c r="A30452" t="s">
        <v>45869</v>
      </c>
      <c r="B30452" t="s">
        <v>12472</v>
      </c>
      <c r="C30452">
        <v>1</v>
      </c>
      <c r="D30452">
        <v>0</v>
      </c>
    </row>
    <row r="30453" spans="1:4" x14ac:dyDescent="0.25">
      <c r="A30453" t="s">
        <v>45869</v>
      </c>
      <c r="B30453" t="s">
        <v>45871</v>
      </c>
      <c r="C30453">
        <v>0</v>
      </c>
      <c r="D30453">
        <v>0</v>
      </c>
    </row>
    <row r="30454" spans="1:4" x14ac:dyDescent="0.25">
      <c r="A30454" t="s">
        <v>45869</v>
      </c>
      <c r="B30454" t="s">
        <v>45872</v>
      </c>
      <c r="C30454">
        <v>0</v>
      </c>
      <c r="D30454">
        <v>0</v>
      </c>
    </row>
    <row r="30455" spans="1:4" x14ac:dyDescent="0.25">
      <c r="A30455" t="s">
        <v>45873</v>
      </c>
      <c r="B30455" t="s">
        <v>45874</v>
      </c>
      <c r="C30455">
        <v>1</v>
      </c>
      <c r="D30455">
        <v>0</v>
      </c>
    </row>
    <row r="30456" spans="1:4" x14ac:dyDescent="0.25">
      <c r="A30456" t="s">
        <v>45875</v>
      </c>
      <c r="B30456" t="s">
        <v>45876</v>
      </c>
      <c r="C30456">
        <v>0</v>
      </c>
      <c r="D30456">
        <v>0</v>
      </c>
    </row>
    <row r="30457" spans="1:4" x14ac:dyDescent="0.25">
      <c r="A30457" t="s">
        <v>45875</v>
      </c>
      <c r="B30457" t="s">
        <v>45877</v>
      </c>
      <c r="C30457">
        <v>0</v>
      </c>
      <c r="D30457">
        <v>0</v>
      </c>
    </row>
    <row r="30458" spans="1:4" x14ac:dyDescent="0.25">
      <c r="A30458" t="s">
        <v>45875</v>
      </c>
      <c r="B30458" t="s">
        <v>45878</v>
      </c>
      <c r="C30458">
        <v>0</v>
      </c>
      <c r="D30458">
        <v>0</v>
      </c>
    </row>
    <row r="30459" spans="1:4" x14ac:dyDescent="0.25">
      <c r="A30459" t="s">
        <v>45875</v>
      </c>
      <c r="B30459" t="s">
        <v>45879</v>
      </c>
      <c r="C30459">
        <v>0</v>
      </c>
      <c r="D30459">
        <v>0</v>
      </c>
    </row>
    <row r="30460" spans="1:4" x14ac:dyDescent="0.25">
      <c r="A30460" t="s">
        <v>45875</v>
      </c>
      <c r="B30460" t="s">
        <v>45880</v>
      </c>
      <c r="C30460">
        <v>0</v>
      </c>
      <c r="D30460">
        <v>0</v>
      </c>
    </row>
    <row r="30461" spans="1:4" x14ac:dyDescent="0.25">
      <c r="A30461" t="s">
        <v>45881</v>
      </c>
      <c r="B30461" t="s">
        <v>45882</v>
      </c>
      <c r="C30461">
        <v>0</v>
      </c>
      <c r="D30461">
        <v>0</v>
      </c>
    </row>
    <row r="30462" spans="1:4" x14ac:dyDescent="0.25">
      <c r="A30462" t="s">
        <v>45883</v>
      </c>
      <c r="B30462" t="s">
        <v>45884</v>
      </c>
      <c r="C30462">
        <v>1</v>
      </c>
      <c r="D30462">
        <v>0</v>
      </c>
    </row>
    <row r="30463" spans="1:4" x14ac:dyDescent="0.25">
      <c r="A30463" t="s">
        <v>45883</v>
      </c>
      <c r="B30463" t="s">
        <v>45885</v>
      </c>
      <c r="C30463">
        <v>1</v>
      </c>
      <c r="D30463">
        <v>0</v>
      </c>
    </row>
    <row r="30464" spans="1:4" x14ac:dyDescent="0.25">
      <c r="A30464" t="s">
        <v>45883</v>
      </c>
      <c r="B30464" t="s">
        <v>45886</v>
      </c>
      <c r="C30464">
        <v>0</v>
      </c>
      <c r="D30464">
        <v>0</v>
      </c>
    </row>
    <row r="30465" spans="1:4" x14ac:dyDescent="0.25">
      <c r="A30465" t="s">
        <v>45883</v>
      </c>
      <c r="B30465" t="s">
        <v>45887</v>
      </c>
      <c r="C30465">
        <v>2</v>
      </c>
      <c r="D30465">
        <v>0</v>
      </c>
    </row>
    <row r="30466" spans="1:4" x14ac:dyDescent="0.25">
      <c r="A30466" t="s">
        <v>45883</v>
      </c>
      <c r="B30466" t="s">
        <v>45888</v>
      </c>
      <c r="C30466">
        <v>1</v>
      </c>
      <c r="D30466">
        <v>0</v>
      </c>
    </row>
    <row r="30467" spans="1:4" x14ac:dyDescent="0.25">
      <c r="A30467" t="s">
        <v>45883</v>
      </c>
      <c r="B30467" t="s">
        <v>45888</v>
      </c>
      <c r="C30467">
        <v>1</v>
      </c>
      <c r="D30467">
        <v>0</v>
      </c>
    </row>
    <row r="30468" spans="1:4" x14ac:dyDescent="0.25">
      <c r="A30468" t="s">
        <v>45889</v>
      </c>
      <c r="B30468" t="s">
        <v>45890</v>
      </c>
      <c r="C30468">
        <v>1</v>
      </c>
      <c r="D30468">
        <v>0</v>
      </c>
    </row>
    <row r="30469" spans="1:4" x14ac:dyDescent="0.25">
      <c r="A30469" t="s">
        <v>45889</v>
      </c>
      <c r="B30469" t="s">
        <v>45891</v>
      </c>
      <c r="C30469">
        <v>0</v>
      </c>
      <c r="D30469">
        <v>0</v>
      </c>
    </row>
    <row r="30470" spans="1:4" x14ac:dyDescent="0.25">
      <c r="A30470" t="s">
        <v>45892</v>
      </c>
      <c r="B30470" t="s">
        <v>45893</v>
      </c>
      <c r="C30470">
        <v>1</v>
      </c>
      <c r="D30470">
        <v>0</v>
      </c>
    </row>
    <row r="30471" spans="1:4" x14ac:dyDescent="0.25">
      <c r="A30471" t="s">
        <v>45892</v>
      </c>
      <c r="B30471" t="s">
        <v>45894</v>
      </c>
      <c r="C30471">
        <v>2</v>
      </c>
      <c r="D30471">
        <v>0</v>
      </c>
    </row>
    <row r="30472" spans="1:4" x14ac:dyDescent="0.25">
      <c r="A30472" t="s">
        <v>45895</v>
      </c>
      <c r="B30472" t="s">
        <v>45896</v>
      </c>
      <c r="C30472">
        <v>1</v>
      </c>
      <c r="D30472">
        <v>0</v>
      </c>
    </row>
    <row r="30473" spans="1:4" x14ac:dyDescent="0.25">
      <c r="A30473" t="s">
        <v>45895</v>
      </c>
      <c r="B30473" t="s">
        <v>45897</v>
      </c>
      <c r="C30473">
        <v>1</v>
      </c>
      <c r="D30473">
        <v>0</v>
      </c>
    </row>
    <row r="30474" spans="1:4" x14ac:dyDescent="0.25">
      <c r="A30474" t="s">
        <v>45895</v>
      </c>
      <c r="B30474" t="s">
        <v>45898</v>
      </c>
      <c r="C30474">
        <v>1</v>
      </c>
      <c r="D30474">
        <v>0</v>
      </c>
    </row>
    <row r="30475" spans="1:4" x14ac:dyDescent="0.25">
      <c r="A30475" t="s">
        <v>45895</v>
      </c>
      <c r="B30475" t="s">
        <v>45899</v>
      </c>
      <c r="C30475">
        <v>0</v>
      </c>
      <c r="D30475">
        <v>0</v>
      </c>
    </row>
    <row r="30476" spans="1:4" x14ac:dyDescent="0.25">
      <c r="A30476" t="s">
        <v>45900</v>
      </c>
      <c r="B30476" t="s">
        <v>45901</v>
      </c>
      <c r="C30476">
        <v>1</v>
      </c>
      <c r="D30476">
        <v>0</v>
      </c>
    </row>
    <row r="30477" spans="1:4" x14ac:dyDescent="0.25">
      <c r="A30477" t="s">
        <v>45900</v>
      </c>
      <c r="B30477" t="s">
        <v>45902</v>
      </c>
      <c r="C30477">
        <v>1</v>
      </c>
      <c r="D30477">
        <v>0</v>
      </c>
    </row>
    <row r="30478" spans="1:4" x14ac:dyDescent="0.25">
      <c r="A30478" t="s">
        <v>45900</v>
      </c>
      <c r="B30478" t="s">
        <v>45903</v>
      </c>
      <c r="C30478">
        <v>2</v>
      </c>
      <c r="D30478">
        <v>0</v>
      </c>
    </row>
    <row r="30479" spans="1:4" x14ac:dyDescent="0.25">
      <c r="A30479" t="s">
        <v>45900</v>
      </c>
      <c r="B30479" t="s">
        <v>45904</v>
      </c>
      <c r="C30479">
        <v>2</v>
      </c>
      <c r="D30479">
        <v>0</v>
      </c>
    </row>
    <row r="30480" spans="1:4" x14ac:dyDescent="0.25">
      <c r="A30480" t="s">
        <v>45900</v>
      </c>
      <c r="B30480" t="s">
        <v>45905</v>
      </c>
      <c r="C30480">
        <v>2</v>
      </c>
      <c r="D30480">
        <v>0</v>
      </c>
    </row>
    <row r="30481" spans="1:4" x14ac:dyDescent="0.25">
      <c r="A30481" t="s">
        <v>45900</v>
      </c>
      <c r="B30481" t="s">
        <v>45906</v>
      </c>
      <c r="C30481">
        <v>1</v>
      </c>
      <c r="D30481">
        <v>0</v>
      </c>
    </row>
    <row r="30482" spans="1:4" x14ac:dyDescent="0.25">
      <c r="A30482" t="s">
        <v>45900</v>
      </c>
      <c r="B30482" t="s">
        <v>45907</v>
      </c>
      <c r="C30482">
        <v>1</v>
      </c>
      <c r="D30482">
        <v>0</v>
      </c>
    </row>
    <row r="30483" spans="1:4" x14ac:dyDescent="0.25">
      <c r="A30483" t="s">
        <v>45900</v>
      </c>
      <c r="B30483" t="s">
        <v>45908</v>
      </c>
      <c r="C30483">
        <v>2</v>
      </c>
      <c r="D30483">
        <v>0</v>
      </c>
    </row>
    <row r="30484" spans="1:4" x14ac:dyDescent="0.25">
      <c r="A30484" t="s">
        <v>45900</v>
      </c>
      <c r="B30484" t="s">
        <v>45909</v>
      </c>
      <c r="C30484">
        <v>1</v>
      </c>
      <c r="D30484">
        <v>0</v>
      </c>
    </row>
    <row r="30485" spans="1:4" x14ac:dyDescent="0.25">
      <c r="A30485" t="s">
        <v>45910</v>
      </c>
      <c r="B30485" t="s">
        <v>45911</v>
      </c>
      <c r="C30485">
        <v>2</v>
      </c>
      <c r="D30485">
        <v>0</v>
      </c>
    </row>
    <row r="30486" spans="1:4" x14ac:dyDescent="0.25">
      <c r="A30486" t="s">
        <v>45910</v>
      </c>
      <c r="B30486" t="s">
        <v>45912</v>
      </c>
      <c r="C30486">
        <v>1</v>
      </c>
      <c r="D30486">
        <v>0</v>
      </c>
    </row>
    <row r="30487" spans="1:4" x14ac:dyDescent="0.25">
      <c r="A30487" t="s">
        <v>45910</v>
      </c>
      <c r="B30487" t="s">
        <v>45913</v>
      </c>
      <c r="C30487">
        <v>1</v>
      </c>
      <c r="D30487">
        <v>0</v>
      </c>
    </row>
    <row r="30488" spans="1:4" x14ac:dyDescent="0.25">
      <c r="A30488" t="s">
        <v>45910</v>
      </c>
      <c r="B30488" t="s">
        <v>45914</v>
      </c>
      <c r="C30488">
        <v>0</v>
      </c>
      <c r="D30488">
        <v>0</v>
      </c>
    </row>
    <row r="30489" spans="1:4" x14ac:dyDescent="0.25">
      <c r="A30489" t="s">
        <v>45910</v>
      </c>
      <c r="B30489" t="s">
        <v>45915</v>
      </c>
      <c r="C30489">
        <v>1</v>
      </c>
      <c r="D30489">
        <v>0</v>
      </c>
    </row>
    <row r="30490" spans="1:4" x14ac:dyDescent="0.25">
      <c r="A30490" t="s">
        <v>45916</v>
      </c>
      <c r="B30490" t="s">
        <v>45917</v>
      </c>
      <c r="C30490">
        <v>1</v>
      </c>
      <c r="D30490">
        <v>0</v>
      </c>
    </row>
    <row r="30491" spans="1:4" x14ac:dyDescent="0.25">
      <c r="A30491" t="s">
        <v>45916</v>
      </c>
      <c r="B30491" t="s">
        <v>45918</v>
      </c>
      <c r="C30491">
        <v>1</v>
      </c>
      <c r="D30491">
        <v>0</v>
      </c>
    </row>
    <row r="30492" spans="1:4" x14ac:dyDescent="0.25">
      <c r="A30492" t="s">
        <v>45916</v>
      </c>
      <c r="B30492" t="s">
        <v>45919</v>
      </c>
      <c r="C30492">
        <v>1</v>
      </c>
      <c r="D30492">
        <v>0</v>
      </c>
    </row>
    <row r="30493" spans="1:4" x14ac:dyDescent="0.25">
      <c r="A30493" t="s">
        <v>45916</v>
      </c>
      <c r="B30493" t="s">
        <v>45920</v>
      </c>
      <c r="C30493">
        <v>1</v>
      </c>
      <c r="D30493">
        <v>0</v>
      </c>
    </row>
    <row r="30494" spans="1:4" x14ac:dyDescent="0.25">
      <c r="A30494" t="s">
        <v>45921</v>
      </c>
      <c r="B30494" t="s">
        <v>45922</v>
      </c>
      <c r="C30494">
        <v>1</v>
      </c>
      <c r="D30494">
        <v>0</v>
      </c>
    </row>
    <row r="30495" spans="1:4" x14ac:dyDescent="0.25">
      <c r="A30495" t="s">
        <v>45921</v>
      </c>
      <c r="B30495" t="s">
        <v>45923</v>
      </c>
      <c r="C30495">
        <v>1</v>
      </c>
      <c r="D30495">
        <v>0</v>
      </c>
    </row>
    <row r="30496" spans="1:4" x14ac:dyDescent="0.25">
      <c r="A30496" t="s">
        <v>45921</v>
      </c>
      <c r="B30496" t="s">
        <v>45924</v>
      </c>
      <c r="C30496">
        <v>1</v>
      </c>
      <c r="D30496">
        <v>0</v>
      </c>
    </row>
    <row r="30497" spans="1:4" x14ac:dyDescent="0.25">
      <c r="A30497" t="s">
        <v>45921</v>
      </c>
      <c r="B30497" t="s">
        <v>45925</v>
      </c>
      <c r="C30497">
        <v>1</v>
      </c>
      <c r="D30497">
        <v>0</v>
      </c>
    </row>
    <row r="30498" spans="1:4" x14ac:dyDescent="0.25">
      <c r="A30498" t="s">
        <v>45921</v>
      </c>
      <c r="B30498" t="s">
        <v>45926</v>
      </c>
      <c r="C30498">
        <v>2</v>
      </c>
      <c r="D30498">
        <v>0</v>
      </c>
    </row>
    <row r="30499" spans="1:4" x14ac:dyDescent="0.25">
      <c r="A30499" t="s">
        <v>45927</v>
      </c>
      <c r="B30499" t="s">
        <v>45928</v>
      </c>
      <c r="C30499">
        <v>2</v>
      </c>
      <c r="D30499">
        <v>0</v>
      </c>
    </row>
    <row r="30500" spans="1:4" x14ac:dyDescent="0.25">
      <c r="A30500" t="s">
        <v>45927</v>
      </c>
      <c r="B30500" t="s">
        <v>45929</v>
      </c>
      <c r="C30500">
        <v>0</v>
      </c>
      <c r="D30500">
        <v>0</v>
      </c>
    </row>
    <row r="30501" spans="1:4" x14ac:dyDescent="0.25">
      <c r="A30501" t="s">
        <v>45927</v>
      </c>
      <c r="B30501" t="s">
        <v>45930</v>
      </c>
      <c r="C30501">
        <v>1</v>
      </c>
      <c r="D30501">
        <v>0</v>
      </c>
    </row>
    <row r="30502" spans="1:4" x14ac:dyDescent="0.25">
      <c r="A30502" t="s">
        <v>45931</v>
      </c>
      <c r="B30502" t="s">
        <v>12472</v>
      </c>
      <c r="C30502">
        <v>1</v>
      </c>
      <c r="D30502">
        <v>0</v>
      </c>
    </row>
    <row r="30503" spans="1:4" x14ac:dyDescent="0.25">
      <c r="A30503" t="s">
        <v>45931</v>
      </c>
      <c r="B30503" t="s">
        <v>45932</v>
      </c>
      <c r="C30503">
        <v>0</v>
      </c>
      <c r="D30503">
        <v>0</v>
      </c>
    </row>
    <row r="30504" spans="1:4" x14ac:dyDescent="0.25">
      <c r="A30504" t="s">
        <v>45931</v>
      </c>
      <c r="B30504" t="s">
        <v>45933</v>
      </c>
      <c r="C30504">
        <v>1</v>
      </c>
      <c r="D30504">
        <v>0</v>
      </c>
    </row>
    <row r="30505" spans="1:4" x14ac:dyDescent="0.25">
      <c r="A30505" t="s">
        <v>45931</v>
      </c>
      <c r="B30505" t="s">
        <v>45934</v>
      </c>
      <c r="C30505">
        <v>1</v>
      </c>
      <c r="D30505">
        <v>0</v>
      </c>
    </row>
    <row r="30506" spans="1:4" x14ac:dyDescent="0.25">
      <c r="A30506" t="s">
        <v>45935</v>
      </c>
      <c r="B30506" t="s">
        <v>45936</v>
      </c>
      <c r="C30506">
        <v>2</v>
      </c>
      <c r="D30506">
        <v>0</v>
      </c>
    </row>
    <row r="30507" spans="1:4" x14ac:dyDescent="0.25">
      <c r="A30507" t="s">
        <v>45935</v>
      </c>
      <c r="B30507" t="s">
        <v>45937</v>
      </c>
      <c r="C30507">
        <v>1</v>
      </c>
      <c r="D30507">
        <v>0</v>
      </c>
    </row>
    <row r="30508" spans="1:4" x14ac:dyDescent="0.25">
      <c r="A30508" t="s">
        <v>45935</v>
      </c>
      <c r="B30508" t="s">
        <v>45938</v>
      </c>
      <c r="C30508">
        <v>2</v>
      </c>
      <c r="D30508">
        <v>0</v>
      </c>
    </row>
    <row r="30509" spans="1:4" x14ac:dyDescent="0.25">
      <c r="A30509" t="s">
        <v>45939</v>
      </c>
      <c r="B30509" t="s">
        <v>45940</v>
      </c>
      <c r="C30509">
        <v>1</v>
      </c>
      <c r="D30509">
        <v>0</v>
      </c>
    </row>
    <row r="30510" spans="1:4" x14ac:dyDescent="0.25">
      <c r="A30510" t="s">
        <v>45939</v>
      </c>
      <c r="B30510" t="s">
        <v>45941</v>
      </c>
      <c r="C30510">
        <v>1</v>
      </c>
      <c r="D30510">
        <v>0</v>
      </c>
    </row>
    <row r="30511" spans="1:4" x14ac:dyDescent="0.25">
      <c r="A30511" t="s">
        <v>45939</v>
      </c>
      <c r="B30511" t="s">
        <v>45942</v>
      </c>
      <c r="C30511">
        <v>0</v>
      </c>
      <c r="D30511">
        <v>0</v>
      </c>
    </row>
    <row r="30512" spans="1:4" x14ac:dyDescent="0.25">
      <c r="A30512" t="s">
        <v>45943</v>
      </c>
      <c r="B30512" t="s">
        <v>45944</v>
      </c>
      <c r="C30512">
        <v>1</v>
      </c>
      <c r="D30512">
        <v>0</v>
      </c>
    </row>
    <row r="30513" spans="1:4" x14ac:dyDescent="0.25">
      <c r="A30513" t="s">
        <v>45943</v>
      </c>
      <c r="B30513" t="s">
        <v>45945</v>
      </c>
      <c r="C30513">
        <v>1</v>
      </c>
      <c r="D30513">
        <v>0</v>
      </c>
    </row>
    <row r="30514" spans="1:4" x14ac:dyDescent="0.25">
      <c r="A30514" t="s">
        <v>45943</v>
      </c>
      <c r="B30514" t="s">
        <v>45946</v>
      </c>
      <c r="C30514">
        <v>2</v>
      </c>
      <c r="D30514">
        <v>0</v>
      </c>
    </row>
    <row r="30515" spans="1:4" x14ac:dyDescent="0.25">
      <c r="A30515" t="s">
        <v>45943</v>
      </c>
      <c r="B30515" t="s">
        <v>45947</v>
      </c>
      <c r="C30515">
        <v>2</v>
      </c>
      <c r="D30515">
        <v>0</v>
      </c>
    </row>
    <row r="30516" spans="1:4" x14ac:dyDescent="0.25">
      <c r="A30516" t="s">
        <v>45943</v>
      </c>
      <c r="B30516" t="s">
        <v>45948</v>
      </c>
      <c r="C30516">
        <v>2</v>
      </c>
      <c r="D30516">
        <v>0</v>
      </c>
    </row>
    <row r="30517" spans="1:4" x14ac:dyDescent="0.25">
      <c r="A30517" t="s">
        <v>45943</v>
      </c>
      <c r="B30517" t="s">
        <v>45949</v>
      </c>
      <c r="C30517">
        <v>1</v>
      </c>
      <c r="D30517">
        <v>0</v>
      </c>
    </row>
    <row r="30518" spans="1:4" x14ac:dyDescent="0.25">
      <c r="A30518" t="s">
        <v>45943</v>
      </c>
      <c r="B30518" t="s">
        <v>45950</v>
      </c>
      <c r="C30518">
        <v>2</v>
      </c>
      <c r="D30518">
        <v>0</v>
      </c>
    </row>
    <row r="30519" spans="1:4" x14ac:dyDescent="0.25">
      <c r="A30519" t="s">
        <v>45943</v>
      </c>
      <c r="B30519" t="s">
        <v>45951</v>
      </c>
      <c r="C30519">
        <v>2</v>
      </c>
      <c r="D30519">
        <v>0</v>
      </c>
    </row>
    <row r="30520" spans="1:4" x14ac:dyDescent="0.25">
      <c r="A30520" t="s">
        <v>45943</v>
      </c>
      <c r="B30520" t="s">
        <v>45952</v>
      </c>
      <c r="C30520">
        <v>1</v>
      </c>
      <c r="D30520">
        <v>0</v>
      </c>
    </row>
    <row r="30521" spans="1:4" x14ac:dyDescent="0.25">
      <c r="A30521" t="s">
        <v>45943</v>
      </c>
      <c r="B30521" t="s">
        <v>45953</v>
      </c>
      <c r="C30521">
        <v>1</v>
      </c>
      <c r="D30521">
        <v>0</v>
      </c>
    </row>
    <row r="30522" spans="1:4" x14ac:dyDescent="0.25">
      <c r="A30522" t="s">
        <v>45943</v>
      </c>
      <c r="B30522" t="s">
        <v>45954</v>
      </c>
      <c r="C30522">
        <v>1</v>
      </c>
      <c r="D30522">
        <v>0</v>
      </c>
    </row>
    <row r="30523" spans="1:4" x14ac:dyDescent="0.25">
      <c r="A30523" t="s">
        <v>45955</v>
      </c>
      <c r="B30523" t="s">
        <v>45956</v>
      </c>
      <c r="C30523">
        <v>1</v>
      </c>
      <c r="D30523">
        <v>0</v>
      </c>
    </row>
    <row r="30524" spans="1:4" x14ac:dyDescent="0.25">
      <c r="A30524" t="s">
        <v>45955</v>
      </c>
      <c r="B30524" t="s">
        <v>45957</v>
      </c>
      <c r="C30524">
        <v>0</v>
      </c>
      <c r="D30524">
        <v>0</v>
      </c>
    </row>
    <row r="30525" spans="1:4" x14ac:dyDescent="0.25">
      <c r="A30525" t="s">
        <v>45955</v>
      </c>
      <c r="B30525" t="s">
        <v>45958</v>
      </c>
      <c r="C30525">
        <v>2</v>
      </c>
      <c r="D30525">
        <v>0</v>
      </c>
    </row>
    <row r="30526" spans="1:4" x14ac:dyDescent="0.25">
      <c r="A30526" t="s">
        <v>45955</v>
      </c>
      <c r="B30526" t="s">
        <v>45959</v>
      </c>
      <c r="C30526">
        <v>1</v>
      </c>
      <c r="D30526">
        <v>0</v>
      </c>
    </row>
    <row r="30527" spans="1:4" x14ac:dyDescent="0.25">
      <c r="A30527" t="s">
        <v>45955</v>
      </c>
      <c r="B30527" t="s">
        <v>45960</v>
      </c>
      <c r="C30527">
        <v>1</v>
      </c>
      <c r="D30527">
        <v>0</v>
      </c>
    </row>
    <row r="30528" spans="1:4" x14ac:dyDescent="0.25">
      <c r="A30528" t="s">
        <v>45955</v>
      </c>
      <c r="B30528" t="s">
        <v>19309</v>
      </c>
      <c r="C30528">
        <v>1</v>
      </c>
      <c r="D30528">
        <v>0</v>
      </c>
    </row>
    <row r="30529" spans="1:4" x14ac:dyDescent="0.25">
      <c r="A30529" t="s">
        <v>45961</v>
      </c>
      <c r="B30529" t="s">
        <v>45962</v>
      </c>
      <c r="C30529">
        <v>1</v>
      </c>
      <c r="D30529">
        <v>0</v>
      </c>
    </row>
    <row r="30530" spans="1:4" x14ac:dyDescent="0.25">
      <c r="A30530" t="s">
        <v>45961</v>
      </c>
      <c r="B30530" t="s">
        <v>45963</v>
      </c>
      <c r="C30530">
        <v>0</v>
      </c>
      <c r="D30530">
        <v>0</v>
      </c>
    </row>
    <row r="30531" spans="1:4" x14ac:dyDescent="0.25">
      <c r="A30531" t="s">
        <v>45964</v>
      </c>
      <c r="B30531" t="s">
        <v>45965</v>
      </c>
      <c r="C30531">
        <v>1</v>
      </c>
      <c r="D30531">
        <v>0</v>
      </c>
    </row>
    <row r="30532" spans="1:4" x14ac:dyDescent="0.25">
      <c r="A30532" t="s">
        <v>45964</v>
      </c>
      <c r="B30532" t="s">
        <v>45966</v>
      </c>
      <c r="C30532">
        <v>0</v>
      </c>
      <c r="D30532">
        <v>0</v>
      </c>
    </row>
    <row r="30533" spans="1:4" x14ac:dyDescent="0.25">
      <c r="A30533" t="s">
        <v>45964</v>
      </c>
      <c r="B30533" t="s">
        <v>45967</v>
      </c>
      <c r="C30533">
        <v>1</v>
      </c>
      <c r="D30533">
        <v>0</v>
      </c>
    </row>
    <row r="30534" spans="1:4" x14ac:dyDescent="0.25">
      <c r="A30534" t="s">
        <v>45964</v>
      </c>
      <c r="B30534" t="s">
        <v>45968</v>
      </c>
      <c r="C30534">
        <v>1</v>
      </c>
      <c r="D30534">
        <v>0</v>
      </c>
    </row>
    <row r="30535" spans="1:4" x14ac:dyDescent="0.25">
      <c r="A30535" t="s">
        <v>45964</v>
      </c>
      <c r="B30535" t="s">
        <v>45969</v>
      </c>
      <c r="C30535">
        <v>1</v>
      </c>
      <c r="D30535">
        <v>0</v>
      </c>
    </row>
    <row r="30536" spans="1:4" x14ac:dyDescent="0.25">
      <c r="A30536" t="s">
        <v>45964</v>
      </c>
      <c r="B30536" t="s">
        <v>45970</v>
      </c>
      <c r="C30536">
        <v>0</v>
      </c>
      <c r="D30536">
        <v>0</v>
      </c>
    </row>
    <row r="30537" spans="1:4" x14ac:dyDescent="0.25">
      <c r="A30537" t="s">
        <v>45964</v>
      </c>
      <c r="B30537" t="s">
        <v>45971</v>
      </c>
      <c r="C30537">
        <v>1</v>
      </c>
      <c r="D30537">
        <v>0</v>
      </c>
    </row>
    <row r="30538" spans="1:4" x14ac:dyDescent="0.25">
      <c r="A30538" t="s">
        <v>45972</v>
      </c>
      <c r="B30538" t="s">
        <v>45973</v>
      </c>
      <c r="C30538">
        <v>1</v>
      </c>
      <c r="D30538">
        <v>0</v>
      </c>
    </row>
    <row r="30539" spans="1:4" x14ac:dyDescent="0.25">
      <c r="A30539" t="s">
        <v>45972</v>
      </c>
      <c r="B30539" t="s">
        <v>2651</v>
      </c>
      <c r="C30539">
        <v>0</v>
      </c>
      <c r="D30539">
        <v>0</v>
      </c>
    </row>
    <row r="30540" spans="1:4" x14ac:dyDescent="0.25">
      <c r="A30540" t="s">
        <v>45972</v>
      </c>
      <c r="B30540" t="s">
        <v>45974</v>
      </c>
      <c r="C30540">
        <v>1</v>
      </c>
      <c r="D30540">
        <v>0</v>
      </c>
    </row>
    <row r="30541" spans="1:4" x14ac:dyDescent="0.25">
      <c r="A30541" t="s">
        <v>45972</v>
      </c>
      <c r="B30541" t="s">
        <v>45975</v>
      </c>
      <c r="C30541">
        <v>1</v>
      </c>
      <c r="D30541">
        <v>0</v>
      </c>
    </row>
    <row r="30542" spans="1:4" x14ac:dyDescent="0.25">
      <c r="A30542" t="s">
        <v>45972</v>
      </c>
      <c r="B30542" t="s">
        <v>45976</v>
      </c>
      <c r="C30542">
        <v>1</v>
      </c>
      <c r="D30542">
        <v>0</v>
      </c>
    </row>
    <row r="30543" spans="1:4" x14ac:dyDescent="0.25">
      <c r="A30543" t="s">
        <v>45972</v>
      </c>
      <c r="B30543" t="s">
        <v>45977</v>
      </c>
      <c r="C30543">
        <v>0</v>
      </c>
      <c r="D30543">
        <v>0</v>
      </c>
    </row>
    <row r="30544" spans="1:4" x14ac:dyDescent="0.25">
      <c r="A30544" t="s">
        <v>45978</v>
      </c>
      <c r="B30544" t="s">
        <v>45979</v>
      </c>
      <c r="C30544">
        <v>1</v>
      </c>
      <c r="D30544">
        <v>0</v>
      </c>
    </row>
    <row r="30545" spans="1:4" x14ac:dyDescent="0.25">
      <c r="A30545" t="s">
        <v>45978</v>
      </c>
      <c r="B30545" t="s">
        <v>45980</v>
      </c>
      <c r="C30545">
        <v>2</v>
      </c>
      <c r="D30545">
        <v>0</v>
      </c>
    </row>
    <row r="30546" spans="1:4" x14ac:dyDescent="0.25">
      <c r="A30546" t="s">
        <v>45978</v>
      </c>
      <c r="B30546" t="s">
        <v>45981</v>
      </c>
      <c r="C30546">
        <v>2</v>
      </c>
      <c r="D30546">
        <v>0</v>
      </c>
    </row>
    <row r="30547" spans="1:4" x14ac:dyDescent="0.25">
      <c r="A30547" t="s">
        <v>45978</v>
      </c>
      <c r="B30547" t="s">
        <v>45982</v>
      </c>
      <c r="C30547">
        <v>1</v>
      </c>
      <c r="D30547">
        <v>0</v>
      </c>
    </row>
    <row r="30548" spans="1:4" x14ac:dyDescent="0.25">
      <c r="A30548" t="s">
        <v>45978</v>
      </c>
      <c r="B30548" t="s">
        <v>45983</v>
      </c>
      <c r="C30548">
        <v>0</v>
      </c>
      <c r="D30548">
        <v>0</v>
      </c>
    </row>
    <row r="30549" spans="1:4" x14ac:dyDescent="0.25">
      <c r="A30549" t="s">
        <v>45978</v>
      </c>
      <c r="B30549" t="s">
        <v>45984</v>
      </c>
      <c r="C30549">
        <v>0</v>
      </c>
      <c r="D30549">
        <v>0</v>
      </c>
    </row>
    <row r="30550" spans="1:4" x14ac:dyDescent="0.25">
      <c r="A30550" t="s">
        <v>45985</v>
      </c>
      <c r="B30550" t="s">
        <v>45986</v>
      </c>
      <c r="C30550">
        <v>0</v>
      </c>
      <c r="D30550">
        <v>0</v>
      </c>
    </row>
    <row r="30551" spans="1:4" x14ac:dyDescent="0.25">
      <c r="A30551" t="s">
        <v>45985</v>
      </c>
      <c r="B30551" t="s">
        <v>45987</v>
      </c>
      <c r="C30551">
        <v>0</v>
      </c>
      <c r="D30551">
        <v>0</v>
      </c>
    </row>
    <row r="30552" spans="1:4" x14ac:dyDescent="0.25">
      <c r="A30552" t="s">
        <v>45985</v>
      </c>
      <c r="B30552" t="s">
        <v>45988</v>
      </c>
      <c r="C30552">
        <v>0</v>
      </c>
      <c r="D30552">
        <v>0</v>
      </c>
    </row>
    <row r="30553" spans="1:4" x14ac:dyDescent="0.25">
      <c r="A30553" t="s">
        <v>45985</v>
      </c>
      <c r="B30553" t="s">
        <v>45989</v>
      </c>
      <c r="C30553">
        <v>0</v>
      </c>
      <c r="D30553">
        <v>0</v>
      </c>
    </row>
    <row r="30554" spans="1:4" x14ac:dyDescent="0.25">
      <c r="A30554" t="s">
        <v>45985</v>
      </c>
      <c r="B30554" t="s">
        <v>45990</v>
      </c>
      <c r="C30554">
        <v>0</v>
      </c>
      <c r="D30554">
        <v>0</v>
      </c>
    </row>
    <row r="30555" spans="1:4" x14ac:dyDescent="0.25">
      <c r="A30555" t="s">
        <v>45991</v>
      </c>
      <c r="B30555" t="s">
        <v>45992</v>
      </c>
      <c r="C30555">
        <v>1</v>
      </c>
      <c r="D30555">
        <v>0</v>
      </c>
    </row>
    <row r="30556" spans="1:4" x14ac:dyDescent="0.25">
      <c r="A30556" t="s">
        <v>45993</v>
      </c>
      <c r="B30556" t="s">
        <v>45994</v>
      </c>
      <c r="C30556">
        <v>1</v>
      </c>
      <c r="D30556">
        <v>0</v>
      </c>
    </row>
    <row r="30557" spans="1:4" x14ac:dyDescent="0.25">
      <c r="A30557" t="s">
        <v>45993</v>
      </c>
      <c r="B30557" t="s">
        <v>45995</v>
      </c>
      <c r="C30557">
        <v>0</v>
      </c>
      <c r="D30557">
        <v>0</v>
      </c>
    </row>
    <row r="30558" spans="1:4" x14ac:dyDescent="0.25">
      <c r="A30558" t="s">
        <v>45993</v>
      </c>
      <c r="B30558" t="s">
        <v>45996</v>
      </c>
      <c r="C30558">
        <v>0</v>
      </c>
      <c r="D30558">
        <v>0</v>
      </c>
    </row>
    <row r="30559" spans="1:4" x14ac:dyDescent="0.25">
      <c r="A30559" t="s">
        <v>45993</v>
      </c>
      <c r="B30559" t="s">
        <v>45997</v>
      </c>
      <c r="C30559">
        <v>2</v>
      </c>
      <c r="D30559">
        <v>0</v>
      </c>
    </row>
    <row r="30560" spans="1:4" x14ac:dyDescent="0.25">
      <c r="A30560" t="s">
        <v>45993</v>
      </c>
      <c r="B30560" t="s">
        <v>996</v>
      </c>
      <c r="C30560">
        <v>1</v>
      </c>
      <c r="D30560">
        <v>0</v>
      </c>
    </row>
    <row r="30561" spans="1:4" x14ac:dyDescent="0.25">
      <c r="A30561" t="s">
        <v>45993</v>
      </c>
      <c r="B30561" t="s">
        <v>45998</v>
      </c>
      <c r="C30561">
        <v>1</v>
      </c>
      <c r="D30561">
        <v>0</v>
      </c>
    </row>
    <row r="30562" spans="1:4" x14ac:dyDescent="0.25">
      <c r="A30562" t="s">
        <v>45999</v>
      </c>
      <c r="B30562" t="s">
        <v>46000</v>
      </c>
      <c r="C30562">
        <v>2</v>
      </c>
      <c r="D30562">
        <v>0</v>
      </c>
    </row>
    <row r="30563" spans="1:4" x14ac:dyDescent="0.25">
      <c r="A30563" t="s">
        <v>45999</v>
      </c>
      <c r="B30563" t="s">
        <v>6061</v>
      </c>
      <c r="C30563">
        <v>0</v>
      </c>
      <c r="D30563">
        <v>0</v>
      </c>
    </row>
    <row r="30564" spans="1:4" x14ac:dyDescent="0.25">
      <c r="A30564" t="s">
        <v>45999</v>
      </c>
      <c r="B30564" t="s">
        <v>46001</v>
      </c>
      <c r="C30564">
        <v>1</v>
      </c>
      <c r="D30564">
        <v>0</v>
      </c>
    </row>
    <row r="30565" spans="1:4" x14ac:dyDescent="0.25">
      <c r="A30565" t="s">
        <v>45999</v>
      </c>
      <c r="B30565" t="s">
        <v>46002</v>
      </c>
      <c r="C30565">
        <v>1</v>
      </c>
      <c r="D30565">
        <v>0</v>
      </c>
    </row>
    <row r="30566" spans="1:4" x14ac:dyDescent="0.25">
      <c r="A30566" t="s">
        <v>46003</v>
      </c>
      <c r="B30566" t="s">
        <v>46004</v>
      </c>
      <c r="C30566">
        <v>1</v>
      </c>
      <c r="D30566">
        <v>0</v>
      </c>
    </row>
    <row r="30567" spans="1:4" x14ac:dyDescent="0.25">
      <c r="A30567" t="s">
        <v>46003</v>
      </c>
      <c r="B30567" t="s">
        <v>46005</v>
      </c>
      <c r="C30567">
        <v>0</v>
      </c>
      <c r="D30567">
        <v>0</v>
      </c>
    </row>
    <row r="30568" spans="1:4" x14ac:dyDescent="0.25">
      <c r="A30568" t="s">
        <v>46003</v>
      </c>
      <c r="B30568" t="s">
        <v>46006</v>
      </c>
      <c r="C30568">
        <v>0</v>
      </c>
      <c r="D30568">
        <v>0</v>
      </c>
    </row>
    <row r="30569" spans="1:4" x14ac:dyDescent="0.25">
      <c r="A30569" t="s">
        <v>46003</v>
      </c>
      <c r="B30569" t="s">
        <v>46007</v>
      </c>
      <c r="C30569">
        <v>0</v>
      </c>
      <c r="D30569">
        <v>0</v>
      </c>
    </row>
    <row r="30570" spans="1:4" x14ac:dyDescent="0.25">
      <c r="A30570" t="s">
        <v>46003</v>
      </c>
      <c r="B30570" t="s">
        <v>46008</v>
      </c>
      <c r="C30570">
        <v>0</v>
      </c>
      <c r="D30570">
        <v>0</v>
      </c>
    </row>
    <row r="30571" spans="1:4" x14ac:dyDescent="0.25">
      <c r="A30571" t="s">
        <v>46003</v>
      </c>
      <c r="B30571" t="s">
        <v>46009</v>
      </c>
      <c r="C30571">
        <v>1</v>
      </c>
      <c r="D30571">
        <v>0</v>
      </c>
    </row>
    <row r="30572" spans="1:4" x14ac:dyDescent="0.25">
      <c r="A30572" t="s">
        <v>46010</v>
      </c>
      <c r="B30572" t="s">
        <v>46011</v>
      </c>
      <c r="C30572">
        <v>1</v>
      </c>
      <c r="D30572">
        <v>0</v>
      </c>
    </row>
    <row r="30573" spans="1:4" x14ac:dyDescent="0.25">
      <c r="A30573" t="s">
        <v>46010</v>
      </c>
      <c r="B30573" t="s">
        <v>46012</v>
      </c>
      <c r="C30573">
        <v>0</v>
      </c>
      <c r="D30573">
        <v>0</v>
      </c>
    </row>
    <row r="30574" spans="1:4" x14ac:dyDescent="0.25">
      <c r="A30574" t="s">
        <v>46010</v>
      </c>
      <c r="B30574" t="s">
        <v>46013</v>
      </c>
      <c r="C30574">
        <v>0</v>
      </c>
      <c r="D30574">
        <v>0</v>
      </c>
    </row>
    <row r="30575" spans="1:4" x14ac:dyDescent="0.25">
      <c r="A30575" t="s">
        <v>46010</v>
      </c>
      <c r="B30575" t="s">
        <v>46014</v>
      </c>
      <c r="C30575">
        <v>1</v>
      </c>
      <c r="D30575">
        <v>0</v>
      </c>
    </row>
    <row r="30576" spans="1:4" x14ac:dyDescent="0.25">
      <c r="A30576" t="s">
        <v>46010</v>
      </c>
      <c r="B30576" t="s">
        <v>46015</v>
      </c>
      <c r="C30576">
        <v>0</v>
      </c>
      <c r="D30576">
        <v>0</v>
      </c>
    </row>
    <row r="30577" spans="1:4" x14ac:dyDescent="0.25">
      <c r="A30577" t="s">
        <v>46016</v>
      </c>
      <c r="B30577" t="s">
        <v>46017</v>
      </c>
      <c r="C30577">
        <v>1</v>
      </c>
      <c r="D30577">
        <v>0</v>
      </c>
    </row>
    <row r="30578" spans="1:4" x14ac:dyDescent="0.25">
      <c r="A30578" t="s">
        <v>46016</v>
      </c>
      <c r="B30578" t="s">
        <v>46018</v>
      </c>
      <c r="C30578">
        <v>1</v>
      </c>
      <c r="D30578">
        <v>0</v>
      </c>
    </row>
    <row r="30579" spans="1:4" x14ac:dyDescent="0.25">
      <c r="A30579" t="s">
        <v>46016</v>
      </c>
      <c r="B30579" t="s">
        <v>8801</v>
      </c>
      <c r="C30579">
        <v>1</v>
      </c>
      <c r="D30579">
        <v>0</v>
      </c>
    </row>
    <row r="30580" spans="1:4" x14ac:dyDescent="0.25">
      <c r="A30580" t="s">
        <v>46019</v>
      </c>
      <c r="B30580" t="s">
        <v>46020</v>
      </c>
      <c r="C30580">
        <v>0</v>
      </c>
      <c r="D30580">
        <v>0</v>
      </c>
    </row>
    <row r="30581" spans="1:4" x14ac:dyDescent="0.25">
      <c r="A30581" t="s">
        <v>46019</v>
      </c>
      <c r="B30581" t="s">
        <v>46021</v>
      </c>
      <c r="C30581">
        <v>1</v>
      </c>
      <c r="D30581">
        <v>0</v>
      </c>
    </row>
    <row r="30582" spans="1:4" x14ac:dyDescent="0.25">
      <c r="A30582" t="s">
        <v>46019</v>
      </c>
      <c r="B30582" t="s">
        <v>46022</v>
      </c>
      <c r="C30582">
        <v>1</v>
      </c>
      <c r="D30582">
        <v>0</v>
      </c>
    </row>
    <row r="30583" spans="1:4" x14ac:dyDescent="0.25">
      <c r="A30583" t="s">
        <v>46019</v>
      </c>
      <c r="B30583" t="s">
        <v>46023</v>
      </c>
      <c r="C30583">
        <v>1</v>
      </c>
      <c r="D30583">
        <v>0</v>
      </c>
    </row>
    <row r="30584" spans="1:4" x14ac:dyDescent="0.25">
      <c r="A30584" t="s">
        <v>46019</v>
      </c>
      <c r="B30584" t="s">
        <v>46024</v>
      </c>
      <c r="C30584">
        <v>0</v>
      </c>
      <c r="D30584">
        <v>0</v>
      </c>
    </row>
    <row r="30585" spans="1:4" x14ac:dyDescent="0.25">
      <c r="A30585" t="s">
        <v>46019</v>
      </c>
      <c r="B30585" t="s">
        <v>46025</v>
      </c>
      <c r="C30585">
        <v>1</v>
      </c>
      <c r="D30585">
        <v>0</v>
      </c>
    </row>
    <row r="30586" spans="1:4" x14ac:dyDescent="0.25">
      <c r="A30586" t="s">
        <v>46019</v>
      </c>
      <c r="B30586" t="s">
        <v>46026</v>
      </c>
      <c r="C30586">
        <v>0</v>
      </c>
      <c r="D30586">
        <v>0</v>
      </c>
    </row>
    <row r="30587" spans="1:4" x14ac:dyDescent="0.25">
      <c r="A30587" t="s">
        <v>46027</v>
      </c>
      <c r="B30587" t="s">
        <v>46028</v>
      </c>
      <c r="C30587">
        <v>1</v>
      </c>
      <c r="D30587">
        <v>0</v>
      </c>
    </row>
    <row r="30588" spans="1:4" x14ac:dyDescent="0.25">
      <c r="A30588" t="s">
        <v>46027</v>
      </c>
      <c r="B30588" t="s">
        <v>46029</v>
      </c>
      <c r="C30588">
        <v>1</v>
      </c>
      <c r="D30588">
        <v>0</v>
      </c>
    </row>
    <row r="30589" spans="1:4" x14ac:dyDescent="0.25">
      <c r="A30589" t="s">
        <v>46027</v>
      </c>
      <c r="B30589" t="s">
        <v>46030</v>
      </c>
      <c r="C30589">
        <v>1</v>
      </c>
      <c r="D30589">
        <v>0</v>
      </c>
    </row>
    <row r="30590" spans="1:4" x14ac:dyDescent="0.25">
      <c r="A30590" t="s">
        <v>46027</v>
      </c>
      <c r="B30590" t="s">
        <v>46031</v>
      </c>
      <c r="C30590">
        <v>1</v>
      </c>
      <c r="D30590">
        <v>0</v>
      </c>
    </row>
    <row r="30591" spans="1:4" x14ac:dyDescent="0.25">
      <c r="A30591" t="s">
        <v>46032</v>
      </c>
      <c r="B30591" t="s">
        <v>46033</v>
      </c>
      <c r="C30591">
        <v>2</v>
      </c>
      <c r="D30591">
        <v>0</v>
      </c>
    </row>
    <row r="30592" spans="1:4" x14ac:dyDescent="0.25">
      <c r="A30592" t="s">
        <v>46032</v>
      </c>
      <c r="B30592" t="s">
        <v>46034</v>
      </c>
      <c r="C30592">
        <v>1</v>
      </c>
      <c r="D30592">
        <v>0</v>
      </c>
    </row>
    <row r="30593" spans="1:4" x14ac:dyDescent="0.25">
      <c r="A30593" t="s">
        <v>46032</v>
      </c>
      <c r="B30593" t="s">
        <v>46035</v>
      </c>
      <c r="C30593">
        <v>1</v>
      </c>
      <c r="D30593">
        <v>0</v>
      </c>
    </row>
    <row r="30594" spans="1:4" x14ac:dyDescent="0.25">
      <c r="A30594" t="s">
        <v>46032</v>
      </c>
      <c r="B30594" t="s">
        <v>46036</v>
      </c>
      <c r="C30594">
        <v>1</v>
      </c>
      <c r="D30594">
        <v>0</v>
      </c>
    </row>
    <row r="30595" spans="1:4" x14ac:dyDescent="0.25">
      <c r="A30595" t="s">
        <v>46032</v>
      </c>
      <c r="B30595" t="s">
        <v>46037</v>
      </c>
      <c r="C30595">
        <v>2</v>
      </c>
      <c r="D30595">
        <v>0</v>
      </c>
    </row>
    <row r="30596" spans="1:4" x14ac:dyDescent="0.25">
      <c r="A30596" t="s">
        <v>46032</v>
      </c>
      <c r="B30596" t="s">
        <v>46038</v>
      </c>
      <c r="C30596">
        <v>1</v>
      </c>
      <c r="D30596">
        <v>0</v>
      </c>
    </row>
    <row r="30597" spans="1:4" x14ac:dyDescent="0.25">
      <c r="A30597" t="s">
        <v>46032</v>
      </c>
      <c r="B30597" t="s">
        <v>46039</v>
      </c>
      <c r="C30597">
        <v>2</v>
      </c>
      <c r="D30597">
        <v>0</v>
      </c>
    </row>
    <row r="30598" spans="1:4" x14ac:dyDescent="0.25">
      <c r="A30598" t="s">
        <v>46040</v>
      </c>
      <c r="B30598" t="s">
        <v>46041</v>
      </c>
      <c r="C30598">
        <v>0</v>
      </c>
      <c r="D30598">
        <v>0</v>
      </c>
    </row>
    <row r="30599" spans="1:4" x14ac:dyDescent="0.25">
      <c r="A30599" t="s">
        <v>46040</v>
      </c>
      <c r="B30599" t="s">
        <v>46042</v>
      </c>
      <c r="C30599">
        <v>0</v>
      </c>
      <c r="D30599">
        <v>0</v>
      </c>
    </row>
    <row r="30600" spans="1:4" x14ac:dyDescent="0.25">
      <c r="A30600" t="s">
        <v>46040</v>
      </c>
      <c r="B30600" t="s">
        <v>46043</v>
      </c>
      <c r="C30600">
        <v>0</v>
      </c>
      <c r="D30600">
        <v>0</v>
      </c>
    </row>
    <row r="30601" spans="1:4" x14ac:dyDescent="0.25">
      <c r="A30601" t="s">
        <v>46040</v>
      </c>
      <c r="B30601" t="s">
        <v>46044</v>
      </c>
      <c r="C30601">
        <v>1</v>
      </c>
      <c r="D30601">
        <v>0</v>
      </c>
    </row>
    <row r="30602" spans="1:4" x14ac:dyDescent="0.25">
      <c r="A30602" t="s">
        <v>46040</v>
      </c>
      <c r="B30602" t="s">
        <v>46045</v>
      </c>
      <c r="C30602">
        <v>2</v>
      </c>
      <c r="D30602">
        <v>0</v>
      </c>
    </row>
    <row r="30603" spans="1:4" x14ac:dyDescent="0.25">
      <c r="A30603" t="s">
        <v>46046</v>
      </c>
      <c r="B30603" t="s">
        <v>46047</v>
      </c>
      <c r="C30603">
        <v>2</v>
      </c>
      <c r="D30603">
        <v>0</v>
      </c>
    </row>
    <row r="30604" spans="1:4" x14ac:dyDescent="0.25">
      <c r="A30604" t="s">
        <v>46046</v>
      </c>
      <c r="B30604" t="s">
        <v>1354</v>
      </c>
      <c r="C30604">
        <v>1</v>
      </c>
      <c r="D30604">
        <v>0</v>
      </c>
    </row>
    <row r="30605" spans="1:4" x14ac:dyDescent="0.25">
      <c r="A30605" t="s">
        <v>46046</v>
      </c>
      <c r="B30605" t="s">
        <v>46048</v>
      </c>
      <c r="C30605">
        <v>1</v>
      </c>
      <c r="D30605">
        <v>0</v>
      </c>
    </row>
    <row r="30606" spans="1:4" x14ac:dyDescent="0.25">
      <c r="A30606" t="s">
        <v>46046</v>
      </c>
      <c r="B30606" t="s">
        <v>46049</v>
      </c>
      <c r="C30606">
        <v>1</v>
      </c>
      <c r="D30606">
        <v>0</v>
      </c>
    </row>
    <row r="30607" spans="1:4" x14ac:dyDescent="0.25">
      <c r="A30607" t="s">
        <v>46046</v>
      </c>
      <c r="B30607" t="s">
        <v>46050</v>
      </c>
      <c r="C30607">
        <v>1</v>
      </c>
      <c r="D30607">
        <v>0</v>
      </c>
    </row>
    <row r="30608" spans="1:4" x14ac:dyDescent="0.25">
      <c r="A30608" t="s">
        <v>46046</v>
      </c>
      <c r="B30608" t="s">
        <v>46051</v>
      </c>
      <c r="C30608">
        <v>1</v>
      </c>
      <c r="D30608">
        <v>0</v>
      </c>
    </row>
    <row r="30609" spans="1:4" x14ac:dyDescent="0.25">
      <c r="A30609" t="s">
        <v>46052</v>
      </c>
      <c r="B30609" t="s">
        <v>4238</v>
      </c>
      <c r="C30609">
        <v>1</v>
      </c>
      <c r="D30609">
        <v>0</v>
      </c>
    </row>
    <row r="30610" spans="1:4" x14ac:dyDescent="0.25">
      <c r="A30610" t="s">
        <v>46052</v>
      </c>
      <c r="B30610" t="s">
        <v>19284</v>
      </c>
      <c r="C30610">
        <v>0</v>
      </c>
      <c r="D30610">
        <v>0</v>
      </c>
    </row>
    <row r="30611" spans="1:4" x14ac:dyDescent="0.25">
      <c r="A30611" t="s">
        <v>46052</v>
      </c>
      <c r="B30611" t="s">
        <v>46053</v>
      </c>
      <c r="C30611">
        <v>1</v>
      </c>
      <c r="D30611">
        <v>0</v>
      </c>
    </row>
    <row r="30612" spans="1:4" x14ac:dyDescent="0.25">
      <c r="A30612" t="s">
        <v>46052</v>
      </c>
      <c r="B30612" t="s">
        <v>46054</v>
      </c>
      <c r="C30612">
        <v>1</v>
      </c>
      <c r="D30612">
        <v>0</v>
      </c>
    </row>
    <row r="30613" spans="1:4" x14ac:dyDescent="0.25">
      <c r="A30613" t="s">
        <v>46052</v>
      </c>
      <c r="B30613" t="s">
        <v>46055</v>
      </c>
      <c r="C30613">
        <v>1</v>
      </c>
      <c r="D30613">
        <v>0</v>
      </c>
    </row>
    <row r="30614" spans="1:4" x14ac:dyDescent="0.25">
      <c r="A30614" t="s">
        <v>46052</v>
      </c>
      <c r="B30614" t="s">
        <v>46056</v>
      </c>
      <c r="C30614">
        <v>1</v>
      </c>
      <c r="D30614">
        <v>0</v>
      </c>
    </row>
    <row r="30615" spans="1:4" x14ac:dyDescent="0.25">
      <c r="A30615" t="s">
        <v>46052</v>
      </c>
      <c r="B30615" t="s">
        <v>46057</v>
      </c>
      <c r="C30615">
        <v>1</v>
      </c>
      <c r="D30615">
        <v>0</v>
      </c>
    </row>
    <row r="30616" spans="1:4" x14ac:dyDescent="0.25">
      <c r="A30616" t="s">
        <v>46052</v>
      </c>
      <c r="B30616" t="s">
        <v>46058</v>
      </c>
      <c r="C30616">
        <v>0</v>
      </c>
      <c r="D30616">
        <v>0</v>
      </c>
    </row>
    <row r="30617" spans="1:4" x14ac:dyDescent="0.25">
      <c r="A30617" t="s">
        <v>46052</v>
      </c>
      <c r="B30617" t="s">
        <v>46059</v>
      </c>
      <c r="C30617">
        <v>1</v>
      </c>
      <c r="D30617">
        <v>0</v>
      </c>
    </row>
    <row r="30618" spans="1:4" x14ac:dyDescent="0.25">
      <c r="A30618" t="s">
        <v>46060</v>
      </c>
      <c r="B30618" t="s">
        <v>46061</v>
      </c>
      <c r="C30618">
        <v>0</v>
      </c>
      <c r="D30618">
        <v>0</v>
      </c>
    </row>
    <row r="30619" spans="1:4" x14ac:dyDescent="0.25">
      <c r="A30619" t="s">
        <v>46060</v>
      </c>
      <c r="B30619" t="s">
        <v>46062</v>
      </c>
      <c r="C30619">
        <v>0</v>
      </c>
      <c r="D30619">
        <v>0</v>
      </c>
    </row>
    <row r="30620" spans="1:4" x14ac:dyDescent="0.25">
      <c r="A30620" t="s">
        <v>46060</v>
      </c>
      <c r="B30620" t="s">
        <v>46063</v>
      </c>
      <c r="C30620">
        <v>0</v>
      </c>
      <c r="D30620">
        <v>0</v>
      </c>
    </row>
    <row r="30621" spans="1:4" x14ac:dyDescent="0.25">
      <c r="A30621" t="s">
        <v>46064</v>
      </c>
      <c r="B30621" t="s">
        <v>46065</v>
      </c>
      <c r="C30621">
        <v>1</v>
      </c>
      <c r="D30621">
        <v>0</v>
      </c>
    </row>
    <row r="30622" spans="1:4" x14ac:dyDescent="0.25">
      <c r="A30622" t="s">
        <v>46064</v>
      </c>
      <c r="B30622" t="s">
        <v>46066</v>
      </c>
      <c r="C30622">
        <v>0</v>
      </c>
      <c r="D30622">
        <v>0</v>
      </c>
    </row>
    <row r="30623" spans="1:4" x14ac:dyDescent="0.25">
      <c r="A30623" t="s">
        <v>46064</v>
      </c>
      <c r="B30623" t="s">
        <v>46067</v>
      </c>
      <c r="C30623">
        <v>2</v>
      </c>
      <c r="D30623">
        <v>0</v>
      </c>
    </row>
    <row r="30624" spans="1:4" x14ac:dyDescent="0.25">
      <c r="A30624" t="s">
        <v>46064</v>
      </c>
      <c r="B30624" t="s">
        <v>46068</v>
      </c>
      <c r="C30624">
        <v>2</v>
      </c>
      <c r="D30624">
        <v>0</v>
      </c>
    </row>
    <row r="30625" spans="1:4" x14ac:dyDescent="0.25">
      <c r="A30625" t="s">
        <v>46069</v>
      </c>
      <c r="B30625" t="s">
        <v>46070</v>
      </c>
      <c r="C30625">
        <v>1</v>
      </c>
      <c r="D30625">
        <v>0</v>
      </c>
    </row>
    <row r="30626" spans="1:4" x14ac:dyDescent="0.25">
      <c r="A30626" t="s">
        <v>46069</v>
      </c>
      <c r="B30626" t="s">
        <v>46071</v>
      </c>
      <c r="C30626">
        <v>1</v>
      </c>
      <c r="D30626">
        <v>0</v>
      </c>
    </row>
    <row r="30627" spans="1:4" x14ac:dyDescent="0.25">
      <c r="A30627" t="s">
        <v>46069</v>
      </c>
      <c r="B30627" t="s">
        <v>46072</v>
      </c>
      <c r="C30627">
        <v>1</v>
      </c>
      <c r="D30627">
        <v>0</v>
      </c>
    </row>
    <row r="30628" spans="1:4" x14ac:dyDescent="0.25">
      <c r="A30628" t="s">
        <v>46069</v>
      </c>
      <c r="B30628" t="s">
        <v>46073</v>
      </c>
      <c r="C30628">
        <v>1</v>
      </c>
      <c r="D30628">
        <v>0</v>
      </c>
    </row>
    <row r="30629" spans="1:4" x14ac:dyDescent="0.25">
      <c r="A30629" t="s">
        <v>46069</v>
      </c>
      <c r="B30629" t="s">
        <v>46074</v>
      </c>
      <c r="C30629">
        <v>1</v>
      </c>
      <c r="D30629">
        <v>0</v>
      </c>
    </row>
    <row r="30630" spans="1:4" x14ac:dyDescent="0.25">
      <c r="A30630" t="s">
        <v>46075</v>
      </c>
      <c r="B30630" t="s">
        <v>46076</v>
      </c>
      <c r="C30630">
        <v>1</v>
      </c>
      <c r="D30630">
        <v>0</v>
      </c>
    </row>
    <row r="30631" spans="1:4" x14ac:dyDescent="0.25">
      <c r="A30631" t="s">
        <v>46075</v>
      </c>
      <c r="B30631" t="s">
        <v>46077</v>
      </c>
      <c r="C30631">
        <v>2</v>
      </c>
      <c r="D30631">
        <v>0</v>
      </c>
    </row>
    <row r="30632" spans="1:4" x14ac:dyDescent="0.25">
      <c r="A30632" t="s">
        <v>46075</v>
      </c>
      <c r="B30632" t="s">
        <v>46078</v>
      </c>
      <c r="C30632">
        <v>1</v>
      </c>
      <c r="D30632">
        <v>0</v>
      </c>
    </row>
    <row r="30633" spans="1:4" x14ac:dyDescent="0.25">
      <c r="A30633" t="s">
        <v>46075</v>
      </c>
      <c r="B30633" t="s">
        <v>46079</v>
      </c>
      <c r="C30633">
        <v>0</v>
      </c>
      <c r="D30633">
        <v>0</v>
      </c>
    </row>
    <row r="30634" spans="1:4" x14ac:dyDescent="0.25">
      <c r="A30634" t="s">
        <v>46075</v>
      </c>
      <c r="B30634" t="s">
        <v>46080</v>
      </c>
      <c r="C30634">
        <v>0</v>
      </c>
      <c r="D30634">
        <v>0</v>
      </c>
    </row>
    <row r="30635" spans="1:4" x14ac:dyDescent="0.25">
      <c r="A30635" t="s">
        <v>46075</v>
      </c>
      <c r="B30635" t="s">
        <v>46081</v>
      </c>
      <c r="C30635">
        <v>1</v>
      </c>
      <c r="D30635">
        <v>0</v>
      </c>
    </row>
    <row r="30636" spans="1:4" x14ac:dyDescent="0.25">
      <c r="A30636" t="s">
        <v>46082</v>
      </c>
      <c r="B30636" t="s">
        <v>46083</v>
      </c>
      <c r="C30636">
        <v>1</v>
      </c>
      <c r="D30636">
        <v>0</v>
      </c>
    </row>
    <row r="30637" spans="1:4" x14ac:dyDescent="0.25">
      <c r="A30637" t="s">
        <v>46082</v>
      </c>
      <c r="B30637" t="s">
        <v>46084</v>
      </c>
      <c r="C30637">
        <v>1</v>
      </c>
      <c r="D30637">
        <v>0</v>
      </c>
    </row>
    <row r="30638" spans="1:4" x14ac:dyDescent="0.25">
      <c r="A30638" t="s">
        <v>46085</v>
      </c>
      <c r="B30638" t="s">
        <v>46086</v>
      </c>
      <c r="C30638">
        <v>2</v>
      </c>
      <c r="D30638">
        <v>0</v>
      </c>
    </row>
    <row r="30639" spans="1:4" x14ac:dyDescent="0.25">
      <c r="A30639" t="s">
        <v>46085</v>
      </c>
      <c r="B30639" t="s">
        <v>46087</v>
      </c>
      <c r="C30639">
        <v>2</v>
      </c>
      <c r="D30639">
        <v>0</v>
      </c>
    </row>
    <row r="30640" spans="1:4" x14ac:dyDescent="0.25">
      <c r="A30640" t="s">
        <v>46085</v>
      </c>
      <c r="B30640" t="s">
        <v>46088</v>
      </c>
      <c r="C30640">
        <v>1</v>
      </c>
      <c r="D30640">
        <v>0</v>
      </c>
    </row>
    <row r="30641" spans="1:4" x14ac:dyDescent="0.25">
      <c r="A30641" t="s">
        <v>46085</v>
      </c>
      <c r="B30641" t="s">
        <v>46089</v>
      </c>
      <c r="C30641">
        <v>0</v>
      </c>
      <c r="D30641">
        <v>0</v>
      </c>
    </row>
    <row r="30642" spans="1:4" x14ac:dyDescent="0.25">
      <c r="A30642" t="s">
        <v>46085</v>
      </c>
      <c r="B30642" t="s">
        <v>46090</v>
      </c>
      <c r="C30642">
        <v>1</v>
      </c>
      <c r="D30642">
        <v>0</v>
      </c>
    </row>
    <row r="30643" spans="1:4" x14ac:dyDescent="0.25">
      <c r="A30643" t="s">
        <v>46091</v>
      </c>
      <c r="B30643" t="s">
        <v>46092</v>
      </c>
      <c r="C30643">
        <v>1</v>
      </c>
      <c r="D30643">
        <v>0</v>
      </c>
    </row>
    <row r="30644" spans="1:4" x14ac:dyDescent="0.25">
      <c r="A30644" t="s">
        <v>46093</v>
      </c>
      <c r="B30644" t="s">
        <v>46094</v>
      </c>
      <c r="C30644">
        <v>0</v>
      </c>
      <c r="D30644">
        <v>0</v>
      </c>
    </row>
    <row r="30645" spans="1:4" x14ac:dyDescent="0.25">
      <c r="A30645" t="s">
        <v>46093</v>
      </c>
      <c r="B30645" t="s">
        <v>46095</v>
      </c>
      <c r="C30645">
        <v>0</v>
      </c>
      <c r="D30645">
        <v>0</v>
      </c>
    </row>
    <row r="30646" spans="1:4" x14ac:dyDescent="0.25">
      <c r="A30646" t="s">
        <v>46093</v>
      </c>
      <c r="B30646" t="s">
        <v>46096</v>
      </c>
      <c r="C30646">
        <v>1</v>
      </c>
      <c r="D30646">
        <v>0</v>
      </c>
    </row>
    <row r="30647" spans="1:4" x14ac:dyDescent="0.25">
      <c r="A30647" t="s">
        <v>46093</v>
      </c>
      <c r="B30647" t="s">
        <v>46097</v>
      </c>
      <c r="C30647">
        <v>0</v>
      </c>
      <c r="D30647">
        <v>0</v>
      </c>
    </row>
    <row r="30648" spans="1:4" x14ac:dyDescent="0.25">
      <c r="A30648" t="s">
        <v>46093</v>
      </c>
      <c r="B30648" t="s">
        <v>46098</v>
      </c>
      <c r="C30648">
        <v>0</v>
      </c>
      <c r="D30648">
        <v>0</v>
      </c>
    </row>
    <row r="30649" spans="1:4" x14ac:dyDescent="0.25">
      <c r="A30649" t="s">
        <v>46093</v>
      </c>
      <c r="B30649" t="s">
        <v>46099</v>
      </c>
      <c r="C30649">
        <v>1</v>
      </c>
      <c r="D30649">
        <v>0</v>
      </c>
    </row>
    <row r="30650" spans="1:4" x14ac:dyDescent="0.25">
      <c r="A30650" t="s">
        <v>46093</v>
      </c>
      <c r="B30650" t="s">
        <v>46100</v>
      </c>
      <c r="C30650">
        <v>2</v>
      </c>
      <c r="D30650">
        <v>0</v>
      </c>
    </row>
    <row r="30651" spans="1:4" x14ac:dyDescent="0.25">
      <c r="A30651" t="s">
        <v>46093</v>
      </c>
      <c r="B30651" t="s">
        <v>46101</v>
      </c>
      <c r="C30651">
        <v>0</v>
      </c>
      <c r="D30651">
        <v>0</v>
      </c>
    </row>
    <row r="30652" spans="1:4" x14ac:dyDescent="0.25">
      <c r="A30652" t="s">
        <v>46102</v>
      </c>
      <c r="B30652" t="s">
        <v>46103</v>
      </c>
      <c r="C30652">
        <v>1</v>
      </c>
      <c r="D30652">
        <v>0</v>
      </c>
    </row>
    <row r="30653" spans="1:4" x14ac:dyDescent="0.25">
      <c r="A30653" t="s">
        <v>46102</v>
      </c>
      <c r="B30653" t="s">
        <v>46104</v>
      </c>
      <c r="C30653">
        <v>1</v>
      </c>
      <c r="D30653">
        <v>0</v>
      </c>
    </row>
    <row r="30654" spans="1:4" x14ac:dyDescent="0.25">
      <c r="A30654" t="s">
        <v>46102</v>
      </c>
      <c r="B30654" t="s">
        <v>46105</v>
      </c>
      <c r="C30654">
        <v>1</v>
      </c>
      <c r="D30654">
        <v>0</v>
      </c>
    </row>
    <row r="30655" spans="1:4" x14ac:dyDescent="0.25">
      <c r="A30655" t="s">
        <v>46102</v>
      </c>
      <c r="B30655" t="s">
        <v>46106</v>
      </c>
      <c r="C30655">
        <v>2</v>
      </c>
      <c r="D30655">
        <v>0</v>
      </c>
    </row>
    <row r="30656" spans="1:4" x14ac:dyDescent="0.25">
      <c r="A30656" t="s">
        <v>46102</v>
      </c>
      <c r="B30656" t="s">
        <v>46107</v>
      </c>
      <c r="C30656">
        <v>0</v>
      </c>
      <c r="D30656">
        <v>0</v>
      </c>
    </row>
    <row r="30657" spans="1:4" x14ac:dyDescent="0.25">
      <c r="A30657" t="s">
        <v>46108</v>
      </c>
      <c r="B30657" t="s">
        <v>5434</v>
      </c>
      <c r="C30657">
        <v>1</v>
      </c>
      <c r="D30657">
        <v>0</v>
      </c>
    </row>
    <row r="30658" spans="1:4" x14ac:dyDescent="0.25">
      <c r="A30658" t="s">
        <v>46108</v>
      </c>
      <c r="B30658" t="s">
        <v>46109</v>
      </c>
      <c r="C30658">
        <v>1</v>
      </c>
      <c r="D30658">
        <v>0</v>
      </c>
    </row>
    <row r="30659" spans="1:4" x14ac:dyDescent="0.25">
      <c r="A30659" t="s">
        <v>46108</v>
      </c>
      <c r="B30659" t="s">
        <v>46110</v>
      </c>
      <c r="C30659">
        <v>2</v>
      </c>
      <c r="D30659">
        <v>0</v>
      </c>
    </row>
    <row r="30660" spans="1:4" x14ac:dyDescent="0.25">
      <c r="A30660" t="s">
        <v>46108</v>
      </c>
      <c r="B30660" t="s">
        <v>46111</v>
      </c>
      <c r="C30660">
        <v>0</v>
      </c>
      <c r="D30660">
        <v>0</v>
      </c>
    </row>
    <row r="30661" spans="1:4" x14ac:dyDescent="0.25">
      <c r="A30661" t="s">
        <v>46108</v>
      </c>
      <c r="B30661" t="s">
        <v>46112</v>
      </c>
      <c r="C30661">
        <v>1</v>
      </c>
      <c r="D30661">
        <v>0</v>
      </c>
    </row>
    <row r="30662" spans="1:4" x14ac:dyDescent="0.25">
      <c r="A30662" t="s">
        <v>46108</v>
      </c>
      <c r="B30662" t="s">
        <v>46113</v>
      </c>
      <c r="C30662">
        <v>1</v>
      </c>
      <c r="D30662">
        <v>0</v>
      </c>
    </row>
    <row r="30663" spans="1:4" x14ac:dyDescent="0.25">
      <c r="A30663" t="s">
        <v>46114</v>
      </c>
      <c r="B30663" t="s">
        <v>46115</v>
      </c>
      <c r="C30663">
        <v>1</v>
      </c>
      <c r="D30663">
        <v>0</v>
      </c>
    </row>
    <row r="30664" spans="1:4" x14ac:dyDescent="0.25">
      <c r="A30664" t="s">
        <v>46114</v>
      </c>
      <c r="B30664" t="s">
        <v>46116</v>
      </c>
      <c r="C30664">
        <v>1</v>
      </c>
      <c r="D30664">
        <v>0</v>
      </c>
    </row>
    <row r="30665" spans="1:4" x14ac:dyDescent="0.25">
      <c r="A30665" t="s">
        <v>46114</v>
      </c>
      <c r="B30665" t="s">
        <v>46117</v>
      </c>
      <c r="C30665">
        <v>1</v>
      </c>
      <c r="D30665">
        <v>0</v>
      </c>
    </row>
    <row r="30666" spans="1:4" x14ac:dyDescent="0.25">
      <c r="A30666" t="s">
        <v>46114</v>
      </c>
      <c r="B30666" t="s">
        <v>46118</v>
      </c>
      <c r="C30666">
        <v>1</v>
      </c>
      <c r="D30666">
        <v>0</v>
      </c>
    </row>
    <row r="30667" spans="1:4" x14ac:dyDescent="0.25">
      <c r="A30667" t="s">
        <v>46119</v>
      </c>
      <c r="B30667" t="s">
        <v>46120</v>
      </c>
      <c r="C30667">
        <v>1</v>
      </c>
      <c r="D30667">
        <v>0</v>
      </c>
    </row>
    <row r="30668" spans="1:4" x14ac:dyDescent="0.25">
      <c r="A30668" t="s">
        <v>46119</v>
      </c>
      <c r="B30668" t="s">
        <v>1294</v>
      </c>
      <c r="C30668">
        <v>1</v>
      </c>
      <c r="D30668">
        <v>0</v>
      </c>
    </row>
    <row r="30669" spans="1:4" x14ac:dyDescent="0.25">
      <c r="A30669" t="s">
        <v>46119</v>
      </c>
      <c r="B30669" t="s">
        <v>2651</v>
      </c>
      <c r="C30669">
        <v>0</v>
      </c>
      <c r="D30669">
        <v>0</v>
      </c>
    </row>
    <row r="30670" spans="1:4" x14ac:dyDescent="0.25">
      <c r="A30670" t="s">
        <v>46119</v>
      </c>
      <c r="B30670" t="s">
        <v>46121</v>
      </c>
      <c r="C30670">
        <v>0</v>
      </c>
      <c r="D30670">
        <v>0</v>
      </c>
    </row>
    <row r="30671" spans="1:4" x14ac:dyDescent="0.25">
      <c r="A30671" t="s">
        <v>46119</v>
      </c>
      <c r="B30671" t="s">
        <v>46122</v>
      </c>
      <c r="C30671">
        <v>0</v>
      </c>
      <c r="D30671">
        <v>0</v>
      </c>
    </row>
    <row r="30672" spans="1:4" x14ac:dyDescent="0.25">
      <c r="A30672" t="s">
        <v>46123</v>
      </c>
      <c r="B30672" t="s">
        <v>46124</v>
      </c>
      <c r="C30672">
        <v>0</v>
      </c>
      <c r="D30672">
        <v>0</v>
      </c>
    </row>
    <row r="30673" spans="1:4" x14ac:dyDescent="0.25">
      <c r="A30673" t="s">
        <v>46123</v>
      </c>
      <c r="B30673" t="s">
        <v>46125</v>
      </c>
      <c r="C30673">
        <v>0</v>
      </c>
      <c r="D30673">
        <v>0</v>
      </c>
    </row>
    <row r="30674" spans="1:4" x14ac:dyDescent="0.25">
      <c r="A30674" t="s">
        <v>46123</v>
      </c>
      <c r="B30674" t="s">
        <v>46126</v>
      </c>
      <c r="C30674">
        <v>0</v>
      </c>
      <c r="D30674">
        <v>0</v>
      </c>
    </row>
    <row r="30675" spans="1:4" x14ac:dyDescent="0.25">
      <c r="A30675" t="s">
        <v>46123</v>
      </c>
      <c r="B30675" t="s">
        <v>46127</v>
      </c>
      <c r="C30675">
        <v>0</v>
      </c>
      <c r="D30675">
        <v>0</v>
      </c>
    </row>
    <row r="30676" spans="1:4" x14ac:dyDescent="0.25">
      <c r="A30676" t="s">
        <v>46123</v>
      </c>
      <c r="B30676" t="s">
        <v>46128</v>
      </c>
      <c r="C30676">
        <v>1</v>
      </c>
      <c r="D30676">
        <v>0</v>
      </c>
    </row>
    <row r="30677" spans="1:4" x14ac:dyDescent="0.25">
      <c r="A30677" t="s">
        <v>46129</v>
      </c>
      <c r="B30677" t="s">
        <v>46130</v>
      </c>
      <c r="C30677">
        <v>2</v>
      </c>
      <c r="D30677">
        <v>0</v>
      </c>
    </row>
    <row r="30678" spans="1:4" x14ac:dyDescent="0.25">
      <c r="A30678" t="s">
        <v>46129</v>
      </c>
      <c r="B30678" t="s">
        <v>46131</v>
      </c>
      <c r="C30678">
        <v>1</v>
      </c>
      <c r="D30678">
        <v>0</v>
      </c>
    </row>
    <row r="30679" spans="1:4" x14ac:dyDescent="0.25">
      <c r="A30679" t="s">
        <v>46129</v>
      </c>
      <c r="B30679" t="s">
        <v>46132</v>
      </c>
      <c r="C30679">
        <v>2</v>
      </c>
      <c r="D30679">
        <v>0</v>
      </c>
    </row>
    <row r="30680" spans="1:4" x14ac:dyDescent="0.25">
      <c r="A30680" t="s">
        <v>46129</v>
      </c>
      <c r="B30680" t="s">
        <v>46133</v>
      </c>
      <c r="C30680">
        <v>0</v>
      </c>
      <c r="D30680">
        <v>0</v>
      </c>
    </row>
    <row r="30681" spans="1:4" x14ac:dyDescent="0.25">
      <c r="A30681" t="s">
        <v>46134</v>
      </c>
      <c r="B30681" t="s">
        <v>46135</v>
      </c>
      <c r="C30681">
        <v>1</v>
      </c>
      <c r="D30681">
        <v>0</v>
      </c>
    </row>
    <row r="30682" spans="1:4" x14ac:dyDescent="0.25">
      <c r="A30682" t="s">
        <v>46134</v>
      </c>
      <c r="B30682" t="s">
        <v>46136</v>
      </c>
      <c r="C30682">
        <v>1</v>
      </c>
      <c r="D30682">
        <v>0</v>
      </c>
    </row>
    <row r="30683" spans="1:4" x14ac:dyDescent="0.25">
      <c r="A30683" t="s">
        <v>46134</v>
      </c>
      <c r="B30683" t="s">
        <v>46137</v>
      </c>
      <c r="C30683">
        <v>2</v>
      </c>
      <c r="D30683">
        <v>0</v>
      </c>
    </row>
    <row r="30684" spans="1:4" x14ac:dyDescent="0.25">
      <c r="A30684" t="s">
        <v>46134</v>
      </c>
      <c r="B30684" t="s">
        <v>46138</v>
      </c>
      <c r="C30684">
        <v>1</v>
      </c>
      <c r="D30684">
        <v>0</v>
      </c>
    </row>
    <row r="30685" spans="1:4" x14ac:dyDescent="0.25">
      <c r="A30685" t="s">
        <v>46134</v>
      </c>
      <c r="B30685" t="s">
        <v>46139</v>
      </c>
      <c r="C30685">
        <v>2</v>
      </c>
      <c r="D30685">
        <v>0</v>
      </c>
    </row>
    <row r="30686" spans="1:4" x14ac:dyDescent="0.25">
      <c r="A30686" t="s">
        <v>46134</v>
      </c>
      <c r="B30686" t="s">
        <v>46140</v>
      </c>
      <c r="C30686">
        <v>1</v>
      </c>
      <c r="D30686">
        <v>0</v>
      </c>
    </row>
    <row r="30687" spans="1:4" x14ac:dyDescent="0.25">
      <c r="A30687" t="s">
        <v>46141</v>
      </c>
      <c r="B30687" t="s">
        <v>46142</v>
      </c>
      <c r="C30687">
        <v>0</v>
      </c>
      <c r="D30687">
        <v>0</v>
      </c>
    </row>
    <row r="30688" spans="1:4" x14ac:dyDescent="0.25">
      <c r="A30688" t="s">
        <v>46141</v>
      </c>
      <c r="B30688" t="s">
        <v>46143</v>
      </c>
      <c r="C30688">
        <v>0</v>
      </c>
      <c r="D30688">
        <v>0</v>
      </c>
    </row>
    <row r="30689" spans="1:4" x14ac:dyDescent="0.25">
      <c r="A30689" t="s">
        <v>46144</v>
      </c>
      <c r="B30689" t="s">
        <v>46145</v>
      </c>
      <c r="C30689">
        <v>1</v>
      </c>
      <c r="D30689">
        <v>0</v>
      </c>
    </row>
    <row r="30690" spans="1:4" x14ac:dyDescent="0.25">
      <c r="A30690" t="s">
        <v>46144</v>
      </c>
      <c r="B30690" t="s">
        <v>46146</v>
      </c>
      <c r="C30690">
        <v>1</v>
      </c>
      <c r="D30690">
        <v>0</v>
      </c>
    </row>
    <row r="30691" spans="1:4" x14ac:dyDescent="0.25">
      <c r="A30691" t="s">
        <v>46144</v>
      </c>
      <c r="B30691" t="s">
        <v>46147</v>
      </c>
      <c r="C30691">
        <v>1</v>
      </c>
      <c r="D30691">
        <v>0</v>
      </c>
    </row>
    <row r="30692" spans="1:4" x14ac:dyDescent="0.25">
      <c r="A30692" t="s">
        <v>46144</v>
      </c>
      <c r="B30692" t="s">
        <v>46148</v>
      </c>
      <c r="C30692">
        <v>1</v>
      </c>
      <c r="D30692">
        <v>0</v>
      </c>
    </row>
    <row r="30693" spans="1:4" x14ac:dyDescent="0.25">
      <c r="A30693" t="s">
        <v>46144</v>
      </c>
      <c r="B30693" t="s">
        <v>46149</v>
      </c>
      <c r="C30693">
        <v>1</v>
      </c>
      <c r="D30693">
        <v>0</v>
      </c>
    </row>
    <row r="30694" spans="1:4" x14ac:dyDescent="0.25">
      <c r="A30694" t="s">
        <v>46144</v>
      </c>
      <c r="B30694" t="s">
        <v>46150</v>
      </c>
      <c r="C30694">
        <v>1</v>
      </c>
      <c r="D30694">
        <v>0</v>
      </c>
    </row>
    <row r="30695" spans="1:4" x14ac:dyDescent="0.25">
      <c r="A30695" t="s">
        <v>46151</v>
      </c>
      <c r="B30695" t="s">
        <v>46152</v>
      </c>
      <c r="C30695">
        <v>1</v>
      </c>
      <c r="D30695">
        <v>0</v>
      </c>
    </row>
    <row r="30696" spans="1:4" x14ac:dyDescent="0.25">
      <c r="A30696" t="s">
        <v>46151</v>
      </c>
      <c r="B30696" t="s">
        <v>46153</v>
      </c>
      <c r="C30696">
        <v>0</v>
      </c>
      <c r="D30696">
        <v>0</v>
      </c>
    </row>
    <row r="30697" spans="1:4" x14ac:dyDescent="0.25">
      <c r="A30697" t="s">
        <v>46151</v>
      </c>
      <c r="B30697" t="s">
        <v>46154</v>
      </c>
      <c r="C30697">
        <v>2</v>
      </c>
      <c r="D30697">
        <v>0</v>
      </c>
    </row>
    <row r="30698" spans="1:4" x14ac:dyDescent="0.25">
      <c r="A30698" t="s">
        <v>46151</v>
      </c>
      <c r="B30698" t="s">
        <v>46155</v>
      </c>
      <c r="C30698">
        <v>2</v>
      </c>
      <c r="D30698">
        <v>0</v>
      </c>
    </row>
    <row r="30699" spans="1:4" x14ac:dyDescent="0.25">
      <c r="A30699" t="s">
        <v>46156</v>
      </c>
      <c r="B30699" t="s">
        <v>46157</v>
      </c>
      <c r="C30699">
        <v>1</v>
      </c>
      <c r="D30699">
        <v>0</v>
      </c>
    </row>
    <row r="30700" spans="1:4" x14ac:dyDescent="0.25">
      <c r="A30700" t="s">
        <v>46156</v>
      </c>
      <c r="B30700" t="s">
        <v>46158</v>
      </c>
      <c r="C30700">
        <v>1</v>
      </c>
      <c r="D30700">
        <v>0</v>
      </c>
    </row>
    <row r="30701" spans="1:4" x14ac:dyDescent="0.25">
      <c r="A30701" t="s">
        <v>46156</v>
      </c>
      <c r="B30701" t="s">
        <v>46159</v>
      </c>
      <c r="C30701">
        <v>1</v>
      </c>
      <c r="D30701">
        <v>0</v>
      </c>
    </row>
    <row r="30702" spans="1:4" x14ac:dyDescent="0.25">
      <c r="A30702" t="s">
        <v>46156</v>
      </c>
      <c r="B30702" t="s">
        <v>46160</v>
      </c>
      <c r="C30702">
        <v>2</v>
      </c>
      <c r="D30702">
        <v>0</v>
      </c>
    </row>
    <row r="30703" spans="1:4" x14ac:dyDescent="0.25">
      <c r="A30703" t="s">
        <v>46161</v>
      </c>
      <c r="B30703" t="s">
        <v>46162</v>
      </c>
      <c r="C30703">
        <v>0</v>
      </c>
      <c r="D30703">
        <v>0</v>
      </c>
    </row>
    <row r="30704" spans="1:4" x14ac:dyDescent="0.25">
      <c r="A30704" t="s">
        <v>46161</v>
      </c>
      <c r="B30704" t="s">
        <v>46163</v>
      </c>
      <c r="C30704">
        <v>2</v>
      </c>
      <c r="D30704">
        <v>0</v>
      </c>
    </row>
    <row r="30705" spans="1:4" x14ac:dyDescent="0.25">
      <c r="A30705" t="s">
        <v>46161</v>
      </c>
      <c r="B30705" t="s">
        <v>46164</v>
      </c>
      <c r="C30705">
        <v>1</v>
      </c>
      <c r="D30705">
        <v>0</v>
      </c>
    </row>
    <row r="30706" spans="1:4" x14ac:dyDescent="0.25">
      <c r="A30706" t="s">
        <v>46161</v>
      </c>
      <c r="B30706" t="s">
        <v>5537</v>
      </c>
      <c r="C30706">
        <v>1</v>
      </c>
      <c r="D30706">
        <v>0</v>
      </c>
    </row>
    <row r="30707" spans="1:4" x14ac:dyDescent="0.25">
      <c r="A30707" t="s">
        <v>46165</v>
      </c>
      <c r="B30707" t="s">
        <v>46166</v>
      </c>
      <c r="C30707">
        <v>1</v>
      </c>
      <c r="D30707">
        <v>0</v>
      </c>
    </row>
    <row r="30708" spans="1:4" x14ac:dyDescent="0.25">
      <c r="A30708" t="s">
        <v>46165</v>
      </c>
      <c r="B30708" t="s">
        <v>46167</v>
      </c>
      <c r="C30708">
        <v>1</v>
      </c>
      <c r="D30708">
        <v>0</v>
      </c>
    </row>
    <row r="30709" spans="1:4" x14ac:dyDescent="0.25">
      <c r="A30709" t="s">
        <v>46165</v>
      </c>
      <c r="B30709" t="s">
        <v>46168</v>
      </c>
      <c r="C30709">
        <v>1</v>
      </c>
      <c r="D30709">
        <v>0</v>
      </c>
    </row>
    <row r="30710" spans="1:4" x14ac:dyDescent="0.25">
      <c r="A30710" t="s">
        <v>46165</v>
      </c>
      <c r="B30710" t="s">
        <v>46169</v>
      </c>
      <c r="C30710">
        <v>2</v>
      </c>
      <c r="D30710">
        <v>0</v>
      </c>
    </row>
    <row r="30711" spans="1:4" x14ac:dyDescent="0.25">
      <c r="A30711" t="s">
        <v>46165</v>
      </c>
      <c r="B30711" t="s">
        <v>46170</v>
      </c>
      <c r="C30711">
        <v>1</v>
      </c>
      <c r="D30711">
        <v>0</v>
      </c>
    </row>
    <row r="30712" spans="1:4" x14ac:dyDescent="0.25">
      <c r="A30712" t="s">
        <v>46165</v>
      </c>
      <c r="B30712" t="s">
        <v>46171</v>
      </c>
      <c r="C30712">
        <v>1</v>
      </c>
      <c r="D30712">
        <v>0</v>
      </c>
    </row>
    <row r="30713" spans="1:4" x14ac:dyDescent="0.25">
      <c r="A30713" t="s">
        <v>46172</v>
      </c>
      <c r="B30713" t="s">
        <v>46173</v>
      </c>
      <c r="C30713">
        <v>2</v>
      </c>
      <c r="D30713">
        <v>0</v>
      </c>
    </row>
    <row r="30714" spans="1:4" x14ac:dyDescent="0.25">
      <c r="A30714" t="s">
        <v>46174</v>
      </c>
      <c r="B30714" t="s">
        <v>46175</v>
      </c>
      <c r="C30714">
        <v>1</v>
      </c>
      <c r="D30714">
        <v>0</v>
      </c>
    </row>
    <row r="30715" spans="1:4" x14ac:dyDescent="0.25">
      <c r="A30715" t="s">
        <v>46174</v>
      </c>
      <c r="B30715" t="s">
        <v>46176</v>
      </c>
      <c r="C30715">
        <v>1</v>
      </c>
      <c r="D30715">
        <v>0</v>
      </c>
    </row>
    <row r="30716" spans="1:4" x14ac:dyDescent="0.25">
      <c r="A30716" t="s">
        <v>46174</v>
      </c>
      <c r="B30716" t="s">
        <v>46177</v>
      </c>
      <c r="C30716">
        <v>1</v>
      </c>
      <c r="D30716">
        <v>0</v>
      </c>
    </row>
    <row r="30717" spans="1:4" x14ac:dyDescent="0.25">
      <c r="A30717" t="s">
        <v>46174</v>
      </c>
      <c r="B30717" t="s">
        <v>46178</v>
      </c>
      <c r="C30717">
        <v>1</v>
      </c>
      <c r="D30717">
        <v>0</v>
      </c>
    </row>
    <row r="30718" spans="1:4" x14ac:dyDescent="0.25">
      <c r="A30718" t="s">
        <v>46174</v>
      </c>
      <c r="B30718" t="s">
        <v>46179</v>
      </c>
      <c r="C30718">
        <v>2</v>
      </c>
      <c r="D30718">
        <v>0</v>
      </c>
    </row>
    <row r="30719" spans="1:4" x14ac:dyDescent="0.25">
      <c r="A30719" t="s">
        <v>46180</v>
      </c>
      <c r="B30719" t="s">
        <v>46181</v>
      </c>
      <c r="C30719">
        <v>0</v>
      </c>
      <c r="D30719">
        <v>0</v>
      </c>
    </row>
    <row r="30720" spans="1:4" x14ac:dyDescent="0.25">
      <c r="A30720" t="s">
        <v>46180</v>
      </c>
      <c r="B30720" t="s">
        <v>46182</v>
      </c>
      <c r="C30720">
        <v>0</v>
      </c>
      <c r="D30720">
        <v>0</v>
      </c>
    </row>
    <row r="30721" spans="1:4" x14ac:dyDescent="0.25">
      <c r="A30721" t="s">
        <v>46180</v>
      </c>
      <c r="B30721" t="s">
        <v>46183</v>
      </c>
      <c r="C30721">
        <v>2</v>
      </c>
      <c r="D30721">
        <v>0</v>
      </c>
    </row>
    <row r="30722" spans="1:4" x14ac:dyDescent="0.25">
      <c r="A30722" t="s">
        <v>46180</v>
      </c>
      <c r="B30722" t="s">
        <v>46184</v>
      </c>
      <c r="C30722">
        <v>1</v>
      </c>
      <c r="D30722">
        <v>0</v>
      </c>
    </row>
    <row r="30723" spans="1:4" x14ac:dyDescent="0.25">
      <c r="A30723" t="s">
        <v>46180</v>
      </c>
      <c r="B30723" t="s">
        <v>46185</v>
      </c>
      <c r="C30723">
        <v>0</v>
      </c>
      <c r="D30723">
        <v>0</v>
      </c>
    </row>
    <row r="30724" spans="1:4" x14ac:dyDescent="0.25">
      <c r="A30724" t="s">
        <v>46186</v>
      </c>
      <c r="B30724" t="s">
        <v>17313</v>
      </c>
      <c r="C30724">
        <v>1</v>
      </c>
      <c r="D30724">
        <v>0</v>
      </c>
    </row>
    <row r="30725" spans="1:4" x14ac:dyDescent="0.25">
      <c r="A30725" t="s">
        <v>46186</v>
      </c>
      <c r="B30725" t="s">
        <v>46187</v>
      </c>
      <c r="C30725">
        <v>1</v>
      </c>
      <c r="D30725">
        <v>0</v>
      </c>
    </row>
    <row r="30726" spans="1:4" x14ac:dyDescent="0.25">
      <c r="A30726" t="s">
        <v>46186</v>
      </c>
      <c r="B30726" t="s">
        <v>46188</v>
      </c>
      <c r="C30726">
        <v>1</v>
      </c>
      <c r="D30726">
        <v>0</v>
      </c>
    </row>
    <row r="30727" spans="1:4" x14ac:dyDescent="0.25">
      <c r="A30727" t="s">
        <v>46186</v>
      </c>
      <c r="B30727" t="s">
        <v>46189</v>
      </c>
      <c r="C30727">
        <v>2</v>
      </c>
      <c r="D30727">
        <v>0</v>
      </c>
    </row>
    <row r="30728" spans="1:4" x14ac:dyDescent="0.25">
      <c r="A30728" t="s">
        <v>46186</v>
      </c>
      <c r="B30728" t="s">
        <v>46190</v>
      </c>
      <c r="C30728">
        <v>1</v>
      </c>
      <c r="D30728">
        <v>0</v>
      </c>
    </row>
    <row r="30729" spans="1:4" x14ac:dyDescent="0.25">
      <c r="A30729" t="s">
        <v>46191</v>
      </c>
      <c r="B30729" t="s">
        <v>5434</v>
      </c>
      <c r="C30729">
        <v>1</v>
      </c>
      <c r="D30729">
        <v>0</v>
      </c>
    </row>
    <row r="30730" spans="1:4" x14ac:dyDescent="0.25">
      <c r="A30730" t="s">
        <v>46191</v>
      </c>
      <c r="B30730" t="s">
        <v>46192</v>
      </c>
      <c r="C30730">
        <v>2</v>
      </c>
      <c r="D30730">
        <v>0</v>
      </c>
    </row>
    <row r="30731" spans="1:4" x14ac:dyDescent="0.25">
      <c r="A30731" t="s">
        <v>46191</v>
      </c>
      <c r="B30731" t="s">
        <v>46193</v>
      </c>
      <c r="C30731">
        <v>2</v>
      </c>
      <c r="D30731">
        <v>0</v>
      </c>
    </row>
    <row r="30732" spans="1:4" x14ac:dyDescent="0.25">
      <c r="A30732" t="s">
        <v>46191</v>
      </c>
      <c r="B30732" t="s">
        <v>46194</v>
      </c>
      <c r="C30732">
        <v>1</v>
      </c>
      <c r="D30732">
        <v>0</v>
      </c>
    </row>
    <row r="30733" spans="1:4" x14ac:dyDescent="0.25">
      <c r="A30733" t="s">
        <v>46191</v>
      </c>
      <c r="B30733" t="s">
        <v>46195</v>
      </c>
      <c r="C30733">
        <v>1</v>
      </c>
      <c r="D30733">
        <v>0</v>
      </c>
    </row>
    <row r="30734" spans="1:4" x14ac:dyDescent="0.25">
      <c r="A30734" t="s">
        <v>46191</v>
      </c>
      <c r="B30734" t="s">
        <v>46196</v>
      </c>
      <c r="C30734">
        <v>1</v>
      </c>
      <c r="D30734">
        <v>0</v>
      </c>
    </row>
    <row r="30735" spans="1:4" x14ac:dyDescent="0.25">
      <c r="A30735" t="s">
        <v>46197</v>
      </c>
      <c r="B30735" t="s">
        <v>46198</v>
      </c>
      <c r="C30735">
        <v>2</v>
      </c>
      <c r="D30735">
        <v>0</v>
      </c>
    </row>
    <row r="30736" spans="1:4" x14ac:dyDescent="0.25">
      <c r="A30736" t="s">
        <v>46197</v>
      </c>
      <c r="B30736" t="s">
        <v>46199</v>
      </c>
      <c r="C30736">
        <v>2</v>
      </c>
      <c r="D30736">
        <v>0</v>
      </c>
    </row>
    <row r="30737" spans="1:4" x14ac:dyDescent="0.25">
      <c r="A30737" t="s">
        <v>46200</v>
      </c>
      <c r="B30737" t="s">
        <v>46201</v>
      </c>
      <c r="C30737">
        <v>1</v>
      </c>
      <c r="D30737">
        <v>0</v>
      </c>
    </row>
    <row r="30738" spans="1:4" x14ac:dyDescent="0.25">
      <c r="A30738" t="s">
        <v>46202</v>
      </c>
      <c r="B30738" t="s">
        <v>46203</v>
      </c>
      <c r="C30738">
        <v>1</v>
      </c>
      <c r="D30738">
        <v>0</v>
      </c>
    </row>
    <row r="30739" spans="1:4" x14ac:dyDescent="0.25">
      <c r="A30739" t="s">
        <v>46202</v>
      </c>
      <c r="B30739" t="s">
        <v>46204</v>
      </c>
      <c r="C30739">
        <v>1</v>
      </c>
      <c r="D30739">
        <v>0</v>
      </c>
    </row>
    <row r="30740" spans="1:4" x14ac:dyDescent="0.25">
      <c r="A30740" t="s">
        <v>46205</v>
      </c>
      <c r="B30740" t="s">
        <v>46206</v>
      </c>
      <c r="C30740">
        <v>1</v>
      </c>
      <c r="D30740">
        <v>0</v>
      </c>
    </row>
    <row r="30741" spans="1:4" x14ac:dyDescent="0.25">
      <c r="A30741" t="s">
        <v>46205</v>
      </c>
      <c r="B30741" t="s">
        <v>46207</v>
      </c>
      <c r="C30741">
        <v>0</v>
      </c>
      <c r="D30741">
        <v>0</v>
      </c>
    </row>
    <row r="30742" spans="1:4" x14ac:dyDescent="0.25">
      <c r="A30742" t="s">
        <v>46205</v>
      </c>
      <c r="B30742" t="s">
        <v>46208</v>
      </c>
      <c r="C30742">
        <v>1</v>
      </c>
      <c r="D30742">
        <v>0</v>
      </c>
    </row>
    <row r="30743" spans="1:4" x14ac:dyDescent="0.25">
      <c r="A30743" t="s">
        <v>46205</v>
      </c>
      <c r="B30743" t="s">
        <v>46209</v>
      </c>
      <c r="C30743">
        <v>1</v>
      </c>
      <c r="D30743">
        <v>0</v>
      </c>
    </row>
    <row r="30744" spans="1:4" x14ac:dyDescent="0.25">
      <c r="A30744" t="s">
        <v>46205</v>
      </c>
      <c r="B30744" t="s">
        <v>46210</v>
      </c>
      <c r="C30744">
        <v>2</v>
      </c>
      <c r="D30744">
        <v>0</v>
      </c>
    </row>
    <row r="30745" spans="1:4" x14ac:dyDescent="0.25">
      <c r="A30745" t="s">
        <v>46205</v>
      </c>
      <c r="B30745" t="s">
        <v>46211</v>
      </c>
      <c r="C30745">
        <v>1</v>
      </c>
      <c r="D30745">
        <v>0</v>
      </c>
    </row>
    <row r="30746" spans="1:4" x14ac:dyDescent="0.25">
      <c r="A30746" t="s">
        <v>46205</v>
      </c>
      <c r="B30746" t="s">
        <v>46212</v>
      </c>
      <c r="C30746">
        <v>1</v>
      </c>
      <c r="D30746">
        <v>0</v>
      </c>
    </row>
    <row r="30747" spans="1:4" x14ac:dyDescent="0.25">
      <c r="A30747" t="s">
        <v>46205</v>
      </c>
      <c r="B30747" t="s">
        <v>46213</v>
      </c>
      <c r="C30747">
        <v>1</v>
      </c>
      <c r="D30747">
        <v>0</v>
      </c>
    </row>
    <row r="30748" spans="1:4" x14ac:dyDescent="0.25">
      <c r="A30748" t="s">
        <v>46205</v>
      </c>
      <c r="B30748" t="s">
        <v>46214</v>
      </c>
      <c r="C30748">
        <v>1</v>
      </c>
      <c r="D30748">
        <v>0</v>
      </c>
    </row>
    <row r="30749" spans="1:4" x14ac:dyDescent="0.25">
      <c r="A30749" t="s">
        <v>46215</v>
      </c>
      <c r="B30749" t="s">
        <v>46216</v>
      </c>
      <c r="C30749">
        <v>2</v>
      </c>
      <c r="D30749">
        <v>0</v>
      </c>
    </row>
    <row r="30750" spans="1:4" x14ac:dyDescent="0.25">
      <c r="A30750" t="s">
        <v>46215</v>
      </c>
      <c r="B30750" t="s">
        <v>46217</v>
      </c>
      <c r="C30750">
        <v>0</v>
      </c>
      <c r="D30750">
        <v>0</v>
      </c>
    </row>
    <row r="30751" spans="1:4" x14ac:dyDescent="0.25">
      <c r="A30751" t="s">
        <v>46215</v>
      </c>
      <c r="B30751" t="s">
        <v>46218</v>
      </c>
      <c r="C30751">
        <v>2</v>
      </c>
      <c r="D30751">
        <v>0</v>
      </c>
    </row>
    <row r="30752" spans="1:4" x14ac:dyDescent="0.25">
      <c r="A30752" t="s">
        <v>46215</v>
      </c>
      <c r="B30752" t="s">
        <v>46219</v>
      </c>
      <c r="C30752">
        <v>1</v>
      </c>
      <c r="D30752">
        <v>0</v>
      </c>
    </row>
    <row r="30753" spans="1:4" x14ac:dyDescent="0.25">
      <c r="A30753" t="s">
        <v>46220</v>
      </c>
      <c r="B30753" t="s">
        <v>46221</v>
      </c>
      <c r="C30753">
        <v>0</v>
      </c>
      <c r="D30753">
        <v>0</v>
      </c>
    </row>
    <row r="30754" spans="1:4" x14ac:dyDescent="0.25">
      <c r="A30754" t="s">
        <v>46220</v>
      </c>
      <c r="B30754" t="s">
        <v>46222</v>
      </c>
      <c r="C30754">
        <v>0</v>
      </c>
      <c r="D30754">
        <v>0</v>
      </c>
    </row>
    <row r="30755" spans="1:4" x14ac:dyDescent="0.25">
      <c r="A30755" t="s">
        <v>46220</v>
      </c>
      <c r="B30755" t="s">
        <v>46223</v>
      </c>
      <c r="C30755">
        <v>1</v>
      </c>
      <c r="D30755">
        <v>0</v>
      </c>
    </row>
    <row r="30756" spans="1:4" x14ac:dyDescent="0.25">
      <c r="A30756" t="s">
        <v>46220</v>
      </c>
      <c r="B30756" t="s">
        <v>46224</v>
      </c>
      <c r="C30756">
        <v>0</v>
      </c>
      <c r="D30756">
        <v>0</v>
      </c>
    </row>
    <row r="30757" spans="1:4" x14ac:dyDescent="0.25">
      <c r="A30757" t="s">
        <v>46220</v>
      </c>
      <c r="B30757" t="s">
        <v>46225</v>
      </c>
      <c r="C30757">
        <v>1</v>
      </c>
      <c r="D30757">
        <v>0</v>
      </c>
    </row>
    <row r="30758" spans="1:4" x14ac:dyDescent="0.25">
      <c r="A30758" t="s">
        <v>46220</v>
      </c>
      <c r="B30758" t="s">
        <v>46226</v>
      </c>
      <c r="C30758">
        <v>2</v>
      </c>
      <c r="D30758">
        <v>0</v>
      </c>
    </row>
    <row r="30759" spans="1:4" x14ac:dyDescent="0.25">
      <c r="A30759" t="s">
        <v>46220</v>
      </c>
      <c r="B30759" t="s">
        <v>46227</v>
      </c>
      <c r="C30759">
        <v>0</v>
      </c>
      <c r="D30759">
        <v>0</v>
      </c>
    </row>
    <row r="30760" spans="1:4" x14ac:dyDescent="0.25">
      <c r="A30760" t="s">
        <v>46228</v>
      </c>
      <c r="B30760" t="s">
        <v>46229</v>
      </c>
      <c r="C30760">
        <v>0</v>
      </c>
      <c r="D30760">
        <v>0</v>
      </c>
    </row>
    <row r="30761" spans="1:4" x14ac:dyDescent="0.25">
      <c r="A30761" t="s">
        <v>46228</v>
      </c>
      <c r="B30761" t="s">
        <v>46230</v>
      </c>
      <c r="C30761">
        <v>2</v>
      </c>
      <c r="D30761">
        <v>0</v>
      </c>
    </row>
    <row r="30762" spans="1:4" x14ac:dyDescent="0.25">
      <c r="A30762" t="s">
        <v>46228</v>
      </c>
      <c r="B30762" t="s">
        <v>46231</v>
      </c>
      <c r="C30762">
        <v>2</v>
      </c>
      <c r="D30762">
        <v>0</v>
      </c>
    </row>
    <row r="30763" spans="1:4" x14ac:dyDescent="0.25">
      <c r="A30763" t="s">
        <v>46228</v>
      </c>
      <c r="B30763" t="s">
        <v>46232</v>
      </c>
      <c r="C30763">
        <v>2</v>
      </c>
      <c r="D30763">
        <v>0</v>
      </c>
    </row>
    <row r="30764" spans="1:4" x14ac:dyDescent="0.25">
      <c r="A30764" t="s">
        <v>46228</v>
      </c>
      <c r="B30764" t="s">
        <v>46233</v>
      </c>
      <c r="C30764">
        <v>2</v>
      </c>
      <c r="D30764">
        <v>0</v>
      </c>
    </row>
    <row r="30765" spans="1:4" x14ac:dyDescent="0.25">
      <c r="A30765" t="s">
        <v>46228</v>
      </c>
      <c r="B30765" t="s">
        <v>46234</v>
      </c>
      <c r="C30765">
        <v>0</v>
      </c>
      <c r="D30765">
        <v>0</v>
      </c>
    </row>
    <row r="30766" spans="1:4" x14ac:dyDescent="0.25">
      <c r="A30766" t="s">
        <v>46228</v>
      </c>
      <c r="B30766" t="s">
        <v>46235</v>
      </c>
      <c r="C30766">
        <v>1</v>
      </c>
      <c r="D30766">
        <v>0</v>
      </c>
    </row>
    <row r="30767" spans="1:4" x14ac:dyDescent="0.25">
      <c r="A30767" t="s">
        <v>46228</v>
      </c>
      <c r="B30767" t="s">
        <v>46236</v>
      </c>
      <c r="C30767">
        <v>2</v>
      </c>
      <c r="D30767">
        <v>0</v>
      </c>
    </row>
    <row r="30768" spans="1:4" x14ac:dyDescent="0.25">
      <c r="A30768" t="s">
        <v>46237</v>
      </c>
      <c r="B30768" t="s">
        <v>46238</v>
      </c>
      <c r="C30768">
        <v>0</v>
      </c>
      <c r="D30768">
        <v>0</v>
      </c>
    </row>
    <row r="30769" spans="1:4" x14ac:dyDescent="0.25">
      <c r="A30769" t="s">
        <v>46237</v>
      </c>
      <c r="B30769" t="s">
        <v>46239</v>
      </c>
      <c r="C30769">
        <v>0</v>
      </c>
      <c r="D30769">
        <v>0</v>
      </c>
    </row>
    <row r="30770" spans="1:4" x14ac:dyDescent="0.25">
      <c r="A30770" t="s">
        <v>46237</v>
      </c>
      <c r="B30770" t="s">
        <v>46240</v>
      </c>
      <c r="C30770">
        <v>1</v>
      </c>
      <c r="D30770">
        <v>0</v>
      </c>
    </row>
    <row r="30771" spans="1:4" x14ac:dyDescent="0.25">
      <c r="A30771" t="s">
        <v>46237</v>
      </c>
      <c r="B30771" t="s">
        <v>46241</v>
      </c>
      <c r="C30771">
        <v>0</v>
      </c>
      <c r="D30771">
        <v>0</v>
      </c>
    </row>
    <row r="30772" spans="1:4" x14ac:dyDescent="0.25">
      <c r="A30772" t="s">
        <v>46237</v>
      </c>
      <c r="B30772" t="s">
        <v>46242</v>
      </c>
      <c r="C30772">
        <v>2</v>
      </c>
      <c r="D30772">
        <v>0</v>
      </c>
    </row>
    <row r="30773" spans="1:4" x14ac:dyDescent="0.25">
      <c r="A30773" t="s">
        <v>46237</v>
      </c>
      <c r="B30773" t="s">
        <v>46243</v>
      </c>
      <c r="C30773">
        <v>1</v>
      </c>
      <c r="D30773">
        <v>0</v>
      </c>
    </row>
    <row r="30774" spans="1:4" x14ac:dyDescent="0.25">
      <c r="A30774" t="s">
        <v>46237</v>
      </c>
      <c r="B30774" t="s">
        <v>46244</v>
      </c>
      <c r="C30774">
        <v>0</v>
      </c>
      <c r="D30774">
        <v>0</v>
      </c>
    </row>
    <row r="30775" spans="1:4" x14ac:dyDescent="0.25">
      <c r="A30775" t="s">
        <v>46237</v>
      </c>
      <c r="B30775" t="s">
        <v>46245</v>
      </c>
      <c r="C30775">
        <v>2</v>
      </c>
      <c r="D30775">
        <v>0</v>
      </c>
    </row>
    <row r="30776" spans="1:4" x14ac:dyDescent="0.25">
      <c r="A30776" t="s">
        <v>46237</v>
      </c>
      <c r="B30776" t="s">
        <v>46246</v>
      </c>
      <c r="C30776">
        <v>0</v>
      </c>
      <c r="D30776">
        <v>0</v>
      </c>
    </row>
    <row r="30777" spans="1:4" x14ac:dyDescent="0.25">
      <c r="A30777" t="s">
        <v>46237</v>
      </c>
      <c r="B30777" t="s">
        <v>46247</v>
      </c>
      <c r="C30777">
        <v>2</v>
      </c>
      <c r="D30777">
        <v>0</v>
      </c>
    </row>
    <row r="30778" spans="1:4" x14ac:dyDescent="0.25">
      <c r="A30778" t="s">
        <v>46248</v>
      </c>
      <c r="B30778" t="s">
        <v>46249</v>
      </c>
      <c r="C30778">
        <v>1</v>
      </c>
      <c r="D30778">
        <v>0</v>
      </c>
    </row>
    <row r="30779" spans="1:4" x14ac:dyDescent="0.25">
      <c r="A30779" t="s">
        <v>46248</v>
      </c>
      <c r="B30779" t="s">
        <v>46250</v>
      </c>
      <c r="C30779">
        <v>2</v>
      </c>
      <c r="D30779">
        <v>0</v>
      </c>
    </row>
    <row r="30780" spans="1:4" x14ac:dyDescent="0.25">
      <c r="A30780" t="s">
        <v>46248</v>
      </c>
      <c r="B30780" t="s">
        <v>46251</v>
      </c>
      <c r="C30780">
        <v>0</v>
      </c>
      <c r="D30780">
        <v>0</v>
      </c>
    </row>
    <row r="30781" spans="1:4" x14ac:dyDescent="0.25">
      <c r="A30781" t="s">
        <v>46248</v>
      </c>
      <c r="B30781" t="s">
        <v>46252</v>
      </c>
      <c r="C30781">
        <v>2</v>
      </c>
      <c r="D30781">
        <v>0</v>
      </c>
    </row>
    <row r="30782" spans="1:4" x14ac:dyDescent="0.25">
      <c r="A30782" t="s">
        <v>46253</v>
      </c>
      <c r="B30782" t="s">
        <v>46254</v>
      </c>
      <c r="C30782">
        <v>1</v>
      </c>
      <c r="D30782">
        <v>0</v>
      </c>
    </row>
    <row r="30783" spans="1:4" x14ac:dyDescent="0.25">
      <c r="A30783" t="s">
        <v>46253</v>
      </c>
      <c r="B30783" t="s">
        <v>46255</v>
      </c>
      <c r="C30783">
        <v>1</v>
      </c>
      <c r="D30783">
        <v>0</v>
      </c>
    </row>
    <row r="30784" spans="1:4" x14ac:dyDescent="0.25">
      <c r="A30784" t="s">
        <v>46253</v>
      </c>
      <c r="B30784" t="s">
        <v>46256</v>
      </c>
      <c r="C30784">
        <v>0</v>
      </c>
      <c r="D30784">
        <v>0</v>
      </c>
    </row>
    <row r="30785" spans="1:4" x14ac:dyDescent="0.25">
      <c r="A30785" t="s">
        <v>46253</v>
      </c>
      <c r="B30785" t="s">
        <v>46257</v>
      </c>
      <c r="C30785">
        <v>0</v>
      </c>
      <c r="D30785">
        <v>0</v>
      </c>
    </row>
    <row r="30786" spans="1:4" x14ac:dyDescent="0.25">
      <c r="A30786" t="s">
        <v>46253</v>
      </c>
      <c r="B30786" t="s">
        <v>46258</v>
      </c>
      <c r="C30786">
        <v>1</v>
      </c>
      <c r="D30786">
        <v>0</v>
      </c>
    </row>
    <row r="30787" spans="1:4" x14ac:dyDescent="0.25">
      <c r="A30787" t="s">
        <v>46253</v>
      </c>
      <c r="B30787" t="s">
        <v>46259</v>
      </c>
      <c r="C30787">
        <v>2</v>
      </c>
      <c r="D30787">
        <v>0</v>
      </c>
    </row>
    <row r="30788" spans="1:4" x14ac:dyDescent="0.25">
      <c r="A30788" t="s">
        <v>46260</v>
      </c>
      <c r="B30788" t="s">
        <v>46261</v>
      </c>
      <c r="C30788">
        <v>1</v>
      </c>
      <c r="D30788">
        <v>0</v>
      </c>
    </row>
    <row r="30789" spans="1:4" x14ac:dyDescent="0.25">
      <c r="A30789" t="s">
        <v>46260</v>
      </c>
      <c r="B30789" t="s">
        <v>17257</v>
      </c>
      <c r="C30789">
        <v>1</v>
      </c>
      <c r="D30789">
        <v>0</v>
      </c>
    </row>
    <row r="30790" spans="1:4" x14ac:dyDescent="0.25">
      <c r="A30790" t="s">
        <v>46260</v>
      </c>
      <c r="B30790" t="s">
        <v>5713</v>
      </c>
      <c r="C30790">
        <v>1</v>
      </c>
      <c r="D30790">
        <v>0</v>
      </c>
    </row>
    <row r="30791" spans="1:4" x14ac:dyDescent="0.25">
      <c r="A30791" t="s">
        <v>46260</v>
      </c>
      <c r="B30791" t="s">
        <v>46262</v>
      </c>
      <c r="C30791">
        <v>0</v>
      </c>
      <c r="D30791">
        <v>0</v>
      </c>
    </row>
    <row r="30792" spans="1:4" x14ac:dyDescent="0.25">
      <c r="A30792" t="s">
        <v>46260</v>
      </c>
      <c r="B30792" t="s">
        <v>46263</v>
      </c>
      <c r="C30792">
        <v>0</v>
      </c>
      <c r="D30792">
        <v>0</v>
      </c>
    </row>
    <row r="30793" spans="1:4" x14ac:dyDescent="0.25">
      <c r="A30793" t="s">
        <v>46260</v>
      </c>
      <c r="B30793" t="s">
        <v>46262</v>
      </c>
      <c r="C30793">
        <v>2</v>
      </c>
      <c r="D30793">
        <v>0</v>
      </c>
    </row>
    <row r="30794" spans="1:4" x14ac:dyDescent="0.25">
      <c r="A30794" t="s">
        <v>46260</v>
      </c>
      <c r="B30794" t="s">
        <v>46264</v>
      </c>
      <c r="C30794">
        <v>1</v>
      </c>
      <c r="D30794">
        <v>0</v>
      </c>
    </row>
    <row r="30795" spans="1:4" x14ac:dyDescent="0.25">
      <c r="A30795" t="s">
        <v>46260</v>
      </c>
      <c r="B30795" t="s">
        <v>46265</v>
      </c>
      <c r="C30795">
        <v>1</v>
      </c>
      <c r="D30795">
        <v>0</v>
      </c>
    </row>
    <row r="30796" spans="1:4" x14ac:dyDescent="0.25">
      <c r="A30796" t="s">
        <v>46266</v>
      </c>
      <c r="B30796" t="s">
        <v>46267</v>
      </c>
      <c r="C30796">
        <v>1</v>
      </c>
      <c r="D30796">
        <v>0</v>
      </c>
    </row>
    <row r="30797" spans="1:4" x14ac:dyDescent="0.25">
      <c r="A30797" t="s">
        <v>46266</v>
      </c>
      <c r="B30797" t="s">
        <v>46268</v>
      </c>
      <c r="C30797">
        <v>0</v>
      </c>
      <c r="D30797">
        <v>0</v>
      </c>
    </row>
    <row r="30798" spans="1:4" x14ac:dyDescent="0.25">
      <c r="A30798" t="s">
        <v>46269</v>
      </c>
      <c r="B30798" t="s">
        <v>46270</v>
      </c>
      <c r="C30798">
        <v>0</v>
      </c>
      <c r="D30798">
        <v>0</v>
      </c>
    </row>
    <row r="30799" spans="1:4" x14ac:dyDescent="0.25">
      <c r="A30799" t="s">
        <v>46269</v>
      </c>
      <c r="B30799" t="s">
        <v>3347</v>
      </c>
      <c r="C30799">
        <v>0</v>
      </c>
      <c r="D30799">
        <v>0</v>
      </c>
    </row>
    <row r="30800" spans="1:4" x14ac:dyDescent="0.25">
      <c r="A30800" t="s">
        <v>46269</v>
      </c>
      <c r="B30800" t="s">
        <v>46271</v>
      </c>
      <c r="C30800">
        <v>0</v>
      </c>
      <c r="D30800">
        <v>0</v>
      </c>
    </row>
    <row r="30801" spans="1:4" x14ac:dyDescent="0.25">
      <c r="A30801" t="s">
        <v>46269</v>
      </c>
      <c r="B30801" t="s">
        <v>2267</v>
      </c>
      <c r="C30801">
        <v>1</v>
      </c>
      <c r="D30801">
        <v>0</v>
      </c>
    </row>
    <row r="30802" spans="1:4" x14ac:dyDescent="0.25">
      <c r="A30802" t="s">
        <v>46272</v>
      </c>
      <c r="B30802" t="s">
        <v>46273</v>
      </c>
      <c r="C30802">
        <v>1</v>
      </c>
      <c r="D30802">
        <v>0</v>
      </c>
    </row>
    <row r="30803" spans="1:4" x14ac:dyDescent="0.25">
      <c r="A30803" t="s">
        <v>46272</v>
      </c>
      <c r="B30803" t="s">
        <v>46274</v>
      </c>
      <c r="C30803">
        <v>1</v>
      </c>
      <c r="D30803">
        <v>0</v>
      </c>
    </row>
    <row r="30804" spans="1:4" x14ac:dyDescent="0.25">
      <c r="A30804" t="s">
        <v>46272</v>
      </c>
      <c r="B30804" t="s">
        <v>46275</v>
      </c>
      <c r="C30804">
        <v>1</v>
      </c>
      <c r="D30804">
        <v>0</v>
      </c>
    </row>
    <row r="30805" spans="1:4" x14ac:dyDescent="0.25">
      <c r="A30805" t="s">
        <v>46272</v>
      </c>
      <c r="B30805" t="s">
        <v>46276</v>
      </c>
      <c r="C30805">
        <v>1</v>
      </c>
      <c r="D30805">
        <v>0</v>
      </c>
    </row>
    <row r="30806" spans="1:4" x14ac:dyDescent="0.25">
      <c r="A30806" t="s">
        <v>46277</v>
      </c>
      <c r="B30806" t="s">
        <v>46278</v>
      </c>
      <c r="C30806">
        <v>0</v>
      </c>
      <c r="D30806">
        <v>0</v>
      </c>
    </row>
    <row r="30807" spans="1:4" x14ac:dyDescent="0.25">
      <c r="A30807" t="s">
        <v>46277</v>
      </c>
      <c r="B30807" t="s">
        <v>46279</v>
      </c>
      <c r="C30807">
        <v>0</v>
      </c>
      <c r="D30807">
        <v>0</v>
      </c>
    </row>
    <row r="30808" spans="1:4" x14ac:dyDescent="0.25">
      <c r="A30808" t="s">
        <v>46277</v>
      </c>
      <c r="B30808" t="s">
        <v>46280</v>
      </c>
      <c r="C30808">
        <v>1</v>
      </c>
      <c r="D30808">
        <v>0</v>
      </c>
    </row>
    <row r="30809" spans="1:4" x14ac:dyDescent="0.25">
      <c r="A30809" t="s">
        <v>46277</v>
      </c>
      <c r="B30809" t="s">
        <v>46281</v>
      </c>
      <c r="C30809">
        <v>0</v>
      </c>
      <c r="D30809">
        <v>0</v>
      </c>
    </row>
    <row r="30810" spans="1:4" x14ac:dyDescent="0.25">
      <c r="A30810" t="s">
        <v>46282</v>
      </c>
      <c r="B30810" t="s">
        <v>11948</v>
      </c>
      <c r="C30810">
        <v>0</v>
      </c>
      <c r="D30810">
        <v>0</v>
      </c>
    </row>
    <row r="30811" spans="1:4" x14ac:dyDescent="0.25">
      <c r="A30811" t="s">
        <v>46282</v>
      </c>
      <c r="B30811" t="s">
        <v>46283</v>
      </c>
      <c r="C30811">
        <v>1</v>
      </c>
      <c r="D30811">
        <v>0</v>
      </c>
    </row>
    <row r="30812" spans="1:4" x14ac:dyDescent="0.25">
      <c r="A30812" t="s">
        <v>46282</v>
      </c>
      <c r="B30812" t="s">
        <v>46284</v>
      </c>
      <c r="C30812">
        <v>2</v>
      </c>
      <c r="D30812">
        <v>0</v>
      </c>
    </row>
    <row r="30813" spans="1:4" x14ac:dyDescent="0.25">
      <c r="A30813" t="s">
        <v>46285</v>
      </c>
      <c r="B30813" t="s">
        <v>46286</v>
      </c>
      <c r="C30813">
        <v>1</v>
      </c>
      <c r="D30813">
        <v>0</v>
      </c>
    </row>
    <row r="30814" spans="1:4" x14ac:dyDescent="0.25">
      <c r="A30814" t="s">
        <v>46285</v>
      </c>
      <c r="B30814" t="s">
        <v>46287</v>
      </c>
      <c r="C30814">
        <v>1</v>
      </c>
      <c r="D30814">
        <v>0</v>
      </c>
    </row>
    <row r="30815" spans="1:4" x14ac:dyDescent="0.25">
      <c r="A30815" t="s">
        <v>46285</v>
      </c>
      <c r="B30815" t="s">
        <v>46288</v>
      </c>
      <c r="C30815">
        <v>1</v>
      </c>
      <c r="D30815">
        <v>0</v>
      </c>
    </row>
    <row r="30816" spans="1:4" x14ac:dyDescent="0.25">
      <c r="A30816" t="s">
        <v>46289</v>
      </c>
      <c r="B30816" t="s">
        <v>46290</v>
      </c>
      <c r="C30816">
        <v>1</v>
      </c>
      <c r="D30816">
        <v>0</v>
      </c>
    </row>
    <row r="30817" spans="1:4" x14ac:dyDescent="0.25">
      <c r="A30817" t="s">
        <v>46289</v>
      </c>
      <c r="B30817" t="s">
        <v>46291</v>
      </c>
      <c r="C30817">
        <v>2</v>
      </c>
      <c r="D30817">
        <v>0</v>
      </c>
    </row>
    <row r="30818" spans="1:4" x14ac:dyDescent="0.25">
      <c r="A30818" t="s">
        <v>46289</v>
      </c>
      <c r="B30818" t="s">
        <v>46292</v>
      </c>
      <c r="C30818">
        <v>2</v>
      </c>
      <c r="D30818">
        <v>0</v>
      </c>
    </row>
    <row r="30819" spans="1:4" x14ac:dyDescent="0.25">
      <c r="A30819" t="s">
        <v>46293</v>
      </c>
      <c r="B30819" t="s">
        <v>46294</v>
      </c>
      <c r="C30819">
        <v>2</v>
      </c>
      <c r="D30819">
        <v>0</v>
      </c>
    </row>
    <row r="30820" spans="1:4" x14ac:dyDescent="0.25">
      <c r="A30820" t="s">
        <v>46295</v>
      </c>
      <c r="B30820" t="s">
        <v>46296</v>
      </c>
      <c r="C30820">
        <v>0</v>
      </c>
      <c r="D30820">
        <v>0</v>
      </c>
    </row>
    <row r="30821" spans="1:4" x14ac:dyDescent="0.25">
      <c r="A30821" t="s">
        <v>46295</v>
      </c>
      <c r="B30821" t="s">
        <v>46297</v>
      </c>
      <c r="C30821">
        <v>2</v>
      </c>
      <c r="D30821">
        <v>0</v>
      </c>
    </row>
    <row r="30822" spans="1:4" x14ac:dyDescent="0.25">
      <c r="A30822" t="s">
        <v>46295</v>
      </c>
      <c r="B30822" t="s">
        <v>46298</v>
      </c>
      <c r="C30822">
        <v>0</v>
      </c>
      <c r="D30822">
        <v>0</v>
      </c>
    </row>
    <row r="30823" spans="1:4" x14ac:dyDescent="0.25">
      <c r="A30823" t="s">
        <v>46295</v>
      </c>
      <c r="B30823" t="s">
        <v>46299</v>
      </c>
      <c r="C30823">
        <v>2</v>
      </c>
      <c r="D30823">
        <v>0</v>
      </c>
    </row>
    <row r="30824" spans="1:4" x14ac:dyDescent="0.25">
      <c r="A30824" t="s">
        <v>46295</v>
      </c>
      <c r="B30824" t="s">
        <v>46300</v>
      </c>
      <c r="C30824">
        <v>0</v>
      </c>
      <c r="D30824">
        <v>0</v>
      </c>
    </row>
    <row r="30825" spans="1:4" x14ac:dyDescent="0.25">
      <c r="A30825" t="s">
        <v>46295</v>
      </c>
      <c r="B30825" t="s">
        <v>46301</v>
      </c>
      <c r="C30825">
        <v>2</v>
      </c>
      <c r="D30825">
        <v>0</v>
      </c>
    </row>
    <row r="30826" spans="1:4" x14ac:dyDescent="0.25">
      <c r="A30826" t="s">
        <v>46295</v>
      </c>
      <c r="B30826" t="s">
        <v>46302</v>
      </c>
      <c r="C30826">
        <v>0</v>
      </c>
      <c r="D30826">
        <v>0</v>
      </c>
    </row>
    <row r="30827" spans="1:4" x14ac:dyDescent="0.25">
      <c r="A30827" t="s">
        <v>46303</v>
      </c>
      <c r="B30827" t="s">
        <v>46304</v>
      </c>
      <c r="C30827">
        <v>1</v>
      </c>
      <c r="D30827">
        <v>0</v>
      </c>
    </row>
    <row r="30828" spans="1:4" x14ac:dyDescent="0.25">
      <c r="A30828" t="s">
        <v>46303</v>
      </c>
      <c r="B30828" t="s">
        <v>46305</v>
      </c>
      <c r="C30828">
        <v>0</v>
      </c>
      <c r="D30828">
        <v>0</v>
      </c>
    </row>
    <row r="30829" spans="1:4" x14ac:dyDescent="0.25">
      <c r="A30829" t="s">
        <v>46303</v>
      </c>
      <c r="B30829" t="s">
        <v>46306</v>
      </c>
      <c r="C30829">
        <v>2</v>
      </c>
      <c r="D30829">
        <v>0</v>
      </c>
    </row>
    <row r="30830" spans="1:4" x14ac:dyDescent="0.25">
      <c r="A30830" t="s">
        <v>46303</v>
      </c>
      <c r="B30830" t="s">
        <v>46307</v>
      </c>
      <c r="C30830">
        <v>1</v>
      </c>
      <c r="D30830">
        <v>0</v>
      </c>
    </row>
    <row r="30831" spans="1:4" x14ac:dyDescent="0.25">
      <c r="A30831" t="s">
        <v>46303</v>
      </c>
      <c r="B30831" t="s">
        <v>46306</v>
      </c>
      <c r="C30831">
        <v>2</v>
      </c>
      <c r="D30831">
        <v>0</v>
      </c>
    </row>
    <row r="30832" spans="1:4" x14ac:dyDescent="0.25">
      <c r="A30832" t="s">
        <v>46303</v>
      </c>
      <c r="B30832" t="s">
        <v>46308</v>
      </c>
      <c r="C30832">
        <v>1</v>
      </c>
      <c r="D30832">
        <v>0</v>
      </c>
    </row>
    <row r="30833" spans="1:4" x14ac:dyDescent="0.25">
      <c r="A30833" t="s">
        <v>46303</v>
      </c>
      <c r="B30833" t="s">
        <v>46309</v>
      </c>
      <c r="C30833">
        <v>1</v>
      </c>
      <c r="D30833">
        <v>0</v>
      </c>
    </row>
    <row r="30834" spans="1:4" x14ac:dyDescent="0.25">
      <c r="A30834" t="s">
        <v>46310</v>
      </c>
      <c r="B30834" t="s">
        <v>46311</v>
      </c>
      <c r="C30834">
        <v>1</v>
      </c>
      <c r="D30834">
        <v>0</v>
      </c>
    </row>
    <row r="30835" spans="1:4" x14ac:dyDescent="0.25">
      <c r="A30835" t="s">
        <v>46310</v>
      </c>
      <c r="B30835" t="s">
        <v>2865</v>
      </c>
      <c r="C30835">
        <v>0</v>
      </c>
      <c r="D30835">
        <v>0</v>
      </c>
    </row>
    <row r="30836" spans="1:4" x14ac:dyDescent="0.25">
      <c r="A30836" t="s">
        <v>46310</v>
      </c>
      <c r="B30836" t="s">
        <v>46312</v>
      </c>
      <c r="C30836">
        <v>1</v>
      </c>
      <c r="D30836">
        <v>0</v>
      </c>
    </row>
    <row r="30837" spans="1:4" x14ac:dyDescent="0.25">
      <c r="A30837" t="s">
        <v>46310</v>
      </c>
      <c r="B30837" t="s">
        <v>1294</v>
      </c>
      <c r="C30837">
        <v>1</v>
      </c>
      <c r="D30837">
        <v>0</v>
      </c>
    </row>
    <row r="30838" spans="1:4" x14ac:dyDescent="0.25">
      <c r="A30838" t="s">
        <v>46310</v>
      </c>
      <c r="B30838" t="s">
        <v>46313</v>
      </c>
      <c r="C30838">
        <v>1</v>
      </c>
      <c r="D30838">
        <v>0</v>
      </c>
    </row>
    <row r="30839" spans="1:4" x14ac:dyDescent="0.25">
      <c r="A30839" t="s">
        <v>46314</v>
      </c>
      <c r="B30839" t="s">
        <v>46315</v>
      </c>
      <c r="C30839">
        <v>1</v>
      </c>
      <c r="D30839">
        <v>0</v>
      </c>
    </row>
    <row r="30840" spans="1:4" x14ac:dyDescent="0.25">
      <c r="A30840" t="s">
        <v>46316</v>
      </c>
      <c r="B30840" t="s">
        <v>46317</v>
      </c>
      <c r="C30840">
        <v>0</v>
      </c>
      <c r="D30840">
        <v>0</v>
      </c>
    </row>
    <row r="30841" spans="1:4" x14ac:dyDescent="0.25">
      <c r="A30841" t="s">
        <v>46316</v>
      </c>
      <c r="B30841" t="s">
        <v>46318</v>
      </c>
      <c r="C30841">
        <v>1</v>
      </c>
      <c r="D30841">
        <v>0</v>
      </c>
    </row>
    <row r="30842" spans="1:4" x14ac:dyDescent="0.25">
      <c r="A30842" t="s">
        <v>46316</v>
      </c>
      <c r="B30842" t="s">
        <v>46319</v>
      </c>
      <c r="C30842">
        <v>1</v>
      </c>
      <c r="D30842">
        <v>0</v>
      </c>
    </row>
    <row r="30843" spans="1:4" x14ac:dyDescent="0.25">
      <c r="A30843" t="s">
        <v>46316</v>
      </c>
      <c r="B30843" t="s">
        <v>46320</v>
      </c>
      <c r="C30843">
        <v>1</v>
      </c>
      <c r="D30843">
        <v>0</v>
      </c>
    </row>
    <row r="30844" spans="1:4" x14ac:dyDescent="0.25">
      <c r="A30844" t="s">
        <v>46321</v>
      </c>
      <c r="B30844" t="s">
        <v>46322</v>
      </c>
      <c r="C30844">
        <v>1</v>
      </c>
      <c r="D30844">
        <v>0</v>
      </c>
    </row>
    <row r="30845" spans="1:4" x14ac:dyDescent="0.25">
      <c r="A30845" t="s">
        <v>46323</v>
      </c>
      <c r="B30845" t="s">
        <v>46324</v>
      </c>
      <c r="C30845">
        <v>0</v>
      </c>
      <c r="D30845">
        <v>0</v>
      </c>
    </row>
    <row r="30846" spans="1:4" x14ac:dyDescent="0.25">
      <c r="A30846" t="s">
        <v>46323</v>
      </c>
      <c r="B30846" t="s">
        <v>46325</v>
      </c>
      <c r="C30846">
        <v>0</v>
      </c>
      <c r="D30846">
        <v>0</v>
      </c>
    </row>
    <row r="30847" spans="1:4" x14ac:dyDescent="0.25">
      <c r="A30847" t="s">
        <v>46323</v>
      </c>
      <c r="B30847" t="s">
        <v>46326</v>
      </c>
      <c r="C30847">
        <v>1</v>
      </c>
      <c r="D30847">
        <v>0</v>
      </c>
    </row>
    <row r="30848" spans="1:4" x14ac:dyDescent="0.25">
      <c r="A30848" t="s">
        <v>46323</v>
      </c>
      <c r="B30848" t="s">
        <v>46327</v>
      </c>
      <c r="C30848">
        <v>2</v>
      </c>
      <c r="D30848">
        <v>0</v>
      </c>
    </row>
    <row r="30849" spans="1:4" x14ac:dyDescent="0.25">
      <c r="A30849" t="s">
        <v>46323</v>
      </c>
      <c r="B30849" t="s">
        <v>46328</v>
      </c>
      <c r="C30849">
        <v>0</v>
      </c>
      <c r="D30849">
        <v>0</v>
      </c>
    </row>
    <row r="30850" spans="1:4" x14ac:dyDescent="0.25">
      <c r="A30850" t="s">
        <v>46323</v>
      </c>
      <c r="B30850" t="s">
        <v>46329</v>
      </c>
      <c r="C30850">
        <v>1</v>
      </c>
      <c r="D30850">
        <v>0</v>
      </c>
    </row>
    <row r="30851" spans="1:4" x14ac:dyDescent="0.25">
      <c r="A30851" t="s">
        <v>46330</v>
      </c>
      <c r="B30851" t="s">
        <v>46331</v>
      </c>
      <c r="C30851">
        <v>0</v>
      </c>
      <c r="D30851">
        <v>0</v>
      </c>
    </row>
    <row r="30852" spans="1:4" x14ac:dyDescent="0.25">
      <c r="A30852" t="s">
        <v>46330</v>
      </c>
      <c r="B30852" t="s">
        <v>46332</v>
      </c>
      <c r="C30852">
        <v>0</v>
      </c>
      <c r="D30852">
        <v>0</v>
      </c>
    </row>
    <row r="30853" spans="1:4" x14ac:dyDescent="0.25">
      <c r="A30853" t="s">
        <v>46330</v>
      </c>
      <c r="B30853" t="s">
        <v>46333</v>
      </c>
      <c r="C30853">
        <v>1</v>
      </c>
      <c r="D30853">
        <v>0</v>
      </c>
    </row>
    <row r="30854" spans="1:4" x14ac:dyDescent="0.25">
      <c r="A30854" t="s">
        <v>46330</v>
      </c>
      <c r="B30854" t="s">
        <v>46334</v>
      </c>
      <c r="C30854">
        <v>0</v>
      </c>
      <c r="D30854">
        <v>0</v>
      </c>
    </row>
    <row r="30855" spans="1:4" x14ac:dyDescent="0.25">
      <c r="A30855" t="s">
        <v>46330</v>
      </c>
      <c r="B30855" t="s">
        <v>46335</v>
      </c>
      <c r="C30855">
        <v>0</v>
      </c>
      <c r="D30855">
        <v>0</v>
      </c>
    </row>
    <row r="30856" spans="1:4" x14ac:dyDescent="0.25">
      <c r="A30856" t="s">
        <v>46336</v>
      </c>
      <c r="B30856" t="s">
        <v>46337</v>
      </c>
      <c r="C30856">
        <v>1</v>
      </c>
      <c r="D30856">
        <v>0</v>
      </c>
    </row>
    <row r="30857" spans="1:4" x14ac:dyDescent="0.25">
      <c r="A30857" t="s">
        <v>46336</v>
      </c>
      <c r="B30857" t="s">
        <v>46338</v>
      </c>
      <c r="C30857">
        <v>0</v>
      </c>
      <c r="D30857">
        <v>0</v>
      </c>
    </row>
    <row r="30858" spans="1:4" x14ac:dyDescent="0.25">
      <c r="A30858" t="s">
        <v>46336</v>
      </c>
      <c r="B30858" t="s">
        <v>46339</v>
      </c>
      <c r="C30858">
        <v>1</v>
      </c>
      <c r="D30858">
        <v>0</v>
      </c>
    </row>
    <row r="30859" spans="1:4" x14ac:dyDescent="0.25">
      <c r="A30859" t="s">
        <v>46336</v>
      </c>
      <c r="B30859" t="s">
        <v>46340</v>
      </c>
      <c r="C30859">
        <v>0</v>
      </c>
      <c r="D30859">
        <v>0</v>
      </c>
    </row>
    <row r="30860" spans="1:4" x14ac:dyDescent="0.25">
      <c r="A30860" t="s">
        <v>46341</v>
      </c>
      <c r="B30860" t="s">
        <v>46342</v>
      </c>
      <c r="C30860">
        <v>2</v>
      </c>
      <c r="D30860">
        <v>0</v>
      </c>
    </row>
    <row r="30861" spans="1:4" x14ac:dyDescent="0.25">
      <c r="A30861" t="s">
        <v>46341</v>
      </c>
      <c r="B30861" t="s">
        <v>46343</v>
      </c>
      <c r="C30861">
        <v>1</v>
      </c>
      <c r="D30861">
        <v>0</v>
      </c>
    </row>
    <row r="30862" spans="1:4" x14ac:dyDescent="0.25">
      <c r="A30862" t="s">
        <v>46344</v>
      </c>
      <c r="B30862" t="s">
        <v>46345</v>
      </c>
      <c r="C30862">
        <v>1</v>
      </c>
      <c r="D30862">
        <v>0</v>
      </c>
    </row>
    <row r="30863" spans="1:4" x14ac:dyDescent="0.25">
      <c r="A30863" t="s">
        <v>46344</v>
      </c>
      <c r="B30863" t="s">
        <v>46346</v>
      </c>
      <c r="C30863">
        <v>1</v>
      </c>
      <c r="D30863">
        <v>0</v>
      </c>
    </row>
    <row r="30864" spans="1:4" x14ac:dyDescent="0.25">
      <c r="A30864" t="s">
        <v>46344</v>
      </c>
      <c r="B30864" t="s">
        <v>46347</v>
      </c>
      <c r="C30864">
        <v>1</v>
      </c>
      <c r="D30864">
        <v>0</v>
      </c>
    </row>
    <row r="30865" spans="1:4" x14ac:dyDescent="0.25">
      <c r="A30865" t="s">
        <v>46344</v>
      </c>
      <c r="B30865" t="s">
        <v>46348</v>
      </c>
      <c r="C30865">
        <v>0</v>
      </c>
      <c r="D30865">
        <v>0</v>
      </c>
    </row>
    <row r="30866" spans="1:4" x14ac:dyDescent="0.25">
      <c r="A30866" t="s">
        <v>46349</v>
      </c>
      <c r="B30866" t="s">
        <v>46350</v>
      </c>
      <c r="C30866">
        <v>1</v>
      </c>
      <c r="D30866">
        <v>0</v>
      </c>
    </row>
    <row r="30867" spans="1:4" x14ac:dyDescent="0.25">
      <c r="A30867" t="s">
        <v>46349</v>
      </c>
      <c r="B30867" t="s">
        <v>46351</v>
      </c>
      <c r="C30867">
        <v>0</v>
      </c>
      <c r="D30867">
        <v>0</v>
      </c>
    </row>
    <row r="30868" spans="1:4" x14ac:dyDescent="0.25">
      <c r="A30868" t="s">
        <v>46349</v>
      </c>
      <c r="B30868" t="s">
        <v>46352</v>
      </c>
      <c r="C30868">
        <v>1</v>
      </c>
      <c r="D30868">
        <v>0</v>
      </c>
    </row>
    <row r="30869" spans="1:4" x14ac:dyDescent="0.25">
      <c r="A30869" t="s">
        <v>46349</v>
      </c>
      <c r="B30869" t="s">
        <v>46353</v>
      </c>
      <c r="C30869">
        <v>1</v>
      </c>
      <c r="D30869">
        <v>0</v>
      </c>
    </row>
    <row r="30870" spans="1:4" x14ac:dyDescent="0.25">
      <c r="A30870" t="s">
        <v>46349</v>
      </c>
      <c r="B30870" t="s">
        <v>46354</v>
      </c>
      <c r="C30870">
        <v>1</v>
      </c>
      <c r="D30870">
        <v>0</v>
      </c>
    </row>
    <row r="30871" spans="1:4" x14ac:dyDescent="0.25">
      <c r="A30871" t="s">
        <v>46349</v>
      </c>
      <c r="B30871" t="s">
        <v>46355</v>
      </c>
      <c r="C30871">
        <v>2</v>
      </c>
      <c r="D30871">
        <v>0</v>
      </c>
    </row>
    <row r="30872" spans="1:4" x14ac:dyDescent="0.25">
      <c r="A30872" t="s">
        <v>46349</v>
      </c>
      <c r="B30872" t="s">
        <v>1294</v>
      </c>
      <c r="C30872">
        <v>1</v>
      </c>
      <c r="D30872">
        <v>0</v>
      </c>
    </row>
    <row r="30873" spans="1:4" x14ac:dyDescent="0.25">
      <c r="A30873" t="s">
        <v>46356</v>
      </c>
      <c r="B30873" t="s">
        <v>46357</v>
      </c>
      <c r="C30873">
        <v>1</v>
      </c>
      <c r="D30873">
        <v>0</v>
      </c>
    </row>
    <row r="30874" spans="1:4" x14ac:dyDescent="0.25">
      <c r="A30874" t="s">
        <v>46356</v>
      </c>
      <c r="B30874" t="s">
        <v>46358</v>
      </c>
      <c r="C30874">
        <v>1</v>
      </c>
      <c r="D30874">
        <v>0</v>
      </c>
    </row>
    <row r="30875" spans="1:4" x14ac:dyDescent="0.25">
      <c r="A30875" t="s">
        <v>46359</v>
      </c>
      <c r="B30875" t="s">
        <v>46360</v>
      </c>
      <c r="C30875">
        <v>1</v>
      </c>
      <c r="D30875">
        <v>0</v>
      </c>
    </row>
    <row r="30876" spans="1:4" x14ac:dyDescent="0.25">
      <c r="A30876" t="s">
        <v>46359</v>
      </c>
      <c r="B30876" t="s">
        <v>46361</v>
      </c>
      <c r="C30876">
        <v>1</v>
      </c>
      <c r="D30876">
        <v>0</v>
      </c>
    </row>
    <row r="30877" spans="1:4" x14ac:dyDescent="0.25">
      <c r="A30877" t="s">
        <v>46359</v>
      </c>
      <c r="B30877" t="s">
        <v>46362</v>
      </c>
      <c r="C30877">
        <v>1</v>
      </c>
      <c r="D30877">
        <v>0</v>
      </c>
    </row>
    <row r="30878" spans="1:4" x14ac:dyDescent="0.25">
      <c r="A30878" t="s">
        <v>46363</v>
      </c>
      <c r="B30878" t="s">
        <v>46364</v>
      </c>
      <c r="C30878">
        <v>1</v>
      </c>
      <c r="D30878">
        <v>0</v>
      </c>
    </row>
    <row r="30879" spans="1:4" x14ac:dyDescent="0.25">
      <c r="A30879" t="s">
        <v>46363</v>
      </c>
      <c r="B30879" t="s">
        <v>46365</v>
      </c>
      <c r="C30879">
        <v>1</v>
      </c>
      <c r="D30879">
        <v>0</v>
      </c>
    </row>
    <row r="30880" spans="1:4" x14ac:dyDescent="0.25">
      <c r="A30880" t="s">
        <v>46366</v>
      </c>
      <c r="B30880" t="s">
        <v>46367</v>
      </c>
      <c r="C30880">
        <v>1</v>
      </c>
      <c r="D30880">
        <v>0</v>
      </c>
    </row>
    <row r="30881" spans="1:4" x14ac:dyDescent="0.25">
      <c r="A30881" t="s">
        <v>46366</v>
      </c>
      <c r="B30881" t="s">
        <v>25389</v>
      </c>
      <c r="C30881">
        <v>1</v>
      </c>
      <c r="D30881">
        <v>0</v>
      </c>
    </row>
    <row r="30882" spans="1:4" x14ac:dyDescent="0.25">
      <c r="A30882" t="s">
        <v>46368</v>
      </c>
      <c r="B30882" t="s">
        <v>11948</v>
      </c>
      <c r="C30882">
        <v>0</v>
      </c>
      <c r="D30882">
        <v>0</v>
      </c>
    </row>
    <row r="30883" spans="1:4" x14ac:dyDescent="0.25">
      <c r="A30883" t="s">
        <v>46368</v>
      </c>
      <c r="B30883" t="s">
        <v>46369</v>
      </c>
      <c r="C30883">
        <v>0</v>
      </c>
      <c r="D30883">
        <v>0</v>
      </c>
    </row>
    <row r="30884" spans="1:4" x14ac:dyDescent="0.25">
      <c r="A30884" t="s">
        <v>46370</v>
      </c>
      <c r="B30884" t="s">
        <v>46371</v>
      </c>
      <c r="C30884">
        <v>0</v>
      </c>
      <c r="D30884">
        <v>0</v>
      </c>
    </row>
    <row r="30885" spans="1:4" x14ac:dyDescent="0.25">
      <c r="A30885" t="s">
        <v>46372</v>
      </c>
      <c r="B30885" t="s">
        <v>46373</v>
      </c>
      <c r="C30885">
        <v>0</v>
      </c>
      <c r="D30885">
        <v>0</v>
      </c>
    </row>
    <row r="30886" spans="1:4" x14ac:dyDescent="0.25">
      <c r="A30886" t="s">
        <v>46372</v>
      </c>
      <c r="B30886" t="s">
        <v>46374</v>
      </c>
      <c r="C30886">
        <v>0</v>
      </c>
      <c r="D30886">
        <v>0</v>
      </c>
    </row>
    <row r="30887" spans="1:4" x14ac:dyDescent="0.25">
      <c r="A30887" t="s">
        <v>46375</v>
      </c>
      <c r="B30887" t="s">
        <v>46376</v>
      </c>
      <c r="C30887">
        <v>1</v>
      </c>
      <c r="D30887">
        <v>0</v>
      </c>
    </row>
    <row r="30888" spans="1:4" x14ac:dyDescent="0.25">
      <c r="A30888" t="s">
        <v>46375</v>
      </c>
      <c r="B30888" t="s">
        <v>6837</v>
      </c>
      <c r="C30888">
        <v>0</v>
      </c>
      <c r="D30888">
        <v>0</v>
      </c>
    </row>
    <row r="30889" spans="1:4" x14ac:dyDescent="0.25">
      <c r="A30889" t="s">
        <v>46375</v>
      </c>
      <c r="B30889" t="s">
        <v>46377</v>
      </c>
      <c r="C30889">
        <v>1</v>
      </c>
      <c r="D30889">
        <v>0</v>
      </c>
    </row>
    <row r="30890" spans="1:4" x14ac:dyDescent="0.25">
      <c r="A30890" t="s">
        <v>46375</v>
      </c>
      <c r="B30890" t="s">
        <v>46378</v>
      </c>
      <c r="C30890">
        <v>0</v>
      </c>
      <c r="D30890">
        <v>0</v>
      </c>
    </row>
    <row r="30891" spans="1:4" x14ac:dyDescent="0.25">
      <c r="A30891" t="s">
        <v>46379</v>
      </c>
      <c r="B30891" t="s">
        <v>46380</v>
      </c>
      <c r="C30891">
        <v>1</v>
      </c>
      <c r="D30891">
        <v>0</v>
      </c>
    </row>
    <row r="30892" spans="1:4" x14ac:dyDescent="0.25">
      <c r="A30892" t="s">
        <v>46379</v>
      </c>
      <c r="B30892" t="s">
        <v>5537</v>
      </c>
      <c r="C30892">
        <v>1</v>
      </c>
      <c r="D30892">
        <v>0</v>
      </c>
    </row>
    <row r="30893" spans="1:4" x14ac:dyDescent="0.25">
      <c r="A30893" t="s">
        <v>46379</v>
      </c>
      <c r="B30893" t="s">
        <v>46381</v>
      </c>
      <c r="C30893">
        <v>0</v>
      </c>
      <c r="D30893">
        <v>0</v>
      </c>
    </row>
    <row r="30894" spans="1:4" x14ac:dyDescent="0.25">
      <c r="A30894" t="s">
        <v>46379</v>
      </c>
      <c r="B30894" t="s">
        <v>46382</v>
      </c>
      <c r="C30894">
        <v>1</v>
      </c>
      <c r="D30894">
        <v>0</v>
      </c>
    </row>
    <row r="30895" spans="1:4" x14ac:dyDescent="0.25">
      <c r="A30895" t="s">
        <v>46379</v>
      </c>
      <c r="B30895" t="s">
        <v>42737</v>
      </c>
      <c r="C30895">
        <v>1</v>
      </c>
      <c r="D30895">
        <v>0</v>
      </c>
    </row>
    <row r="30896" spans="1:4" x14ac:dyDescent="0.25">
      <c r="A30896" t="s">
        <v>46379</v>
      </c>
      <c r="B30896" t="s">
        <v>46383</v>
      </c>
      <c r="C30896">
        <v>2</v>
      </c>
      <c r="D30896">
        <v>0</v>
      </c>
    </row>
    <row r="30897" spans="1:4" x14ac:dyDescent="0.25">
      <c r="A30897" t="s">
        <v>46384</v>
      </c>
      <c r="B30897" t="s">
        <v>46385</v>
      </c>
      <c r="C30897">
        <v>1</v>
      </c>
      <c r="D30897">
        <v>0</v>
      </c>
    </row>
    <row r="30898" spans="1:4" x14ac:dyDescent="0.25">
      <c r="A30898" t="s">
        <v>46384</v>
      </c>
      <c r="B30898" t="s">
        <v>46386</v>
      </c>
      <c r="C30898">
        <v>0</v>
      </c>
      <c r="D30898">
        <v>0</v>
      </c>
    </row>
    <row r="30899" spans="1:4" x14ac:dyDescent="0.25">
      <c r="A30899" t="s">
        <v>46384</v>
      </c>
      <c r="B30899" t="s">
        <v>46387</v>
      </c>
      <c r="C30899">
        <v>2</v>
      </c>
      <c r="D30899">
        <v>0</v>
      </c>
    </row>
    <row r="30900" spans="1:4" x14ac:dyDescent="0.25">
      <c r="A30900" t="s">
        <v>46384</v>
      </c>
      <c r="B30900" t="s">
        <v>46388</v>
      </c>
      <c r="C30900">
        <v>2</v>
      </c>
      <c r="D30900">
        <v>0</v>
      </c>
    </row>
    <row r="30901" spans="1:4" x14ac:dyDescent="0.25">
      <c r="A30901" t="s">
        <v>46384</v>
      </c>
      <c r="B30901" t="s">
        <v>46389</v>
      </c>
      <c r="C30901">
        <v>1</v>
      </c>
      <c r="D30901">
        <v>0</v>
      </c>
    </row>
    <row r="30902" spans="1:4" x14ac:dyDescent="0.25">
      <c r="A30902" t="s">
        <v>46384</v>
      </c>
      <c r="B30902" t="s">
        <v>46390</v>
      </c>
      <c r="C30902">
        <v>2</v>
      </c>
      <c r="D30902">
        <v>0</v>
      </c>
    </row>
    <row r="30903" spans="1:4" x14ac:dyDescent="0.25">
      <c r="A30903" t="s">
        <v>46384</v>
      </c>
      <c r="B30903" t="s">
        <v>46391</v>
      </c>
      <c r="C30903">
        <v>1</v>
      </c>
      <c r="D30903">
        <v>0</v>
      </c>
    </row>
    <row r="30904" spans="1:4" x14ac:dyDescent="0.25">
      <c r="A30904" t="s">
        <v>46392</v>
      </c>
      <c r="B30904" t="s">
        <v>1001</v>
      </c>
      <c r="C30904">
        <v>1</v>
      </c>
      <c r="D30904">
        <v>0</v>
      </c>
    </row>
    <row r="30905" spans="1:4" x14ac:dyDescent="0.25">
      <c r="A30905" t="s">
        <v>46392</v>
      </c>
      <c r="B30905" t="s">
        <v>5434</v>
      </c>
      <c r="C30905">
        <v>1</v>
      </c>
      <c r="D30905">
        <v>0</v>
      </c>
    </row>
    <row r="30906" spans="1:4" x14ac:dyDescent="0.25">
      <c r="A30906" t="s">
        <v>46393</v>
      </c>
      <c r="B30906" t="s">
        <v>46394</v>
      </c>
      <c r="C30906">
        <v>0</v>
      </c>
      <c r="D30906">
        <v>0</v>
      </c>
    </row>
    <row r="30907" spans="1:4" x14ac:dyDescent="0.25">
      <c r="A30907" t="s">
        <v>46393</v>
      </c>
      <c r="B30907" t="s">
        <v>35545</v>
      </c>
      <c r="C30907">
        <v>1</v>
      </c>
      <c r="D30907">
        <v>0</v>
      </c>
    </row>
    <row r="30908" spans="1:4" x14ac:dyDescent="0.25">
      <c r="A30908" t="s">
        <v>46393</v>
      </c>
      <c r="B30908" t="s">
        <v>46395</v>
      </c>
      <c r="C30908">
        <v>0</v>
      </c>
      <c r="D30908">
        <v>0</v>
      </c>
    </row>
    <row r="30909" spans="1:4" x14ac:dyDescent="0.25">
      <c r="A30909" t="s">
        <v>46393</v>
      </c>
      <c r="B30909" t="s">
        <v>46396</v>
      </c>
      <c r="C30909">
        <v>0</v>
      </c>
      <c r="D30909">
        <v>0</v>
      </c>
    </row>
    <row r="30910" spans="1:4" x14ac:dyDescent="0.25">
      <c r="A30910" t="s">
        <v>46393</v>
      </c>
      <c r="B30910" t="s">
        <v>46397</v>
      </c>
      <c r="C30910">
        <v>1</v>
      </c>
      <c r="D30910">
        <v>0</v>
      </c>
    </row>
    <row r="30911" spans="1:4" x14ac:dyDescent="0.25">
      <c r="A30911" t="s">
        <v>46393</v>
      </c>
      <c r="B30911" t="s">
        <v>46398</v>
      </c>
      <c r="C30911">
        <v>1</v>
      </c>
      <c r="D30911">
        <v>0</v>
      </c>
    </row>
    <row r="30912" spans="1:4" x14ac:dyDescent="0.25">
      <c r="A30912" t="s">
        <v>46399</v>
      </c>
      <c r="B30912" t="s">
        <v>46400</v>
      </c>
      <c r="C30912">
        <v>1</v>
      </c>
      <c r="D30912">
        <v>0</v>
      </c>
    </row>
    <row r="30913" spans="1:4" x14ac:dyDescent="0.25">
      <c r="A30913" t="s">
        <v>46399</v>
      </c>
      <c r="B30913" t="s">
        <v>46401</v>
      </c>
      <c r="C30913">
        <v>2</v>
      </c>
      <c r="D30913">
        <v>0</v>
      </c>
    </row>
    <row r="30914" spans="1:4" x14ac:dyDescent="0.25">
      <c r="A30914" t="s">
        <v>46399</v>
      </c>
      <c r="B30914" t="s">
        <v>46402</v>
      </c>
      <c r="C30914">
        <v>0</v>
      </c>
      <c r="D30914">
        <v>0</v>
      </c>
    </row>
    <row r="30915" spans="1:4" x14ac:dyDescent="0.25">
      <c r="A30915" t="s">
        <v>46399</v>
      </c>
      <c r="B30915" t="s">
        <v>46403</v>
      </c>
      <c r="C30915">
        <v>1</v>
      </c>
      <c r="D30915">
        <v>0</v>
      </c>
    </row>
    <row r="30916" spans="1:4" x14ac:dyDescent="0.25">
      <c r="A30916" t="s">
        <v>46399</v>
      </c>
      <c r="B30916" t="s">
        <v>46404</v>
      </c>
      <c r="C30916">
        <v>2</v>
      </c>
      <c r="D30916">
        <v>0</v>
      </c>
    </row>
    <row r="30917" spans="1:4" x14ac:dyDescent="0.25">
      <c r="A30917" t="s">
        <v>46405</v>
      </c>
      <c r="B30917" t="s">
        <v>46406</v>
      </c>
      <c r="C30917">
        <v>1</v>
      </c>
      <c r="D30917">
        <v>0</v>
      </c>
    </row>
    <row r="30918" spans="1:4" x14ac:dyDescent="0.25">
      <c r="A30918" t="s">
        <v>46405</v>
      </c>
      <c r="B30918" t="s">
        <v>46407</v>
      </c>
      <c r="C30918">
        <v>0</v>
      </c>
      <c r="D30918">
        <v>0</v>
      </c>
    </row>
    <row r="30919" spans="1:4" x14ac:dyDescent="0.25">
      <c r="A30919" t="s">
        <v>46405</v>
      </c>
      <c r="B30919" t="s">
        <v>6967</v>
      </c>
      <c r="C30919">
        <v>0</v>
      </c>
      <c r="D30919">
        <v>0</v>
      </c>
    </row>
    <row r="30920" spans="1:4" x14ac:dyDescent="0.25">
      <c r="A30920" t="s">
        <v>46405</v>
      </c>
      <c r="B30920" t="s">
        <v>46408</v>
      </c>
      <c r="C30920">
        <v>1</v>
      </c>
      <c r="D30920">
        <v>0</v>
      </c>
    </row>
    <row r="30921" spans="1:4" x14ac:dyDescent="0.25">
      <c r="A30921" t="s">
        <v>46409</v>
      </c>
      <c r="B30921" t="s">
        <v>46410</v>
      </c>
      <c r="C30921">
        <v>1</v>
      </c>
      <c r="D30921">
        <v>0</v>
      </c>
    </row>
    <row r="30922" spans="1:4" x14ac:dyDescent="0.25">
      <c r="A30922" t="s">
        <v>46409</v>
      </c>
      <c r="B30922" t="s">
        <v>46411</v>
      </c>
      <c r="C30922">
        <v>2</v>
      </c>
      <c r="D30922">
        <v>0</v>
      </c>
    </row>
    <row r="30923" spans="1:4" x14ac:dyDescent="0.25">
      <c r="A30923" t="s">
        <v>46409</v>
      </c>
      <c r="B30923" t="s">
        <v>46412</v>
      </c>
      <c r="C30923">
        <v>1</v>
      </c>
      <c r="D30923">
        <v>0</v>
      </c>
    </row>
    <row r="30924" spans="1:4" x14ac:dyDescent="0.25">
      <c r="A30924" t="s">
        <v>46409</v>
      </c>
      <c r="B30924" t="s">
        <v>46413</v>
      </c>
      <c r="C30924">
        <v>2</v>
      </c>
      <c r="D30924">
        <v>0</v>
      </c>
    </row>
    <row r="30925" spans="1:4" x14ac:dyDescent="0.25">
      <c r="A30925" t="s">
        <v>46414</v>
      </c>
      <c r="B30925" t="s">
        <v>46415</v>
      </c>
      <c r="C30925">
        <v>1</v>
      </c>
      <c r="D30925">
        <v>0</v>
      </c>
    </row>
    <row r="30926" spans="1:4" x14ac:dyDescent="0.25">
      <c r="A30926" t="s">
        <v>46414</v>
      </c>
      <c r="B30926" t="s">
        <v>46416</v>
      </c>
      <c r="C30926">
        <v>1</v>
      </c>
      <c r="D30926">
        <v>0</v>
      </c>
    </row>
    <row r="30927" spans="1:4" x14ac:dyDescent="0.25">
      <c r="A30927" t="s">
        <v>46414</v>
      </c>
      <c r="B30927" t="s">
        <v>46417</v>
      </c>
      <c r="C30927">
        <v>0</v>
      </c>
      <c r="D30927">
        <v>0</v>
      </c>
    </row>
    <row r="30928" spans="1:4" x14ac:dyDescent="0.25">
      <c r="A30928" t="s">
        <v>46418</v>
      </c>
      <c r="B30928" t="s">
        <v>46419</v>
      </c>
      <c r="C30928">
        <v>1</v>
      </c>
      <c r="D30928">
        <v>0</v>
      </c>
    </row>
    <row r="30929" spans="1:4" x14ac:dyDescent="0.25">
      <c r="A30929" t="s">
        <v>46418</v>
      </c>
      <c r="B30929" t="s">
        <v>46420</v>
      </c>
      <c r="C30929">
        <v>1</v>
      </c>
      <c r="D30929">
        <v>0</v>
      </c>
    </row>
    <row r="30930" spans="1:4" x14ac:dyDescent="0.25">
      <c r="A30930" t="s">
        <v>46418</v>
      </c>
      <c r="B30930" t="s">
        <v>46421</v>
      </c>
      <c r="C30930">
        <v>1</v>
      </c>
      <c r="D30930">
        <v>0</v>
      </c>
    </row>
    <row r="30931" spans="1:4" x14ac:dyDescent="0.25">
      <c r="A30931" t="s">
        <v>46418</v>
      </c>
      <c r="B30931" t="s">
        <v>18039</v>
      </c>
      <c r="C30931">
        <v>1</v>
      </c>
      <c r="D30931">
        <v>0</v>
      </c>
    </row>
    <row r="30932" spans="1:4" x14ac:dyDescent="0.25">
      <c r="A30932" t="s">
        <v>46422</v>
      </c>
      <c r="B30932" t="s">
        <v>46423</v>
      </c>
      <c r="C30932">
        <v>1</v>
      </c>
      <c r="D30932">
        <v>0</v>
      </c>
    </row>
    <row r="30933" spans="1:4" x14ac:dyDescent="0.25">
      <c r="A30933" t="s">
        <v>46422</v>
      </c>
      <c r="B30933" t="s">
        <v>46424</v>
      </c>
      <c r="C30933">
        <v>1</v>
      </c>
      <c r="D30933">
        <v>0</v>
      </c>
    </row>
    <row r="30934" spans="1:4" x14ac:dyDescent="0.25">
      <c r="A30934" t="s">
        <v>46422</v>
      </c>
      <c r="B30934" t="s">
        <v>46425</v>
      </c>
      <c r="C30934">
        <v>2</v>
      </c>
      <c r="D30934">
        <v>0</v>
      </c>
    </row>
    <row r="30935" spans="1:4" x14ac:dyDescent="0.25">
      <c r="A30935" t="s">
        <v>46422</v>
      </c>
      <c r="B30935" t="s">
        <v>46426</v>
      </c>
      <c r="C30935">
        <v>1</v>
      </c>
      <c r="D30935">
        <v>0</v>
      </c>
    </row>
    <row r="30936" spans="1:4" x14ac:dyDescent="0.25">
      <c r="A30936" t="s">
        <v>46427</v>
      </c>
      <c r="B30936" t="s">
        <v>46428</v>
      </c>
      <c r="C30936">
        <v>1</v>
      </c>
      <c r="D30936">
        <v>0</v>
      </c>
    </row>
    <row r="30937" spans="1:4" x14ac:dyDescent="0.25">
      <c r="A30937" t="s">
        <v>46427</v>
      </c>
      <c r="B30937" t="s">
        <v>46429</v>
      </c>
      <c r="C30937">
        <v>2</v>
      </c>
      <c r="D30937">
        <v>0</v>
      </c>
    </row>
    <row r="30938" spans="1:4" x14ac:dyDescent="0.25">
      <c r="A30938" t="s">
        <v>46427</v>
      </c>
      <c r="B30938" t="s">
        <v>46430</v>
      </c>
      <c r="C30938">
        <v>1</v>
      </c>
      <c r="D30938">
        <v>0</v>
      </c>
    </row>
    <row r="30939" spans="1:4" x14ac:dyDescent="0.25">
      <c r="A30939" t="s">
        <v>46427</v>
      </c>
      <c r="B30939" t="s">
        <v>46431</v>
      </c>
      <c r="C30939">
        <v>1</v>
      </c>
      <c r="D30939">
        <v>0</v>
      </c>
    </row>
    <row r="30940" spans="1:4" x14ac:dyDescent="0.25">
      <c r="A30940" t="s">
        <v>46427</v>
      </c>
      <c r="B30940" t="s">
        <v>46432</v>
      </c>
      <c r="C30940">
        <v>1</v>
      </c>
      <c r="D30940">
        <v>0</v>
      </c>
    </row>
    <row r="30941" spans="1:4" x14ac:dyDescent="0.25">
      <c r="A30941" t="s">
        <v>46427</v>
      </c>
      <c r="B30941" t="s">
        <v>46433</v>
      </c>
      <c r="C30941">
        <v>0</v>
      </c>
      <c r="D30941">
        <v>0</v>
      </c>
    </row>
    <row r="30942" spans="1:4" x14ac:dyDescent="0.25">
      <c r="A30942" t="s">
        <v>46427</v>
      </c>
      <c r="B30942" t="s">
        <v>46434</v>
      </c>
      <c r="C30942">
        <v>2</v>
      </c>
      <c r="D30942">
        <v>0</v>
      </c>
    </row>
    <row r="30943" spans="1:4" x14ac:dyDescent="0.25">
      <c r="A30943" t="s">
        <v>46435</v>
      </c>
      <c r="B30943" t="s">
        <v>46436</v>
      </c>
      <c r="C30943">
        <v>1</v>
      </c>
      <c r="D30943">
        <v>0</v>
      </c>
    </row>
    <row r="30944" spans="1:4" x14ac:dyDescent="0.25">
      <c r="A30944" t="s">
        <v>46435</v>
      </c>
      <c r="B30944" t="s">
        <v>46437</v>
      </c>
      <c r="C30944">
        <v>1</v>
      </c>
      <c r="D30944">
        <v>0</v>
      </c>
    </row>
    <row r="30945" spans="1:4" x14ac:dyDescent="0.25">
      <c r="A30945" t="s">
        <v>46435</v>
      </c>
      <c r="B30945" t="s">
        <v>46438</v>
      </c>
      <c r="C30945">
        <v>0</v>
      </c>
      <c r="D30945">
        <v>0</v>
      </c>
    </row>
    <row r="30946" spans="1:4" x14ac:dyDescent="0.25">
      <c r="A30946" t="s">
        <v>46435</v>
      </c>
      <c r="B30946" t="s">
        <v>46439</v>
      </c>
      <c r="C30946">
        <v>1</v>
      </c>
      <c r="D30946">
        <v>0</v>
      </c>
    </row>
    <row r="30947" spans="1:4" x14ac:dyDescent="0.25">
      <c r="A30947" t="s">
        <v>46435</v>
      </c>
      <c r="B30947" t="s">
        <v>46440</v>
      </c>
      <c r="C30947">
        <v>1</v>
      </c>
      <c r="D30947">
        <v>0</v>
      </c>
    </row>
    <row r="30948" spans="1:4" x14ac:dyDescent="0.25">
      <c r="A30948" t="s">
        <v>46435</v>
      </c>
      <c r="B30948" t="s">
        <v>46441</v>
      </c>
      <c r="C30948">
        <v>1</v>
      </c>
      <c r="D30948">
        <v>0</v>
      </c>
    </row>
    <row r="30949" spans="1:4" x14ac:dyDescent="0.25">
      <c r="A30949" t="s">
        <v>46435</v>
      </c>
      <c r="B30949" t="s">
        <v>22326</v>
      </c>
      <c r="C30949">
        <v>1</v>
      </c>
      <c r="D30949">
        <v>0</v>
      </c>
    </row>
    <row r="30950" spans="1:4" x14ac:dyDescent="0.25">
      <c r="A30950" t="s">
        <v>46442</v>
      </c>
      <c r="B30950" t="s">
        <v>46443</v>
      </c>
      <c r="C30950">
        <v>2</v>
      </c>
      <c r="D30950">
        <v>0</v>
      </c>
    </row>
    <row r="30951" spans="1:4" x14ac:dyDescent="0.25">
      <c r="A30951" t="s">
        <v>46442</v>
      </c>
      <c r="B30951" t="s">
        <v>46444</v>
      </c>
      <c r="C30951">
        <v>2</v>
      </c>
      <c r="D30951">
        <v>0</v>
      </c>
    </row>
    <row r="30952" spans="1:4" x14ac:dyDescent="0.25">
      <c r="A30952" t="s">
        <v>46445</v>
      </c>
      <c r="B30952" t="s">
        <v>46446</v>
      </c>
      <c r="C30952">
        <v>1</v>
      </c>
      <c r="D30952">
        <v>0</v>
      </c>
    </row>
    <row r="30953" spans="1:4" x14ac:dyDescent="0.25">
      <c r="A30953" t="s">
        <v>46445</v>
      </c>
      <c r="B30953" t="s">
        <v>46447</v>
      </c>
      <c r="C30953">
        <v>1</v>
      </c>
      <c r="D30953">
        <v>0</v>
      </c>
    </row>
    <row r="30954" spans="1:4" x14ac:dyDescent="0.25">
      <c r="A30954" t="s">
        <v>46445</v>
      </c>
      <c r="B30954" t="s">
        <v>46448</v>
      </c>
      <c r="C30954">
        <v>1</v>
      </c>
      <c r="D30954">
        <v>0</v>
      </c>
    </row>
    <row r="30955" spans="1:4" x14ac:dyDescent="0.25">
      <c r="A30955" t="s">
        <v>46445</v>
      </c>
      <c r="B30955" t="s">
        <v>46449</v>
      </c>
      <c r="C30955">
        <v>1</v>
      </c>
      <c r="D30955">
        <v>0</v>
      </c>
    </row>
    <row r="30956" spans="1:4" x14ac:dyDescent="0.25">
      <c r="A30956" t="s">
        <v>46450</v>
      </c>
      <c r="B30956" t="s">
        <v>46451</v>
      </c>
      <c r="C30956">
        <v>0</v>
      </c>
      <c r="D30956">
        <v>0</v>
      </c>
    </row>
    <row r="30957" spans="1:4" x14ac:dyDescent="0.25">
      <c r="A30957" t="s">
        <v>46450</v>
      </c>
      <c r="B30957" t="s">
        <v>46452</v>
      </c>
      <c r="C30957">
        <v>1</v>
      </c>
      <c r="D30957">
        <v>0</v>
      </c>
    </row>
    <row r="30958" spans="1:4" x14ac:dyDescent="0.25">
      <c r="A30958" t="s">
        <v>46450</v>
      </c>
      <c r="B30958" t="s">
        <v>46453</v>
      </c>
      <c r="C30958">
        <v>1</v>
      </c>
      <c r="D30958">
        <v>0</v>
      </c>
    </row>
    <row r="30959" spans="1:4" x14ac:dyDescent="0.25">
      <c r="A30959" t="s">
        <v>46450</v>
      </c>
      <c r="B30959" t="s">
        <v>46454</v>
      </c>
      <c r="C30959">
        <v>0</v>
      </c>
      <c r="D30959">
        <v>0</v>
      </c>
    </row>
    <row r="30960" spans="1:4" x14ac:dyDescent="0.25">
      <c r="A30960" t="s">
        <v>46450</v>
      </c>
      <c r="B30960" t="s">
        <v>46455</v>
      </c>
      <c r="C30960">
        <v>1</v>
      </c>
      <c r="D30960">
        <v>0</v>
      </c>
    </row>
    <row r="30961" spans="1:4" x14ac:dyDescent="0.25">
      <c r="A30961" t="s">
        <v>46450</v>
      </c>
      <c r="B30961" t="s">
        <v>46456</v>
      </c>
      <c r="C30961">
        <v>0</v>
      </c>
      <c r="D30961">
        <v>0</v>
      </c>
    </row>
    <row r="30962" spans="1:4" x14ac:dyDescent="0.25">
      <c r="A30962" t="s">
        <v>46457</v>
      </c>
      <c r="B30962" t="s">
        <v>46458</v>
      </c>
      <c r="C30962">
        <v>1</v>
      </c>
      <c r="D30962">
        <v>0</v>
      </c>
    </row>
    <row r="30963" spans="1:4" x14ac:dyDescent="0.25">
      <c r="A30963" t="s">
        <v>46457</v>
      </c>
      <c r="B30963" t="s">
        <v>46459</v>
      </c>
      <c r="C30963">
        <v>0</v>
      </c>
      <c r="D30963">
        <v>0</v>
      </c>
    </row>
    <row r="30964" spans="1:4" x14ac:dyDescent="0.25">
      <c r="A30964" t="s">
        <v>46457</v>
      </c>
      <c r="B30964" t="s">
        <v>46460</v>
      </c>
      <c r="C30964">
        <v>1</v>
      </c>
      <c r="D30964">
        <v>0</v>
      </c>
    </row>
    <row r="30965" spans="1:4" x14ac:dyDescent="0.25">
      <c r="A30965" t="s">
        <v>46457</v>
      </c>
      <c r="B30965" t="s">
        <v>46461</v>
      </c>
      <c r="C30965">
        <v>0</v>
      </c>
      <c r="D30965">
        <v>0</v>
      </c>
    </row>
    <row r="30966" spans="1:4" x14ac:dyDescent="0.25">
      <c r="A30966" t="s">
        <v>46457</v>
      </c>
      <c r="B30966" t="s">
        <v>46462</v>
      </c>
      <c r="C30966">
        <v>1</v>
      </c>
      <c r="D30966">
        <v>0</v>
      </c>
    </row>
    <row r="30967" spans="1:4" x14ac:dyDescent="0.25">
      <c r="A30967" t="s">
        <v>46457</v>
      </c>
      <c r="B30967" t="s">
        <v>46463</v>
      </c>
      <c r="C30967">
        <v>0</v>
      </c>
      <c r="D30967">
        <v>0</v>
      </c>
    </row>
    <row r="30968" spans="1:4" x14ac:dyDescent="0.25">
      <c r="A30968" t="s">
        <v>46457</v>
      </c>
      <c r="B30968" t="s">
        <v>46464</v>
      </c>
      <c r="C30968">
        <v>0</v>
      </c>
      <c r="D30968">
        <v>0</v>
      </c>
    </row>
    <row r="30969" spans="1:4" x14ac:dyDescent="0.25">
      <c r="A30969" t="s">
        <v>46465</v>
      </c>
      <c r="B30969" t="s">
        <v>46466</v>
      </c>
      <c r="C30969">
        <v>1</v>
      </c>
      <c r="D30969">
        <v>0</v>
      </c>
    </row>
    <row r="30970" spans="1:4" x14ac:dyDescent="0.25">
      <c r="A30970" t="s">
        <v>46465</v>
      </c>
      <c r="B30970" t="s">
        <v>46467</v>
      </c>
      <c r="C30970">
        <v>1</v>
      </c>
      <c r="D30970">
        <v>0</v>
      </c>
    </row>
    <row r="30971" spans="1:4" x14ac:dyDescent="0.25">
      <c r="A30971" t="s">
        <v>46465</v>
      </c>
      <c r="B30971" t="s">
        <v>46468</v>
      </c>
      <c r="C30971">
        <v>1</v>
      </c>
      <c r="D30971">
        <v>0</v>
      </c>
    </row>
    <row r="30972" spans="1:4" x14ac:dyDescent="0.25">
      <c r="A30972" t="s">
        <v>46465</v>
      </c>
      <c r="B30972" t="s">
        <v>46469</v>
      </c>
      <c r="C30972">
        <v>1</v>
      </c>
      <c r="D30972">
        <v>0</v>
      </c>
    </row>
    <row r="30973" spans="1:4" x14ac:dyDescent="0.25">
      <c r="A30973" t="s">
        <v>46470</v>
      </c>
      <c r="B30973" t="s">
        <v>46471</v>
      </c>
      <c r="C30973">
        <v>0</v>
      </c>
      <c r="D30973">
        <v>0</v>
      </c>
    </row>
    <row r="30974" spans="1:4" x14ac:dyDescent="0.25">
      <c r="A30974" t="s">
        <v>46472</v>
      </c>
      <c r="B30974" t="s">
        <v>46473</v>
      </c>
      <c r="C30974">
        <v>1</v>
      </c>
      <c r="D30974">
        <v>0</v>
      </c>
    </row>
    <row r="30975" spans="1:4" x14ac:dyDescent="0.25">
      <c r="A30975" t="s">
        <v>46472</v>
      </c>
      <c r="B30975" t="s">
        <v>46474</v>
      </c>
      <c r="C30975">
        <v>0</v>
      </c>
      <c r="D30975">
        <v>0</v>
      </c>
    </row>
    <row r="30976" spans="1:4" x14ac:dyDescent="0.25">
      <c r="A30976" t="s">
        <v>46472</v>
      </c>
      <c r="B30976" t="s">
        <v>46475</v>
      </c>
      <c r="C30976">
        <v>1</v>
      </c>
      <c r="D30976">
        <v>0</v>
      </c>
    </row>
    <row r="30977" spans="1:4" x14ac:dyDescent="0.25">
      <c r="A30977" t="s">
        <v>46472</v>
      </c>
      <c r="B30977" t="s">
        <v>46476</v>
      </c>
      <c r="C30977">
        <v>1</v>
      </c>
      <c r="D30977">
        <v>0</v>
      </c>
    </row>
    <row r="30978" spans="1:4" x14ac:dyDescent="0.25">
      <c r="A30978" t="s">
        <v>46472</v>
      </c>
      <c r="B30978" t="s">
        <v>46477</v>
      </c>
      <c r="C30978">
        <v>1</v>
      </c>
      <c r="D30978">
        <v>0</v>
      </c>
    </row>
    <row r="30979" spans="1:4" x14ac:dyDescent="0.25">
      <c r="A30979" t="s">
        <v>46478</v>
      </c>
      <c r="B30979" t="s">
        <v>46479</v>
      </c>
      <c r="C30979">
        <v>0</v>
      </c>
      <c r="D30979">
        <v>0</v>
      </c>
    </row>
    <row r="30980" spans="1:4" x14ac:dyDescent="0.25">
      <c r="A30980" t="s">
        <v>46478</v>
      </c>
      <c r="B30980" t="s">
        <v>46480</v>
      </c>
      <c r="C30980">
        <v>1</v>
      </c>
      <c r="D30980">
        <v>0</v>
      </c>
    </row>
    <row r="30981" spans="1:4" x14ac:dyDescent="0.25">
      <c r="A30981" t="s">
        <v>46478</v>
      </c>
      <c r="B30981" t="s">
        <v>46481</v>
      </c>
      <c r="C30981">
        <v>0</v>
      </c>
      <c r="D30981">
        <v>0</v>
      </c>
    </row>
    <row r="30982" spans="1:4" x14ac:dyDescent="0.25">
      <c r="A30982" t="s">
        <v>46478</v>
      </c>
      <c r="B30982" t="s">
        <v>46482</v>
      </c>
      <c r="C30982">
        <v>0</v>
      </c>
      <c r="D30982">
        <v>0</v>
      </c>
    </row>
    <row r="30983" spans="1:4" x14ac:dyDescent="0.25">
      <c r="A30983" t="s">
        <v>46478</v>
      </c>
      <c r="B30983" t="s">
        <v>46483</v>
      </c>
      <c r="C30983">
        <v>1</v>
      </c>
      <c r="D30983">
        <v>0</v>
      </c>
    </row>
    <row r="30984" spans="1:4" x14ac:dyDescent="0.25">
      <c r="A30984" t="s">
        <v>46478</v>
      </c>
      <c r="B30984" t="s">
        <v>46484</v>
      </c>
      <c r="C30984">
        <v>0</v>
      </c>
      <c r="D30984">
        <v>0</v>
      </c>
    </row>
    <row r="30985" spans="1:4" x14ac:dyDescent="0.25">
      <c r="A30985" t="s">
        <v>46485</v>
      </c>
      <c r="B30985" t="s">
        <v>46486</v>
      </c>
      <c r="C30985">
        <v>1</v>
      </c>
      <c r="D30985">
        <v>0</v>
      </c>
    </row>
    <row r="30986" spans="1:4" x14ac:dyDescent="0.25">
      <c r="A30986" t="s">
        <v>46485</v>
      </c>
      <c r="B30986" t="s">
        <v>46487</v>
      </c>
      <c r="C30986">
        <v>2</v>
      </c>
      <c r="D30986">
        <v>0</v>
      </c>
    </row>
    <row r="30987" spans="1:4" x14ac:dyDescent="0.25">
      <c r="A30987" t="s">
        <v>46485</v>
      </c>
      <c r="B30987" t="s">
        <v>46488</v>
      </c>
      <c r="C30987">
        <v>2</v>
      </c>
      <c r="D30987">
        <v>0</v>
      </c>
    </row>
    <row r="30988" spans="1:4" x14ac:dyDescent="0.25">
      <c r="A30988" t="s">
        <v>46485</v>
      </c>
      <c r="B30988" t="s">
        <v>46489</v>
      </c>
      <c r="C30988">
        <v>1</v>
      </c>
      <c r="D30988">
        <v>0</v>
      </c>
    </row>
    <row r="30989" spans="1:4" x14ac:dyDescent="0.25">
      <c r="A30989" t="s">
        <v>46485</v>
      </c>
      <c r="B30989" t="s">
        <v>46490</v>
      </c>
      <c r="C30989">
        <v>1</v>
      </c>
      <c r="D30989">
        <v>0</v>
      </c>
    </row>
    <row r="30990" spans="1:4" x14ac:dyDescent="0.25">
      <c r="A30990" t="s">
        <v>46485</v>
      </c>
      <c r="B30990" t="s">
        <v>46491</v>
      </c>
      <c r="C30990">
        <v>1</v>
      </c>
      <c r="D30990">
        <v>0</v>
      </c>
    </row>
    <row r="30991" spans="1:4" x14ac:dyDescent="0.25">
      <c r="A30991" t="s">
        <v>46492</v>
      </c>
      <c r="B30991" t="s">
        <v>46493</v>
      </c>
      <c r="C30991">
        <v>0</v>
      </c>
      <c r="D30991">
        <v>0</v>
      </c>
    </row>
    <row r="30992" spans="1:4" x14ac:dyDescent="0.25">
      <c r="A30992" t="s">
        <v>46492</v>
      </c>
      <c r="B30992" t="s">
        <v>46494</v>
      </c>
      <c r="C30992">
        <v>0</v>
      </c>
      <c r="D30992">
        <v>0</v>
      </c>
    </row>
    <row r="30993" spans="1:4" x14ac:dyDescent="0.25">
      <c r="A30993" t="s">
        <v>46492</v>
      </c>
      <c r="B30993" t="s">
        <v>46495</v>
      </c>
      <c r="C30993">
        <v>1</v>
      </c>
      <c r="D30993">
        <v>0</v>
      </c>
    </row>
    <row r="30994" spans="1:4" x14ac:dyDescent="0.25">
      <c r="A30994" t="s">
        <v>46492</v>
      </c>
      <c r="B30994" t="s">
        <v>46496</v>
      </c>
      <c r="C30994">
        <v>0</v>
      </c>
      <c r="D30994">
        <v>0</v>
      </c>
    </row>
    <row r="30995" spans="1:4" x14ac:dyDescent="0.25">
      <c r="A30995" t="s">
        <v>46497</v>
      </c>
      <c r="B30995" t="s">
        <v>46498</v>
      </c>
      <c r="C30995">
        <v>1</v>
      </c>
      <c r="D30995">
        <v>0</v>
      </c>
    </row>
    <row r="30996" spans="1:4" x14ac:dyDescent="0.25">
      <c r="A30996" t="s">
        <v>46497</v>
      </c>
      <c r="B30996" t="s">
        <v>46499</v>
      </c>
      <c r="C30996">
        <v>2</v>
      </c>
      <c r="D30996">
        <v>0</v>
      </c>
    </row>
    <row r="30997" spans="1:4" x14ac:dyDescent="0.25">
      <c r="A30997" t="s">
        <v>46497</v>
      </c>
      <c r="B30997" t="s">
        <v>46500</v>
      </c>
      <c r="C30997">
        <v>1</v>
      </c>
      <c r="D30997">
        <v>0</v>
      </c>
    </row>
    <row r="30998" spans="1:4" x14ac:dyDescent="0.25">
      <c r="A30998" t="s">
        <v>46497</v>
      </c>
      <c r="B30998" t="s">
        <v>29146</v>
      </c>
      <c r="C30998">
        <v>1</v>
      </c>
      <c r="D30998">
        <v>0</v>
      </c>
    </row>
    <row r="30999" spans="1:4" x14ac:dyDescent="0.25">
      <c r="A30999" t="s">
        <v>46497</v>
      </c>
      <c r="B30999" t="s">
        <v>46501</v>
      </c>
      <c r="C30999">
        <v>1</v>
      </c>
      <c r="D30999">
        <v>0</v>
      </c>
    </row>
    <row r="31000" spans="1:4" x14ac:dyDescent="0.25">
      <c r="A31000" t="s">
        <v>46497</v>
      </c>
      <c r="B31000" t="s">
        <v>46502</v>
      </c>
      <c r="C31000">
        <v>1</v>
      </c>
      <c r="D31000">
        <v>0</v>
      </c>
    </row>
    <row r="31001" spans="1:4" x14ac:dyDescent="0.25">
      <c r="A31001" t="s">
        <v>46503</v>
      </c>
      <c r="B31001" t="s">
        <v>46504</v>
      </c>
      <c r="C31001">
        <v>0</v>
      </c>
      <c r="D31001">
        <v>0</v>
      </c>
    </row>
    <row r="31002" spans="1:4" x14ac:dyDescent="0.25">
      <c r="A31002" t="s">
        <v>46503</v>
      </c>
      <c r="B31002" t="s">
        <v>46505</v>
      </c>
      <c r="C31002">
        <v>0</v>
      </c>
      <c r="D31002">
        <v>0</v>
      </c>
    </row>
    <row r="31003" spans="1:4" x14ac:dyDescent="0.25">
      <c r="A31003" t="s">
        <v>46503</v>
      </c>
      <c r="B31003" t="s">
        <v>46506</v>
      </c>
      <c r="C31003">
        <v>2</v>
      </c>
      <c r="D31003">
        <v>0</v>
      </c>
    </row>
    <row r="31004" spans="1:4" x14ac:dyDescent="0.25">
      <c r="A31004" t="s">
        <v>46503</v>
      </c>
      <c r="B31004" t="s">
        <v>46507</v>
      </c>
      <c r="C31004">
        <v>1</v>
      </c>
      <c r="D31004">
        <v>0</v>
      </c>
    </row>
    <row r="31005" spans="1:4" x14ac:dyDescent="0.25">
      <c r="A31005" t="s">
        <v>46503</v>
      </c>
      <c r="B31005" t="s">
        <v>46508</v>
      </c>
      <c r="C31005">
        <v>1</v>
      </c>
      <c r="D31005">
        <v>0</v>
      </c>
    </row>
    <row r="31006" spans="1:4" x14ac:dyDescent="0.25">
      <c r="A31006" t="s">
        <v>46503</v>
      </c>
      <c r="B31006" t="s">
        <v>46509</v>
      </c>
      <c r="C31006">
        <v>1</v>
      </c>
      <c r="D31006">
        <v>0</v>
      </c>
    </row>
    <row r="31007" spans="1:4" x14ac:dyDescent="0.25">
      <c r="A31007" t="s">
        <v>46503</v>
      </c>
      <c r="B31007" t="s">
        <v>46510</v>
      </c>
      <c r="C31007">
        <v>1</v>
      </c>
      <c r="D31007">
        <v>0</v>
      </c>
    </row>
    <row r="31008" spans="1:4" x14ac:dyDescent="0.25">
      <c r="A31008" t="s">
        <v>46503</v>
      </c>
      <c r="B31008" t="s">
        <v>46511</v>
      </c>
      <c r="C31008">
        <v>2</v>
      </c>
      <c r="D31008">
        <v>0</v>
      </c>
    </row>
    <row r="31009" spans="1:4" x14ac:dyDescent="0.25">
      <c r="A31009" t="s">
        <v>46512</v>
      </c>
      <c r="B31009" t="s">
        <v>46513</v>
      </c>
      <c r="C31009">
        <v>0</v>
      </c>
      <c r="D31009">
        <v>0</v>
      </c>
    </row>
    <row r="31010" spans="1:4" x14ac:dyDescent="0.25">
      <c r="A31010" t="s">
        <v>46512</v>
      </c>
      <c r="B31010" t="s">
        <v>46514</v>
      </c>
      <c r="C31010">
        <v>0</v>
      </c>
      <c r="D31010">
        <v>0</v>
      </c>
    </row>
    <row r="31011" spans="1:4" x14ac:dyDescent="0.25">
      <c r="A31011" t="s">
        <v>46512</v>
      </c>
      <c r="B31011" t="s">
        <v>36853</v>
      </c>
      <c r="C31011">
        <v>1</v>
      </c>
      <c r="D31011">
        <v>0</v>
      </c>
    </row>
    <row r="31012" spans="1:4" x14ac:dyDescent="0.25">
      <c r="A31012" t="s">
        <v>46512</v>
      </c>
      <c r="B31012" t="s">
        <v>46515</v>
      </c>
      <c r="C31012">
        <v>2</v>
      </c>
      <c r="D31012">
        <v>0</v>
      </c>
    </row>
    <row r="31013" spans="1:4" x14ac:dyDescent="0.25">
      <c r="A31013" t="s">
        <v>46516</v>
      </c>
      <c r="B31013" t="s">
        <v>46517</v>
      </c>
      <c r="C31013">
        <v>1</v>
      </c>
      <c r="D31013">
        <v>0</v>
      </c>
    </row>
    <row r="31014" spans="1:4" x14ac:dyDescent="0.25">
      <c r="A31014" t="s">
        <v>46516</v>
      </c>
      <c r="B31014" t="s">
        <v>46518</v>
      </c>
      <c r="C31014">
        <v>1</v>
      </c>
      <c r="D31014">
        <v>0</v>
      </c>
    </row>
    <row r="31015" spans="1:4" x14ac:dyDescent="0.25">
      <c r="A31015" t="s">
        <v>46516</v>
      </c>
      <c r="B31015" t="s">
        <v>46519</v>
      </c>
      <c r="C31015">
        <v>1</v>
      </c>
      <c r="D31015">
        <v>0</v>
      </c>
    </row>
    <row r="31016" spans="1:4" x14ac:dyDescent="0.25">
      <c r="A31016" t="s">
        <v>46516</v>
      </c>
      <c r="B31016" t="s">
        <v>46520</v>
      </c>
      <c r="C31016">
        <v>1</v>
      </c>
      <c r="D31016">
        <v>0</v>
      </c>
    </row>
    <row r="31017" spans="1:4" x14ac:dyDescent="0.25">
      <c r="A31017" t="s">
        <v>46521</v>
      </c>
      <c r="B31017" t="s">
        <v>46522</v>
      </c>
      <c r="C31017">
        <v>1</v>
      </c>
      <c r="D31017">
        <v>0</v>
      </c>
    </row>
    <row r="31018" spans="1:4" x14ac:dyDescent="0.25">
      <c r="A31018" t="s">
        <v>46521</v>
      </c>
      <c r="B31018" t="s">
        <v>46523</v>
      </c>
      <c r="C31018">
        <v>1</v>
      </c>
      <c r="D31018">
        <v>0</v>
      </c>
    </row>
    <row r="31019" spans="1:4" x14ac:dyDescent="0.25">
      <c r="A31019" t="s">
        <v>46521</v>
      </c>
      <c r="B31019" t="s">
        <v>46524</v>
      </c>
      <c r="C31019">
        <v>0</v>
      </c>
      <c r="D31019">
        <v>0</v>
      </c>
    </row>
    <row r="31020" spans="1:4" x14ac:dyDescent="0.25">
      <c r="A31020" t="s">
        <v>46521</v>
      </c>
      <c r="B31020" t="s">
        <v>46525</v>
      </c>
      <c r="C31020">
        <v>1</v>
      </c>
      <c r="D31020">
        <v>0</v>
      </c>
    </row>
    <row r="31021" spans="1:4" x14ac:dyDescent="0.25">
      <c r="A31021" t="s">
        <v>46521</v>
      </c>
      <c r="B31021" t="s">
        <v>46526</v>
      </c>
      <c r="C31021">
        <v>1</v>
      </c>
      <c r="D31021">
        <v>0</v>
      </c>
    </row>
    <row r="31022" spans="1:4" x14ac:dyDescent="0.25">
      <c r="A31022" t="s">
        <v>46521</v>
      </c>
      <c r="B31022" t="s">
        <v>46527</v>
      </c>
      <c r="C31022">
        <v>0</v>
      </c>
      <c r="D31022">
        <v>0</v>
      </c>
    </row>
    <row r="31023" spans="1:4" x14ac:dyDescent="0.25">
      <c r="A31023" t="s">
        <v>46521</v>
      </c>
      <c r="B31023" t="s">
        <v>46528</v>
      </c>
      <c r="C31023">
        <v>2</v>
      </c>
      <c r="D31023">
        <v>0</v>
      </c>
    </row>
    <row r="31024" spans="1:4" x14ac:dyDescent="0.25">
      <c r="A31024" t="s">
        <v>46529</v>
      </c>
      <c r="B31024" t="s">
        <v>46530</v>
      </c>
      <c r="C31024">
        <v>0</v>
      </c>
      <c r="D31024">
        <v>0</v>
      </c>
    </row>
    <row r="31025" spans="1:4" x14ac:dyDescent="0.25">
      <c r="A31025" t="s">
        <v>46529</v>
      </c>
      <c r="B31025" t="s">
        <v>46531</v>
      </c>
      <c r="C31025">
        <v>1</v>
      </c>
      <c r="D31025">
        <v>0</v>
      </c>
    </row>
    <row r="31026" spans="1:4" x14ac:dyDescent="0.25">
      <c r="A31026" t="s">
        <v>46529</v>
      </c>
      <c r="B31026" t="s">
        <v>46532</v>
      </c>
      <c r="C31026">
        <v>0</v>
      </c>
      <c r="D31026">
        <v>0</v>
      </c>
    </row>
    <row r="31027" spans="1:4" x14ac:dyDescent="0.25">
      <c r="A31027" t="s">
        <v>46529</v>
      </c>
      <c r="B31027" t="s">
        <v>46533</v>
      </c>
      <c r="C31027">
        <v>0</v>
      </c>
      <c r="D31027">
        <v>0</v>
      </c>
    </row>
    <row r="31028" spans="1:4" x14ac:dyDescent="0.25">
      <c r="A31028" t="s">
        <v>46534</v>
      </c>
      <c r="B31028" t="s">
        <v>46535</v>
      </c>
      <c r="C31028">
        <v>1</v>
      </c>
      <c r="D31028">
        <v>0</v>
      </c>
    </row>
    <row r="31029" spans="1:4" x14ac:dyDescent="0.25">
      <c r="A31029" t="s">
        <v>46536</v>
      </c>
      <c r="B31029" t="s">
        <v>46537</v>
      </c>
      <c r="C31029">
        <v>0</v>
      </c>
      <c r="D31029">
        <v>0</v>
      </c>
    </row>
    <row r="31030" spans="1:4" x14ac:dyDescent="0.25">
      <c r="A31030" t="s">
        <v>46538</v>
      </c>
      <c r="B31030" t="s">
        <v>46539</v>
      </c>
      <c r="C31030">
        <v>1</v>
      </c>
      <c r="D31030">
        <v>0</v>
      </c>
    </row>
    <row r="31031" spans="1:4" x14ac:dyDescent="0.25">
      <c r="A31031" t="s">
        <v>46538</v>
      </c>
      <c r="B31031" t="s">
        <v>46540</v>
      </c>
      <c r="C31031">
        <v>1</v>
      </c>
      <c r="D31031">
        <v>0</v>
      </c>
    </row>
    <row r="31032" spans="1:4" x14ac:dyDescent="0.25">
      <c r="A31032" t="s">
        <v>46538</v>
      </c>
      <c r="B31032" t="s">
        <v>46541</v>
      </c>
      <c r="C31032">
        <v>1</v>
      </c>
      <c r="D31032">
        <v>0</v>
      </c>
    </row>
    <row r="31033" spans="1:4" x14ac:dyDescent="0.25">
      <c r="A31033" t="s">
        <v>46538</v>
      </c>
      <c r="B31033" t="s">
        <v>46542</v>
      </c>
      <c r="C31033">
        <v>1</v>
      </c>
      <c r="D31033">
        <v>0</v>
      </c>
    </row>
    <row r="31034" spans="1:4" x14ac:dyDescent="0.25">
      <c r="A31034" t="s">
        <v>46538</v>
      </c>
      <c r="B31034" t="s">
        <v>46543</v>
      </c>
      <c r="C31034">
        <v>2</v>
      </c>
      <c r="D31034">
        <v>0</v>
      </c>
    </row>
    <row r="31035" spans="1:4" x14ac:dyDescent="0.25">
      <c r="A31035" t="s">
        <v>46538</v>
      </c>
      <c r="B31035" t="s">
        <v>46544</v>
      </c>
      <c r="C31035">
        <v>1</v>
      </c>
      <c r="D31035">
        <v>0</v>
      </c>
    </row>
    <row r="31036" spans="1:4" x14ac:dyDescent="0.25">
      <c r="A31036" t="s">
        <v>46538</v>
      </c>
      <c r="B31036" t="s">
        <v>46545</v>
      </c>
      <c r="C31036">
        <v>1</v>
      </c>
      <c r="D31036">
        <v>0</v>
      </c>
    </row>
    <row r="31037" spans="1:4" x14ac:dyDescent="0.25">
      <c r="A31037" t="s">
        <v>46546</v>
      </c>
      <c r="B31037" t="s">
        <v>46547</v>
      </c>
      <c r="C31037">
        <v>1</v>
      </c>
      <c r="D31037">
        <v>0</v>
      </c>
    </row>
    <row r="31038" spans="1:4" x14ac:dyDescent="0.25">
      <c r="A31038" t="s">
        <v>46546</v>
      </c>
      <c r="B31038" t="s">
        <v>46548</v>
      </c>
      <c r="C31038">
        <v>1</v>
      </c>
      <c r="D31038">
        <v>0</v>
      </c>
    </row>
    <row r="31039" spans="1:4" x14ac:dyDescent="0.25">
      <c r="A31039" t="s">
        <v>46549</v>
      </c>
      <c r="B31039" t="s">
        <v>46550</v>
      </c>
      <c r="C31039">
        <v>1</v>
      </c>
      <c r="D31039">
        <v>0</v>
      </c>
    </row>
    <row r="31040" spans="1:4" x14ac:dyDescent="0.25">
      <c r="A31040" t="s">
        <v>46549</v>
      </c>
      <c r="B31040" t="s">
        <v>46551</v>
      </c>
      <c r="C31040">
        <v>2</v>
      </c>
      <c r="D31040">
        <v>0</v>
      </c>
    </row>
    <row r="31041" spans="1:4" x14ac:dyDescent="0.25">
      <c r="A31041" t="s">
        <v>46549</v>
      </c>
      <c r="B31041" t="s">
        <v>46552</v>
      </c>
      <c r="C31041">
        <v>2</v>
      </c>
      <c r="D31041">
        <v>0</v>
      </c>
    </row>
    <row r="31042" spans="1:4" x14ac:dyDescent="0.25">
      <c r="A31042" t="s">
        <v>46549</v>
      </c>
      <c r="B31042" t="s">
        <v>46553</v>
      </c>
      <c r="C31042">
        <v>1</v>
      </c>
      <c r="D31042">
        <v>0</v>
      </c>
    </row>
    <row r="31043" spans="1:4" x14ac:dyDescent="0.25">
      <c r="A31043" t="s">
        <v>46549</v>
      </c>
      <c r="B31043" t="s">
        <v>46554</v>
      </c>
      <c r="C31043">
        <v>2</v>
      </c>
      <c r="D31043">
        <v>0</v>
      </c>
    </row>
    <row r="31044" spans="1:4" x14ac:dyDescent="0.25">
      <c r="A31044" t="s">
        <v>46549</v>
      </c>
      <c r="B31044" t="s">
        <v>46555</v>
      </c>
      <c r="C31044">
        <v>2</v>
      </c>
      <c r="D31044">
        <v>0</v>
      </c>
    </row>
    <row r="31045" spans="1:4" x14ac:dyDescent="0.25">
      <c r="A31045" t="s">
        <v>46549</v>
      </c>
      <c r="B31045" t="s">
        <v>46556</v>
      </c>
      <c r="C31045">
        <v>1</v>
      </c>
      <c r="D31045">
        <v>0</v>
      </c>
    </row>
    <row r="31046" spans="1:4" x14ac:dyDescent="0.25">
      <c r="A31046" t="s">
        <v>46549</v>
      </c>
      <c r="B31046" t="s">
        <v>46557</v>
      </c>
      <c r="C31046">
        <v>2</v>
      </c>
      <c r="D31046">
        <v>0</v>
      </c>
    </row>
    <row r="31047" spans="1:4" x14ac:dyDescent="0.25">
      <c r="A31047" t="s">
        <v>46549</v>
      </c>
      <c r="B31047" t="s">
        <v>46558</v>
      </c>
      <c r="C31047">
        <v>2</v>
      </c>
      <c r="D31047">
        <v>0</v>
      </c>
    </row>
    <row r="31048" spans="1:4" x14ac:dyDescent="0.25">
      <c r="A31048" t="s">
        <v>46559</v>
      </c>
      <c r="B31048" t="s">
        <v>46560</v>
      </c>
      <c r="C31048">
        <v>1</v>
      </c>
      <c r="D31048">
        <v>0</v>
      </c>
    </row>
    <row r="31049" spans="1:4" x14ac:dyDescent="0.25">
      <c r="A31049" t="s">
        <v>46561</v>
      </c>
      <c r="B31049" t="s">
        <v>46562</v>
      </c>
      <c r="C31049">
        <v>1</v>
      </c>
      <c r="D31049">
        <v>0</v>
      </c>
    </row>
    <row r="31050" spans="1:4" x14ac:dyDescent="0.25">
      <c r="A31050" t="s">
        <v>46561</v>
      </c>
      <c r="B31050" t="s">
        <v>46563</v>
      </c>
      <c r="C31050">
        <v>2</v>
      </c>
      <c r="D31050">
        <v>0</v>
      </c>
    </row>
    <row r="31051" spans="1:4" x14ac:dyDescent="0.25">
      <c r="A31051" t="s">
        <v>46561</v>
      </c>
      <c r="B31051" t="s">
        <v>46564</v>
      </c>
      <c r="C31051">
        <v>1</v>
      </c>
      <c r="D31051">
        <v>0</v>
      </c>
    </row>
    <row r="31052" spans="1:4" x14ac:dyDescent="0.25">
      <c r="A31052" t="s">
        <v>46561</v>
      </c>
      <c r="B31052" t="s">
        <v>46565</v>
      </c>
      <c r="C31052">
        <v>1</v>
      </c>
      <c r="D31052">
        <v>0</v>
      </c>
    </row>
    <row r="31053" spans="1:4" x14ac:dyDescent="0.25">
      <c r="A31053" t="s">
        <v>46566</v>
      </c>
      <c r="B31053" t="s">
        <v>46022</v>
      </c>
      <c r="C31053">
        <v>0</v>
      </c>
      <c r="D31053">
        <v>0</v>
      </c>
    </row>
    <row r="31054" spans="1:4" x14ac:dyDescent="0.25">
      <c r="A31054" t="s">
        <v>46566</v>
      </c>
      <c r="B31054" t="s">
        <v>46567</v>
      </c>
      <c r="C31054">
        <v>1</v>
      </c>
      <c r="D31054">
        <v>0</v>
      </c>
    </row>
    <row r="31055" spans="1:4" x14ac:dyDescent="0.25">
      <c r="A31055" t="s">
        <v>46566</v>
      </c>
      <c r="B31055" t="s">
        <v>46568</v>
      </c>
      <c r="C31055">
        <v>0</v>
      </c>
      <c r="D31055">
        <v>0</v>
      </c>
    </row>
    <row r="31056" spans="1:4" x14ac:dyDescent="0.25">
      <c r="A31056" t="s">
        <v>46569</v>
      </c>
      <c r="B31056" t="s">
        <v>46570</v>
      </c>
      <c r="C31056">
        <v>0</v>
      </c>
      <c r="D31056">
        <v>0</v>
      </c>
    </row>
    <row r="31057" spans="1:4" x14ac:dyDescent="0.25">
      <c r="A31057" t="s">
        <v>46569</v>
      </c>
      <c r="B31057" t="s">
        <v>46571</v>
      </c>
      <c r="C31057">
        <v>1</v>
      </c>
      <c r="D31057">
        <v>0</v>
      </c>
    </row>
    <row r="31058" spans="1:4" x14ac:dyDescent="0.25">
      <c r="A31058" t="s">
        <v>46572</v>
      </c>
      <c r="B31058" t="s">
        <v>3173</v>
      </c>
      <c r="C31058">
        <v>1</v>
      </c>
      <c r="D31058">
        <v>0</v>
      </c>
    </row>
    <row r="31059" spans="1:4" x14ac:dyDescent="0.25">
      <c r="A31059" t="s">
        <v>46572</v>
      </c>
      <c r="B31059" t="s">
        <v>46573</v>
      </c>
      <c r="C31059">
        <v>0</v>
      </c>
      <c r="D31059">
        <v>0</v>
      </c>
    </row>
    <row r="31060" spans="1:4" x14ac:dyDescent="0.25">
      <c r="A31060" t="s">
        <v>46572</v>
      </c>
      <c r="B31060" t="s">
        <v>46574</v>
      </c>
      <c r="C31060">
        <v>0</v>
      </c>
      <c r="D31060">
        <v>0</v>
      </c>
    </row>
    <row r="31061" spans="1:4" x14ac:dyDescent="0.25">
      <c r="A31061" t="s">
        <v>46572</v>
      </c>
      <c r="B31061" t="s">
        <v>5434</v>
      </c>
      <c r="C31061">
        <v>1</v>
      </c>
      <c r="D31061">
        <v>0</v>
      </c>
    </row>
    <row r="31062" spans="1:4" x14ac:dyDescent="0.25">
      <c r="A31062" t="s">
        <v>46572</v>
      </c>
      <c r="B31062" t="s">
        <v>2651</v>
      </c>
      <c r="C31062">
        <v>0</v>
      </c>
      <c r="D31062">
        <v>0</v>
      </c>
    </row>
    <row r="31063" spans="1:4" x14ac:dyDescent="0.25">
      <c r="A31063" t="s">
        <v>46575</v>
      </c>
      <c r="B31063" t="s">
        <v>46576</v>
      </c>
      <c r="C31063">
        <v>2</v>
      </c>
      <c r="D31063">
        <v>0</v>
      </c>
    </row>
    <row r="31064" spans="1:4" x14ac:dyDescent="0.25">
      <c r="A31064" t="s">
        <v>46575</v>
      </c>
      <c r="B31064" t="s">
        <v>46577</v>
      </c>
      <c r="C31064">
        <v>2</v>
      </c>
      <c r="D31064">
        <v>0</v>
      </c>
    </row>
    <row r="31065" spans="1:4" x14ac:dyDescent="0.25">
      <c r="A31065" t="s">
        <v>46575</v>
      </c>
      <c r="B31065" t="s">
        <v>46578</v>
      </c>
      <c r="C31065">
        <v>1</v>
      </c>
      <c r="D31065">
        <v>0</v>
      </c>
    </row>
    <row r="31066" spans="1:4" x14ac:dyDescent="0.25">
      <c r="A31066" t="s">
        <v>46575</v>
      </c>
      <c r="B31066" t="s">
        <v>46579</v>
      </c>
      <c r="C31066">
        <v>0</v>
      </c>
      <c r="D31066">
        <v>0</v>
      </c>
    </row>
    <row r="31067" spans="1:4" x14ac:dyDescent="0.25">
      <c r="A31067" t="s">
        <v>46575</v>
      </c>
      <c r="B31067" t="s">
        <v>46580</v>
      </c>
      <c r="C31067">
        <v>2</v>
      </c>
      <c r="D31067">
        <v>0</v>
      </c>
    </row>
    <row r="31068" spans="1:4" x14ac:dyDescent="0.25">
      <c r="A31068" t="s">
        <v>46575</v>
      </c>
      <c r="B31068" t="s">
        <v>46581</v>
      </c>
      <c r="C31068">
        <v>1</v>
      </c>
      <c r="D31068">
        <v>0</v>
      </c>
    </row>
    <row r="31069" spans="1:4" x14ac:dyDescent="0.25">
      <c r="A31069" t="s">
        <v>46575</v>
      </c>
      <c r="B31069" t="s">
        <v>46582</v>
      </c>
      <c r="C31069">
        <v>2</v>
      </c>
      <c r="D31069">
        <v>0</v>
      </c>
    </row>
    <row r="31070" spans="1:4" x14ac:dyDescent="0.25">
      <c r="A31070" t="s">
        <v>46583</v>
      </c>
      <c r="B31070" t="s">
        <v>46584</v>
      </c>
      <c r="C31070">
        <v>1</v>
      </c>
      <c r="D31070">
        <v>0</v>
      </c>
    </row>
    <row r="31071" spans="1:4" x14ac:dyDescent="0.25">
      <c r="A31071" t="s">
        <v>46585</v>
      </c>
      <c r="B31071" t="s">
        <v>46586</v>
      </c>
      <c r="C31071">
        <v>1</v>
      </c>
      <c r="D31071">
        <v>0</v>
      </c>
    </row>
    <row r="31072" spans="1:4" x14ac:dyDescent="0.25">
      <c r="A31072" t="s">
        <v>46585</v>
      </c>
      <c r="B31072" t="s">
        <v>46587</v>
      </c>
      <c r="C31072">
        <v>2</v>
      </c>
      <c r="D31072">
        <v>0</v>
      </c>
    </row>
    <row r="31073" spans="1:4" x14ac:dyDescent="0.25">
      <c r="A31073" t="s">
        <v>46585</v>
      </c>
      <c r="B31073" t="s">
        <v>46588</v>
      </c>
      <c r="C31073">
        <v>1</v>
      </c>
      <c r="D31073">
        <v>0</v>
      </c>
    </row>
    <row r="31074" spans="1:4" x14ac:dyDescent="0.25">
      <c r="A31074" t="s">
        <v>46585</v>
      </c>
      <c r="B31074" t="s">
        <v>46589</v>
      </c>
      <c r="C31074">
        <v>1</v>
      </c>
      <c r="D31074">
        <v>0</v>
      </c>
    </row>
    <row r="31075" spans="1:4" x14ac:dyDescent="0.25">
      <c r="A31075" t="s">
        <v>46590</v>
      </c>
      <c r="B31075" t="s">
        <v>46591</v>
      </c>
      <c r="C31075">
        <v>1</v>
      </c>
      <c r="D31075">
        <v>0</v>
      </c>
    </row>
    <row r="31076" spans="1:4" x14ac:dyDescent="0.25">
      <c r="A31076" t="s">
        <v>46590</v>
      </c>
      <c r="B31076" t="s">
        <v>46592</v>
      </c>
      <c r="C31076">
        <v>1</v>
      </c>
      <c r="D31076">
        <v>0</v>
      </c>
    </row>
    <row r="31077" spans="1:4" x14ac:dyDescent="0.25">
      <c r="A31077" t="s">
        <v>46590</v>
      </c>
      <c r="B31077" t="s">
        <v>9783</v>
      </c>
      <c r="C31077">
        <v>0</v>
      </c>
      <c r="D31077">
        <v>0</v>
      </c>
    </row>
    <row r="31078" spans="1:4" x14ac:dyDescent="0.25">
      <c r="A31078" t="s">
        <v>46590</v>
      </c>
      <c r="B31078" t="s">
        <v>46593</v>
      </c>
      <c r="C31078">
        <v>1</v>
      </c>
      <c r="D31078">
        <v>0</v>
      </c>
    </row>
    <row r="31079" spans="1:4" x14ac:dyDescent="0.25">
      <c r="A31079" t="s">
        <v>46590</v>
      </c>
      <c r="B31079" t="s">
        <v>46594</v>
      </c>
      <c r="C31079">
        <v>1</v>
      </c>
      <c r="D31079">
        <v>0</v>
      </c>
    </row>
    <row r="31080" spans="1:4" x14ac:dyDescent="0.25">
      <c r="A31080" t="s">
        <v>46590</v>
      </c>
      <c r="B31080" t="s">
        <v>46595</v>
      </c>
      <c r="C31080">
        <v>1</v>
      </c>
      <c r="D31080">
        <v>0</v>
      </c>
    </row>
    <row r="31081" spans="1:4" x14ac:dyDescent="0.25">
      <c r="A31081" t="s">
        <v>46590</v>
      </c>
      <c r="B31081" t="s">
        <v>11075</v>
      </c>
      <c r="C31081">
        <v>1</v>
      </c>
      <c r="D31081">
        <v>0</v>
      </c>
    </row>
    <row r="31082" spans="1:4" x14ac:dyDescent="0.25">
      <c r="A31082" t="s">
        <v>46590</v>
      </c>
      <c r="B31082" t="s">
        <v>46596</v>
      </c>
      <c r="C31082">
        <v>0</v>
      </c>
      <c r="D31082">
        <v>0</v>
      </c>
    </row>
    <row r="31083" spans="1:4" x14ac:dyDescent="0.25">
      <c r="A31083" t="s">
        <v>46597</v>
      </c>
      <c r="B31083" t="s">
        <v>46598</v>
      </c>
      <c r="C31083">
        <v>1</v>
      </c>
      <c r="D31083">
        <v>0</v>
      </c>
    </row>
    <row r="31084" spans="1:4" x14ac:dyDescent="0.25">
      <c r="A31084" t="s">
        <v>46597</v>
      </c>
      <c r="B31084" t="s">
        <v>46599</v>
      </c>
      <c r="C31084">
        <v>0</v>
      </c>
      <c r="D31084">
        <v>0</v>
      </c>
    </row>
    <row r="31085" spans="1:4" x14ac:dyDescent="0.25">
      <c r="A31085" t="s">
        <v>46597</v>
      </c>
      <c r="B31085" t="s">
        <v>46600</v>
      </c>
      <c r="C31085">
        <v>0</v>
      </c>
      <c r="D31085">
        <v>0</v>
      </c>
    </row>
    <row r="31086" spans="1:4" x14ac:dyDescent="0.25">
      <c r="A31086" t="s">
        <v>46597</v>
      </c>
      <c r="B31086" t="s">
        <v>46599</v>
      </c>
      <c r="C31086">
        <v>1</v>
      </c>
      <c r="D31086">
        <v>0</v>
      </c>
    </row>
    <row r="31087" spans="1:4" x14ac:dyDescent="0.25">
      <c r="A31087" t="s">
        <v>46597</v>
      </c>
      <c r="B31087" t="s">
        <v>46601</v>
      </c>
      <c r="C31087">
        <v>1</v>
      </c>
      <c r="D31087">
        <v>0</v>
      </c>
    </row>
    <row r="31088" spans="1:4" x14ac:dyDescent="0.25">
      <c r="A31088" t="s">
        <v>46597</v>
      </c>
      <c r="B31088" t="s">
        <v>46602</v>
      </c>
      <c r="C31088">
        <v>1</v>
      </c>
      <c r="D31088">
        <v>0</v>
      </c>
    </row>
    <row r="31089" spans="1:4" x14ac:dyDescent="0.25">
      <c r="A31089" t="s">
        <v>46597</v>
      </c>
      <c r="B31089" t="s">
        <v>46603</v>
      </c>
      <c r="C31089">
        <v>0</v>
      </c>
      <c r="D31089">
        <v>0</v>
      </c>
    </row>
    <row r="31090" spans="1:4" x14ac:dyDescent="0.25">
      <c r="A31090" t="s">
        <v>46604</v>
      </c>
      <c r="B31090" t="s">
        <v>46605</v>
      </c>
      <c r="C31090">
        <v>1</v>
      </c>
      <c r="D31090">
        <v>0</v>
      </c>
    </row>
    <row r="31091" spans="1:4" x14ac:dyDescent="0.25">
      <c r="A31091" t="s">
        <v>46604</v>
      </c>
      <c r="B31091" t="s">
        <v>46606</v>
      </c>
      <c r="C31091">
        <v>1</v>
      </c>
      <c r="D31091">
        <v>0</v>
      </c>
    </row>
    <row r="31092" spans="1:4" x14ac:dyDescent="0.25">
      <c r="A31092" t="s">
        <v>46604</v>
      </c>
      <c r="B31092" t="s">
        <v>46607</v>
      </c>
      <c r="C31092">
        <v>1</v>
      </c>
      <c r="D31092">
        <v>0</v>
      </c>
    </row>
    <row r="31093" spans="1:4" x14ac:dyDescent="0.25">
      <c r="A31093" t="s">
        <v>46604</v>
      </c>
      <c r="B31093" t="s">
        <v>46608</v>
      </c>
      <c r="C31093">
        <v>1</v>
      </c>
      <c r="D31093">
        <v>0</v>
      </c>
    </row>
    <row r="31094" spans="1:4" x14ac:dyDescent="0.25">
      <c r="A31094" t="s">
        <v>46604</v>
      </c>
      <c r="B31094" t="s">
        <v>46609</v>
      </c>
      <c r="C31094">
        <v>1</v>
      </c>
      <c r="D31094">
        <v>0</v>
      </c>
    </row>
    <row r="31095" spans="1:4" x14ac:dyDescent="0.25">
      <c r="A31095" t="s">
        <v>46610</v>
      </c>
      <c r="B31095" t="s">
        <v>46611</v>
      </c>
      <c r="C31095">
        <v>1</v>
      </c>
      <c r="D31095">
        <v>0</v>
      </c>
    </row>
    <row r="31096" spans="1:4" x14ac:dyDescent="0.25">
      <c r="A31096" t="s">
        <v>46610</v>
      </c>
      <c r="B31096" t="s">
        <v>46612</v>
      </c>
      <c r="C31096">
        <v>1</v>
      </c>
      <c r="D31096">
        <v>0</v>
      </c>
    </row>
    <row r="31097" spans="1:4" x14ac:dyDescent="0.25">
      <c r="A31097" t="s">
        <v>46610</v>
      </c>
      <c r="B31097" t="s">
        <v>46613</v>
      </c>
      <c r="C31097">
        <v>1</v>
      </c>
      <c r="D31097">
        <v>0</v>
      </c>
    </row>
    <row r="31098" spans="1:4" x14ac:dyDescent="0.25">
      <c r="A31098" t="s">
        <v>46614</v>
      </c>
      <c r="B31098" t="s">
        <v>46615</v>
      </c>
      <c r="C31098">
        <v>1</v>
      </c>
      <c r="D31098">
        <v>0</v>
      </c>
    </row>
    <row r="31099" spans="1:4" x14ac:dyDescent="0.25">
      <c r="A31099" t="s">
        <v>46614</v>
      </c>
      <c r="B31099" t="s">
        <v>46616</v>
      </c>
      <c r="C31099">
        <v>0</v>
      </c>
      <c r="D31099">
        <v>0</v>
      </c>
    </row>
    <row r="31100" spans="1:4" x14ac:dyDescent="0.25">
      <c r="A31100" t="s">
        <v>46614</v>
      </c>
      <c r="B31100" t="s">
        <v>46617</v>
      </c>
      <c r="C31100">
        <v>1</v>
      </c>
      <c r="D31100">
        <v>0</v>
      </c>
    </row>
    <row r="31101" spans="1:4" x14ac:dyDescent="0.25">
      <c r="A31101" t="s">
        <v>46614</v>
      </c>
      <c r="B31101" t="s">
        <v>46618</v>
      </c>
      <c r="C31101">
        <v>1</v>
      </c>
      <c r="D31101">
        <v>0</v>
      </c>
    </row>
    <row r="31102" spans="1:4" x14ac:dyDescent="0.25">
      <c r="A31102" t="s">
        <v>46614</v>
      </c>
      <c r="B31102" t="s">
        <v>46619</v>
      </c>
      <c r="C31102">
        <v>0</v>
      </c>
      <c r="D31102">
        <v>0</v>
      </c>
    </row>
    <row r="31103" spans="1:4" x14ac:dyDescent="0.25">
      <c r="A31103" t="s">
        <v>46620</v>
      </c>
      <c r="B31103" t="s">
        <v>46621</v>
      </c>
      <c r="C31103">
        <v>1</v>
      </c>
      <c r="D31103">
        <v>0</v>
      </c>
    </row>
    <row r="31104" spans="1:4" x14ac:dyDescent="0.25">
      <c r="A31104" t="s">
        <v>46620</v>
      </c>
      <c r="B31104" t="s">
        <v>11711</v>
      </c>
      <c r="C31104">
        <v>1</v>
      </c>
      <c r="D31104">
        <v>0</v>
      </c>
    </row>
    <row r="31105" spans="1:4" x14ac:dyDescent="0.25">
      <c r="A31105" t="s">
        <v>46620</v>
      </c>
      <c r="B31105" t="s">
        <v>46622</v>
      </c>
      <c r="C31105">
        <v>1</v>
      </c>
      <c r="D31105">
        <v>0</v>
      </c>
    </row>
    <row r="31106" spans="1:4" x14ac:dyDescent="0.25">
      <c r="A31106" t="s">
        <v>46620</v>
      </c>
      <c r="B31106" t="s">
        <v>46623</v>
      </c>
      <c r="C31106">
        <v>1</v>
      </c>
      <c r="D31106">
        <v>0</v>
      </c>
    </row>
    <row r="31107" spans="1:4" x14ac:dyDescent="0.25">
      <c r="A31107" t="s">
        <v>46620</v>
      </c>
      <c r="B31107" t="s">
        <v>46624</v>
      </c>
      <c r="C31107">
        <v>0</v>
      </c>
      <c r="D31107">
        <v>0</v>
      </c>
    </row>
    <row r="31108" spans="1:4" x14ac:dyDescent="0.25">
      <c r="A31108" t="s">
        <v>46620</v>
      </c>
      <c r="B31108" t="s">
        <v>46625</v>
      </c>
      <c r="C31108">
        <v>1</v>
      </c>
      <c r="D31108">
        <v>0</v>
      </c>
    </row>
    <row r="31109" spans="1:4" x14ac:dyDescent="0.25">
      <c r="A31109" t="s">
        <v>46626</v>
      </c>
      <c r="B31109" t="s">
        <v>1001</v>
      </c>
      <c r="C31109">
        <v>1</v>
      </c>
      <c r="D31109">
        <v>0</v>
      </c>
    </row>
    <row r="31110" spans="1:4" x14ac:dyDescent="0.25">
      <c r="A31110" t="s">
        <v>46626</v>
      </c>
      <c r="B31110" t="s">
        <v>46627</v>
      </c>
      <c r="C31110">
        <v>1</v>
      </c>
      <c r="D31110">
        <v>0</v>
      </c>
    </row>
    <row r="31111" spans="1:4" x14ac:dyDescent="0.25">
      <c r="A31111" t="s">
        <v>46626</v>
      </c>
      <c r="B31111" t="s">
        <v>46628</v>
      </c>
      <c r="C31111">
        <v>1</v>
      </c>
      <c r="D31111">
        <v>0</v>
      </c>
    </row>
    <row r="31112" spans="1:4" x14ac:dyDescent="0.25">
      <c r="A31112" t="s">
        <v>46626</v>
      </c>
      <c r="B31112" t="s">
        <v>46629</v>
      </c>
      <c r="C31112">
        <v>1</v>
      </c>
      <c r="D31112">
        <v>0</v>
      </c>
    </row>
    <row r="31113" spans="1:4" x14ac:dyDescent="0.25">
      <c r="A31113" t="s">
        <v>46626</v>
      </c>
      <c r="B31113" t="s">
        <v>2651</v>
      </c>
      <c r="C31113">
        <v>0</v>
      </c>
      <c r="D31113">
        <v>0</v>
      </c>
    </row>
    <row r="31114" spans="1:4" x14ac:dyDescent="0.25">
      <c r="A31114" t="s">
        <v>46626</v>
      </c>
      <c r="B31114" t="s">
        <v>46630</v>
      </c>
      <c r="C31114">
        <v>0</v>
      </c>
      <c r="D31114">
        <v>0</v>
      </c>
    </row>
    <row r="31115" spans="1:4" x14ac:dyDescent="0.25">
      <c r="A31115" t="s">
        <v>46626</v>
      </c>
      <c r="B31115" t="s">
        <v>46631</v>
      </c>
      <c r="C31115">
        <v>2</v>
      </c>
      <c r="D31115">
        <v>0</v>
      </c>
    </row>
    <row r="31116" spans="1:4" x14ac:dyDescent="0.25">
      <c r="A31116" t="s">
        <v>46632</v>
      </c>
      <c r="B31116" t="s">
        <v>46633</v>
      </c>
      <c r="C31116">
        <v>0</v>
      </c>
      <c r="D31116">
        <v>0</v>
      </c>
    </row>
    <row r="31117" spans="1:4" x14ac:dyDescent="0.25">
      <c r="A31117" t="s">
        <v>46634</v>
      </c>
      <c r="B31117" t="s">
        <v>46635</v>
      </c>
      <c r="C31117">
        <v>2</v>
      </c>
      <c r="D31117">
        <v>0</v>
      </c>
    </row>
    <row r="31118" spans="1:4" x14ac:dyDescent="0.25">
      <c r="A31118" t="s">
        <v>46634</v>
      </c>
      <c r="B31118" t="s">
        <v>46636</v>
      </c>
      <c r="C31118">
        <v>1</v>
      </c>
      <c r="D31118">
        <v>0</v>
      </c>
    </row>
    <row r="31119" spans="1:4" x14ac:dyDescent="0.25">
      <c r="A31119" t="s">
        <v>46634</v>
      </c>
      <c r="B31119" t="s">
        <v>46637</v>
      </c>
      <c r="C31119">
        <v>1</v>
      </c>
      <c r="D31119">
        <v>0</v>
      </c>
    </row>
    <row r="31120" spans="1:4" x14ac:dyDescent="0.25">
      <c r="A31120" t="s">
        <v>46638</v>
      </c>
      <c r="B31120" t="s">
        <v>46639</v>
      </c>
      <c r="C31120">
        <v>0</v>
      </c>
      <c r="D31120">
        <v>0</v>
      </c>
    </row>
    <row r="31121" spans="1:4" x14ac:dyDescent="0.25">
      <c r="A31121" t="s">
        <v>46640</v>
      </c>
      <c r="B31121" t="s">
        <v>46641</v>
      </c>
      <c r="C31121">
        <v>0</v>
      </c>
      <c r="D31121">
        <v>0</v>
      </c>
    </row>
    <row r="31122" spans="1:4" x14ac:dyDescent="0.25">
      <c r="A31122" t="s">
        <v>46640</v>
      </c>
      <c r="B31122" t="s">
        <v>46642</v>
      </c>
      <c r="C31122">
        <v>0</v>
      </c>
      <c r="D31122">
        <v>0</v>
      </c>
    </row>
    <row r="31123" spans="1:4" x14ac:dyDescent="0.25">
      <c r="A31123" t="s">
        <v>46640</v>
      </c>
      <c r="B31123" t="s">
        <v>46643</v>
      </c>
      <c r="C31123">
        <v>0</v>
      </c>
      <c r="D31123">
        <v>0</v>
      </c>
    </row>
    <row r="31124" spans="1:4" x14ac:dyDescent="0.25">
      <c r="A31124" t="s">
        <v>46640</v>
      </c>
      <c r="B31124" t="s">
        <v>46644</v>
      </c>
      <c r="C31124">
        <v>1</v>
      </c>
      <c r="D31124">
        <v>0</v>
      </c>
    </row>
    <row r="31125" spans="1:4" x14ac:dyDescent="0.25">
      <c r="A31125" t="s">
        <v>46645</v>
      </c>
      <c r="B31125" t="s">
        <v>46646</v>
      </c>
      <c r="C31125">
        <v>2</v>
      </c>
      <c r="D31125">
        <v>0</v>
      </c>
    </row>
    <row r="31126" spans="1:4" x14ac:dyDescent="0.25">
      <c r="A31126" t="s">
        <v>46647</v>
      </c>
      <c r="B31126" t="s">
        <v>46648</v>
      </c>
      <c r="C31126">
        <v>0</v>
      </c>
      <c r="D31126">
        <v>0</v>
      </c>
    </row>
    <row r="31127" spans="1:4" x14ac:dyDescent="0.25">
      <c r="A31127" t="s">
        <v>46649</v>
      </c>
      <c r="B31127" t="s">
        <v>46650</v>
      </c>
      <c r="C31127">
        <v>1</v>
      </c>
      <c r="D31127">
        <v>0</v>
      </c>
    </row>
    <row r="31128" spans="1:4" x14ac:dyDescent="0.25">
      <c r="A31128" t="s">
        <v>46649</v>
      </c>
      <c r="B31128" t="s">
        <v>46651</v>
      </c>
      <c r="C31128">
        <v>1</v>
      </c>
      <c r="D31128">
        <v>0</v>
      </c>
    </row>
    <row r="31129" spans="1:4" x14ac:dyDescent="0.25">
      <c r="A31129" t="s">
        <v>46649</v>
      </c>
      <c r="B31129" t="s">
        <v>46652</v>
      </c>
      <c r="C31129">
        <v>2</v>
      </c>
      <c r="D31129">
        <v>0</v>
      </c>
    </row>
    <row r="31130" spans="1:4" x14ac:dyDescent="0.25">
      <c r="A31130" t="s">
        <v>46653</v>
      </c>
      <c r="B31130" t="s">
        <v>46654</v>
      </c>
      <c r="C31130">
        <v>1</v>
      </c>
      <c r="D31130">
        <v>0</v>
      </c>
    </row>
    <row r="31131" spans="1:4" x14ac:dyDescent="0.25">
      <c r="A31131" t="s">
        <v>46653</v>
      </c>
      <c r="B31131" t="s">
        <v>46655</v>
      </c>
      <c r="C31131">
        <v>1</v>
      </c>
      <c r="D31131">
        <v>0</v>
      </c>
    </row>
    <row r="31132" spans="1:4" x14ac:dyDescent="0.25">
      <c r="A31132" t="s">
        <v>46653</v>
      </c>
      <c r="B31132" t="s">
        <v>46656</v>
      </c>
      <c r="C31132">
        <v>0</v>
      </c>
      <c r="D31132">
        <v>0</v>
      </c>
    </row>
    <row r="31133" spans="1:4" x14ac:dyDescent="0.25">
      <c r="A31133" t="s">
        <v>46653</v>
      </c>
      <c r="B31133" t="s">
        <v>46657</v>
      </c>
      <c r="C31133">
        <v>0</v>
      </c>
      <c r="D31133">
        <v>0</v>
      </c>
    </row>
    <row r="31134" spans="1:4" x14ac:dyDescent="0.25">
      <c r="A31134" t="s">
        <v>46653</v>
      </c>
      <c r="B31134" t="s">
        <v>46658</v>
      </c>
      <c r="C31134">
        <v>1</v>
      </c>
      <c r="D31134">
        <v>0</v>
      </c>
    </row>
    <row r="31135" spans="1:4" x14ac:dyDescent="0.25">
      <c r="A31135" t="s">
        <v>46653</v>
      </c>
      <c r="B31135" t="s">
        <v>46659</v>
      </c>
      <c r="C31135">
        <v>0</v>
      </c>
      <c r="D31135">
        <v>0</v>
      </c>
    </row>
    <row r="31136" spans="1:4" x14ac:dyDescent="0.25">
      <c r="A31136" t="s">
        <v>46653</v>
      </c>
      <c r="B31136" t="s">
        <v>46660</v>
      </c>
      <c r="C31136">
        <v>1</v>
      </c>
      <c r="D31136">
        <v>0</v>
      </c>
    </row>
    <row r="31137" spans="1:4" x14ac:dyDescent="0.25">
      <c r="A31137" t="s">
        <v>46661</v>
      </c>
      <c r="B31137" t="s">
        <v>46662</v>
      </c>
      <c r="C31137">
        <v>1</v>
      </c>
      <c r="D31137">
        <v>0</v>
      </c>
    </row>
    <row r="31138" spans="1:4" x14ac:dyDescent="0.25">
      <c r="A31138" t="s">
        <v>46661</v>
      </c>
      <c r="B31138" t="s">
        <v>46663</v>
      </c>
      <c r="C31138">
        <v>2</v>
      </c>
      <c r="D31138">
        <v>0</v>
      </c>
    </row>
    <row r="31139" spans="1:4" x14ac:dyDescent="0.25">
      <c r="A31139" t="s">
        <v>46664</v>
      </c>
      <c r="B31139" t="s">
        <v>46665</v>
      </c>
      <c r="C31139">
        <v>1</v>
      </c>
      <c r="D31139">
        <v>0</v>
      </c>
    </row>
    <row r="31140" spans="1:4" x14ac:dyDescent="0.25">
      <c r="A31140" t="s">
        <v>46664</v>
      </c>
      <c r="B31140" t="s">
        <v>46666</v>
      </c>
      <c r="C31140">
        <v>2</v>
      </c>
      <c r="D31140">
        <v>0</v>
      </c>
    </row>
    <row r="31141" spans="1:4" x14ac:dyDescent="0.25">
      <c r="A31141" t="s">
        <v>46667</v>
      </c>
      <c r="B31141" t="s">
        <v>46668</v>
      </c>
      <c r="C31141">
        <v>1</v>
      </c>
      <c r="D31141">
        <v>0</v>
      </c>
    </row>
    <row r="31142" spans="1:4" x14ac:dyDescent="0.25">
      <c r="A31142" t="s">
        <v>46667</v>
      </c>
      <c r="B31142" t="s">
        <v>46669</v>
      </c>
      <c r="C31142">
        <v>1</v>
      </c>
      <c r="D31142">
        <v>0</v>
      </c>
    </row>
    <row r="31143" spans="1:4" x14ac:dyDescent="0.25">
      <c r="A31143" t="s">
        <v>46670</v>
      </c>
      <c r="B31143" t="s">
        <v>46671</v>
      </c>
      <c r="C31143">
        <v>0</v>
      </c>
      <c r="D31143">
        <v>0</v>
      </c>
    </row>
    <row r="31144" spans="1:4" x14ac:dyDescent="0.25">
      <c r="A31144" t="s">
        <v>46670</v>
      </c>
      <c r="B31144" t="s">
        <v>17479</v>
      </c>
      <c r="C31144">
        <v>1</v>
      </c>
      <c r="D31144">
        <v>0</v>
      </c>
    </row>
    <row r="31145" spans="1:4" x14ac:dyDescent="0.25">
      <c r="A31145" t="s">
        <v>46672</v>
      </c>
      <c r="B31145" t="s">
        <v>46673</v>
      </c>
      <c r="C31145">
        <v>0</v>
      </c>
      <c r="D31145">
        <v>0</v>
      </c>
    </row>
    <row r="31146" spans="1:4" x14ac:dyDescent="0.25">
      <c r="A31146" t="s">
        <v>46672</v>
      </c>
      <c r="B31146" t="s">
        <v>46674</v>
      </c>
      <c r="C31146">
        <v>0</v>
      </c>
      <c r="D31146">
        <v>0</v>
      </c>
    </row>
    <row r="31147" spans="1:4" x14ac:dyDescent="0.25">
      <c r="A31147" t="s">
        <v>46672</v>
      </c>
      <c r="B31147" t="s">
        <v>46674</v>
      </c>
      <c r="C31147">
        <v>1</v>
      </c>
      <c r="D31147">
        <v>0</v>
      </c>
    </row>
    <row r="31148" spans="1:4" x14ac:dyDescent="0.25">
      <c r="A31148" t="s">
        <v>46675</v>
      </c>
      <c r="B31148" t="s">
        <v>46676</v>
      </c>
      <c r="C31148">
        <v>1</v>
      </c>
      <c r="D31148">
        <v>0</v>
      </c>
    </row>
    <row r="31149" spans="1:4" x14ac:dyDescent="0.25">
      <c r="A31149" t="s">
        <v>46675</v>
      </c>
      <c r="B31149" t="s">
        <v>8644</v>
      </c>
      <c r="C31149">
        <v>1</v>
      </c>
      <c r="D31149">
        <v>0</v>
      </c>
    </row>
    <row r="31150" spans="1:4" x14ac:dyDescent="0.25">
      <c r="A31150" t="s">
        <v>46675</v>
      </c>
      <c r="B31150" t="s">
        <v>12137</v>
      </c>
      <c r="C31150">
        <v>1</v>
      </c>
      <c r="D31150">
        <v>0</v>
      </c>
    </row>
    <row r="31151" spans="1:4" x14ac:dyDescent="0.25">
      <c r="A31151" t="s">
        <v>46675</v>
      </c>
      <c r="B31151" t="s">
        <v>46677</v>
      </c>
      <c r="C31151">
        <v>1</v>
      </c>
      <c r="D31151">
        <v>0</v>
      </c>
    </row>
    <row r="31152" spans="1:4" x14ac:dyDescent="0.25">
      <c r="A31152" t="s">
        <v>46678</v>
      </c>
      <c r="B31152" t="s">
        <v>46679</v>
      </c>
      <c r="C31152">
        <v>0</v>
      </c>
      <c r="D31152">
        <v>0</v>
      </c>
    </row>
    <row r="31153" spans="1:4" x14ac:dyDescent="0.25">
      <c r="A31153" t="s">
        <v>46678</v>
      </c>
      <c r="B31153" t="s">
        <v>46680</v>
      </c>
      <c r="C31153">
        <v>1</v>
      </c>
      <c r="D31153">
        <v>0</v>
      </c>
    </row>
    <row r="31154" spans="1:4" x14ac:dyDescent="0.25">
      <c r="A31154" t="s">
        <v>46678</v>
      </c>
      <c r="B31154" t="s">
        <v>46681</v>
      </c>
      <c r="C31154">
        <v>1</v>
      </c>
      <c r="D31154">
        <v>0</v>
      </c>
    </row>
    <row r="31155" spans="1:4" x14ac:dyDescent="0.25">
      <c r="A31155" t="s">
        <v>46678</v>
      </c>
      <c r="B31155" t="s">
        <v>46682</v>
      </c>
      <c r="C31155">
        <v>1</v>
      </c>
      <c r="D31155">
        <v>0</v>
      </c>
    </row>
    <row r="31156" spans="1:4" x14ac:dyDescent="0.25">
      <c r="A31156" t="s">
        <v>46678</v>
      </c>
      <c r="B31156" t="s">
        <v>46683</v>
      </c>
      <c r="C31156">
        <v>0</v>
      </c>
      <c r="D31156">
        <v>0</v>
      </c>
    </row>
    <row r="31157" spans="1:4" x14ac:dyDescent="0.25">
      <c r="A31157" t="s">
        <v>46678</v>
      </c>
      <c r="B31157" t="s">
        <v>46684</v>
      </c>
      <c r="C31157">
        <v>0</v>
      </c>
      <c r="D31157">
        <v>0</v>
      </c>
    </row>
    <row r="31158" spans="1:4" x14ac:dyDescent="0.25">
      <c r="A31158" t="s">
        <v>46678</v>
      </c>
      <c r="B31158" t="s">
        <v>46685</v>
      </c>
      <c r="C31158">
        <v>2</v>
      </c>
      <c r="D31158">
        <v>0</v>
      </c>
    </row>
    <row r="31159" spans="1:4" x14ac:dyDescent="0.25">
      <c r="A31159" t="s">
        <v>46686</v>
      </c>
      <c r="B31159" t="s">
        <v>46687</v>
      </c>
      <c r="C31159">
        <v>0</v>
      </c>
      <c r="D31159">
        <v>0</v>
      </c>
    </row>
    <row r="31160" spans="1:4" x14ac:dyDescent="0.25">
      <c r="A31160" t="s">
        <v>46686</v>
      </c>
      <c r="B31160" t="s">
        <v>46688</v>
      </c>
      <c r="C31160">
        <v>0</v>
      </c>
      <c r="D31160">
        <v>0</v>
      </c>
    </row>
    <row r="31161" spans="1:4" x14ac:dyDescent="0.25">
      <c r="A31161" t="s">
        <v>46686</v>
      </c>
      <c r="B31161" t="s">
        <v>46689</v>
      </c>
      <c r="C31161">
        <v>1</v>
      </c>
      <c r="D31161">
        <v>0</v>
      </c>
    </row>
    <row r="31162" spans="1:4" x14ac:dyDescent="0.25">
      <c r="A31162" t="s">
        <v>46686</v>
      </c>
      <c r="B31162" t="s">
        <v>46690</v>
      </c>
      <c r="C31162">
        <v>0</v>
      </c>
      <c r="D31162">
        <v>0</v>
      </c>
    </row>
    <row r="31163" spans="1:4" x14ac:dyDescent="0.25">
      <c r="A31163" t="s">
        <v>46686</v>
      </c>
      <c r="B31163" t="s">
        <v>46691</v>
      </c>
      <c r="C31163">
        <v>0</v>
      </c>
      <c r="D31163">
        <v>0</v>
      </c>
    </row>
    <row r="31164" spans="1:4" x14ac:dyDescent="0.25">
      <c r="A31164" t="s">
        <v>46686</v>
      </c>
      <c r="B31164" t="s">
        <v>46692</v>
      </c>
      <c r="C31164">
        <v>1</v>
      </c>
      <c r="D31164">
        <v>0</v>
      </c>
    </row>
    <row r="31165" spans="1:4" x14ac:dyDescent="0.25">
      <c r="A31165" t="s">
        <v>46693</v>
      </c>
      <c r="B31165" t="s">
        <v>46694</v>
      </c>
      <c r="C31165">
        <v>1</v>
      </c>
      <c r="D31165">
        <v>0</v>
      </c>
    </row>
    <row r="31166" spans="1:4" x14ac:dyDescent="0.25">
      <c r="A31166" t="s">
        <v>46693</v>
      </c>
      <c r="B31166" t="s">
        <v>46695</v>
      </c>
      <c r="C31166">
        <v>1</v>
      </c>
      <c r="D31166">
        <v>0</v>
      </c>
    </row>
    <row r="31167" spans="1:4" x14ac:dyDescent="0.25">
      <c r="A31167" t="s">
        <v>46693</v>
      </c>
      <c r="B31167" t="s">
        <v>46696</v>
      </c>
      <c r="C31167">
        <v>1</v>
      </c>
      <c r="D31167">
        <v>0</v>
      </c>
    </row>
    <row r="31168" spans="1:4" x14ac:dyDescent="0.25">
      <c r="A31168" t="s">
        <v>46693</v>
      </c>
      <c r="B31168" t="s">
        <v>46697</v>
      </c>
      <c r="C31168">
        <v>1</v>
      </c>
      <c r="D31168">
        <v>0</v>
      </c>
    </row>
    <row r="31169" spans="1:4" x14ac:dyDescent="0.25">
      <c r="A31169" t="s">
        <v>46693</v>
      </c>
      <c r="B31169" t="s">
        <v>46698</v>
      </c>
      <c r="C31169">
        <v>1</v>
      </c>
      <c r="D31169">
        <v>0</v>
      </c>
    </row>
    <row r="31170" spans="1:4" x14ac:dyDescent="0.25">
      <c r="A31170" t="s">
        <v>46693</v>
      </c>
      <c r="B31170" t="s">
        <v>46699</v>
      </c>
      <c r="C31170">
        <v>1</v>
      </c>
      <c r="D31170">
        <v>0</v>
      </c>
    </row>
    <row r="31171" spans="1:4" x14ac:dyDescent="0.25">
      <c r="A31171" t="s">
        <v>46693</v>
      </c>
      <c r="B31171" t="s">
        <v>46700</v>
      </c>
      <c r="C31171">
        <v>1</v>
      </c>
      <c r="D31171">
        <v>0</v>
      </c>
    </row>
    <row r="31172" spans="1:4" x14ac:dyDescent="0.25">
      <c r="A31172" t="s">
        <v>46701</v>
      </c>
      <c r="B31172" t="s">
        <v>46702</v>
      </c>
      <c r="C31172">
        <v>1</v>
      </c>
      <c r="D31172">
        <v>0</v>
      </c>
    </row>
    <row r="31173" spans="1:4" x14ac:dyDescent="0.25">
      <c r="A31173" t="s">
        <v>46701</v>
      </c>
      <c r="B31173" t="s">
        <v>46703</v>
      </c>
      <c r="C31173">
        <v>1</v>
      </c>
      <c r="D31173">
        <v>0</v>
      </c>
    </row>
    <row r="31174" spans="1:4" x14ac:dyDescent="0.25">
      <c r="A31174" t="s">
        <v>46701</v>
      </c>
      <c r="B31174" t="s">
        <v>46704</v>
      </c>
      <c r="C31174">
        <v>1</v>
      </c>
      <c r="D31174">
        <v>0</v>
      </c>
    </row>
    <row r="31175" spans="1:4" x14ac:dyDescent="0.25">
      <c r="A31175" t="s">
        <v>46701</v>
      </c>
      <c r="B31175" t="s">
        <v>46705</v>
      </c>
      <c r="C31175">
        <v>1</v>
      </c>
      <c r="D31175">
        <v>0</v>
      </c>
    </row>
    <row r="31176" spans="1:4" x14ac:dyDescent="0.25">
      <c r="A31176" t="s">
        <v>46706</v>
      </c>
      <c r="B31176" t="s">
        <v>12472</v>
      </c>
      <c r="C31176">
        <v>1</v>
      </c>
      <c r="D31176">
        <v>0</v>
      </c>
    </row>
    <row r="31177" spans="1:4" x14ac:dyDescent="0.25">
      <c r="A31177" t="s">
        <v>46706</v>
      </c>
      <c r="B31177" t="s">
        <v>46707</v>
      </c>
      <c r="C31177">
        <v>0</v>
      </c>
      <c r="D31177">
        <v>0</v>
      </c>
    </row>
    <row r="31178" spans="1:4" x14ac:dyDescent="0.25">
      <c r="A31178" t="s">
        <v>46706</v>
      </c>
      <c r="B31178" t="s">
        <v>46708</v>
      </c>
      <c r="C31178">
        <v>0</v>
      </c>
      <c r="D31178">
        <v>0</v>
      </c>
    </row>
    <row r="31179" spans="1:4" x14ac:dyDescent="0.25">
      <c r="A31179" t="s">
        <v>46706</v>
      </c>
      <c r="B31179" t="s">
        <v>46709</v>
      </c>
      <c r="C31179">
        <v>0</v>
      </c>
      <c r="D31179">
        <v>0</v>
      </c>
    </row>
    <row r="31180" spans="1:4" x14ac:dyDescent="0.25">
      <c r="A31180" t="s">
        <v>46706</v>
      </c>
      <c r="B31180" t="s">
        <v>5047</v>
      </c>
      <c r="C31180">
        <v>0</v>
      </c>
      <c r="D31180">
        <v>0</v>
      </c>
    </row>
    <row r="31181" spans="1:4" x14ac:dyDescent="0.25">
      <c r="A31181" t="s">
        <v>46706</v>
      </c>
      <c r="B31181" t="s">
        <v>46710</v>
      </c>
      <c r="C31181">
        <v>0</v>
      </c>
      <c r="D31181">
        <v>0</v>
      </c>
    </row>
    <row r="31182" spans="1:4" x14ac:dyDescent="0.25">
      <c r="A31182" t="s">
        <v>46706</v>
      </c>
      <c r="B31182" t="s">
        <v>5047</v>
      </c>
      <c r="C31182">
        <v>0</v>
      </c>
      <c r="D31182">
        <v>0</v>
      </c>
    </row>
    <row r="31183" spans="1:4" x14ac:dyDescent="0.25">
      <c r="A31183" t="s">
        <v>46706</v>
      </c>
      <c r="B31183" t="s">
        <v>46711</v>
      </c>
      <c r="C31183">
        <v>0</v>
      </c>
      <c r="D31183">
        <v>0</v>
      </c>
    </row>
    <row r="31184" spans="1:4" x14ac:dyDescent="0.25">
      <c r="A31184" t="s">
        <v>46712</v>
      </c>
      <c r="B31184" t="s">
        <v>46713</v>
      </c>
      <c r="C31184">
        <v>1</v>
      </c>
      <c r="D31184">
        <v>0</v>
      </c>
    </row>
    <row r="31185" spans="1:4" x14ac:dyDescent="0.25">
      <c r="A31185" t="s">
        <v>46712</v>
      </c>
      <c r="B31185" t="s">
        <v>46714</v>
      </c>
      <c r="C31185">
        <v>2</v>
      </c>
      <c r="D31185">
        <v>0</v>
      </c>
    </row>
    <row r="31186" spans="1:4" x14ac:dyDescent="0.25">
      <c r="A31186" t="s">
        <v>46712</v>
      </c>
      <c r="B31186" t="s">
        <v>35045</v>
      </c>
      <c r="C31186">
        <v>1</v>
      </c>
      <c r="D31186">
        <v>0</v>
      </c>
    </row>
    <row r="31187" spans="1:4" x14ac:dyDescent="0.25">
      <c r="A31187" t="s">
        <v>46712</v>
      </c>
      <c r="B31187" t="s">
        <v>46715</v>
      </c>
      <c r="C31187">
        <v>1</v>
      </c>
      <c r="D31187">
        <v>0</v>
      </c>
    </row>
    <row r="31188" spans="1:4" x14ac:dyDescent="0.25">
      <c r="A31188" t="s">
        <v>46712</v>
      </c>
      <c r="B31188" t="s">
        <v>46716</v>
      </c>
      <c r="C31188">
        <v>1</v>
      </c>
      <c r="D31188">
        <v>0</v>
      </c>
    </row>
    <row r="31189" spans="1:4" x14ac:dyDescent="0.25">
      <c r="A31189" t="s">
        <v>46712</v>
      </c>
      <c r="B31189" t="s">
        <v>12472</v>
      </c>
      <c r="C31189">
        <v>1</v>
      </c>
      <c r="D31189">
        <v>0</v>
      </c>
    </row>
    <row r="31190" spans="1:4" x14ac:dyDescent="0.25">
      <c r="A31190" t="s">
        <v>46712</v>
      </c>
      <c r="B31190" t="s">
        <v>46717</v>
      </c>
      <c r="C31190">
        <v>1</v>
      </c>
      <c r="D31190">
        <v>0</v>
      </c>
    </row>
    <row r="31191" spans="1:4" x14ac:dyDescent="0.25">
      <c r="A31191" t="s">
        <v>46718</v>
      </c>
      <c r="B31191" t="s">
        <v>46719</v>
      </c>
      <c r="C31191">
        <v>0</v>
      </c>
      <c r="D31191">
        <v>0</v>
      </c>
    </row>
    <row r="31192" spans="1:4" x14ac:dyDescent="0.25">
      <c r="A31192" t="s">
        <v>46718</v>
      </c>
      <c r="B31192" t="s">
        <v>36828</v>
      </c>
      <c r="C31192">
        <v>0</v>
      </c>
      <c r="D31192">
        <v>0</v>
      </c>
    </row>
    <row r="31193" spans="1:4" x14ac:dyDescent="0.25">
      <c r="A31193" t="s">
        <v>46718</v>
      </c>
      <c r="B31193" t="s">
        <v>46720</v>
      </c>
      <c r="C31193">
        <v>2</v>
      </c>
      <c r="D31193">
        <v>0</v>
      </c>
    </row>
    <row r="31194" spans="1:4" x14ac:dyDescent="0.25">
      <c r="A31194" t="s">
        <v>46718</v>
      </c>
      <c r="B31194" t="s">
        <v>46721</v>
      </c>
      <c r="C31194">
        <v>0</v>
      </c>
      <c r="D31194">
        <v>0</v>
      </c>
    </row>
    <row r="31195" spans="1:4" x14ac:dyDescent="0.25">
      <c r="A31195" t="s">
        <v>46718</v>
      </c>
      <c r="B31195" t="s">
        <v>46722</v>
      </c>
      <c r="C31195">
        <v>0</v>
      </c>
      <c r="D31195">
        <v>0</v>
      </c>
    </row>
    <row r="31196" spans="1:4" x14ac:dyDescent="0.25">
      <c r="A31196" t="s">
        <v>46718</v>
      </c>
      <c r="B31196" t="s">
        <v>46723</v>
      </c>
      <c r="C31196">
        <v>1</v>
      </c>
      <c r="D31196">
        <v>0</v>
      </c>
    </row>
    <row r="31197" spans="1:4" x14ac:dyDescent="0.25">
      <c r="A31197" t="s">
        <v>46718</v>
      </c>
      <c r="B31197" t="s">
        <v>46724</v>
      </c>
      <c r="C31197">
        <v>0</v>
      </c>
      <c r="D31197">
        <v>0</v>
      </c>
    </row>
    <row r="31198" spans="1:4" x14ac:dyDescent="0.25">
      <c r="A31198" t="s">
        <v>46718</v>
      </c>
      <c r="B31198" t="s">
        <v>19309</v>
      </c>
      <c r="C31198">
        <v>0</v>
      </c>
      <c r="D31198">
        <v>0</v>
      </c>
    </row>
    <row r="31199" spans="1:4" x14ac:dyDescent="0.25">
      <c r="A31199" t="s">
        <v>46718</v>
      </c>
      <c r="B31199" t="s">
        <v>46725</v>
      </c>
      <c r="C31199">
        <v>0</v>
      </c>
      <c r="D31199">
        <v>0</v>
      </c>
    </row>
    <row r="31200" spans="1:4" x14ac:dyDescent="0.25">
      <c r="A31200" t="s">
        <v>46726</v>
      </c>
      <c r="B31200" t="s">
        <v>46727</v>
      </c>
      <c r="C31200">
        <v>1</v>
      </c>
      <c r="D31200">
        <v>0</v>
      </c>
    </row>
    <row r="31201" spans="1:4" x14ac:dyDescent="0.25">
      <c r="A31201" t="s">
        <v>46726</v>
      </c>
      <c r="B31201" t="s">
        <v>46728</v>
      </c>
      <c r="C31201">
        <v>2</v>
      </c>
      <c r="D31201">
        <v>0</v>
      </c>
    </row>
    <row r="31202" spans="1:4" x14ac:dyDescent="0.25">
      <c r="A31202" t="s">
        <v>46729</v>
      </c>
      <c r="B31202" t="s">
        <v>46730</v>
      </c>
      <c r="C31202">
        <v>0</v>
      </c>
      <c r="D31202">
        <v>0</v>
      </c>
    </row>
    <row r="31203" spans="1:4" x14ac:dyDescent="0.25">
      <c r="A31203" t="s">
        <v>46731</v>
      </c>
      <c r="B31203" t="s">
        <v>46732</v>
      </c>
      <c r="C31203">
        <v>1</v>
      </c>
      <c r="D31203">
        <v>0</v>
      </c>
    </row>
    <row r="31204" spans="1:4" x14ac:dyDescent="0.25">
      <c r="A31204" t="s">
        <v>46731</v>
      </c>
      <c r="B31204" t="s">
        <v>46733</v>
      </c>
      <c r="C31204">
        <v>1</v>
      </c>
      <c r="D31204">
        <v>0</v>
      </c>
    </row>
    <row r="31205" spans="1:4" x14ac:dyDescent="0.25">
      <c r="A31205" t="s">
        <v>46731</v>
      </c>
      <c r="B31205" t="s">
        <v>46734</v>
      </c>
      <c r="C31205">
        <v>1</v>
      </c>
      <c r="D31205">
        <v>0</v>
      </c>
    </row>
    <row r="31206" spans="1:4" x14ac:dyDescent="0.25">
      <c r="A31206" t="s">
        <v>46731</v>
      </c>
      <c r="B31206" t="s">
        <v>46735</v>
      </c>
      <c r="C31206">
        <v>2</v>
      </c>
      <c r="D31206">
        <v>0</v>
      </c>
    </row>
    <row r="31207" spans="1:4" x14ac:dyDescent="0.25">
      <c r="A31207" t="s">
        <v>46736</v>
      </c>
      <c r="B31207" t="s">
        <v>46737</v>
      </c>
      <c r="C31207">
        <v>1</v>
      </c>
      <c r="D31207">
        <v>0</v>
      </c>
    </row>
    <row r="31208" spans="1:4" x14ac:dyDescent="0.25">
      <c r="A31208" t="s">
        <v>46736</v>
      </c>
      <c r="B31208" t="s">
        <v>46738</v>
      </c>
      <c r="C31208">
        <v>1</v>
      </c>
      <c r="D31208">
        <v>0</v>
      </c>
    </row>
    <row r="31209" spans="1:4" x14ac:dyDescent="0.25">
      <c r="A31209" t="s">
        <v>46736</v>
      </c>
      <c r="B31209" t="s">
        <v>46739</v>
      </c>
      <c r="C31209">
        <v>1</v>
      </c>
      <c r="D31209">
        <v>0</v>
      </c>
    </row>
    <row r="31210" spans="1:4" x14ac:dyDescent="0.25">
      <c r="A31210" t="s">
        <v>46736</v>
      </c>
      <c r="B31210" t="s">
        <v>46740</v>
      </c>
      <c r="C31210">
        <v>1</v>
      </c>
      <c r="D31210">
        <v>0</v>
      </c>
    </row>
    <row r="31211" spans="1:4" x14ac:dyDescent="0.25">
      <c r="A31211" t="s">
        <v>46736</v>
      </c>
      <c r="B31211" t="s">
        <v>46741</v>
      </c>
      <c r="C31211">
        <v>1</v>
      </c>
      <c r="D31211">
        <v>0</v>
      </c>
    </row>
    <row r="31212" spans="1:4" x14ac:dyDescent="0.25">
      <c r="A31212" t="s">
        <v>46742</v>
      </c>
      <c r="B31212" t="s">
        <v>968</v>
      </c>
      <c r="C31212">
        <v>1</v>
      </c>
      <c r="D31212">
        <v>0</v>
      </c>
    </row>
    <row r="31213" spans="1:4" x14ac:dyDescent="0.25">
      <c r="A31213" t="s">
        <v>46742</v>
      </c>
      <c r="B31213" t="s">
        <v>5434</v>
      </c>
      <c r="C31213">
        <v>1</v>
      </c>
      <c r="D31213">
        <v>0</v>
      </c>
    </row>
    <row r="31214" spans="1:4" x14ac:dyDescent="0.25">
      <c r="A31214" t="s">
        <v>46742</v>
      </c>
      <c r="B31214" t="s">
        <v>46743</v>
      </c>
      <c r="C31214">
        <v>1</v>
      </c>
      <c r="D31214">
        <v>0</v>
      </c>
    </row>
    <row r="31215" spans="1:4" x14ac:dyDescent="0.25">
      <c r="A31215" t="s">
        <v>46744</v>
      </c>
      <c r="B31215" t="s">
        <v>46745</v>
      </c>
      <c r="C31215">
        <v>1</v>
      </c>
      <c r="D31215">
        <v>0</v>
      </c>
    </row>
    <row r="31216" spans="1:4" x14ac:dyDescent="0.25">
      <c r="A31216" t="s">
        <v>46744</v>
      </c>
      <c r="B31216" t="s">
        <v>46746</v>
      </c>
      <c r="C31216">
        <v>1</v>
      </c>
      <c r="D31216">
        <v>0</v>
      </c>
    </row>
    <row r="31217" spans="1:4" x14ac:dyDescent="0.25">
      <c r="A31217" t="s">
        <v>46747</v>
      </c>
      <c r="B31217" t="s">
        <v>7133</v>
      </c>
      <c r="C31217">
        <v>0</v>
      </c>
      <c r="D31217">
        <v>0</v>
      </c>
    </row>
    <row r="31218" spans="1:4" x14ac:dyDescent="0.25">
      <c r="A31218" t="s">
        <v>46747</v>
      </c>
      <c r="B31218" t="s">
        <v>46748</v>
      </c>
      <c r="C31218">
        <v>0</v>
      </c>
      <c r="D31218">
        <v>0</v>
      </c>
    </row>
    <row r="31219" spans="1:4" x14ac:dyDescent="0.25">
      <c r="A31219" t="s">
        <v>46747</v>
      </c>
      <c r="B31219" t="s">
        <v>46749</v>
      </c>
      <c r="C31219">
        <v>1</v>
      </c>
      <c r="D31219">
        <v>0</v>
      </c>
    </row>
    <row r="31220" spans="1:4" x14ac:dyDescent="0.25">
      <c r="A31220" t="s">
        <v>46747</v>
      </c>
      <c r="B31220" t="s">
        <v>46750</v>
      </c>
      <c r="C31220">
        <v>0</v>
      </c>
      <c r="D31220">
        <v>0</v>
      </c>
    </row>
    <row r="31221" spans="1:4" x14ac:dyDescent="0.25">
      <c r="A31221" t="s">
        <v>46751</v>
      </c>
      <c r="B31221" t="s">
        <v>46752</v>
      </c>
      <c r="C31221">
        <v>0</v>
      </c>
      <c r="D31221">
        <v>0</v>
      </c>
    </row>
    <row r="31222" spans="1:4" x14ac:dyDescent="0.25">
      <c r="A31222" t="s">
        <v>46751</v>
      </c>
      <c r="B31222" t="s">
        <v>46753</v>
      </c>
      <c r="C31222">
        <v>0</v>
      </c>
      <c r="D31222">
        <v>0</v>
      </c>
    </row>
    <row r="31223" spans="1:4" x14ac:dyDescent="0.25">
      <c r="A31223" t="s">
        <v>46751</v>
      </c>
      <c r="B31223" t="s">
        <v>46754</v>
      </c>
      <c r="C31223">
        <v>0</v>
      </c>
      <c r="D31223">
        <v>0</v>
      </c>
    </row>
    <row r="31224" spans="1:4" x14ac:dyDescent="0.25">
      <c r="A31224" t="s">
        <v>46751</v>
      </c>
      <c r="B31224" t="s">
        <v>46755</v>
      </c>
      <c r="C31224">
        <v>1</v>
      </c>
      <c r="D31224">
        <v>0</v>
      </c>
    </row>
    <row r="31225" spans="1:4" x14ac:dyDescent="0.25">
      <c r="A31225" t="s">
        <v>46751</v>
      </c>
      <c r="B31225" t="s">
        <v>46756</v>
      </c>
      <c r="C31225">
        <v>0</v>
      </c>
      <c r="D31225">
        <v>0</v>
      </c>
    </row>
    <row r="31226" spans="1:4" x14ac:dyDescent="0.25">
      <c r="A31226" t="s">
        <v>46751</v>
      </c>
      <c r="B31226" t="s">
        <v>46757</v>
      </c>
      <c r="C31226">
        <v>0</v>
      </c>
      <c r="D31226">
        <v>0</v>
      </c>
    </row>
    <row r="31227" spans="1:4" x14ac:dyDescent="0.25">
      <c r="A31227" t="s">
        <v>46758</v>
      </c>
      <c r="B31227" t="s">
        <v>46759</v>
      </c>
      <c r="C31227">
        <v>2</v>
      </c>
      <c r="D31227">
        <v>0</v>
      </c>
    </row>
    <row r="31228" spans="1:4" x14ac:dyDescent="0.25">
      <c r="A31228" t="s">
        <v>46758</v>
      </c>
      <c r="B31228" t="s">
        <v>46760</v>
      </c>
      <c r="C31228">
        <v>1</v>
      </c>
      <c r="D31228">
        <v>0</v>
      </c>
    </row>
    <row r="31229" spans="1:4" x14ac:dyDescent="0.25">
      <c r="A31229" t="s">
        <v>46758</v>
      </c>
      <c r="B31229" t="s">
        <v>46761</v>
      </c>
      <c r="C31229">
        <v>2</v>
      </c>
      <c r="D31229">
        <v>0</v>
      </c>
    </row>
    <row r="31230" spans="1:4" x14ac:dyDescent="0.25">
      <c r="A31230" t="s">
        <v>46758</v>
      </c>
      <c r="B31230" t="s">
        <v>46762</v>
      </c>
      <c r="C31230">
        <v>2</v>
      </c>
      <c r="D31230">
        <v>0</v>
      </c>
    </row>
    <row r="31231" spans="1:4" x14ac:dyDescent="0.25">
      <c r="A31231" t="s">
        <v>46763</v>
      </c>
      <c r="B31231" t="s">
        <v>46764</v>
      </c>
      <c r="C31231">
        <v>1</v>
      </c>
      <c r="D31231">
        <v>0</v>
      </c>
    </row>
    <row r="31232" spans="1:4" x14ac:dyDescent="0.25">
      <c r="A31232" t="s">
        <v>46763</v>
      </c>
      <c r="B31232" t="s">
        <v>46765</v>
      </c>
      <c r="C31232">
        <v>1</v>
      </c>
      <c r="D31232">
        <v>0</v>
      </c>
    </row>
    <row r="31233" spans="1:4" x14ac:dyDescent="0.25">
      <c r="A31233" t="s">
        <v>46763</v>
      </c>
      <c r="B31233" t="s">
        <v>46766</v>
      </c>
      <c r="C31233">
        <v>1</v>
      </c>
      <c r="D31233">
        <v>0</v>
      </c>
    </row>
    <row r="31234" spans="1:4" x14ac:dyDescent="0.25">
      <c r="A31234" t="s">
        <v>46763</v>
      </c>
      <c r="B31234" t="s">
        <v>46767</v>
      </c>
      <c r="C31234">
        <v>1</v>
      </c>
      <c r="D31234">
        <v>0</v>
      </c>
    </row>
    <row r="31235" spans="1:4" x14ac:dyDescent="0.25">
      <c r="A31235" t="s">
        <v>46763</v>
      </c>
      <c r="B31235" t="s">
        <v>46768</v>
      </c>
      <c r="C31235">
        <v>1</v>
      </c>
      <c r="D31235">
        <v>0</v>
      </c>
    </row>
    <row r="31236" spans="1:4" x14ac:dyDescent="0.25">
      <c r="A31236" t="s">
        <v>46763</v>
      </c>
      <c r="B31236" t="s">
        <v>46769</v>
      </c>
      <c r="C31236">
        <v>1</v>
      </c>
      <c r="D31236">
        <v>0</v>
      </c>
    </row>
    <row r="31237" spans="1:4" x14ac:dyDescent="0.25">
      <c r="A31237" t="s">
        <v>46770</v>
      </c>
      <c r="B31237" t="s">
        <v>46771</v>
      </c>
      <c r="C31237">
        <v>0</v>
      </c>
      <c r="D31237">
        <v>0</v>
      </c>
    </row>
    <row r="31238" spans="1:4" x14ac:dyDescent="0.25">
      <c r="A31238" t="s">
        <v>46770</v>
      </c>
      <c r="B31238" t="s">
        <v>46772</v>
      </c>
      <c r="C31238">
        <v>0</v>
      </c>
      <c r="D31238">
        <v>0</v>
      </c>
    </row>
    <row r="31239" spans="1:4" x14ac:dyDescent="0.25">
      <c r="A31239" t="s">
        <v>46770</v>
      </c>
      <c r="B31239" t="s">
        <v>46773</v>
      </c>
      <c r="C31239">
        <v>0</v>
      </c>
      <c r="D31239">
        <v>0</v>
      </c>
    </row>
    <row r="31240" spans="1:4" x14ac:dyDescent="0.25">
      <c r="A31240" t="s">
        <v>46770</v>
      </c>
      <c r="B31240" t="s">
        <v>46774</v>
      </c>
      <c r="C31240">
        <v>1</v>
      </c>
      <c r="D31240">
        <v>0</v>
      </c>
    </row>
    <row r="31241" spans="1:4" x14ac:dyDescent="0.25">
      <c r="A31241" t="s">
        <v>46770</v>
      </c>
      <c r="B31241" t="s">
        <v>46775</v>
      </c>
      <c r="C31241">
        <v>0</v>
      </c>
      <c r="D31241">
        <v>0</v>
      </c>
    </row>
    <row r="31242" spans="1:4" x14ac:dyDescent="0.25">
      <c r="A31242" t="s">
        <v>46770</v>
      </c>
      <c r="B31242" t="s">
        <v>46776</v>
      </c>
      <c r="C31242">
        <v>2</v>
      </c>
      <c r="D31242">
        <v>0</v>
      </c>
    </row>
    <row r="31243" spans="1:4" x14ac:dyDescent="0.25">
      <c r="A31243" t="s">
        <v>46770</v>
      </c>
      <c r="B31243" t="s">
        <v>46777</v>
      </c>
      <c r="C31243">
        <v>0</v>
      </c>
      <c r="D31243">
        <v>0</v>
      </c>
    </row>
    <row r="31244" spans="1:4" x14ac:dyDescent="0.25">
      <c r="A31244" t="s">
        <v>46778</v>
      </c>
      <c r="B31244" t="s">
        <v>46779</v>
      </c>
      <c r="C31244">
        <v>1</v>
      </c>
      <c r="D31244">
        <v>0</v>
      </c>
    </row>
    <row r="31245" spans="1:4" x14ac:dyDescent="0.25">
      <c r="A31245" t="s">
        <v>46778</v>
      </c>
      <c r="B31245" t="s">
        <v>46780</v>
      </c>
      <c r="C31245">
        <v>0</v>
      </c>
      <c r="D31245">
        <v>0</v>
      </c>
    </row>
    <row r="31246" spans="1:4" x14ac:dyDescent="0.25">
      <c r="A31246" t="s">
        <v>46778</v>
      </c>
      <c r="B31246" t="s">
        <v>46781</v>
      </c>
      <c r="C31246">
        <v>0</v>
      </c>
      <c r="D31246">
        <v>0</v>
      </c>
    </row>
    <row r="31247" spans="1:4" x14ac:dyDescent="0.25">
      <c r="A31247" t="s">
        <v>46782</v>
      </c>
      <c r="B31247" t="s">
        <v>46783</v>
      </c>
      <c r="C31247">
        <v>1</v>
      </c>
      <c r="D31247">
        <v>0</v>
      </c>
    </row>
    <row r="31248" spans="1:4" x14ac:dyDescent="0.25">
      <c r="A31248" t="s">
        <v>46782</v>
      </c>
      <c r="B31248" t="s">
        <v>46784</v>
      </c>
      <c r="C31248">
        <v>1</v>
      </c>
      <c r="D31248">
        <v>0</v>
      </c>
    </row>
    <row r="31249" spans="1:4" x14ac:dyDescent="0.25">
      <c r="A31249" t="s">
        <v>46782</v>
      </c>
      <c r="B31249" t="s">
        <v>46785</v>
      </c>
      <c r="C31249">
        <v>1</v>
      </c>
      <c r="D31249">
        <v>0</v>
      </c>
    </row>
    <row r="31250" spans="1:4" x14ac:dyDescent="0.25">
      <c r="A31250" t="s">
        <v>46786</v>
      </c>
      <c r="B31250" t="s">
        <v>46787</v>
      </c>
      <c r="C31250">
        <v>1</v>
      </c>
      <c r="D31250">
        <v>0</v>
      </c>
    </row>
    <row r="31251" spans="1:4" x14ac:dyDescent="0.25">
      <c r="A31251" t="s">
        <v>46786</v>
      </c>
      <c r="B31251" t="s">
        <v>46788</v>
      </c>
      <c r="C31251">
        <v>2</v>
      </c>
      <c r="D31251">
        <v>0</v>
      </c>
    </row>
    <row r="31252" spans="1:4" x14ac:dyDescent="0.25">
      <c r="A31252" t="s">
        <v>46786</v>
      </c>
      <c r="B31252" t="s">
        <v>46789</v>
      </c>
      <c r="C31252">
        <v>1</v>
      </c>
      <c r="D31252">
        <v>0</v>
      </c>
    </row>
    <row r="31253" spans="1:4" x14ac:dyDescent="0.25">
      <c r="A31253" t="s">
        <v>46786</v>
      </c>
      <c r="B31253" t="s">
        <v>46790</v>
      </c>
      <c r="C31253">
        <v>1</v>
      </c>
      <c r="D31253">
        <v>0</v>
      </c>
    </row>
    <row r="31254" spans="1:4" x14ac:dyDescent="0.25">
      <c r="A31254" t="s">
        <v>46786</v>
      </c>
      <c r="B31254" t="s">
        <v>46791</v>
      </c>
      <c r="C31254">
        <v>0</v>
      </c>
      <c r="D31254">
        <v>0</v>
      </c>
    </row>
    <row r="31255" spans="1:4" x14ac:dyDescent="0.25">
      <c r="A31255" t="s">
        <v>46792</v>
      </c>
      <c r="B31255" t="s">
        <v>46793</v>
      </c>
      <c r="C31255">
        <v>0</v>
      </c>
      <c r="D31255">
        <v>0</v>
      </c>
    </row>
    <row r="31256" spans="1:4" x14ac:dyDescent="0.25">
      <c r="A31256" t="s">
        <v>46792</v>
      </c>
      <c r="B31256" t="s">
        <v>46794</v>
      </c>
      <c r="C31256">
        <v>1</v>
      </c>
      <c r="D31256">
        <v>0</v>
      </c>
    </row>
    <row r="31257" spans="1:4" x14ac:dyDescent="0.25">
      <c r="A31257" t="s">
        <v>46792</v>
      </c>
      <c r="B31257" t="s">
        <v>46795</v>
      </c>
      <c r="C31257">
        <v>0</v>
      </c>
      <c r="D31257">
        <v>0</v>
      </c>
    </row>
    <row r="31258" spans="1:4" x14ac:dyDescent="0.25">
      <c r="A31258" t="s">
        <v>46792</v>
      </c>
      <c r="B31258" t="s">
        <v>46796</v>
      </c>
      <c r="C31258">
        <v>0</v>
      </c>
      <c r="D31258">
        <v>0</v>
      </c>
    </row>
    <row r="31259" spans="1:4" x14ac:dyDescent="0.25">
      <c r="A31259" t="s">
        <v>46792</v>
      </c>
      <c r="B31259" t="s">
        <v>46797</v>
      </c>
      <c r="C31259">
        <v>0</v>
      </c>
      <c r="D31259">
        <v>0</v>
      </c>
    </row>
    <row r="31260" spans="1:4" x14ac:dyDescent="0.25">
      <c r="A31260" t="s">
        <v>46798</v>
      </c>
      <c r="B31260" t="s">
        <v>46799</v>
      </c>
      <c r="C31260">
        <v>2</v>
      </c>
      <c r="D31260">
        <v>0</v>
      </c>
    </row>
    <row r="31261" spans="1:4" x14ac:dyDescent="0.25">
      <c r="A31261" t="s">
        <v>46798</v>
      </c>
      <c r="B31261" t="s">
        <v>46800</v>
      </c>
      <c r="C31261">
        <v>2</v>
      </c>
      <c r="D31261">
        <v>0</v>
      </c>
    </row>
    <row r="31262" spans="1:4" x14ac:dyDescent="0.25">
      <c r="A31262" t="s">
        <v>46798</v>
      </c>
      <c r="B31262" t="s">
        <v>46801</v>
      </c>
      <c r="C31262">
        <v>2</v>
      </c>
      <c r="D31262">
        <v>0</v>
      </c>
    </row>
    <row r="31263" spans="1:4" x14ac:dyDescent="0.25">
      <c r="A31263" t="s">
        <v>46798</v>
      </c>
      <c r="B31263" t="s">
        <v>46802</v>
      </c>
      <c r="C31263">
        <v>0</v>
      </c>
      <c r="D31263">
        <v>0</v>
      </c>
    </row>
    <row r="31264" spans="1:4" x14ac:dyDescent="0.25">
      <c r="A31264" t="s">
        <v>46798</v>
      </c>
      <c r="B31264" t="s">
        <v>46803</v>
      </c>
      <c r="C31264">
        <v>2</v>
      </c>
      <c r="D31264">
        <v>0</v>
      </c>
    </row>
    <row r="31265" spans="1:4" x14ac:dyDescent="0.25">
      <c r="A31265" t="s">
        <v>46804</v>
      </c>
      <c r="B31265" t="s">
        <v>46805</v>
      </c>
      <c r="C31265">
        <v>2</v>
      </c>
      <c r="D31265">
        <v>0</v>
      </c>
    </row>
    <row r="31266" spans="1:4" x14ac:dyDescent="0.25">
      <c r="A31266" t="s">
        <v>46804</v>
      </c>
      <c r="B31266" t="s">
        <v>46806</v>
      </c>
      <c r="C31266">
        <v>0</v>
      </c>
      <c r="D31266">
        <v>0</v>
      </c>
    </row>
    <row r="31267" spans="1:4" x14ac:dyDescent="0.25">
      <c r="A31267" t="s">
        <v>46804</v>
      </c>
      <c r="B31267" t="s">
        <v>46807</v>
      </c>
      <c r="C31267">
        <v>2</v>
      </c>
      <c r="D31267">
        <v>0</v>
      </c>
    </row>
    <row r="31268" spans="1:4" x14ac:dyDescent="0.25">
      <c r="A31268" t="s">
        <v>46804</v>
      </c>
      <c r="B31268" t="s">
        <v>46808</v>
      </c>
      <c r="C31268">
        <v>0</v>
      </c>
      <c r="D31268">
        <v>0</v>
      </c>
    </row>
    <row r="31269" spans="1:4" x14ac:dyDescent="0.25">
      <c r="A31269" t="s">
        <v>46804</v>
      </c>
      <c r="B31269" t="s">
        <v>46809</v>
      </c>
      <c r="C31269">
        <v>2</v>
      </c>
      <c r="D31269">
        <v>0</v>
      </c>
    </row>
    <row r="31270" spans="1:4" x14ac:dyDescent="0.25">
      <c r="A31270" t="s">
        <v>46804</v>
      </c>
      <c r="B31270" t="s">
        <v>46810</v>
      </c>
      <c r="C31270">
        <v>1</v>
      </c>
      <c r="D31270">
        <v>0</v>
      </c>
    </row>
    <row r="31271" spans="1:4" x14ac:dyDescent="0.25">
      <c r="A31271" t="s">
        <v>46804</v>
      </c>
      <c r="B31271" t="s">
        <v>46811</v>
      </c>
      <c r="C31271">
        <v>0</v>
      </c>
      <c r="D31271">
        <v>0</v>
      </c>
    </row>
    <row r="31272" spans="1:4" x14ac:dyDescent="0.25">
      <c r="A31272" t="s">
        <v>46812</v>
      </c>
      <c r="B31272" t="s">
        <v>46813</v>
      </c>
      <c r="C31272">
        <v>0</v>
      </c>
      <c r="D31272">
        <v>0</v>
      </c>
    </row>
    <row r="31273" spans="1:4" x14ac:dyDescent="0.25">
      <c r="A31273" t="s">
        <v>46812</v>
      </c>
      <c r="B31273" t="s">
        <v>46814</v>
      </c>
      <c r="C31273">
        <v>2</v>
      </c>
      <c r="D31273">
        <v>0</v>
      </c>
    </row>
    <row r="31274" spans="1:4" x14ac:dyDescent="0.25">
      <c r="A31274" t="s">
        <v>46812</v>
      </c>
      <c r="B31274" t="s">
        <v>9218</v>
      </c>
      <c r="C31274">
        <v>1</v>
      </c>
      <c r="D31274">
        <v>0</v>
      </c>
    </row>
    <row r="31275" spans="1:4" x14ac:dyDescent="0.25">
      <c r="A31275" t="s">
        <v>46812</v>
      </c>
      <c r="B31275" t="s">
        <v>46815</v>
      </c>
      <c r="C31275">
        <v>1</v>
      </c>
      <c r="D31275">
        <v>0</v>
      </c>
    </row>
    <row r="31276" spans="1:4" x14ac:dyDescent="0.25">
      <c r="A31276" t="s">
        <v>46812</v>
      </c>
      <c r="B31276" t="s">
        <v>46816</v>
      </c>
      <c r="C31276">
        <v>2</v>
      </c>
      <c r="D31276">
        <v>0</v>
      </c>
    </row>
    <row r="31277" spans="1:4" x14ac:dyDescent="0.25">
      <c r="A31277" t="s">
        <v>46812</v>
      </c>
      <c r="B31277" t="s">
        <v>46817</v>
      </c>
      <c r="C31277">
        <v>2</v>
      </c>
      <c r="D31277">
        <v>0</v>
      </c>
    </row>
    <row r="31278" spans="1:4" x14ac:dyDescent="0.25">
      <c r="A31278" t="s">
        <v>46818</v>
      </c>
      <c r="B31278" t="s">
        <v>46819</v>
      </c>
      <c r="C31278">
        <v>0</v>
      </c>
      <c r="D31278">
        <v>0</v>
      </c>
    </row>
    <row r="31279" spans="1:4" x14ac:dyDescent="0.25">
      <c r="A31279" t="s">
        <v>46818</v>
      </c>
      <c r="B31279" t="s">
        <v>46820</v>
      </c>
      <c r="C31279">
        <v>2</v>
      </c>
      <c r="D31279">
        <v>0</v>
      </c>
    </row>
    <row r="31280" spans="1:4" x14ac:dyDescent="0.25">
      <c r="A31280" t="s">
        <v>46818</v>
      </c>
      <c r="B31280" t="s">
        <v>46821</v>
      </c>
      <c r="C31280">
        <v>1</v>
      </c>
      <c r="D31280">
        <v>0</v>
      </c>
    </row>
    <row r="31281" spans="1:4" x14ac:dyDescent="0.25">
      <c r="A31281" t="s">
        <v>46818</v>
      </c>
      <c r="B31281" t="s">
        <v>46822</v>
      </c>
      <c r="C31281">
        <v>1</v>
      </c>
      <c r="D31281">
        <v>0</v>
      </c>
    </row>
    <row r="31282" spans="1:4" x14ac:dyDescent="0.25">
      <c r="A31282" t="s">
        <v>46818</v>
      </c>
      <c r="B31282" t="s">
        <v>46823</v>
      </c>
      <c r="C31282">
        <v>0</v>
      </c>
      <c r="D31282">
        <v>0</v>
      </c>
    </row>
    <row r="31283" spans="1:4" x14ac:dyDescent="0.25">
      <c r="A31283" t="s">
        <v>46818</v>
      </c>
      <c r="B31283" t="s">
        <v>46824</v>
      </c>
      <c r="C31283">
        <v>2</v>
      </c>
      <c r="D31283">
        <v>0</v>
      </c>
    </row>
    <row r="31284" spans="1:4" x14ac:dyDescent="0.25">
      <c r="A31284" t="s">
        <v>46825</v>
      </c>
      <c r="B31284" t="s">
        <v>4141</v>
      </c>
      <c r="C31284">
        <v>1</v>
      </c>
      <c r="D31284">
        <v>0</v>
      </c>
    </row>
    <row r="31285" spans="1:4" x14ac:dyDescent="0.25">
      <c r="A31285" t="s">
        <v>46825</v>
      </c>
      <c r="B31285" t="s">
        <v>46826</v>
      </c>
      <c r="C31285">
        <v>2</v>
      </c>
      <c r="D31285">
        <v>0</v>
      </c>
    </row>
    <row r="31286" spans="1:4" x14ac:dyDescent="0.25">
      <c r="A31286" t="s">
        <v>46825</v>
      </c>
      <c r="B31286" t="s">
        <v>46827</v>
      </c>
      <c r="C31286">
        <v>2</v>
      </c>
      <c r="D31286">
        <v>0</v>
      </c>
    </row>
    <row r="31287" spans="1:4" x14ac:dyDescent="0.25">
      <c r="A31287" t="s">
        <v>46825</v>
      </c>
      <c r="B31287" t="s">
        <v>46828</v>
      </c>
      <c r="C31287">
        <v>2</v>
      </c>
      <c r="D31287">
        <v>0</v>
      </c>
    </row>
    <row r="31288" spans="1:4" x14ac:dyDescent="0.25">
      <c r="A31288" t="s">
        <v>46825</v>
      </c>
      <c r="B31288" t="s">
        <v>46829</v>
      </c>
      <c r="C31288">
        <v>1</v>
      </c>
      <c r="D31288">
        <v>0</v>
      </c>
    </row>
    <row r="31289" spans="1:4" x14ac:dyDescent="0.25">
      <c r="A31289" t="s">
        <v>46825</v>
      </c>
      <c r="B31289" t="s">
        <v>46830</v>
      </c>
      <c r="C31289">
        <v>2</v>
      </c>
      <c r="D31289">
        <v>0</v>
      </c>
    </row>
    <row r="31290" spans="1:4" x14ac:dyDescent="0.25">
      <c r="A31290" t="s">
        <v>46825</v>
      </c>
      <c r="B31290" t="s">
        <v>46831</v>
      </c>
      <c r="C31290">
        <v>2</v>
      </c>
      <c r="D31290">
        <v>0</v>
      </c>
    </row>
    <row r="31291" spans="1:4" x14ac:dyDescent="0.25">
      <c r="A31291" t="s">
        <v>46825</v>
      </c>
      <c r="B31291" t="s">
        <v>46832</v>
      </c>
      <c r="C31291">
        <v>0</v>
      </c>
      <c r="D31291">
        <v>0</v>
      </c>
    </row>
    <row r="31292" spans="1:4" x14ac:dyDescent="0.25">
      <c r="A31292" t="s">
        <v>46833</v>
      </c>
      <c r="B31292" t="s">
        <v>46834</v>
      </c>
      <c r="C31292">
        <v>1</v>
      </c>
      <c r="D31292">
        <v>0</v>
      </c>
    </row>
    <row r="31293" spans="1:4" x14ac:dyDescent="0.25">
      <c r="A31293" t="s">
        <v>46833</v>
      </c>
      <c r="B31293" t="s">
        <v>46835</v>
      </c>
      <c r="C31293">
        <v>0</v>
      </c>
      <c r="D31293">
        <v>0</v>
      </c>
    </row>
    <row r="31294" spans="1:4" x14ac:dyDescent="0.25">
      <c r="A31294" t="s">
        <v>46833</v>
      </c>
      <c r="B31294" t="s">
        <v>46836</v>
      </c>
      <c r="C31294">
        <v>1</v>
      </c>
      <c r="D31294">
        <v>0</v>
      </c>
    </row>
    <row r="31295" spans="1:4" x14ac:dyDescent="0.25">
      <c r="A31295" t="s">
        <v>46833</v>
      </c>
      <c r="B31295" t="s">
        <v>46837</v>
      </c>
      <c r="C31295">
        <v>1</v>
      </c>
      <c r="D31295">
        <v>0</v>
      </c>
    </row>
    <row r="31296" spans="1:4" x14ac:dyDescent="0.25">
      <c r="A31296" t="s">
        <v>46833</v>
      </c>
      <c r="B31296" t="s">
        <v>46838</v>
      </c>
      <c r="C31296">
        <v>2</v>
      </c>
      <c r="D31296">
        <v>0</v>
      </c>
    </row>
    <row r="31297" spans="1:4" x14ac:dyDescent="0.25">
      <c r="A31297" t="s">
        <v>46833</v>
      </c>
      <c r="B31297" t="s">
        <v>46839</v>
      </c>
      <c r="C31297">
        <v>2</v>
      </c>
      <c r="D31297">
        <v>0</v>
      </c>
    </row>
    <row r="31298" spans="1:4" x14ac:dyDescent="0.25">
      <c r="A31298" t="s">
        <v>46833</v>
      </c>
      <c r="B31298" t="s">
        <v>46840</v>
      </c>
      <c r="C31298">
        <v>2</v>
      </c>
      <c r="D31298">
        <v>0</v>
      </c>
    </row>
    <row r="31299" spans="1:4" x14ac:dyDescent="0.25">
      <c r="A31299" t="s">
        <v>46833</v>
      </c>
      <c r="B31299" t="s">
        <v>46841</v>
      </c>
      <c r="C31299">
        <v>2</v>
      </c>
      <c r="D31299">
        <v>0</v>
      </c>
    </row>
    <row r="31300" spans="1:4" x14ac:dyDescent="0.25">
      <c r="A31300" t="s">
        <v>46833</v>
      </c>
      <c r="B31300" t="s">
        <v>46842</v>
      </c>
      <c r="C31300">
        <v>1</v>
      </c>
      <c r="D31300">
        <v>0</v>
      </c>
    </row>
    <row r="31301" spans="1:4" x14ac:dyDescent="0.25">
      <c r="A31301" t="s">
        <v>46833</v>
      </c>
      <c r="B31301" t="s">
        <v>46843</v>
      </c>
      <c r="C31301">
        <v>0</v>
      </c>
      <c r="D31301">
        <v>0</v>
      </c>
    </row>
    <row r="31302" spans="1:4" x14ac:dyDescent="0.25">
      <c r="A31302" t="s">
        <v>46844</v>
      </c>
      <c r="B31302" t="s">
        <v>46845</v>
      </c>
      <c r="C31302">
        <v>1</v>
      </c>
      <c r="D31302">
        <v>0</v>
      </c>
    </row>
    <row r="31303" spans="1:4" x14ac:dyDescent="0.25">
      <c r="A31303" t="s">
        <v>46844</v>
      </c>
      <c r="B31303" t="s">
        <v>46846</v>
      </c>
      <c r="C31303">
        <v>1</v>
      </c>
      <c r="D31303">
        <v>0</v>
      </c>
    </row>
    <row r="31304" spans="1:4" x14ac:dyDescent="0.25">
      <c r="A31304" t="s">
        <v>46844</v>
      </c>
      <c r="B31304" t="s">
        <v>2651</v>
      </c>
      <c r="C31304">
        <v>0</v>
      </c>
      <c r="D31304">
        <v>0</v>
      </c>
    </row>
    <row r="31305" spans="1:4" x14ac:dyDescent="0.25">
      <c r="A31305" t="s">
        <v>46844</v>
      </c>
      <c r="B31305" t="s">
        <v>5434</v>
      </c>
      <c r="C31305">
        <v>1</v>
      </c>
      <c r="D31305">
        <v>0</v>
      </c>
    </row>
    <row r="31306" spans="1:4" x14ac:dyDescent="0.25">
      <c r="A31306" t="s">
        <v>46844</v>
      </c>
      <c r="B31306" t="s">
        <v>46847</v>
      </c>
      <c r="C31306">
        <v>1</v>
      </c>
      <c r="D31306">
        <v>0</v>
      </c>
    </row>
    <row r="31307" spans="1:4" x14ac:dyDescent="0.25">
      <c r="A31307" t="s">
        <v>46848</v>
      </c>
      <c r="B31307" t="s">
        <v>46849</v>
      </c>
      <c r="C31307">
        <v>1</v>
      </c>
      <c r="D31307">
        <v>0</v>
      </c>
    </row>
    <row r="31308" spans="1:4" x14ac:dyDescent="0.25">
      <c r="A31308" t="s">
        <v>46848</v>
      </c>
      <c r="B31308" t="s">
        <v>46850</v>
      </c>
      <c r="C31308">
        <v>2</v>
      </c>
      <c r="D31308">
        <v>0</v>
      </c>
    </row>
    <row r="31309" spans="1:4" x14ac:dyDescent="0.25">
      <c r="A31309" t="s">
        <v>46848</v>
      </c>
      <c r="B31309" t="s">
        <v>46851</v>
      </c>
      <c r="C31309">
        <v>1</v>
      </c>
      <c r="D31309">
        <v>0</v>
      </c>
    </row>
    <row r="31310" spans="1:4" x14ac:dyDescent="0.25">
      <c r="A31310" t="s">
        <v>46852</v>
      </c>
      <c r="B31310" t="s">
        <v>46853</v>
      </c>
      <c r="C31310">
        <v>1</v>
      </c>
      <c r="D31310">
        <v>0</v>
      </c>
    </row>
    <row r="31311" spans="1:4" x14ac:dyDescent="0.25">
      <c r="A31311" t="s">
        <v>46852</v>
      </c>
      <c r="B31311" t="s">
        <v>21395</v>
      </c>
      <c r="C31311">
        <v>1</v>
      </c>
      <c r="D31311">
        <v>0</v>
      </c>
    </row>
    <row r="31312" spans="1:4" x14ac:dyDescent="0.25">
      <c r="A31312" t="s">
        <v>46852</v>
      </c>
      <c r="B31312" t="s">
        <v>46854</v>
      </c>
      <c r="C31312">
        <v>1</v>
      </c>
      <c r="D31312">
        <v>0</v>
      </c>
    </row>
    <row r="31313" spans="1:4" x14ac:dyDescent="0.25">
      <c r="A31313" t="s">
        <v>46852</v>
      </c>
      <c r="B31313" t="s">
        <v>46855</v>
      </c>
      <c r="C31313">
        <v>1</v>
      </c>
      <c r="D31313">
        <v>0</v>
      </c>
    </row>
    <row r="31314" spans="1:4" x14ac:dyDescent="0.25">
      <c r="A31314" t="s">
        <v>46852</v>
      </c>
      <c r="B31314" t="s">
        <v>46856</v>
      </c>
      <c r="C31314">
        <v>0</v>
      </c>
      <c r="D31314">
        <v>0</v>
      </c>
    </row>
    <row r="31315" spans="1:4" x14ac:dyDescent="0.25">
      <c r="A31315" t="s">
        <v>46852</v>
      </c>
      <c r="B31315" t="s">
        <v>46857</v>
      </c>
      <c r="C31315">
        <v>2</v>
      </c>
      <c r="D31315">
        <v>0</v>
      </c>
    </row>
    <row r="31316" spans="1:4" x14ac:dyDescent="0.25">
      <c r="A31316" t="s">
        <v>46858</v>
      </c>
      <c r="B31316" t="s">
        <v>46859</v>
      </c>
      <c r="C31316">
        <v>0</v>
      </c>
      <c r="D31316">
        <v>0</v>
      </c>
    </row>
    <row r="31317" spans="1:4" x14ac:dyDescent="0.25">
      <c r="A31317" t="s">
        <v>46858</v>
      </c>
      <c r="B31317" t="s">
        <v>46860</v>
      </c>
      <c r="C31317">
        <v>0</v>
      </c>
      <c r="D31317">
        <v>0</v>
      </c>
    </row>
    <row r="31318" spans="1:4" x14ac:dyDescent="0.25">
      <c r="A31318" t="s">
        <v>46858</v>
      </c>
      <c r="B31318" t="s">
        <v>46861</v>
      </c>
      <c r="C31318">
        <v>2</v>
      </c>
      <c r="D31318">
        <v>0</v>
      </c>
    </row>
    <row r="31319" spans="1:4" x14ac:dyDescent="0.25">
      <c r="A31319" t="s">
        <v>46858</v>
      </c>
      <c r="B31319" t="s">
        <v>46862</v>
      </c>
      <c r="C31319">
        <v>0</v>
      </c>
      <c r="D31319">
        <v>0</v>
      </c>
    </row>
    <row r="31320" spans="1:4" x14ac:dyDescent="0.25">
      <c r="A31320" t="s">
        <v>46858</v>
      </c>
      <c r="B31320" t="s">
        <v>46863</v>
      </c>
      <c r="C31320">
        <v>2</v>
      </c>
      <c r="D31320">
        <v>0</v>
      </c>
    </row>
    <row r="31321" spans="1:4" x14ac:dyDescent="0.25">
      <c r="A31321" t="s">
        <v>46858</v>
      </c>
      <c r="B31321" t="s">
        <v>46864</v>
      </c>
      <c r="C31321">
        <v>0</v>
      </c>
      <c r="D31321">
        <v>0</v>
      </c>
    </row>
    <row r="31322" spans="1:4" x14ac:dyDescent="0.25">
      <c r="A31322" t="s">
        <v>46865</v>
      </c>
      <c r="B31322" t="s">
        <v>46866</v>
      </c>
      <c r="C31322">
        <v>1</v>
      </c>
      <c r="D31322">
        <v>0</v>
      </c>
    </row>
    <row r="31323" spans="1:4" x14ac:dyDescent="0.25">
      <c r="A31323" t="s">
        <v>46865</v>
      </c>
      <c r="B31323" t="s">
        <v>46867</v>
      </c>
      <c r="C31323">
        <v>1</v>
      </c>
      <c r="D31323">
        <v>0</v>
      </c>
    </row>
    <row r="31324" spans="1:4" x14ac:dyDescent="0.25">
      <c r="A31324" t="s">
        <v>46865</v>
      </c>
      <c r="B31324" t="s">
        <v>46867</v>
      </c>
      <c r="C31324">
        <v>2</v>
      </c>
      <c r="D31324">
        <v>0</v>
      </c>
    </row>
    <row r="31325" spans="1:4" x14ac:dyDescent="0.25">
      <c r="A31325" t="s">
        <v>46865</v>
      </c>
      <c r="B31325" t="s">
        <v>46868</v>
      </c>
      <c r="C31325">
        <v>2</v>
      </c>
      <c r="D31325">
        <v>0</v>
      </c>
    </row>
    <row r="31326" spans="1:4" x14ac:dyDescent="0.25">
      <c r="A31326" t="s">
        <v>46865</v>
      </c>
      <c r="B31326" t="s">
        <v>46869</v>
      </c>
      <c r="C31326">
        <v>1</v>
      </c>
      <c r="D31326">
        <v>0</v>
      </c>
    </row>
    <row r="31327" spans="1:4" x14ac:dyDescent="0.25">
      <c r="A31327" t="s">
        <v>46865</v>
      </c>
      <c r="B31327" t="s">
        <v>46870</v>
      </c>
      <c r="C31327">
        <v>1</v>
      </c>
      <c r="D31327">
        <v>0</v>
      </c>
    </row>
    <row r="31328" spans="1:4" x14ac:dyDescent="0.25">
      <c r="A31328" t="s">
        <v>46871</v>
      </c>
      <c r="B31328" t="s">
        <v>46872</v>
      </c>
      <c r="C31328">
        <v>1</v>
      </c>
      <c r="D31328">
        <v>0</v>
      </c>
    </row>
    <row r="31329" spans="1:4" x14ac:dyDescent="0.25">
      <c r="A31329" t="s">
        <v>46871</v>
      </c>
      <c r="B31329" t="s">
        <v>46873</v>
      </c>
      <c r="C31329">
        <v>1</v>
      </c>
      <c r="D31329">
        <v>0</v>
      </c>
    </row>
    <row r="31330" spans="1:4" x14ac:dyDescent="0.25">
      <c r="A31330" t="s">
        <v>46871</v>
      </c>
      <c r="B31330" t="s">
        <v>46874</v>
      </c>
      <c r="C31330">
        <v>0</v>
      </c>
      <c r="D31330">
        <v>0</v>
      </c>
    </row>
    <row r="31331" spans="1:4" x14ac:dyDescent="0.25">
      <c r="A31331" t="s">
        <v>46871</v>
      </c>
      <c r="B31331" t="s">
        <v>46875</v>
      </c>
      <c r="C31331">
        <v>1</v>
      </c>
      <c r="D31331">
        <v>0</v>
      </c>
    </row>
    <row r="31332" spans="1:4" x14ac:dyDescent="0.25">
      <c r="A31332" t="s">
        <v>46871</v>
      </c>
      <c r="B31332" t="s">
        <v>46876</v>
      </c>
      <c r="C31332">
        <v>1</v>
      </c>
      <c r="D31332">
        <v>0</v>
      </c>
    </row>
    <row r="31333" spans="1:4" x14ac:dyDescent="0.25">
      <c r="A31333" t="s">
        <v>46871</v>
      </c>
      <c r="B31333" t="s">
        <v>46877</v>
      </c>
      <c r="C31333">
        <v>2</v>
      </c>
      <c r="D31333">
        <v>0</v>
      </c>
    </row>
    <row r="31334" spans="1:4" x14ac:dyDescent="0.25">
      <c r="A31334" t="s">
        <v>46878</v>
      </c>
      <c r="B31334" t="s">
        <v>46879</v>
      </c>
      <c r="C31334">
        <v>1</v>
      </c>
      <c r="D31334">
        <v>0</v>
      </c>
    </row>
    <row r="31335" spans="1:4" x14ac:dyDescent="0.25">
      <c r="A31335" t="s">
        <v>46878</v>
      </c>
      <c r="B31335" t="s">
        <v>46880</v>
      </c>
      <c r="C31335">
        <v>0</v>
      </c>
      <c r="D31335">
        <v>0</v>
      </c>
    </row>
    <row r="31336" spans="1:4" x14ac:dyDescent="0.25">
      <c r="A31336" t="s">
        <v>46878</v>
      </c>
      <c r="B31336" t="s">
        <v>46881</v>
      </c>
      <c r="C31336">
        <v>0</v>
      </c>
      <c r="D31336">
        <v>0</v>
      </c>
    </row>
    <row r="31337" spans="1:4" x14ac:dyDescent="0.25">
      <c r="A31337" t="s">
        <v>46878</v>
      </c>
      <c r="B31337" t="s">
        <v>46882</v>
      </c>
      <c r="C31337">
        <v>0</v>
      </c>
      <c r="D31337">
        <v>0</v>
      </c>
    </row>
    <row r="31338" spans="1:4" x14ac:dyDescent="0.25">
      <c r="A31338" t="s">
        <v>46878</v>
      </c>
      <c r="B31338" t="s">
        <v>46883</v>
      </c>
      <c r="C31338">
        <v>2</v>
      </c>
      <c r="D31338">
        <v>0</v>
      </c>
    </row>
    <row r="31339" spans="1:4" x14ac:dyDescent="0.25">
      <c r="A31339" t="s">
        <v>46878</v>
      </c>
      <c r="B31339" t="s">
        <v>46884</v>
      </c>
      <c r="C31339">
        <v>1</v>
      </c>
      <c r="D31339">
        <v>0</v>
      </c>
    </row>
    <row r="31340" spans="1:4" x14ac:dyDescent="0.25">
      <c r="A31340" t="s">
        <v>46885</v>
      </c>
      <c r="B31340" t="s">
        <v>46886</v>
      </c>
      <c r="C31340">
        <v>2</v>
      </c>
      <c r="D31340">
        <v>0</v>
      </c>
    </row>
    <row r="31341" spans="1:4" x14ac:dyDescent="0.25">
      <c r="A31341" t="s">
        <v>46885</v>
      </c>
      <c r="B31341" t="s">
        <v>46887</v>
      </c>
      <c r="C31341">
        <v>1</v>
      </c>
      <c r="D31341">
        <v>0</v>
      </c>
    </row>
    <row r="31342" spans="1:4" x14ac:dyDescent="0.25">
      <c r="A31342" t="s">
        <v>46888</v>
      </c>
      <c r="B31342" t="s">
        <v>5047</v>
      </c>
      <c r="C31342">
        <v>1</v>
      </c>
      <c r="D31342">
        <v>0</v>
      </c>
    </row>
    <row r="31343" spans="1:4" x14ac:dyDescent="0.25">
      <c r="A31343" t="s">
        <v>46888</v>
      </c>
      <c r="B31343" t="s">
        <v>46889</v>
      </c>
      <c r="C31343">
        <v>2</v>
      </c>
      <c r="D31343">
        <v>0</v>
      </c>
    </row>
    <row r="31344" spans="1:4" x14ac:dyDescent="0.25">
      <c r="A31344" t="s">
        <v>46888</v>
      </c>
      <c r="B31344" t="s">
        <v>46890</v>
      </c>
      <c r="C31344">
        <v>2</v>
      </c>
      <c r="D31344">
        <v>0</v>
      </c>
    </row>
    <row r="31345" spans="1:4" x14ac:dyDescent="0.25">
      <c r="A31345" t="s">
        <v>46888</v>
      </c>
      <c r="B31345" t="s">
        <v>46891</v>
      </c>
      <c r="C31345">
        <v>1</v>
      </c>
      <c r="D31345">
        <v>0</v>
      </c>
    </row>
    <row r="31346" spans="1:4" x14ac:dyDescent="0.25">
      <c r="A31346" t="s">
        <v>46888</v>
      </c>
      <c r="B31346" t="s">
        <v>46892</v>
      </c>
      <c r="C31346">
        <v>0</v>
      </c>
      <c r="D31346">
        <v>0</v>
      </c>
    </row>
    <row r="31347" spans="1:4" x14ac:dyDescent="0.25">
      <c r="A31347" t="s">
        <v>46888</v>
      </c>
      <c r="B31347" t="s">
        <v>46893</v>
      </c>
      <c r="C31347">
        <v>0</v>
      </c>
      <c r="D31347">
        <v>0</v>
      </c>
    </row>
    <row r="31348" spans="1:4" x14ac:dyDescent="0.25">
      <c r="A31348" t="s">
        <v>46888</v>
      </c>
      <c r="B31348" t="s">
        <v>46894</v>
      </c>
      <c r="C31348">
        <v>0</v>
      </c>
      <c r="D31348">
        <v>0</v>
      </c>
    </row>
    <row r="31349" spans="1:4" x14ac:dyDescent="0.25">
      <c r="A31349" t="s">
        <v>46895</v>
      </c>
      <c r="B31349" t="s">
        <v>46896</v>
      </c>
      <c r="C31349">
        <v>0</v>
      </c>
      <c r="D31349">
        <v>0</v>
      </c>
    </row>
    <row r="31350" spans="1:4" x14ac:dyDescent="0.25">
      <c r="A31350" t="s">
        <v>46895</v>
      </c>
      <c r="B31350" t="s">
        <v>46897</v>
      </c>
      <c r="C31350">
        <v>1</v>
      </c>
      <c r="D31350">
        <v>0</v>
      </c>
    </row>
    <row r="31351" spans="1:4" x14ac:dyDescent="0.25">
      <c r="A31351" t="s">
        <v>46898</v>
      </c>
      <c r="B31351" t="s">
        <v>46899</v>
      </c>
      <c r="C31351">
        <v>1</v>
      </c>
      <c r="D31351">
        <v>0</v>
      </c>
    </row>
    <row r="31352" spans="1:4" x14ac:dyDescent="0.25">
      <c r="A31352" t="s">
        <v>46898</v>
      </c>
      <c r="B31352" t="s">
        <v>46900</v>
      </c>
      <c r="C31352">
        <v>1</v>
      </c>
      <c r="D31352">
        <v>0</v>
      </c>
    </row>
    <row r="31353" spans="1:4" x14ac:dyDescent="0.25">
      <c r="A31353" t="s">
        <v>46898</v>
      </c>
      <c r="B31353" t="s">
        <v>46901</v>
      </c>
      <c r="C31353">
        <v>2</v>
      </c>
      <c r="D31353">
        <v>0</v>
      </c>
    </row>
    <row r="31354" spans="1:4" x14ac:dyDescent="0.25">
      <c r="A31354" t="s">
        <v>46898</v>
      </c>
      <c r="B31354" t="s">
        <v>46902</v>
      </c>
      <c r="C31354">
        <v>1</v>
      </c>
      <c r="D31354">
        <v>0</v>
      </c>
    </row>
    <row r="31355" spans="1:4" x14ac:dyDescent="0.25">
      <c r="A31355" t="s">
        <v>46898</v>
      </c>
      <c r="B31355" t="s">
        <v>46903</v>
      </c>
      <c r="C31355">
        <v>0</v>
      </c>
      <c r="D31355">
        <v>0</v>
      </c>
    </row>
    <row r="31356" spans="1:4" x14ac:dyDescent="0.25">
      <c r="A31356" t="s">
        <v>46898</v>
      </c>
      <c r="B31356" t="s">
        <v>46904</v>
      </c>
      <c r="C31356">
        <v>0</v>
      </c>
      <c r="D31356">
        <v>0</v>
      </c>
    </row>
    <row r="31357" spans="1:4" x14ac:dyDescent="0.25">
      <c r="A31357" t="s">
        <v>46905</v>
      </c>
      <c r="B31357" t="s">
        <v>46906</v>
      </c>
      <c r="C31357">
        <v>1</v>
      </c>
      <c r="D31357">
        <v>0</v>
      </c>
    </row>
    <row r="31358" spans="1:4" x14ac:dyDescent="0.25">
      <c r="A31358" t="s">
        <v>46905</v>
      </c>
      <c r="B31358" t="s">
        <v>46907</v>
      </c>
      <c r="C31358">
        <v>1</v>
      </c>
      <c r="D31358">
        <v>0</v>
      </c>
    </row>
    <row r="31359" spans="1:4" x14ac:dyDescent="0.25">
      <c r="A31359" t="s">
        <v>46905</v>
      </c>
      <c r="B31359" t="s">
        <v>46908</v>
      </c>
      <c r="C31359">
        <v>2</v>
      </c>
      <c r="D31359">
        <v>0</v>
      </c>
    </row>
    <row r="31360" spans="1:4" x14ac:dyDescent="0.25">
      <c r="A31360" t="s">
        <v>46905</v>
      </c>
      <c r="B31360" t="s">
        <v>46909</v>
      </c>
      <c r="C31360">
        <v>1</v>
      </c>
      <c r="D31360">
        <v>0</v>
      </c>
    </row>
    <row r="31361" spans="1:4" x14ac:dyDescent="0.25">
      <c r="A31361" t="s">
        <v>46905</v>
      </c>
      <c r="B31361" t="s">
        <v>46910</v>
      </c>
      <c r="C31361">
        <v>1</v>
      </c>
      <c r="D31361">
        <v>0</v>
      </c>
    </row>
    <row r="31362" spans="1:4" x14ac:dyDescent="0.25">
      <c r="A31362" t="s">
        <v>46911</v>
      </c>
      <c r="B31362" t="s">
        <v>5434</v>
      </c>
      <c r="C31362">
        <v>1</v>
      </c>
      <c r="D31362">
        <v>0</v>
      </c>
    </row>
    <row r="31363" spans="1:4" x14ac:dyDescent="0.25">
      <c r="A31363" t="s">
        <v>46911</v>
      </c>
      <c r="B31363" t="s">
        <v>46912</v>
      </c>
      <c r="C31363">
        <v>1</v>
      </c>
      <c r="D31363">
        <v>0</v>
      </c>
    </row>
    <row r="31364" spans="1:4" x14ac:dyDescent="0.25">
      <c r="A31364" t="s">
        <v>46913</v>
      </c>
      <c r="B31364" t="s">
        <v>46914</v>
      </c>
      <c r="C31364">
        <v>1</v>
      </c>
      <c r="D31364">
        <v>0</v>
      </c>
    </row>
    <row r="31365" spans="1:4" x14ac:dyDescent="0.25">
      <c r="A31365" t="s">
        <v>46913</v>
      </c>
      <c r="B31365" t="s">
        <v>46915</v>
      </c>
      <c r="C31365">
        <v>0</v>
      </c>
      <c r="D31365">
        <v>0</v>
      </c>
    </row>
    <row r="31366" spans="1:4" x14ac:dyDescent="0.25">
      <c r="A31366" t="s">
        <v>46913</v>
      </c>
      <c r="B31366" t="s">
        <v>46916</v>
      </c>
      <c r="C31366">
        <v>1</v>
      </c>
      <c r="D31366">
        <v>0</v>
      </c>
    </row>
    <row r="31367" spans="1:4" x14ac:dyDescent="0.25">
      <c r="A31367" t="s">
        <v>46913</v>
      </c>
      <c r="B31367" t="s">
        <v>46917</v>
      </c>
      <c r="C31367">
        <v>1</v>
      </c>
      <c r="D31367">
        <v>0</v>
      </c>
    </row>
    <row r="31368" spans="1:4" x14ac:dyDescent="0.25">
      <c r="A31368" t="s">
        <v>46913</v>
      </c>
      <c r="B31368" t="s">
        <v>46918</v>
      </c>
      <c r="C31368">
        <v>0</v>
      </c>
      <c r="D31368">
        <v>0</v>
      </c>
    </row>
    <row r="31369" spans="1:4" x14ac:dyDescent="0.25">
      <c r="A31369" t="s">
        <v>46913</v>
      </c>
      <c r="B31369" t="s">
        <v>46919</v>
      </c>
      <c r="C31369">
        <v>1</v>
      </c>
      <c r="D31369">
        <v>0</v>
      </c>
    </row>
    <row r="31370" spans="1:4" x14ac:dyDescent="0.25">
      <c r="A31370" t="s">
        <v>46913</v>
      </c>
      <c r="B31370" t="s">
        <v>46920</v>
      </c>
      <c r="C31370">
        <v>1</v>
      </c>
      <c r="D31370">
        <v>0</v>
      </c>
    </row>
    <row r="31371" spans="1:4" x14ac:dyDescent="0.25">
      <c r="A31371" t="s">
        <v>46921</v>
      </c>
      <c r="B31371" t="s">
        <v>46922</v>
      </c>
      <c r="C31371">
        <v>1</v>
      </c>
      <c r="D31371">
        <v>0</v>
      </c>
    </row>
    <row r="31372" spans="1:4" x14ac:dyDescent="0.25">
      <c r="A31372" t="s">
        <v>46921</v>
      </c>
      <c r="B31372" t="s">
        <v>46923</v>
      </c>
      <c r="C31372">
        <v>0</v>
      </c>
      <c r="D31372">
        <v>0</v>
      </c>
    </row>
    <row r="31373" spans="1:4" x14ac:dyDescent="0.25">
      <c r="A31373" t="s">
        <v>46921</v>
      </c>
      <c r="B31373" t="s">
        <v>46924</v>
      </c>
      <c r="C31373">
        <v>0</v>
      </c>
      <c r="D31373">
        <v>0</v>
      </c>
    </row>
    <row r="31374" spans="1:4" x14ac:dyDescent="0.25">
      <c r="A31374" t="s">
        <v>46921</v>
      </c>
      <c r="B31374" t="s">
        <v>46925</v>
      </c>
      <c r="C31374">
        <v>1</v>
      </c>
      <c r="D31374">
        <v>0</v>
      </c>
    </row>
    <row r="31375" spans="1:4" x14ac:dyDescent="0.25">
      <c r="A31375" t="s">
        <v>46926</v>
      </c>
      <c r="B31375" t="s">
        <v>46927</v>
      </c>
      <c r="C31375">
        <v>1</v>
      </c>
      <c r="D31375">
        <v>0</v>
      </c>
    </row>
    <row r="31376" spans="1:4" x14ac:dyDescent="0.25">
      <c r="A31376" t="s">
        <v>46926</v>
      </c>
      <c r="B31376" t="s">
        <v>46928</v>
      </c>
      <c r="C31376">
        <v>0</v>
      </c>
      <c r="D31376">
        <v>0</v>
      </c>
    </row>
    <row r="31377" spans="1:4" x14ac:dyDescent="0.25">
      <c r="A31377" t="s">
        <v>46926</v>
      </c>
      <c r="B31377" t="s">
        <v>46929</v>
      </c>
      <c r="C31377">
        <v>2</v>
      </c>
      <c r="D31377">
        <v>0</v>
      </c>
    </row>
    <row r="31378" spans="1:4" x14ac:dyDescent="0.25">
      <c r="A31378" t="s">
        <v>46926</v>
      </c>
      <c r="B31378" t="s">
        <v>46927</v>
      </c>
      <c r="C31378">
        <v>1</v>
      </c>
      <c r="D31378">
        <v>0</v>
      </c>
    </row>
    <row r="31379" spans="1:4" x14ac:dyDescent="0.25">
      <c r="A31379" t="s">
        <v>46926</v>
      </c>
      <c r="B31379" t="s">
        <v>46930</v>
      </c>
      <c r="C31379">
        <v>1</v>
      </c>
      <c r="D31379">
        <v>0</v>
      </c>
    </row>
    <row r="31380" spans="1:4" x14ac:dyDescent="0.25">
      <c r="A31380" t="s">
        <v>46926</v>
      </c>
      <c r="B31380" t="s">
        <v>46931</v>
      </c>
      <c r="C31380">
        <v>1</v>
      </c>
      <c r="D31380">
        <v>0</v>
      </c>
    </row>
    <row r="31381" spans="1:4" x14ac:dyDescent="0.25">
      <c r="A31381" t="s">
        <v>46926</v>
      </c>
      <c r="B31381" t="s">
        <v>46932</v>
      </c>
      <c r="C31381">
        <v>2</v>
      </c>
      <c r="D31381">
        <v>0</v>
      </c>
    </row>
    <row r="31382" spans="1:4" x14ac:dyDescent="0.25">
      <c r="A31382" t="s">
        <v>46926</v>
      </c>
      <c r="B31382" t="s">
        <v>46933</v>
      </c>
      <c r="C31382">
        <v>2</v>
      </c>
      <c r="D31382">
        <v>0</v>
      </c>
    </row>
    <row r="31383" spans="1:4" x14ac:dyDescent="0.25">
      <c r="A31383" t="s">
        <v>46934</v>
      </c>
      <c r="B31383" t="s">
        <v>5434</v>
      </c>
      <c r="C31383">
        <v>1</v>
      </c>
      <c r="D31383">
        <v>0</v>
      </c>
    </row>
    <row r="31384" spans="1:4" x14ac:dyDescent="0.25">
      <c r="A31384" t="s">
        <v>46934</v>
      </c>
      <c r="B31384" t="s">
        <v>46935</v>
      </c>
      <c r="C31384">
        <v>1</v>
      </c>
      <c r="D31384">
        <v>0</v>
      </c>
    </row>
    <row r="31385" spans="1:4" x14ac:dyDescent="0.25">
      <c r="A31385" t="s">
        <v>46936</v>
      </c>
      <c r="B31385" t="s">
        <v>46937</v>
      </c>
      <c r="C31385">
        <v>1</v>
      </c>
      <c r="D31385">
        <v>0</v>
      </c>
    </row>
    <row r="31386" spans="1:4" x14ac:dyDescent="0.25">
      <c r="A31386" t="s">
        <v>46936</v>
      </c>
      <c r="B31386" t="s">
        <v>46938</v>
      </c>
      <c r="C31386">
        <v>0</v>
      </c>
      <c r="D31386">
        <v>0</v>
      </c>
    </row>
    <row r="31387" spans="1:4" x14ac:dyDescent="0.25">
      <c r="A31387" t="s">
        <v>46936</v>
      </c>
      <c r="B31387" t="s">
        <v>41883</v>
      </c>
      <c r="C31387">
        <v>1</v>
      </c>
      <c r="D31387">
        <v>0</v>
      </c>
    </row>
    <row r="31388" spans="1:4" x14ac:dyDescent="0.25">
      <c r="A31388" t="s">
        <v>46936</v>
      </c>
      <c r="B31388" t="s">
        <v>46939</v>
      </c>
      <c r="C31388">
        <v>0</v>
      </c>
      <c r="D31388">
        <v>0</v>
      </c>
    </row>
    <row r="31389" spans="1:4" x14ac:dyDescent="0.25">
      <c r="A31389" t="s">
        <v>46936</v>
      </c>
      <c r="B31389" t="s">
        <v>46940</v>
      </c>
      <c r="C31389">
        <v>1</v>
      </c>
      <c r="D31389">
        <v>0</v>
      </c>
    </row>
    <row r="31390" spans="1:4" x14ac:dyDescent="0.25">
      <c r="A31390" t="s">
        <v>46941</v>
      </c>
      <c r="B31390" t="s">
        <v>46942</v>
      </c>
      <c r="C31390">
        <v>1</v>
      </c>
      <c r="D31390">
        <v>0</v>
      </c>
    </row>
    <row r="31391" spans="1:4" x14ac:dyDescent="0.25">
      <c r="A31391" t="s">
        <v>46941</v>
      </c>
      <c r="B31391" t="s">
        <v>46943</v>
      </c>
      <c r="C31391">
        <v>1</v>
      </c>
      <c r="D31391">
        <v>0</v>
      </c>
    </row>
    <row r="31392" spans="1:4" x14ac:dyDescent="0.25">
      <c r="A31392" t="s">
        <v>46941</v>
      </c>
      <c r="B31392" t="s">
        <v>46944</v>
      </c>
      <c r="C31392">
        <v>1</v>
      </c>
      <c r="D31392">
        <v>0</v>
      </c>
    </row>
    <row r="31393" spans="1:4" x14ac:dyDescent="0.25">
      <c r="A31393" t="s">
        <v>46941</v>
      </c>
      <c r="B31393" t="s">
        <v>46945</v>
      </c>
      <c r="C31393">
        <v>1</v>
      </c>
      <c r="D31393">
        <v>0</v>
      </c>
    </row>
    <row r="31394" spans="1:4" x14ac:dyDescent="0.25">
      <c r="A31394" t="s">
        <v>46941</v>
      </c>
      <c r="B31394" t="s">
        <v>46946</v>
      </c>
      <c r="C31394">
        <v>2</v>
      </c>
      <c r="D31394">
        <v>0</v>
      </c>
    </row>
    <row r="31395" spans="1:4" x14ac:dyDescent="0.25">
      <c r="A31395" t="s">
        <v>46941</v>
      </c>
      <c r="B31395" t="s">
        <v>46947</v>
      </c>
      <c r="C31395">
        <v>1</v>
      </c>
      <c r="D31395">
        <v>0</v>
      </c>
    </row>
    <row r="31396" spans="1:4" x14ac:dyDescent="0.25">
      <c r="A31396" t="s">
        <v>46948</v>
      </c>
      <c r="B31396" t="s">
        <v>46949</v>
      </c>
      <c r="C31396">
        <v>1</v>
      </c>
      <c r="D31396">
        <v>0</v>
      </c>
    </row>
    <row r="31397" spans="1:4" x14ac:dyDescent="0.25">
      <c r="A31397" t="s">
        <v>46950</v>
      </c>
      <c r="B31397" t="s">
        <v>46951</v>
      </c>
      <c r="C31397">
        <v>1</v>
      </c>
      <c r="D31397">
        <v>0</v>
      </c>
    </row>
    <row r="31398" spans="1:4" x14ac:dyDescent="0.25">
      <c r="A31398" t="s">
        <v>46950</v>
      </c>
      <c r="B31398" t="s">
        <v>46952</v>
      </c>
      <c r="C31398">
        <v>1</v>
      </c>
      <c r="D31398">
        <v>0</v>
      </c>
    </row>
    <row r="31399" spans="1:4" x14ac:dyDescent="0.25">
      <c r="A31399" t="s">
        <v>46950</v>
      </c>
      <c r="B31399" t="s">
        <v>46953</v>
      </c>
      <c r="C31399">
        <v>2</v>
      </c>
      <c r="D31399">
        <v>0</v>
      </c>
    </row>
    <row r="31400" spans="1:4" x14ac:dyDescent="0.25">
      <c r="A31400" t="s">
        <v>46950</v>
      </c>
      <c r="B31400" t="s">
        <v>46954</v>
      </c>
      <c r="C31400">
        <v>1</v>
      </c>
      <c r="D31400">
        <v>0</v>
      </c>
    </row>
    <row r="31401" spans="1:4" x14ac:dyDescent="0.25">
      <c r="A31401" t="s">
        <v>46950</v>
      </c>
      <c r="B31401" t="s">
        <v>46955</v>
      </c>
      <c r="C31401">
        <v>1</v>
      </c>
      <c r="D31401">
        <v>0</v>
      </c>
    </row>
    <row r="31402" spans="1:4" x14ac:dyDescent="0.25">
      <c r="A31402" t="s">
        <v>46956</v>
      </c>
      <c r="B31402" t="s">
        <v>46957</v>
      </c>
      <c r="C31402">
        <v>1</v>
      </c>
      <c r="D31402">
        <v>0</v>
      </c>
    </row>
    <row r="31403" spans="1:4" x14ac:dyDescent="0.25">
      <c r="A31403" t="s">
        <v>46956</v>
      </c>
      <c r="B31403" t="s">
        <v>46958</v>
      </c>
      <c r="C31403">
        <v>0</v>
      </c>
      <c r="D31403">
        <v>0</v>
      </c>
    </row>
    <row r="31404" spans="1:4" x14ac:dyDescent="0.25">
      <c r="A31404" t="s">
        <v>46959</v>
      </c>
      <c r="B31404" t="s">
        <v>46960</v>
      </c>
      <c r="C31404">
        <v>2</v>
      </c>
      <c r="D31404">
        <v>0</v>
      </c>
    </row>
    <row r="31405" spans="1:4" x14ac:dyDescent="0.25">
      <c r="A31405" t="s">
        <v>46959</v>
      </c>
      <c r="B31405" t="s">
        <v>46961</v>
      </c>
      <c r="C31405">
        <v>1</v>
      </c>
      <c r="D31405">
        <v>0</v>
      </c>
    </row>
    <row r="31406" spans="1:4" x14ac:dyDescent="0.25">
      <c r="A31406" t="s">
        <v>46962</v>
      </c>
      <c r="B31406" t="s">
        <v>46963</v>
      </c>
      <c r="C31406">
        <v>0</v>
      </c>
      <c r="D31406">
        <v>0</v>
      </c>
    </row>
    <row r="31407" spans="1:4" x14ac:dyDescent="0.25">
      <c r="A31407" t="s">
        <v>46964</v>
      </c>
      <c r="B31407" t="s">
        <v>46965</v>
      </c>
      <c r="C31407">
        <v>1</v>
      </c>
      <c r="D31407">
        <v>0</v>
      </c>
    </row>
    <row r="31408" spans="1:4" x14ac:dyDescent="0.25">
      <c r="A31408" t="s">
        <v>46964</v>
      </c>
      <c r="B31408" t="s">
        <v>46966</v>
      </c>
      <c r="C31408">
        <v>1</v>
      </c>
      <c r="D31408">
        <v>0</v>
      </c>
    </row>
    <row r="31409" spans="1:4" x14ac:dyDescent="0.25">
      <c r="A31409" t="s">
        <v>46964</v>
      </c>
      <c r="B31409" t="s">
        <v>46967</v>
      </c>
      <c r="C31409">
        <v>0</v>
      </c>
      <c r="D31409">
        <v>0</v>
      </c>
    </row>
    <row r="31410" spans="1:4" x14ac:dyDescent="0.25">
      <c r="A31410" t="s">
        <v>46964</v>
      </c>
      <c r="B31410" t="s">
        <v>46968</v>
      </c>
      <c r="C31410">
        <v>1</v>
      </c>
      <c r="D31410">
        <v>0</v>
      </c>
    </row>
    <row r="31411" spans="1:4" x14ac:dyDescent="0.25">
      <c r="A31411" t="s">
        <v>46964</v>
      </c>
      <c r="B31411" t="s">
        <v>46969</v>
      </c>
      <c r="C31411">
        <v>1</v>
      </c>
      <c r="D31411">
        <v>0</v>
      </c>
    </row>
    <row r="31412" spans="1:4" x14ac:dyDescent="0.25">
      <c r="A31412" t="s">
        <v>46964</v>
      </c>
      <c r="B31412" t="s">
        <v>46970</v>
      </c>
      <c r="C31412">
        <v>1</v>
      </c>
      <c r="D31412">
        <v>0</v>
      </c>
    </row>
    <row r="31413" spans="1:4" x14ac:dyDescent="0.25">
      <c r="A31413" t="s">
        <v>46964</v>
      </c>
      <c r="B31413" t="s">
        <v>11948</v>
      </c>
      <c r="C31413">
        <v>0</v>
      </c>
      <c r="D31413">
        <v>0</v>
      </c>
    </row>
    <row r="31414" spans="1:4" x14ac:dyDescent="0.25">
      <c r="A31414" t="s">
        <v>46971</v>
      </c>
      <c r="B31414" t="s">
        <v>46972</v>
      </c>
      <c r="C31414">
        <v>0</v>
      </c>
      <c r="D31414">
        <v>0</v>
      </c>
    </row>
    <row r="31415" spans="1:4" x14ac:dyDescent="0.25">
      <c r="A31415" t="s">
        <v>46971</v>
      </c>
      <c r="B31415" t="s">
        <v>46973</v>
      </c>
      <c r="C31415">
        <v>0</v>
      </c>
      <c r="D31415">
        <v>0</v>
      </c>
    </row>
    <row r="31416" spans="1:4" x14ac:dyDescent="0.25">
      <c r="A31416" t="s">
        <v>46971</v>
      </c>
      <c r="B31416" t="s">
        <v>46974</v>
      </c>
      <c r="C31416">
        <v>2</v>
      </c>
      <c r="D31416">
        <v>0</v>
      </c>
    </row>
    <row r="31417" spans="1:4" x14ac:dyDescent="0.25">
      <c r="A31417" t="s">
        <v>46971</v>
      </c>
      <c r="B31417" t="s">
        <v>46975</v>
      </c>
      <c r="C31417">
        <v>0</v>
      </c>
      <c r="D31417">
        <v>0</v>
      </c>
    </row>
    <row r="31418" spans="1:4" x14ac:dyDescent="0.25">
      <c r="A31418" t="s">
        <v>46971</v>
      </c>
      <c r="B31418" t="s">
        <v>46976</v>
      </c>
      <c r="C31418">
        <v>1</v>
      </c>
      <c r="D31418">
        <v>0</v>
      </c>
    </row>
    <row r="31419" spans="1:4" x14ac:dyDescent="0.25">
      <c r="A31419" t="s">
        <v>46971</v>
      </c>
      <c r="B31419" t="s">
        <v>11948</v>
      </c>
      <c r="C31419">
        <v>0</v>
      </c>
      <c r="D31419">
        <v>0</v>
      </c>
    </row>
    <row r="31420" spans="1:4" x14ac:dyDescent="0.25">
      <c r="A31420" t="s">
        <v>46971</v>
      </c>
      <c r="B31420" t="s">
        <v>46977</v>
      </c>
      <c r="C31420">
        <v>0</v>
      </c>
      <c r="D31420">
        <v>0</v>
      </c>
    </row>
    <row r="31421" spans="1:4" x14ac:dyDescent="0.25">
      <c r="A31421" t="s">
        <v>46978</v>
      </c>
      <c r="B31421" t="s">
        <v>46979</v>
      </c>
      <c r="C31421">
        <v>0</v>
      </c>
      <c r="D31421">
        <v>0</v>
      </c>
    </row>
    <row r="31422" spans="1:4" x14ac:dyDescent="0.25">
      <c r="A31422" t="s">
        <v>46978</v>
      </c>
      <c r="B31422" t="s">
        <v>5047</v>
      </c>
      <c r="C31422">
        <v>0</v>
      </c>
      <c r="D31422">
        <v>0</v>
      </c>
    </row>
    <row r="31423" spans="1:4" x14ac:dyDescent="0.25">
      <c r="A31423" t="s">
        <v>46978</v>
      </c>
      <c r="B31423" t="s">
        <v>5047</v>
      </c>
      <c r="C31423">
        <v>0</v>
      </c>
      <c r="D31423">
        <v>0</v>
      </c>
    </row>
    <row r="31424" spans="1:4" x14ac:dyDescent="0.25">
      <c r="A31424" t="s">
        <v>46980</v>
      </c>
      <c r="B31424" t="s">
        <v>46981</v>
      </c>
      <c r="C31424">
        <v>1</v>
      </c>
      <c r="D31424">
        <v>0</v>
      </c>
    </row>
    <row r="31425" spans="1:4" x14ac:dyDescent="0.25">
      <c r="A31425" t="s">
        <v>46982</v>
      </c>
      <c r="B31425" t="s">
        <v>46983</v>
      </c>
      <c r="C31425">
        <v>2</v>
      </c>
      <c r="D31425">
        <v>0</v>
      </c>
    </row>
    <row r="31426" spans="1:4" x14ac:dyDescent="0.25">
      <c r="A31426" t="s">
        <v>46982</v>
      </c>
      <c r="B31426" t="s">
        <v>46984</v>
      </c>
      <c r="C31426">
        <v>1</v>
      </c>
      <c r="D31426">
        <v>0</v>
      </c>
    </row>
    <row r="31427" spans="1:4" x14ac:dyDescent="0.25">
      <c r="A31427" t="s">
        <v>46982</v>
      </c>
      <c r="B31427" t="s">
        <v>46985</v>
      </c>
      <c r="C31427">
        <v>1</v>
      </c>
      <c r="D31427">
        <v>0</v>
      </c>
    </row>
    <row r="31428" spans="1:4" x14ac:dyDescent="0.25">
      <c r="A31428" t="s">
        <v>46982</v>
      </c>
      <c r="B31428" t="s">
        <v>46986</v>
      </c>
      <c r="C31428">
        <v>1</v>
      </c>
      <c r="D31428">
        <v>0</v>
      </c>
    </row>
    <row r="31429" spans="1:4" x14ac:dyDescent="0.25">
      <c r="A31429" t="s">
        <v>46982</v>
      </c>
      <c r="B31429" t="s">
        <v>46987</v>
      </c>
      <c r="C31429">
        <v>2</v>
      </c>
      <c r="D31429">
        <v>0</v>
      </c>
    </row>
    <row r="31430" spans="1:4" x14ac:dyDescent="0.25">
      <c r="A31430" t="s">
        <v>46982</v>
      </c>
      <c r="B31430" t="s">
        <v>46988</v>
      </c>
      <c r="C31430">
        <v>1</v>
      </c>
      <c r="D31430">
        <v>0</v>
      </c>
    </row>
    <row r="31431" spans="1:4" x14ac:dyDescent="0.25">
      <c r="A31431" t="s">
        <v>46989</v>
      </c>
      <c r="B31431" t="s">
        <v>46990</v>
      </c>
      <c r="C31431">
        <v>1</v>
      </c>
      <c r="D31431">
        <v>0</v>
      </c>
    </row>
    <row r="31432" spans="1:4" x14ac:dyDescent="0.25">
      <c r="A31432" t="s">
        <v>46989</v>
      </c>
      <c r="B31432" t="s">
        <v>46991</v>
      </c>
      <c r="C31432">
        <v>1</v>
      </c>
      <c r="D31432">
        <v>0</v>
      </c>
    </row>
    <row r="31433" spans="1:4" x14ac:dyDescent="0.25">
      <c r="A31433" t="s">
        <v>46992</v>
      </c>
      <c r="B31433" t="s">
        <v>5434</v>
      </c>
      <c r="C31433">
        <v>1</v>
      </c>
      <c r="D31433">
        <v>0</v>
      </c>
    </row>
    <row r="31434" spans="1:4" x14ac:dyDescent="0.25">
      <c r="A31434" t="s">
        <v>46992</v>
      </c>
      <c r="B31434" t="s">
        <v>2865</v>
      </c>
      <c r="C31434">
        <v>0</v>
      </c>
      <c r="D31434">
        <v>0</v>
      </c>
    </row>
    <row r="31435" spans="1:4" x14ac:dyDescent="0.25">
      <c r="A31435" t="s">
        <v>46992</v>
      </c>
      <c r="B31435" t="s">
        <v>46993</v>
      </c>
      <c r="C31435">
        <v>1</v>
      </c>
      <c r="D31435">
        <v>0</v>
      </c>
    </row>
    <row r="31436" spans="1:4" x14ac:dyDescent="0.25">
      <c r="A31436" t="s">
        <v>46992</v>
      </c>
      <c r="B31436" t="s">
        <v>46994</v>
      </c>
      <c r="C31436">
        <v>1</v>
      </c>
      <c r="D31436">
        <v>0</v>
      </c>
    </row>
    <row r="31437" spans="1:4" x14ac:dyDescent="0.25">
      <c r="A31437" t="s">
        <v>46995</v>
      </c>
      <c r="B31437" t="s">
        <v>46996</v>
      </c>
      <c r="C31437">
        <v>1</v>
      </c>
      <c r="D31437">
        <v>0</v>
      </c>
    </row>
    <row r="31438" spans="1:4" x14ac:dyDescent="0.25">
      <c r="A31438" t="s">
        <v>46995</v>
      </c>
      <c r="B31438" t="s">
        <v>46997</v>
      </c>
      <c r="C31438">
        <v>0</v>
      </c>
      <c r="D31438">
        <v>0</v>
      </c>
    </row>
    <row r="31439" spans="1:4" x14ac:dyDescent="0.25">
      <c r="A31439" t="s">
        <v>46995</v>
      </c>
      <c r="B31439" t="s">
        <v>46998</v>
      </c>
      <c r="C31439">
        <v>0</v>
      </c>
      <c r="D31439">
        <v>0</v>
      </c>
    </row>
    <row r="31440" spans="1:4" x14ac:dyDescent="0.25">
      <c r="A31440" t="s">
        <v>46995</v>
      </c>
      <c r="B31440" t="s">
        <v>46999</v>
      </c>
      <c r="C31440">
        <v>0</v>
      </c>
      <c r="D31440">
        <v>0</v>
      </c>
    </row>
    <row r="31441" spans="1:4" x14ac:dyDescent="0.25">
      <c r="A31441" t="s">
        <v>47000</v>
      </c>
      <c r="B31441" t="s">
        <v>47001</v>
      </c>
      <c r="C31441">
        <v>0</v>
      </c>
      <c r="D31441">
        <v>0</v>
      </c>
    </row>
    <row r="31442" spans="1:4" x14ac:dyDescent="0.25">
      <c r="A31442" t="s">
        <v>47002</v>
      </c>
      <c r="B31442" t="s">
        <v>47003</v>
      </c>
      <c r="C31442">
        <v>0</v>
      </c>
      <c r="D31442">
        <v>0</v>
      </c>
    </row>
    <row r="31443" spans="1:4" x14ac:dyDescent="0.25">
      <c r="A31443" t="s">
        <v>47002</v>
      </c>
      <c r="B31443" t="s">
        <v>47004</v>
      </c>
      <c r="C31443">
        <v>0</v>
      </c>
      <c r="D31443">
        <v>0</v>
      </c>
    </row>
    <row r="31444" spans="1:4" x14ac:dyDescent="0.25">
      <c r="A31444" t="s">
        <v>47002</v>
      </c>
      <c r="B31444" t="s">
        <v>47005</v>
      </c>
      <c r="C31444">
        <v>0</v>
      </c>
      <c r="D31444">
        <v>0</v>
      </c>
    </row>
    <row r="31445" spans="1:4" x14ac:dyDescent="0.25">
      <c r="A31445" t="s">
        <v>47002</v>
      </c>
      <c r="B31445" t="s">
        <v>47006</v>
      </c>
      <c r="C31445">
        <v>2</v>
      </c>
      <c r="D31445">
        <v>0</v>
      </c>
    </row>
    <row r="31446" spans="1:4" x14ac:dyDescent="0.25">
      <c r="A31446" t="s">
        <v>47002</v>
      </c>
      <c r="B31446" t="s">
        <v>47007</v>
      </c>
      <c r="C31446">
        <v>0</v>
      </c>
      <c r="D31446">
        <v>0</v>
      </c>
    </row>
    <row r="31447" spans="1:4" x14ac:dyDescent="0.25">
      <c r="A31447" t="s">
        <v>47002</v>
      </c>
      <c r="B31447" t="s">
        <v>47008</v>
      </c>
      <c r="C31447">
        <v>1</v>
      </c>
      <c r="D31447">
        <v>0</v>
      </c>
    </row>
    <row r="31448" spans="1:4" x14ac:dyDescent="0.25">
      <c r="A31448" t="s">
        <v>47002</v>
      </c>
      <c r="B31448" t="s">
        <v>47009</v>
      </c>
      <c r="C31448">
        <v>0</v>
      </c>
      <c r="D31448">
        <v>0</v>
      </c>
    </row>
    <row r="31449" spans="1:4" x14ac:dyDescent="0.25">
      <c r="A31449" t="s">
        <v>47002</v>
      </c>
      <c r="B31449" t="s">
        <v>5047</v>
      </c>
      <c r="C31449">
        <v>0</v>
      </c>
      <c r="D31449">
        <v>0</v>
      </c>
    </row>
    <row r="31450" spans="1:4" x14ac:dyDescent="0.25">
      <c r="A31450" t="s">
        <v>47002</v>
      </c>
      <c r="B31450" t="s">
        <v>47010</v>
      </c>
      <c r="C31450">
        <v>2</v>
      </c>
      <c r="D31450">
        <v>0</v>
      </c>
    </row>
    <row r="31451" spans="1:4" x14ac:dyDescent="0.25">
      <c r="A31451" t="s">
        <v>47011</v>
      </c>
      <c r="B31451" t="s">
        <v>47012</v>
      </c>
      <c r="C31451">
        <v>1</v>
      </c>
      <c r="D31451">
        <v>0</v>
      </c>
    </row>
    <row r="31452" spans="1:4" x14ac:dyDescent="0.25">
      <c r="A31452" t="s">
        <v>47011</v>
      </c>
      <c r="B31452" t="s">
        <v>47013</v>
      </c>
      <c r="C31452">
        <v>2</v>
      </c>
      <c r="D31452">
        <v>0</v>
      </c>
    </row>
    <row r="31453" spans="1:4" x14ac:dyDescent="0.25">
      <c r="A31453" t="s">
        <v>47014</v>
      </c>
      <c r="B31453" t="s">
        <v>17479</v>
      </c>
      <c r="C31453">
        <v>0</v>
      </c>
      <c r="D31453">
        <v>0</v>
      </c>
    </row>
    <row r="31454" spans="1:4" x14ac:dyDescent="0.25">
      <c r="A31454" t="s">
        <v>47015</v>
      </c>
      <c r="B31454" t="s">
        <v>47016</v>
      </c>
      <c r="C31454">
        <v>1</v>
      </c>
      <c r="D31454">
        <v>0</v>
      </c>
    </row>
    <row r="31455" spans="1:4" x14ac:dyDescent="0.25">
      <c r="A31455" t="s">
        <v>47015</v>
      </c>
      <c r="B31455" t="s">
        <v>47017</v>
      </c>
      <c r="C31455">
        <v>1</v>
      </c>
      <c r="D31455">
        <v>0</v>
      </c>
    </row>
    <row r="31456" spans="1:4" x14ac:dyDescent="0.25">
      <c r="A31456" t="s">
        <v>47015</v>
      </c>
      <c r="B31456" t="s">
        <v>47018</v>
      </c>
      <c r="C31456">
        <v>1</v>
      </c>
      <c r="D31456">
        <v>0</v>
      </c>
    </row>
    <row r="31457" spans="1:4" x14ac:dyDescent="0.25">
      <c r="A31457" t="s">
        <v>47015</v>
      </c>
      <c r="B31457" t="s">
        <v>47019</v>
      </c>
      <c r="C31457">
        <v>1</v>
      </c>
      <c r="D31457">
        <v>0</v>
      </c>
    </row>
    <row r="31458" spans="1:4" x14ac:dyDescent="0.25">
      <c r="A31458" t="s">
        <v>47015</v>
      </c>
      <c r="B31458" t="s">
        <v>47020</v>
      </c>
      <c r="C31458">
        <v>1</v>
      </c>
      <c r="D31458">
        <v>0</v>
      </c>
    </row>
    <row r="31459" spans="1:4" x14ac:dyDescent="0.25">
      <c r="A31459" t="s">
        <v>47021</v>
      </c>
      <c r="B31459" t="s">
        <v>47022</v>
      </c>
      <c r="C31459">
        <v>0</v>
      </c>
      <c r="D31459">
        <v>0</v>
      </c>
    </row>
    <row r="31460" spans="1:4" x14ac:dyDescent="0.25">
      <c r="A31460" t="s">
        <v>47021</v>
      </c>
      <c r="B31460" t="s">
        <v>47023</v>
      </c>
      <c r="C31460">
        <v>2</v>
      </c>
      <c r="D31460">
        <v>0</v>
      </c>
    </row>
    <row r="31461" spans="1:4" x14ac:dyDescent="0.25">
      <c r="A31461" t="s">
        <v>47021</v>
      </c>
      <c r="B31461" t="s">
        <v>47024</v>
      </c>
      <c r="C31461">
        <v>2</v>
      </c>
      <c r="D31461">
        <v>0</v>
      </c>
    </row>
    <row r="31462" spans="1:4" x14ac:dyDescent="0.25">
      <c r="A31462" t="s">
        <v>47021</v>
      </c>
      <c r="B31462" t="s">
        <v>27701</v>
      </c>
      <c r="C31462">
        <v>1</v>
      </c>
      <c r="D31462">
        <v>0</v>
      </c>
    </row>
    <row r="31463" spans="1:4" x14ac:dyDescent="0.25">
      <c r="A31463" t="s">
        <v>47021</v>
      </c>
      <c r="B31463" t="s">
        <v>47025</v>
      </c>
      <c r="C31463">
        <v>2</v>
      </c>
      <c r="D31463">
        <v>0</v>
      </c>
    </row>
    <row r="31464" spans="1:4" x14ac:dyDescent="0.25">
      <c r="A31464" t="s">
        <v>47021</v>
      </c>
      <c r="B31464" t="s">
        <v>47026</v>
      </c>
      <c r="C31464">
        <v>1</v>
      </c>
      <c r="D31464">
        <v>0</v>
      </c>
    </row>
    <row r="31465" spans="1:4" x14ac:dyDescent="0.25">
      <c r="A31465" t="s">
        <v>47027</v>
      </c>
      <c r="B31465" t="s">
        <v>47028</v>
      </c>
      <c r="C31465">
        <v>1</v>
      </c>
      <c r="D31465">
        <v>0</v>
      </c>
    </row>
    <row r="31466" spans="1:4" x14ac:dyDescent="0.25">
      <c r="A31466" t="s">
        <v>47027</v>
      </c>
      <c r="B31466" t="s">
        <v>47029</v>
      </c>
      <c r="C31466">
        <v>0</v>
      </c>
      <c r="D31466">
        <v>0</v>
      </c>
    </row>
    <row r="31467" spans="1:4" x14ac:dyDescent="0.25">
      <c r="A31467" t="s">
        <v>47027</v>
      </c>
      <c r="B31467" t="s">
        <v>47030</v>
      </c>
      <c r="C31467">
        <v>1</v>
      </c>
      <c r="D31467">
        <v>0</v>
      </c>
    </row>
    <row r="31468" spans="1:4" x14ac:dyDescent="0.25">
      <c r="A31468" t="s">
        <v>47027</v>
      </c>
      <c r="B31468" t="s">
        <v>47031</v>
      </c>
      <c r="C31468">
        <v>1</v>
      </c>
      <c r="D31468">
        <v>0</v>
      </c>
    </row>
    <row r="31469" spans="1:4" x14ac:dyDescent="0.25">
      <c r="A31469" t="s">
        <v>47032</v>
      </c>
      <c r="B31469" t="s">
        <v>47033</v>
      </c>
      <c r="C31469">
        <v>2</v>
      </c>
      <c r="D31469">
        <v>0</v>
      </c>
    </row>
    <row r="31470" spans="1:4" x14ac:dyDescent="0.25">
      <c r="A31470" t="s">
        <v>47032</v>
      </c>
      <c r="B31470" t="s">
        <v>47034</v>
      </c>
      <c r="C31470">
        <v>1</v>
      </c>
      <c r="D31470">
        <v>0</v>
      </c>
    </row>
    <row r="31471" spans="1:4" x14ac:dyDescent="0.25">
      <c r="A31471" t="s">
        <v>47032</v>
      </c>
      <c r="B31471" t="s">
        <v>47035</v>
      </c>
      <c r="C31471">
        <v>1</v>
      </c>
      <c r="D31471">
        <v>0</v>
      </c>
    </row>
    <row r="31472" spans="1:4" x14ac:dyDescent="0.25">
      <c r="A31472" t="s">
        <v>47036</v>
      </c>
      <c r="B31472" t="s">
        <v>47037</v>
      </c>
      <c r="C31472">
        <v>2</v>
      </c>
      <c r="D31472">
        <v>0</v>
      </c>
    </row>
    <row r="31473" spans="1:4" x14ac:dyDescent="0.25">
      <c r="A31473" t="s">
        <v>47036</v>
      </c>
      <c r="B31473" t="s">
        <v>47038</v>
      </c>
      <c r="C31473">
        <v>1</v>
      </c>
      <c r="D31473">
        <v>0</v>
      </c>
    </row>
    <row r="31474" spans="1:4" x14ac:dyDescent="0.25">
      <c r="A31474" t="s">
        <v>47036</v>
      </c>
      <c r="B31474" t="s">
        <v>47039</v>
      </c>
      <c r="C31474">
        <v>1</v>
      </c>
      <c r="D31474">
        <v>0</v>
      </c>
    </row>
    <row r="31475" spans="1:4" x14ac:dyDescent="0.25">
      <c r="A31475" t="s">
        <v>47040</v>
      </c>
      <c r="B31475" t="s">
        <v>47041</v>
      </c>
      <c r="C31475">
        <v>0</v>
      </c>
      <c r="D31475">
        <v>0</v>
      </c>
    </row>
    <row r="31476" spans="1:4" x14ac:dyDescent="0.25">
      <c r="A31476" t="s">
        <v>47040</v>
      </c>
      <c r="B31476" t="s">
        <v>47042</v>
      </c>
      <c r="C31476">
        <v>2</v>
      </c>
      <c r="D31476">
        <v>0</v>
      </c>
    </row>
    <row r="31477" spans="1:4" x14ac:dyDescent="0.25">
      <c r="A31477" t="s">
        <v>47040</v>
      </c>
      <c r="B31477" t="s">
        <v>47043</v>
      </c>
      <c r="C31477">
        <v>0</v>
      </c>
      <c r="D31477">
        <v>0</v>
      </c>
    </row>
    <row r="31478" spans="1:4" x14ac:dyDescent="0.25">
      <c r="A31478" t="s">
        <v>47040</v>
      </c>
      <c r="B31478" t="s">
        <v>47044</v>
      </c>
      <c r="C31478">
        <v>0</v>
      </c>
      <c r="D31478">
        <v>0</v>
      </c>
    </row>
    <row r="31479" spans="1:4" x14ac:dyDescent="0.25">
      <c r="A31479" t="s">
        <v>47045</v>
      </c>
      <c r="B31479" t="s">
        <v>47046</v>
      </c>
      <c r="C31479">
        <v>0</v>
      </c>
      <c r="D31479">
        <v>0</v>
      </c>
    </row>
    <row r="31480" spans="1:4" x14ac:dyDescent="0.25">
      <c r="A31480" t="s">
        <v>47045</v>
      </c>
      <c r="B31480" t="s">
        <v>47047</v>
      </c>
      <c r="C31480">
        <v>0</v>
      </c>
      <c r="D31480">
        <v>0</v>
      </c>
    </row>
    <row r="31481" spans="1:4" x14ac:dyDescent="0.25">
      <c r="A31481" t="s">
        <v>47045</v>
      </c>
      <c r="B31481" t="s">
        <v>3347</v>
      </c>
      <c r="C31481">
        <v>0</v>
      </c>
      <c r="D31481">
        <v>0</v>
      </c>
    </row>
    <row r="31482" spans="1:4" x14ac:dyDescent="0.25">
      <c r="A31482" t="s">
        <v>47045</v>
      </c>
      <c r="B31482" t="s">
        <v>47048</v>
      </c>
      <c r="C31482">
        <v>0</v>
      </c>
      <c r="D31482">
        <v>0</v>
      </c>
    </row>
    <row r="31483" spans="1:4" x14ac:dyDescent="0.25">
      <c r="A31483" t="s">
        <v>47049</v>
      </c>
      <c r="B31483" t="s">
        <v>47050</v>
      </c>
      <c r="C31483">
        <v>1</v>
      </c>
      <c r="D31483">
        <v>0</v>
      </c>
    </row>
    <row r="31484" spans="1:4" x14ac:dyDescent="0.25">
      <c r="A31484" t="s">
        <v>47049</v>
      </c>
      <c r="B31484" t="s">
        <v>47051</v>
      </c>
      <c r="C31484">
        <v>1</v>
      </c>
      <c r="D31484">
        <v>0</v>
      </c>
    </row>
    <row r="31485" spans="1:4" x14ac:dyDescent="0.25">
      <c r="A31485" t="s">
        <v>47049</v>
      </c>
      <c r="B31485" t="s">
        <v>5713</v>
      </c>
      <c r="C31485">
        <v>1</v>
      </c>
      <c r="D31485">
        <v>0</v>
      </c>
    </row>
    <row r="31486" spans="1:4" x14ac:dyDescent="0.25">
      <c r="A31486" t="s">
        <v>47052</v>
      </c>
      <c r="B31486" t="s">
        <v>47053</v>
      </c>
      <c r="C31486">
        <v>1</v>
      </c>
      <c r="D31486">
        <v>0</v>
      </c>
    </row>
    <row r="31487" spans="1:4" x14ac:dyDescent="0.25">
      <c r="A31487" t="s">
        <v>47052</v>
      </c>
      <c r="B31487" t="s">
        <v>47054</v>
      </c>
      <c r="C31487">
        <v>1</v>
      </c>
      <c r="D31487">
        <v>0</v>
      </c>
    </row>
    <row r="31488" spans="1:4" x14ac:dyDescent="0.25">
      <c r="A31488" t="s">
        <v>47052</v>
      </c>
      <c r="B31488" t="s">
        <v>47055</v>
      </c>
      <c r="C31488">
        <v>0</v>
      </c>
      <c r="D31488">
        <v>0</v>
      </c>
    </row>
    <row r="31489" spans="1:4" x14ac:dyDescent="0.25">
      <c r="A31489" t="s">
        <v>47052</v>
      </c>
      <c r="B31489" t="s">
        <v>47056</v>
      </c>
      <c r="C31489">
        <v>0</v>
      </c>
      <c r="D31489">
        <v>0</v>
      </c>
    </row>
    <row r="31490" spans="1:4" x14ac:dyDescent="0.25">
      <c r="A31490" t="s">
        <v>47057</v>
      </c>
      <c r="B31490" t="s">
        <v>47058</v>
      </c>
      <c r="C31490">
        <v>1</v>
      </c>
      <c r="D31490">
        <v>0</v>
      </c>
    </row>
    <row r="31491" spans="1:4" x14ac:dyDescent="0.25">
      <c r="A31491" t="s">
        <v>47057</v>
      </c>
      <c r="B31491" t="s">
        <v>47059</v>
      </c>
      <c r="C31491">
        <v>1</v>
      </c>
      <c r="D31491">
        <v>0</v>
      </c>
    </row>
    <row r="31492" spans="1:4" x14ac:dyDescent="0.25">
      <c r="A31492" t="s">
        <v>47057</v>
      </c>
      <c r="B31492" t="s">
        <v>47060</v>
      </c>
      <c r="C31492">
        <v>2</v>
      </c>
      <c r="D31492">
        <v>0</v>
      </c>
    </row>
    <row r="31493" spans="1:4" x14ac:dyDescent="0.25">
      <c r="A31493" t="s">
        <v>47057</v>
      </c>
      <c r="B31493" t="s">
        <v>38030</v>
      </c>
      <c r="C31493">
        <v>1</v>
      </c>
      <c r="D31493">
        <v>0</v>
      </c>
    </row>
    <row r="31494" spans="1:4" x14ac:dyDescent="0.25">
      <c r="A31494" t="s">
        <v>47057</v>
      </c>
      <c r="B31494" t="s">
        <v>47061</v>
      </c>
      <c r="C31494">
        <v>1</v>
      </c>
      <c r="D31494">
        <v>0</v>
      </c>
    </row>
    <row r="31495" spans="1:4" x14ac:dyDescent="0.25">
      <c r="A31495" t="s">
        <v>47062</v>
      </c>
      <c r="B31495" t="s">
        <v>47063</v>
      </c>
      <c r="C31495">
        <v>2</v>
      </c>
      <c r="D31495">
        <v>0</v>
      </c>
    </row>
    <row r="31496" spans="1:4" x14ac:dyDescent="0.25">
      <c r="A31496" t="s">
        <v>47062</v>
      </c>
      <c r="B31496" t="s">
        <v>47064</v>
      </c>
      <c r="C31496">
        <v>1</v>
      </c>
      <c r="D31496">
        <v>0</v>
      </c>
    </row>
    <row r="31497" spans="1:4" x14ac:dyDescent="0.25">
      <c r="A31497" t="s">
        <v>47062</v>
      </c>
      <c r="B31497" t="s">
        <v>47065</v>
      </c>
      <c r="C31497">
        <v>0</v>
      </c>
      <c r="D31497">
        <v>0</v>
      </c>
    </row>
    <row r="31498" spans="1:4" x14ac:dyDescent="0.25">
      <c r="A31498" t="s">
        <v>47062</v>
      </c>
      <c r="B31498" t="s">
        <v>47066</v>
      </c>
      <c r="C31498">
        <v>1</v>
      </c>
      <c r="D31498">
        <v>0</v>
      </c>
    </row>
    <row r="31499" spans="1:4" x14ac:dyDescent="0.25">
      <c r="A31499" t="s">
        <v>47062</v>
      </c>
      <c r="B31499" t="s">
        <v>47067</v>
      </c>
      <c r="C31499">
        <v>0</v>
      </c>
      <c r="D31499">
        <v>0</v>
      </c>
    </row>
    <row r="31500" spans="1:4" x14ac:dyDescent="0.25">
      <c r="A31500" t="s">
        <v>47068</v>
      </c>
      <c r="B31500" t="s">
        <v>47069</v>
      </c>
      <c r="C31500">
        <v>1</v>
      </c>
      <c r="D31500">
        <v>0</v>
      </c>
    </row>
    <row r="31501" spans="1:4" x14ac:dyDescent="0.25">
      <c r="A31501" t="s">
        <v>47068</v>
      </c>
      <c r="B31501" t="s">
        <v>47070</v>
      </c>
      <c r="C31501">
        <v>0</v>
      </c>
      <c r="D31501">
        <v>0</v>
      </c>
    </row>
    <row r="31502" spans="1:4" x14ac:dyDescent="0.25">
      <c r="A31502" t="s">
        <v>47068</v>
      </c>
      <c r="B31502" t="s">
        <v>47071</v>
      </c>
      <c r="C31502">
        <v>1</v>
      </c>
      <c r="D31502">
        <v>0</v>
      </c>
    </row>
    <row r="31503" spans="1:4" x14ac:dyDescent="0.25">
      <c r="A31503" t="s">
        <v>47068</v>
      </c>
      <c r="B31503" t="s">
        <v>47072</v>
      </c>
      <c r="C31503">
        <v>1</v>
      </c>
      <c r="D31503">
        <v>0</v>
      </c>
    </row>
    <row r="31504" spans="1:4" x14ac:dyDescent="0.25">
      <c r="A31504" t="s">
        <v>47068</v>
      </c>
      <c r="B31504" t="s">
        <v>47073</v>
      </c>
      <c r="C31504">
        <v>1</v>
      </c>
      <c r="D31504">
        <v>0</v>
      </c>
    </row>
    <row r="31505" spans="1:4" x14ac:dyDescent="0.25">
      <c r="A31505" t="s">
        <v>47074</v>
      </c>
      <c r="B31505" t="s">
        <v>47075</v>
      </c>
      <c r="C31505">
        <v>1</v>
      </c>
      <c r="D31505">
        <v>0</v>
      </c>
    </row>
    <row r="31506" spans="1:4" x14ac:dyDescent="0.25">
      <c r="A31506" t="s">
        <v>47074</v>
      </c>
      <c r="B31506" t="s">
        <v>47076</v>
      </c>
      <c r="C31506">
        <v>0</v>
      </c>
      <c r="D31506">
        <v>0</v>
      </c>
    </row>
    <row r="31507" spans="1:4" x14ac:dyDescent="0.25">
      <c r="A31507" t="s">
        <v>47077</v>
      </c>
      <c r="B31507" t="s">
        <v>47078</v>
      </c>
      <c r="C31507">
        <v>2</v>
      </c>
      <c r="D31507">
        <v>0</v>
      </c>
    </row>
    <row r="31508" spans="1:4" x14ac:dyDescent="0.25">
      <c r="A31508" t="s">
        <v>47077</v>
      </c>
      <c r="B31508" t="s">
        <v>5713</v>
      </c>
      <c r="C31508">
        <v>1</v>
      </c>
      <c r="D31508">
        <v>0</v>
      </c>
    </row>
    <row r="31509" spans="1:4" x14ac:dyDescent="0.25">
      <c r="A31509" t="s">
        <v>47077</v>
      </c>
      <c r="B31509" t="s">
        <v>5434</v>
      </c>
      <c r="C31509">
        <v>1</v>
      </c>
      <c r="D31509">
        <v>0</v>
      </c>
    </row>
    <row r="31510" spans="1:4" x14ac:dyDescent="0.25">
      <c r="A31510" t="s">
        <v>47077</v>
      </c>
      <c r="B31510" t="s">
        <v>5713</v>
      </c>
      <c r="C31510">
        <v>1</v>
      </c>
      <c r="D31510">
        <v>0</v>
      </c>
    </row>
    <row r="31511" spans="1:4" x14ac:dyDescent="0.25">
      <c r="A31511" t="s">
        <v>47077</v>
      </c>
      <c r="B31511" t="s">
        <v>47079</v>
      </c>
      <c r="C31511">
        <v>1</v>
      </c>
      <c r="D31511">
        <v>0</v>
      </c>
    </row>
    <row r="31512" spans="1:4" x14ac:dyDescent="0.25">
      <c r="A31512" t="s">
        <v>47080</v>
      </c>
      <c r="B31512" t="s">
        <v>47081</v>
      </c>
      <c r="C31512">
        <v>1</v>
      </c>
      <c r="D31512">
        <v>0</v>
      </c>
    </row>
    <row r="31513" spans="1:4" x14ac:dyDescent="0.25">
      <c r="A31513" t="s">
        <v>47080</v>
      </c>
      <c r="B31513" t="s">
        <v>47082</v>
      </c>
      <c r="C31513">
        <v>2</v>
      </c>
      <c r="D31513">
        <v>0</v>
      </c>
    </row>
    <row r="31514" spans="1:4" x14ac:dyDescent="0.25">
      <c r="A31514" t="s">
        <v>47083</v>
      </c>
      <c r="B31514" t="s">
        <v>47084</v>
      </c>
      <c r="C31514">
        <v>1</v>
      </c>
      <c r="D31514">
        <v>0</v>
      </c>
    </row>
    <row r="31515" spans="1:4" x14ac:dyDescent="0.25">
      <c r="A31515" t="s">
        <v>47085</v>
      </c>
      <c r="B31515" t="s">
        <v>47086</v>
      </c>
      <c r="C31515">
        <v>0</v>
      </c>
      <c r="D31515">
        <v>0</v>
      </c>
    </row>
    <row r="31516" spans="1:4" x14ac:dyDescent="0.25">
      <c r="A31516" t="s">
        <v>47085</v>
      </c>
      <c r="B31516" t="s">
        <v>47087</v>
      </c>
      <c r="C31516">
        <v>1</v>
      </c>
      <c r="D31516">
        <v>0</v>
      </c>
    </row>
    <row r="31517" spans="1:4" x14ac:dyDescent="0.25">
      <c r="A31517" t="s">
        <v>47085</v>
      </c>
      <c r="B31517" t="s">
        <v>46335</v>
      </c>
      <c r="C31517">
        <v>0</v>
      </c>
      <c r="D31517">
        <v>0</v>
      </c>
    </row>
    <row r="31518" spans="1:4" x14ac:dyDescent="0.25">
      <c r="A31518" t="s">
        <v>47085</v>
      </c>
      <c r="B31518" t="s">
        <v>2651</v>
      </c>
      <c r="C31518">
        <v>0</v>
      </c>
      <c r="D31518">
        <v>0</v>
      </c>
    </row>
    <row r="31519" spans="1:4" x14ac:dyDescent="0.25">
      <c r="A31519" t="s">
        <v>47085</v>
      </c>
      <c r="B31519" t="s">
        <v>47088</v>
      </c>
      <c r="C31519">
        <v>1</v>
      </c>
      <c r="D31519">
        <v>0</v>
      </c>
    </row>
    <row r="31520" spans="1:4" x14ac:dyDescent="0.25">
      <c r="A31520" t="s">
        <v>47085</v>
      </c>
      <c r="B31520" t="s">
        <v>2865</v>
      </c>
      <c r="C31520">
        <v>0</v>
      </c>
      <c r="D31520">
        <v>0</v>
      </c>
    </row>
    <row r="31521" spans="1:4" x14ac:dyDescent="0.25">
      <c r="A31521" t="s">
        <v>47089</v>
      </c>
      <c r="B31521" t="s">
        <v>47090</v>
      </c>
      <c r="C31521">
        <v>1</v>
      </c>
      <c r="D31521">
        <v>0</v>
      </c>
    </row>
    <row r="31522" spans="1:4" x14ac:dyDescent="0.25">
      <c r="A31522" t="s">
        <v>47089</v>
      </c>
      <c r="B31522" t="s">
        <v>47091</v>
      </c>
      <c r="C31522">
        <v>2</v>
      </c>
      <c r="D31522">
        <v>0</v>
      </c>
    </row>
    <row r="31523" spans="1:4" x14ac:dyDescent="0.25">
      <c r="A31523" t="s">
        <v>47092</v>
      </c>
      <c r="B31523" t="s">
        <v>47093</v>
      </c>
      <c r="C31523">
        <v>0</v>
      </c>
      <c r="D31523">
        <v>0</v>
      </c>
    </row>
    <row r="31524" spans="1:4" x14ac:dyDescent="0.25">
      <c r="A31524" t="s">
        <v>47092</v>
      </c>
      <c r="B31524" t="s">
        <v>47094</v>
      </c>
      <c r="C31524">
        <v>1</v>
      </c>
      <c r="D31524">
        <v>0</v>
      </c>
    </row>
    <row r="31525" spans="1:4" x14ac:dyDescent="0.25">
      <c r="A31525" t="s">
        <v>47095</v>
      </c>
      <c r="B31525" t="s">
        <v>47096</v>
      </c>
      <c r="C31525">
        <v>1</v>
      </c>
      <c r="D31525">
        <v>0</v>
      </c>
    </row>
    <row r="31526" spans="1:4" x14ac:dyDescent="0.25">
      <c r="A31526" t="s">
        <v>47095</v>
      </c>
      <c r="B31526" t="s">
        <v>47097</v>
      </c>
      <c r="C31526">
        <v>1</v>
      </c>
      <c r="D31526">
        <v>0</v>
      </c>
    </row>
    <row r="31527" spans="1:4" x14ac:dyDescent="0.25">
      <c r="A31527" t="s">
        <v>47095</v>
      </c>
      <c r="B31527" t="s">
        <v>47098</v>
      </c>
      <c r="C31527">
        <v>0</v>
      </c>
      <c r="D31527">
        <v>0</v>
      </c>
    </row>
    <row r="31528" spans="1:4" x14ac:dyDescent="0.25">
      <c r="A31528" t="s">
        <v>47095</v>
      </c>
      <c r="B31528" t="s">
        <v>47099</v>
      </c>
      <c r="C31528">
        <v>0</v>
      </c>
      <c r="D31528">
        <v>0</v>
      </c>
    </row>
    <row r="31529" spans="1:4" x14ac:dyDescent="0.25">
      <c r="A31529" t="s">
        <v>47095</v>
      </c>
      <c r="B31529" t="s">
        <v>47100</v>
      </c>
      <c r="C31529">
        <v>0</v>
      </c>
      <c r="D31529">
        <v>0</v>
      </c>
    </row>
    <row r="31530" spans="1:4" x14ac:dyDescent="0.25">
      <c r="A31530" t="s">
        <v>47095</v>
      </c>
      <c r="B31530" t="s">
        <v>47101</v>
      </c>
      <c r="C31530">
        <v>2</v>
      </c>
      <c r="D31530">
        <v>0</v>
      </c>
    </row>
    <row r="31531" spans="1:4" x14ac:dyDescent="0.25">
      <c r="A31531" t="s">
        <v>47095</v>
      </c>
      <c r="B31531" t="s">
        <v>2459</v>
      </c>
      <c r="C31531">
        <v>0</v>
      </c>
      <c r="D31531">
        <v>0</v>
      </c>
    </row>
    <row r="31532" spans="1:4" x14ac:dyDescent="0.25">
      <c r="A31532" t="s">
        <v>47095</v>
      </c>
      <c r="B31532" t="s">
        <v>47102</v>
      </c>
      <c r="C31532">
        <v>0</v>
      </c>
      <c r="D31532">
        <v>0</v>
      </c>
    </row>
    <row r="31533" spans="1:4" x14ac:dyDescent="0.25">
      <c r="A31533" t="s">
        <v>47095</v>
      </c>
      <c r="B31533" t="s">
        <v>47103</v>
      </c>
      <c r="C31533">
        <v>2</v>
      </c>
      <c r="D31533">
        <v>0</v>
      </c>
    </row>
    <row r="31534" spans="1:4" x14ac:dyDescent="0.25">
      <c r="A31534" t="s">
        <v>47104</v>
      </c>
      <c r="B31534" t="s">
        <v>47105</v>
      </c>
      <c r="C31534">
        <v>2</v>
      </c>
      <c r="D31534">
        <v>0</v>
      </c>
    </row>
    <row r="31535" spans="1:4" x14ac:dyDescent="0.25">
      <c r="A31535" t="s">
        <v>47104</v>
      </c>
      <c r="B31535" t="s">
        <v>47106</v>
      </c>
      <c r="C31535">
        <v>2</v>
      </c>
      <c r="D31535">
        <v>0</v>
      </c>
    </row>
    <row r="31536" spans="1:4" x14ac:dyDescent="0.25">
      <c r="A31536" t="s">
        <v>47107</v>
      </c>
      <c r="B31536" t="s">
        <v>47108</v>
      </c>
      <c r="C31536">
        <v>0</v>
      </c>
      <c r="D31536">
        <v>0</v>
      </c>
    </row>
    <row r="31537" spans="1:4" x14ac:dyDescent="0.25">
      <c r="A31537" t="s">
        <v>47107</v>
      </c>
      <c r="B31537" t="s">
        <v>47109</v>
      </c>
      <c r="C31537">
        <v>1</v>
      </c>
      <c r="D31537">
        <v>0</v>
      </c>
    </row>
    <row r="31538" spans="1:4" x14ac:dyDescent="0.25">
      <c r="A31538" t="s">
        <v>47110</v>
      </c>
      <c r="B31538" t="s">
        <v>1499</v>
      </c>
      <c r="C31538">
        <v>1</v>
      </c>
      <c r="D31538">
        <v>0</v>
      </c>
    </row>
    <row r="31539" spans="1:4" x14ac:dyDescent="0.25">
      <c r="A31539" t="s">
        <v>47110</v>
      </c>
      <c r="B31539" t="s">
        <v>47111</v>
      </c>
      <c r="C31539">
        <v>0</v>
      </c>
      <c r="D31539">
        <v>0</v>
      </c>
    </row>
    <row r="31540" spans="1:4" x14ac:dyDescent="0.25">
      <c r="A31540" t="s">
        <v>47110</v>
      </c>
      <c r="B31540" t="s">
        <v>47112</v>
      </c>
      <c r="C31540">
        <v>0</v>
      </c>
      <c r="D31540">
        <v>0</v>
      </c>
    </row>
    <row r="31541" spans="1:4" x14ac:dyDescent="0.25">
      <c r="A31541" t="s">
        <v>47110</v>
      </c>
      <c r="B31541" t="s">
        <v>1499</v>
      </c>
      <c r="C31541">
        <v>1</v>
      </c>
      <c r="D31541">
        <v>0</v>
      </c>
    </row>
    <row r="31542" spans="1:4" x14ac:dyDescent="0.25">
      <c r="A31542" t="s">
        <v>47110</v>
      </c>
      <c r="B31542" t="s">
        <v>47113</v>
      </c>
      <c r="C31542">
        <v>0</v>
      </c>
      <c r="D31542">
        <v>0</v>
      </c>
    </row>
    <row r="31543" spans="1:4" x14ac:dyDescent="0.25">
      <c r="A31543" t="s">
        <v>47110</v>
      </c>
      <c r="B31543" t="s">
        <v>47114</v>
      </c>
      <c r="C31543">
        <v>0</v>
      </c>
      <c r="D31543">
        <v>0</v>
      </c>
    </row>
    <row r="31544" spans="1:4" x14ac:dyDescent="0.25">
      <c r="A31544" t="s">
        <v>47115</v>
      </c>
      <c r="B31544" t="s">
        <v>47116</v>
      </c>
      <c r="C31544">
        <v>1</v>
      </c>
      <c r="D31544">
        <v>0</v>
      </c>
    </row>
    <row r="31545" spans="1:4" x14ac:dyDescent="0.25">
      <c r="A31545" t="s">
        <v>47117</v>
      </c>
      <c r="B31545" t="s">
        <v>47118</v>
      </c>
      <c r="C31545">
        <v>1</v>
      </c>
      <c r="D31545">
        <v>0</v>
      </c>
    </row>
    <row r="31546" spans="1:4" x14ac:dyDescent="0.25">
      <c r="A31546" t="s">
        <v>47117</v>
      </c>
      <c r="B31546" t="s">
        <v>47119</v>
      </c>
      <c r="C31546">
        <v>1</v>
      </c>
      <c r="D31546">
        <v>0</v>
      </c>
    </row>
    <row r="31547" spans="1:4" x14ac:dyDescent="0.25">
      <c r="A31547" t="s">
        <v>47117</v>
      </c>
      <c r="B31547" t="s">
        <v>47120</v>
      </c>
      <c r="C31547">
        <v>0</v>
      </c>
      <c r="D31547">
        <v>0</v>
      </c>
    </row>
    <row r="31548" spans="1:4" x14ac:dyDescent="0.25">
      <c r="A31548" t="s">
        <v>47117</v>
      </c>
      <c r="B31548" t="s">
        <v>47121</v>
      </c>
      <c r="C31548">
        <v>0</v>
      </c>
      <c r="D31548">
        <v>0</v>
      </c>
    </row>
    <row r="31549" spans="1:4" x14ac:dyDescent="0.25">
      <c r="A31549" t="s">
        <v>47122</v>
      </c>
      <c r="B31549" t="s">
        <v>47123</v>
      </c>
      <c r="C31549">
        <v>1</v>
      </c>
      <c r="D31549">
        <v>0</v>
      </c>
    </row>
    <row r="31550" spans="1:4" x14ac:dyDescent="0.25">
      <c r="A31550" t="s">
        <v>47122</v>
      </c>
      <c r="B31550" t="s">
        <v>47124</v>
      </c>
      <c r="C31550">
        <v>1</v>
      </c>
      <c r="D31550">
        <v>0</v>
      </c>
    </row>
    <row r="31551" spans="1:4" x14ac:dyDescent="0.25">
      <c r="A31551" t="s">
        <v>47122</v>
      </c>
      <c r="B31551" t="s">
        <v>47125</v>
      </c>
      <c r="C31551">
        <v>2</v>
      </c>
      <c r="D31551">
        <v>0</v>
      </c>
    </row>
    <row r="31552" spans="1:4" x14ac:dyDescent="0.25">
      <c r="A31552" t="s">
        <v>47122</v>
      </c>
      <c r="B31552" t="s">
        <v>47126</v>
      </c>
      <c r="C31552">
        <v>1</v>
      </c>
      <c r="D31552">
        <v>0</v>
      </c>
    </row>
    <row r="31553" spans="1:4" x14ac:dyDescent="0.25">
      <c r="A31553" t="s">
        <v>47127</v>
      </c>
      <c r="B31553" t="s">
        <v>47128</v>
      </c>
      <c r="C31553">
        <v>2</v>
      </c>
      <c r="D31553">
        <v>0</v>
      </c>
    </row>
    <row r="31554" spans="1:4" x14ac:dyDescent="0.25">
      <c r="A31554" t="s">
        <v>47127</v>
      </c>
      <c r="B31554" t="s">
        <v>47129</v>
      </c>
      <c r="C31554">
        <v>1</v>
      </c>
      <c r="D31554">
        <v>0</v>
      </c>
    </row>
    <row r="31555" spans="1:4" x14ac:dyDescent="0.25">
      <c r="A31555" t="s">
        <v>47130</v>
      </c>
      <c r="B31555" t="s">
        <v>47131</v>
      </c>
      <c r="C31555">
        <v>1</v>
      </c>
      <c r="D31555">
        <v>0</v>
      </c>
    </row>
    <row r="31556" spans="1:4" x14ac:dyDescent="0.25">
      <c r="A31556" t="s">
        <v>47130</v>
      </c>
      <c r="B31556" t="s">
        <v>47132</v>
      </c>
      <c r="C31556">
        <v>1</v>
      </c>
      <c r="D31556">
        <v>0</v>
      </c>
    </row>
    <row r="31557" spans="1:4" x14ac:dyDescent="0.25">
      <c r="A31557" t="s">
        <v>47133</v>
      </c>
      <c r="B31557" t="s">
        <v>27701</v>
      </c>
      <c r="C31557">
        <v>1</v>
      </c>
      <c r="D31557">
        <v>0</v>
      </c>
    </row>
    <row r="31558" spans="1:4" x14ac:dyDescent="0.25">
      <c r="A31558" t="s">
        <v>47133</v>
      </c>
      <c r="B31558" t="s">
        <v>47134</v>
      </c>
      <c r="C31558">
        <v>1</v>
      </c>
      <c r="D31558">
        <v>0</v>
      </c>
    </row>
    <row r="31559" spans="1:4" x14ac:dyDescent="0.25">
      <c r="A31559" t="s">
        <v>47135</v>
      </c>
      <c r="B31559" t="s">
        <v>47136</v>
      </c>
      <c r="C31559">
        <v>0</v>
      </c>
      <c r="D31559">
        <v>0</v>
      </c>
    </row>
    <row r="31560" spans="1:4" x14ac:dyDescent="0.25">
      <c r="A31560" t="s">
        <v>47135</v>
      </c>
      <c r="B31560" t="s">
        <v>47137</v>
      </c>
      <c r="C31560">
        <v>1</v>
      </c>
      <c r="D31560">
        <v>0</v>
      </c>
    </row>
    <row r="31561" spans="1:4" x14ac:dyDescent="0.25">
      <c r="A31561" t="s">
        <v>47135</v>
      </c>
      <c r="B31561" t="s">
        <v>47138</v>
      </c>
      <c r="C31561">
        <v>0</v>
      </c>
      <c r="D31561">
        <v>0</v>
      </c>
    </row>
    <row r="31562" spans="1:4" x14ac:dyDescent="0.25">
      <c r="A31562" t="s">
        <v>47135</v>
      </c>
      <c r="B31562" t="s">
        <v>47139</v>
      </c>
      <c r="C31562">
        <v>2</v>
      </c>
      <c r="D31562">
        <v>0</v>
      </c>
    </row>
    <row r="31563" spans="1:4" x14ac:dyDescent="0.25">
      <c r="A31563" t="s">
        <v>47135</v>
      </c>
      <c r="B31563" t="s">
        <v>47140</v>
      </c>
      <c r="C31563">
        <v>1</v>
      </c>
      <c r="D31563">
        <v>0</v>
      </c>
    </row>
    <row r="31564" spans="1:4" x14ac:dyDescent="0.25">
      <c r="A31564" t="s">
        <v>47135</v>
      </c>
      <c r="B31564" t="s">
        <v>47141</v>
      </c>
      <c r="C31564">
        <v>0</v>
      </c>
      <c r="D31564">
        <v>0</v>
      </c>
    </row>
    <row r="31565" spans="1:4" x14ac:dyDescent="0.25">
      <c r="A31565" t="s">
        <v>47135</v>
      </c>
      <c r="B31565" t="s">
        <v>47142</v>
      </c>
      <c r="C31565">
        <v>0</v>
      </c>
      <c r="D31565">
        <v>0</v>
      </c>
    </row>
    <row r="31566" spans="1:4" x14ac:dyDescent="0.25">
      <c r="A31566" t="s">
        <v>47143</v>
      </c>
      <c r="B31566" t="s">
        <v>47144</v>
      </c>
      <c r="C31566">
        <v>0</v>
      </c>
      <c r="D31566">
        <v>0</v>
      </c>
    </row>
    <row r="31567" spans="1:4" x14ac:dyDescent="0.25">
      <c r="A31567" t="s">
        <v>47143</v>
      </c>
      <c r="B31567" t="s">
        <v>47145</v>
      </c>
      <c r="C31567">
        <v>1</v>
      </c>
      <c r="D31567">
        <v>0</v>
      </c>
    </row>
    <row r="31568" spans="1:4" x14ac:dyDescent="0.25">
      <c r="A31568" t="s">
        <v>47143</v>
      </c>
      <c r="B31568" t="s">
        <v>47146</v>
      </c>
      <c r="C31568">
        <v>2</v>
      </c>
      <c r="D31568">
        <v>0</v>
      </c>
    </row>
    <row r="31569" spans="1:4" x14ac:dyDescent="0.25">
      <c r="A31569" t="s">
        <v>47143</v>
      </c>
      <c r="B31569" t="s">
        <v>5047</v>
      </c>
      <c r="C31569">
        <v>1</v>
      </c>
      <c r="D31569">
        <v>0</v>
      </c>
    </row>
    <row r="31570" spans="1:4" x14ac:dyDescent="0.25">
      <c r="A31570" t="s">
        <v>47147</v>
      </c>
      <c r="B31570" t="s">
        <v>47148</v>
      </c>
      <c r="C31570">
        <v>2</v>
      </c>
      <c r="D31570">
        <v>0</v>
      </c>
    </row>
    <row r="31571" spans="1:4" x14ac:dyDescent="0.25">
      <c r="A31571" t="s">
        <v>47147</v>
      </c>
      <c r="B31571" t="s">
        <v>35545</v>
      </c>
      <c r="C31571">
        <v>1</v>
      </c>
      <c r="D31571">
        <v>0</v>
      </c>
    </row>
    <row r="31572" spans="1:4" x14ac:dyDescent="0.25">
      <c r="A31572" t="s">
        <v>47149</v>
      </c>
      <c r="B31572" t="s">
        <v>47150</v>
      </c>
      <c r="C31572">
        <v>1</v>
      </c>
      <c r="D31572">
        <v>0</v>
      </c>
    </row>
    <row r="31573" spans="1:4" x14ac:dyDescent="0.25">
      <c r="A31573" t="s">
        <v>47149</v>
      </c>
      <c r="B31573" t="s">
        <v>47151</v>
      </c>
      <c r="C31573">
        <v>0</v>
      </c>
      <c r="D31573">
        <v>0</v>
      </c>
    </row>
    <row r="31574" spans="1:4" x14ac:dyDescent="0.25">
      <c r="A31574" t="s">
        <v>47149</v>
      </c>
      <c r="B31574" t="s">
        <v>47152</v>
      </c>
      <c r="C31574">
        <v>0</v>
      </c>
      <c r="D31574">
        <v>0</v>
      </c>
    </row>
    <row r="31575" spans="1:4" x14ac:dyDescent="0.25">
      <c r="A31575" t="s">
        <v>47153</v>
      </c>
      <c r="B31575" t="s">
        <v>47154</v>
      </c>
      <c r="C31575">
        <v>0</v>
      </c>
      <c r="D31575">
        <v>0</v>
      </c>
    </row>
    <row r="31576" spans="1:4" x14ac:dyDescent="0.25">
      <c r="A31576" t="s">
        <v>47153</v>
      </c>
      <c r="B31576" t="s">
        <v>47155</v>
      </c>
      <c r="C31576">
        <v>1</v>
      </c>
      <c r="D31576">
        <v>0</v>
      </c>
    </row>
    <row r="31577" spans="1:4" x14ac:dyDescent="0.25">
      <c r="A31577" t="s">
        <v>47153</v>
      </c>
      <c r="B31577" t="s">
        <v>47156</v>
      </c>
      <c r="C31577">
        <v>1</v>
      </c>
      <c r="D31577">
        <v>0</v>
      </c>
    </row>
    <row r="31578" spans="1:4" x14ac:dyDescent="0.25">
      <c r="A31578" t="s">
        <v>47153</v>
      </c>
      <c r="B31578" t="s">
        <v>47157</v>
      </c>
      <c r="C31578">
        <v>1</v>
      </c>
      <c r="D31578">
        <v>0</v>
      </c>
    </row>
    <row r="31579" spans="1:4" x14ac:dyDescent="0.25">
      <c r="A31579" t="s">
        <v>47158</v>
      </c>
      <c r="B31579" t="s">
        <v>47159</v>
      </c>
      <c r="C31579">
        <v>0</v>
      </c>
      <c r="D31579">
        <v>0</v>
      </c>
    </row>
    <row r="31580" spans="1:4" x14ac:dyDescent="0.25">
      <c r="A31580" t="s">
        <v>47158</v>
      </c>
      <c r="B31580" t="s">
        <v>35545</v>
      </c>
      <c r="C31580">
        <v>1</v>
      </c>
      <c r="D31580">
        <v>0</v>
      </c>
    </row>
    <row r="31581" spans="1:4" x14ac:dyDescent="0.25">
      <c r="A31581" t="s">
        <v>47158</v>
      </c>
      <c r="B31581" t="s">
        <v>47160</v>
      </c>
      <c r="C31581">
        <v>2</v>
      </c>
      <c r="D31581">
        <v>0</v>
      </c>
    </row>
    <row r="31582" spans="1:4" x14ac:dyDescent="0.25">
      <c r="A31582" t="s">
        <v>47158</v>
      </c>
      <c r="B31582" t="s">
        <v>47161</v>
      </c>
      <c r="C31582">
        <v>1</v>
      </c>
      <c r="D31582">
        <v>0</v>
      </c>
    </row>
    <row r="31583" spans="1:4" x14ac:dyDescent="0.25">
      <c r="A31583" t="s">
        <v>47158</v>
      </c>
      <c r="B31583" t="s">
        <v>47162</v>
      </c>
      <c r="C31583">
        <v>1</v>
      </c>
      <c r="D31583">
        <v>0</v>
      </c>
    </row>
    <row r="31584" spans="1:4" x14ac:dyDescent="0.25">
      <c r="A31584" t="s">
        <v>47158</v>
      </c>
      <c r="B31584" t="s">
        <v>47163</v>
      </c>
      <c r="C31584">
        <v>1</v>
      </c>
      <c r="D31584">
        <v>0</v>
      </c>
    </row>
    <row r="31585" spans="1:4" x14ac:dyDescent="0.25">
      <c r="A31585" t="s">
        <v>47164</v>
      </c>
      <c r="B31585" t="s">
        <v>2651</v>
      </c>
      <c r="C31585">
        <v>0</v>
      </c>
      <c r="D31585">
        <v>0</v>
      </c>
    </row>
    <row r="31586" spans="1:4" x14ac:dyDescent="0.25">
      <c r="A31586" t="s">
        <v>47164</v>
      </c>
      <c r="B31586" t="s">
        <v>47165</v>
      </c>
      <c r="C31586">
        <v>0</v>
      </c>
      <c r="D31586">
        <v>0</v>
      </c>
    </row>
    <row r="31587" spans="1:4" x14ac:dyDescent="0.25">
      <c r="A31587" t="s">
        <v>47164</v>
      </c>
      <c r="B31587" t="s">
        <v>47166</v>
      </c>
      <c r="C31587">
        <v>2</v>
      </c>
      <c r="D31587">
        <v>0</v>
      </c>
    </row>
    <row r="31588" spans="1:4" x14ac:dyDescent="0.25">
      <c r="A31588" t="s">
        <v>47164</v>
      </c>
      <c r="B31588" t="s">
        <v>47167</v>
      </c>
      <c r="C31588">
        <v>2</v>
      </c>
      <c r="D31588">
        <v>0</v>
      </c>
    </row>
    <row r="31589" spans="1:4" x14ac:dyDescent="0.25">
      <c r="A31589" t="s">
        <v>47164</v>
      </c>
      <c r="B31589" t="s">
        <v>47168</v>
      </c>
      <c r="C31589">
        <v>1</v>
      </c>
      <c r="D31589">
        <v>0</v>
      </c>
    </row>
    <row r="31590" spans="1:4" x14ac:dyDescent="0.25">
      <c r="A31590" t="s">
        <v>47169</v>
      </c>
      <c r="B31590" t="s">
        <v>47170</v>
      </c>
      <c r="C31590">
        <v>1</v>
      </c>
      <c r="D31590">
        <v>0</v>
      </c>
    </row>
    <row r="31591" spans="1:4" x14ac:dyDescent="0.25">
      <c r="A31591" t="s">
        <v>47169</v>
      </c>
      <c r="B31591" t="s">
        <v>47171</v>
      </c>
      <c r="C31591">
        <v>0</v>
      </c>
      <c r="D31591">
        <v>0</v>
      </c>
    </row>
    <row r="31592" spans="1:4" x14ac:dyDescent="0.25">
      <c r="A31592" t="s">
        <v>47172</v>
      </c>
      <c r="B31592" t="s">
        <v>47173</v>
      </c>
      <c r="C31592">
        <v>0</v>
      </c>
      <c r="D31592">
        <v>0</v>
      </c>
    </row>
    <row r="31593" spans="1:4" x14ac:dyDescent="0.25">
      <c r="A31593" t="s">
        <v>47172</v>
      </c>
      <c r="B31593" t="s">
        <v>47174</v>
      </c>
      <c r="C31593">
        <v>0</v>
      </c>
      <c r="D31593">
        <v>0</v>
      </c>
    </row>
    <row r="31594" spans="1:4" x14ac:dyDescent="0.25">
      <c r="A31594" t="s">
        <v>47172</v>
      </c>
      <c r="B31594" t="s">
        <v>47175</v>
      </c>
      <c r="C31594">
        <v>0</v>
      </c>
      <c r="D31594">
        <v>0</v>
      </c>
    </row>
    <row r="31595" spans="1:4" x14ac:dyDescent="0.25">
      <c r="A31595" t="s">
        <v>47172</v>
      </c>
      <c r="B31595" t="s">
        <v>47176</v>
      </c>
      <c r="C31595">
        <v>0</v>
      </c>
      <c r="D31595">
        <v>0</v>
      </c>
    </row>
    <row r="31596" spans="1:4" x14ac:dyDescent="0.25">
      <c r="A31596" t="s">
        <v>47172</v>
      </c>
      <c r="B31596" t="s">
        <v>47177</v>
      </c>
      <c r="C31596">
        <v>2</v>
      </c>
      <c r="D31596">
        <v>0</v>
      </c>
    </row>
    <row r="31597" spans="1:4" x14ac:dyDescent="0.25">
      <c r="A31597" t="s">
        <v>47172</v>
      </c>
      <c r="B31597" t="s">
        <v>47178</v>
      </c>
      <c r="C31597">
        <v>0</v>
      </c>
      <c r="D31597">
        <v>0</v>
      </c>
    </row>
    <row r="31598" spans="1:4" x14ac:dyDescent="0.25">
      <c r="A31598" t="s">
        <v>47172</v>
      </c>
      <c r="B31598" t="s">
        <v>47179</v>
      </c>
      <c r="C31598">
        <v>2</v>
      </c>
      <c r="D31598">
        <v>0</v>
      </c>
    </row>
    <row r="31599" spans="1:4" x14ac:dyDescent="0.25">
      <c r="A31599" t="s">
        <v>47180</v>
      </c>
      <c r="B31599" t="s">
        <v>47181</v>
      </c>
      <c r="C31599">
        <v>2</v>
      </c>
      <c r="D31599">
        <v>0</v>
      </c>
    </row>
    <row r="31600" spans="1:4" x14ac:dyDescent="0.25">
      <c r="A31600" t="s">
        <v>47180</v>
      </c>
      <c r="B31600" t="s">
        <v>47182</v>
      </c>
      <c r="C31600">
        <v>2</v>
      </c>
      <c r="D31600">
        <v>0</v>
      </c>
    </row>
    <row r="31601" spans="1:4" x14ac:dyDescent="0.25">
      <c r="A31601" t="s">
        <v>47180</v>
      </c>
      <c r="B31601" t="s">
        <v>47183</v>
      </c>
      <c r="C31601">
        <v>2</v>
      </c>
      <c r="D31601">
        <v>0</v>
      </c>
    </row>
    <row r="31602" spans="1:4" x14ac:dyDescent="0.25">
      <c r="A31602" t="s">
        <v>47180</v>
      </c>
      <c r="B31602" t="s">
        <v>47184</v>
      </c>
      <c r="C31602">
        <v>2</v>
      </c>
      <c r="D31602">
        <v>0</v>
      </c>
    </row>
    <row r="31603" spans="1:4" x14ac:dyDescent="0.25">
      <c r="A31603" t="s">
        <v>47180</v>
      </c>
      <c r="B31603" t="s">
        <v>47185</v>
      </c>
      <c r="C31603">
        <v>2</v>
      </c>
      <c r="D31603">
        <v>0</v>
      </c>
    </row>
    <row r="31604" spans="1:4" x14ac:dyDescent="0.25">
      <c r="A31604" t="s">
        <v>47180</v>
      </c>
      <c r="B31604" t="s">
        <v>47186</v>
      </c>
      <c r="C31604">
        <v>0</v>
      </c>
      <c r="D31604">
        <v>0</v>
      </c>
    </row>
    <row r="31605" spans="1:4" x14ac:dyDescent="0.25">
      <c r="A31605" t="s">
        <v>47187</v>
      </c>
      <c r="B31605" t="s">
        <v>47188</v>
      </c>
      <c r="C31605">
        <v>1</v>
      </c>
      <c r="D31605">
        <v>0</v>
      </c>
    </row>
    <row r="31606" spans="1:4" x14ac:dyDescent="0.25">
      <c r="A31606" t="s">
        <v>47187</v>
      </c>
      <c r="B31606" t="s">
        <v>47189</v>
      </c>
      <c r="C31606">
        <v>1</v>
      </c>
      <c r="D31606">
        <v>0</v>
      </c>
    </row>
    <row r="31607" spans="1:4" x14ac:dyDescent="0.25">
      <c r="A31607" t="s">
        <v>47187</v>
      </c>
      <c r="B31607" t="s">
        <v>47190</v>
      </c>
      <c r="C31607">
        <v>0</v>
      </c>
      <c r="D31607">
        <v>0</v>
      </c>
    </row>
    <row r="31608" spans="1:4" x14ac:dyDescent="0.25">
      <c r="A31608" t="s">
        <v>47187</v>
      </c>
      <c r="B31608" t="s">
        <v>47191</v>
      </c>
      <c r="C31608">
        <v>1</v>
      </c>
      <c r="D31608">
        <v>0</v>
      </c>
    </row>
    <row r="31609" spans="1:4" x14ac:dyDescent="0.25">
      <c r="A31609" t="s">
        <v>47187</v>
      </c>
      <c r="B31609" t="s">
        <v>47192</v>
      </c>
      <c r="C31609">
        <v>1</v>
      </c>
      <c r="D31609">
        <v>0</v>
      </c>
    </row>
    <row r="31610" spans="1:4" x14ac:dyDescent="0.25">
      <c r="A31610" t="s">
        <v>47187</v>
      </c>
      <c r="B31610" t="s">
        <v>47193</v>
      </c>
      <c r="C31610">
        <v>1</v>
      </c>
      <c r="D31610">
        <v>0</v>
      </c>
    </row>
    <row r="31611" spans="1:4" x14ac:dyDescent="0.25">
      <c r="A31611" t="s">
        <v>47187</v>
      </c>
      <c r="B31611" t="s">
        <v>47194</v>
      </c>
      <c r="C31611">
        <v>1</v>
      </c>
      <c r="D31611">
        <v>0</v>
      </c>
    </row>
    <row r="31612" spans="1:4" x14ac:dyDescent="0.25">
      <c r="A31612" t="s">
        <v>47187</v>
      </c>
      <c r="B31612" t="s">
        <v>47195</v>
      </c>
      <c r="C31612">
        <v>1</v>
      </c>
      <c r="D31612">
        <v>0</v>
      </c>
    </row>
    <row r="31613" spans="1:4" x14ac:dyDescent="0.25">
      <c r="A31613" t="s">
        <v>47187</v>
      </c>
      <c r="B31613" t="s">
        <v>47196</v>
      </c>
      <c r="C31613">
        <v>1</v>
      </c>
      <c r="D31613">
        <v>0</v>
      </c>
    </row>
    <row r="31614" spans="1:4" x14ac:dyDescent="0.25">
      <c r="A31614" t="s">
        <v>47197</v>
      </c>
      <c r="B31614" t="s">
        <v>47198</v>
      </c>
      <c r="C31614">
        <v>1</v>
      </c>
      <c r="D31614">
        <v>0</v>
      </c>
    </row>
    <row r="31615" spans="1:4" x14ac:dyDescent="0.25">
      <c r="A31615" t="s">
        <v>47197</v>
      </c>
      <c r="B31615" t="s">
        <v>47199</v>
      </c>
      <c r="C31615">
        <v>1</v>
      </c>
      <c r="D31615">
        <v>0</v>
      </c>
    </row>
    <row r="31616" spans="1:4" x14ac:dyDescent="0.25">
      <c r="A31616" t="s">
        <v>47197</v>
      </c>
      <c r="B31616" t="s">
        <v>47200</v>
      </c>
      <c r="C31616">
        <v>1</v>
      </c>
      <c r="D31616">
        <v>0</v>
      </c>
    </row>
    <row r="31617" spans="1:4" x14ac:dyDescent="0.25">
      <c r="A31617" t="s">
        <v>47197</v>
      </c>
      <c r="B31617" t="s">
        <v>5047</v>
      </c>
      <c r="C31617">
        <v>0</v>
      </c>
      <c r="D31617">
        <v>0</v>
      </c>
    </row>
    <row r="31618" spans="1:4" x14ac:dyDescent="0.25">
      <c r="A31618" t="s">
        <v>47197</v>
      </c>
      <c r="B31618" t="s">
        <v>47201</v>
      </c>
      <c r="C31618">
        <v>1</v>
      </c>
      <c r="D31618">
        <v>0</v>
      </c>
    </row>
    <row r="31619" spans="1:4" x14ac:dyDescent="0.25">
      <c r="A31619" t="s">
        <v>47197</v>
      </c>
      <c r="B31619" t="s">
        <v>47202</v>
      </c>
      <c r="C31619">
        <v>1</v>
      </c>
      <c r="D31619">
        <v>0</v>
      </c>
    </row>
    <row r="31620" spans="1:4" x14ac:dyDescent="0.25">
      <c r="A31620" t="s">
        <v>47203</v>
      </c>
      <c r="B31620" t="s">
        <v>47204</v>
      </c>
      <c r="C31620">
        <v>0</v>
      </c>
      <c r="D31620">
        <v>0</v>
      </c>
    </row>
    <row r="31621" spans="1:4" x14ac:dyDescent="0.25">
      <c r="A31621" t="s">
        <v>47203</v>
      </c>
      <c r="B31621" t="s">
        <v>47205</v>
      </c>
      <c r="C31621">
        <v>0</v>
      </c>
      <c r="D31621">
        <v>0</v>
      </c>
    </row>
    <row r="31622" spans="1:4" x14ac:dyDescent="0.25">
      <c r="A31622" t="s">
        <v>47203</v>
      </c>
      <c r="B31622" t="s">
        <v>47206</v>
      </c>
      <c r="C31622">
        <v>2</v>
      </c>
      <c r="D31622">
        <v>0</v>
      </c>
    </row>
    <row r="31623" spans="1:4" x14ac:dyDescent="0.25">
      <c r="A31623" t="s">
        <v>47203</v>
      </c>
      <c r="B31623" t="s">
        <v>47207</v>
      </c>
      <c r="C31623">
        <v>0</v>
      </c>
      <c r="D31623">
        <v>0</v>
      </c>
    </row>
    <row r="31624" spans="1:4" x14ac:dyDescent="0.25">
      <c r="A31624" t="s">
        <v>47208</v>
      </c>
      <c r="B31624" t="s">
        <v>47209</v>
      </c>
      <c r="C31624">
        <v>0</v>
      </c>
      <c r="D31624">
        <v>0</v>
      </c>
    </row>
    <row r="31625" spans="1:4" x14ac:dyDescent="0.25">
      <c r="A31625" t="s">
        <v>47208</v>
      </c>
      <c r="B31625" t="s">
        <v>47210</v>
      </c>
      <c r="C31625">
        <v>2</v>
      </c>
      <c r="D31625">
        <v>0</v>
      </c>
    </row>
    <row r="31626" spans="1:4" x14ac:dyDescent="0.25">
      <c r="A31626" t="s">
        <v>47208</v>
      </c>
      <c r="B31626" t="s">
        <v>47211</v>
      </c>
      <c r="C31626">
        <v>2</v>
      </c>
      <c r="D31626">
        <v>0</v>
      </c>
    </row>
    <row r="31627" spans="1:4" x14ac:dyDescent="0.25">
      <c r="A31627" t="s">
        <v>47208</v>
      </c>
      <c r="B31627" t="s">
        <v>47212</v>
      </c>
      <c r="C31627">
        <v>2</v>
      </c>
      <c r="D31627">
        <v>0</v>
      </c>
    </row>
    <row r="31628" spans="1:4" x14ac:dyDescent="0.25">
      <c r="A31628" t="s">
        <v>47208</v>
      </c>
      <c r="B31628" t="s">
        <v>47213</v>
      </c>
      <c r="C31628">
        <v>2</v>
      </c>
      <c r="D31628">
        <v>0</v>
      </c>
    </row>
    <row r="31629" spans="1:4" x14ac:dyDescent="0.25">
      <c r="A31629" t="s">
        <v>47208</v>
      </c>
      <c r="B31629" t="s">
        <v>47214</v>
      </c>
      <c r="C31629">
        <v>1</v>
      </c>
      <c r="D31629">
        <v>0</v>
      </c>
    </row>
    <row r="31630" spans="1:4" x14ac:dyDescent="0.25">
      <c r="A31630" t="s">
        <v>47208</v>
      </c>
      <c r="B31630" t="s">
        <v>47215</v>
      </c>
      <c r="C31630">
        <v>2</v>
      </c>
      <c r="D31630">
        <v>0</v>
      </c>
    </row>
    <row r="31631" spans="1:4" x14ac:dyDescent="0.25">
      <c r="A31631" t="s">
        <v>47216</v>
      </c>
      <c r="B31631" t="s">
        <v>47217</v>
      </c>
      <c r="C31631">
        <v>1</v>
      </c>
      <c r="D31631">
        <v>0</v>
      </c>
    </row>
    <row r="31632" spans="1:4" x14ac:dyDescent="0.25">
      <c r="A31632" t="s">
        <v>47216</v>
      </c>
      <c r="B31632" t="s">
        <v>47218</v>
      </c>
      <c r="C31632">
        <v>2</v>
      </c>
      <c r="D31632">
        <v>0</v>
      </c>
    </row>
    <row r="31633" spans="1:4" x14ac:dyDescent="0.25">
      <c r="A31633" t="s">
        <v>47219</v>
      </c>
      <c r="B31633" t="s">
        <v>5434</v>
      </c>
      <c r="C31633">
        <v>1</v>
      </c>
      <c r="D31633">
        <v>0</v>
      </c>
    </row>
    <row r="31634" spans="1:4" x14ac:dyDescent="0.25">
      <c r="A31634" t="s">
        <v>47219</v>
      </c>
      <c r="B31634" t="s">
        <v>47220</v>
      </c>
      <c r="C31634">
        <v>1</v>
      </c>
      <c r="D31634">
        <v>0</v>
      </c>
    </row>
    <row r="31635" spans="1:4" x14ac:dyDescent="0.25">
      <c r="A31635" t="s">
        <v>47221</v>
      </c>
      <c r="B31635" t="s">
        <v>47222</v>
      </c>
      <c r="C31635">
        <v>1</v>
      </c>
      <c r="D31635">
        <v>0</v>
      </c>
    </row>
    <row r="31636" spans="1:4" x14ac:dyDescent="0.25">
      <c r="A31636" t="s">
        <v>47221</v>
      </c>
      <c r="B31636" t="s">
        <v>47223</v>
      </c>
      <c r="C31636">
        <v>2</v>
      </c>
      <c r="D31636">
        <v>0</v>
      </c>
    </row>
    <row r="31637" spans="1:4" x14ac:dyDescent="0.25">
      <c r="A31637" t="s">
        <v>47224</v>
      </c>
      <c r="B31637" t="s">
        <v>47225</v>
      </c>
      <c r="C31637">
        <v>2</v>
      </c>
      <c r="D31637">
        <v>0</v>
      </c>
    </row>
    <row r="31638" spans="1:4" x14ac:dyDescent="0.25">
      <c r="A31638" t="s">
        <v>47224</v>
      </c>
      <c r="B31638" t="s">
        <v>47226</v>
      </c>
      <c r="C31638">
        <v>1</v>
      </c>
      <c r="D31638">
        <v>0</v>
      </c>
    </row>
    <row r="31639" spans="1:4" x14ac:dyDescent="0.25">
      <c r="A31639" t="s">
        <v>47224</v>
      </c>
      <c r="B31639" t="s">
        <v>47227</v>
      </c>
      <c r="C31639">
        <v>0</v>
      </c>
      <c r="D31639">
        <v>0</v>
      </c>
    </row>
    <row r="31640" spans="1:4" x14ac:dyDescent="0.25">
      <c r="A31640" t="s">
        <v>47224</v>
      </c>
      <c r="B31640" t="s">
        <v>47228</v>
      </c>
      <c r="C31640">
        <v>0</v>
      </c>
      <c r="D31640">
        <v>0</v>
      </c>
    </row>
    <row r="31641" spans="1:4" x14ac:dyDescent="0.25">
      <c r="A31641" t="s">
        <v>47224</v>
      </c>
      <c r="B31641" t="s">
        <v>47229</v>
      </c>
      <c r="C31641">
        <v>0</v>
      </c>
      <c r="D31641">
        <v>0</v>
      </c>
    </row>
    <row r="31642" spans="1:4" x14ac:dyDescent="0.25">
      <c r="A31642" t="s">
        <v>47224</v>
      </c>
      <c r="B31642" t="s">
        <v>19309</v>
      </c>
      <c r="C31642">
        <v>0</v>
      </c>
      <c r="D31642">
        <v>0</v>
      </c>
    </row>
    <row r="31643" spans="1:4" x14ac:dyDescent="0.25">
      <c r="A31643" t="s">
        <v>47230</v>
      </c>
      <c r="B31643" t="s">
        <v>47231</v>
      </c>
      <c r="C31643">
        <v>0</v>
      </c>
      <c r="D31643">
        <v>0</v>
      </c>
    </row>
    <row r="31644" spans="1:4" x14ac:dyDescent="0.25">
      <c r="A31644" t="s">
        <v>47230</v>
      </c>
      <c r="B31644" t="s">
        <v>47232</v>
      </c>
      <c r="C31644">
        <v>0</v>
      </c>
      <c r="D31644">
        <v>0</v>
      </c>
    </row>
    <row r="31645" spans="1:4" x14ac:dyDescent="0.25">
      <c r="A31645" t="s">
        <v>47230</v>
      </c>
      <c r="B31645" t="s">
        <v>47233</v>
      </c>
      <c r="C31645">
        <v>0</v>
      </c>
      <c r="D31645">
        <v>0</v>
      </c>
    </row>
    <row r="31646" spans="1:4" x14ac:dyDescent="0.25">
      <c r="A31646" t="s">
        <v>47230</v>
      </c>
      <c r="B31646" t="s">
        <v>47234</v>
      </c>
      <c r="C31646">
        <v>0</v>
      </c>
      <c r="D31646">
        <v>0</v>
      </c>
    </row>
    <row r="31647" spans="1:4" x14ac:dyDescent="0.25">
      <c r="A31647" t="s">
        <v>47230</v>
      </c>
      <c r="B31647" t="s">
        <v>47235</v>
      </c>
      <c r="C31647">
        <v>0</v>
      </c>
      <c r="D31647">
        <v>0</v>
      </c>
    </row>
    <row r="31648" spans="1:4" x14ac:dyDescent="0.25">
      <c r="A31648" t="s">
        <v>47230</v>
      </c>
      <c r="B31648" t="s">
        <v>47236</v>
      </c>
      <c r="C31648">
        <v>0</v>
      </c>
      <c r="D31648">
        <v>0</v>
      </c>
    </row>
    <row r="31649" spans="1:4" x14ac:dyDescent="0.25">
      <c r="A31649" t="s">
        <v>47230</v>
      </c>
      <c r="B31649" t="s">
        <v>47237</v>
      </c>
      <c r="C31649">
        <v>1</v>
      </c>
      <c r="D31649">
        <v>0</v>
      </c>
    </row>
    <row r="31650" spans="1:4" x14ac:dyDescent="0.25">
      <c r="A31650" t="s">
        <v>47238</v>
      </c>
      <c r="B31650" t="s">
        <v>47239</v>
      </c>
      <c r="C31650">
        <v>0</v>
      </c>
      <c r="D31650">
        <v>0</v>
      </c>
    </row>
    <row r="31651" spans="1:4" x14ac:dyDescent="0.25">
      <c r="A31651" t="s">
        <v>47238</v>
      </c>
      <c r="B31651" t="s">
        <v>47240</v>
      </c>
      <c r="C31651">
        <v>0</v>
      </c>
      <c r="D31651">
        <v>0</v>
      </c>
    </row>
    <row r="31652" spans="1:4" x14ac:dyDescent="0.25">
      <c r="A31652" t="s">
        <v>47238</v>
      </c>
      <c r="B31652" t="s">
        <v>47241</v>
      </c>
      <c r="C31652">
        <v>1</v>
      </c>
      <c r="D31652">
        <v>0</v>
      </c>
    </row>
    <row r="31653" spans="1:4" x14ac:dyDescent="0.25">
      <c r="A31653" t="s">
        <v>47242</v>
      </c>
      <c r="B31653" t="s">
        <v>47243</v>
      </c>
      <c r="C31653">
        <v>1</v>
      </c>
      <c r="D31653">
        <v>0</v>
      </c>
    </row>
    <row r="31654" spans="1:4" x14ac:dyDescent="0.25">
      <c r="A31654" t="s">
        <v>47242</v>
      </c>
      <c r="B31654" t="s">
        <v>47244</v>
      </c>
      <c r="C31654">
        <v>0</v>
      </c>
      <c r="D31654">
        <v>0</v>
      </c>
    </row>
    <row r="31655" spans="1:4" x14ac:dyDescent="0.25">
      <c r="A31655" t="s">
        <v>47242</v>
      </c>
      <c r="B31655" t="s">
        <v>47245</v>
      </c>
      <c r="C31655">
        <v>2</v>
      </c>
      <c r="D31655">
        <v>0</v>
      </c>
    </row>
    <row r="31656" spans="1:4" x14ac:dyDescent="0.25">
      <c r="A31656" t="s">
        <v>47242</v>
      </c>
      <c r="B31656" t="s">
        <v>47246</v>
      </c>
      <c r="C31656">
        <v>2</v>
      </c>
      <c r="D31656">
        <v>0</v>
      </c>
    </row>
    <row r="31657" spans="1:4" x14ac:dyDescent="0.25">
      <c r="A31657" t="s">
        <v>47242</v>
      </c>
      <c r="B31657" t="s">
        <v>47247</v>
      </c>
      <c r="C31657">
        <v>2</v>
      </c>
      <c r="D31657">
        <v>0</v>
      </c>
    </row>
    <row r="31658" spans="1:4" x14ac:dyDescent="0.25">
      <c r="A31658" t="s">
        <v>47242</v>
      </c>
      <c r="B31658" t="s">
        <v>47248</v>
      </c>
      <c r="C31658">
        <v>1</v>
      </c>
      <c r="D31658">
        <v>0</v>
      </c>
    </row>
    <row r="31659" spans="1:4" x14ac:dyDescent="0.25">
      <c r="A31659" t="s">
        <v>47249</v>
      </c>
      <c r="B31659" t="s">
        <v>47250</v>
      </c>
      <c r="C31659">
        <v>0</v>
      </c>
      <c r="D31659">
        <v>0</v>
      </c>
    </row>
    <row r="31660" spans="1:4" x14ac:dyDescent="0.25">
      <c r="A31660" t="s">
        <v>47249</v>
      </c>
      <c r="B31660" t="s">
        <v>47251</v>
      </c>
      <c r="C31660">
        <v>0</v>
      </c>
      <c r="D31660">
        <v>0</v>
      </c>
    </row>
    <row r="31661" spans="1:4" x14ac:dyDescent="0.25">
      <c r="A31661" t="s">
        <v>47252</v>
      </c>
      <c r="B31661" t="s">
        <v>47253</v>
      </c>
      <c r="C31661">
        <v>1</v>
      </c>
      <c r="D31661">
        <v>0</v>
      </c>
    </row>
    <row r="31662" spans="1:4" x14ac:dyDescent="0.25">
      <c r="A31662" t="s">
        <v>47252</v>
      </c>
      <c r="B31662" t="s">
        <v>47254</v>
      </c>
      <c r="C31662">
        <v>0</v>
      </c>
      <c r="D31662">
        <v>0</v>
      </c>
    </row>
    <row r="31663" spans="1:4" x14ac:dyDescent="0.25">
      <c r="A31663" t="s">
        <v>47255</v>
      </c>
      <c r="B31663" t="s">
        <v>47256</v>
      </c>
      <c r="C31663">
        <v>0</v>
      </c>
      <c r="D31663">
        <v>0</v>
      </c>
    </row>
    <row r="31664" spans="1:4" x14ac:dyDescent="0.25">
      <c r="A31664" t="s">
        <v>47255</v>
      </c>
      <c r="B31664" t="s">
        <v>47257</v>
      </c>
      <c r="C31664">
        <v>2</v>
      </c>
      <c r="D31664">
        <v>0</v>
      </c>
    </row>
    <row r="31665" spans="1:4" x14ac:dyDescent="0.25">
      <c r="A31665" t="s">
        <v>47255</v>
      </c>
      <c r="B31665" t="s">
        <v>47258</v>
      </c>
      <c r="C31665">
        <v>1</v>
      </c>
      <c r="D31665">
        <v>0</v>
      </c>
    </row>
    <row r="31666" spans="1:4" x14ac:dyDescent="0.25">
      <c r="A31666" t="s">
        <v>47259</v>
      </c>
      <c r="B31666" t="s">
        <v>47260</v>
      </c>
      <c r="C31666">
        <v>1</v>
      </c>
      <c r="D31666">
        <v>0</v>
      </c>
    </row>
    <row r="31667" spans="1:4" x14ac:dyDescent="0.25">
      <c r="A31667" t="s">
        <v>47259</v>
      </c>
      <c r="B31667" t="s">
        <v>47261</v>
      </c>
      <c r="C31667">
        <v>1</v>
      </c>
      <c r="D31667">
        <v>0</v>
      </c>
    </row>
    <row r="31668" spans="1:4" x14ac:dyDescent="0.25">
      <c r="A31668" t="s">
        <v>47259</v>
      </c>
      <c r="B31668" t="s">
        <v>47262</v>
      </c>
      <c r="C31668">
        <v>1</v>
      </c>
      <c r="D31668">
        <v>0</v>
      </c>
    </row>
    <row r="31669" spans="1:4" x14ac:dyDescent="0.25">
      <c r="A31669" t="s">
        <v>47259</v>
      </c>
      <c r="B31669" t="s">
        <v>47263</v>
      </c>
      <c r="C31669">
        <v>1</v>
      </c>
      <c r="D31669">
        <v>0</v>
      </c>
    </row>
    <row r="31670" spans="1:4" x14ac:dyDescent="0.25">
      <c r="A31670" t="s">
        <v>47259</v>
      </c>
      <c r="B31670" t="s">
        <v>47264</v>
      </c>
      <c r="C31670">
        <v>1</v>
      </c>
      <c r="D31670">
        <v>0</v>
      </c>
    </row>
    <row r="31671" spans="1:4" x14ac:dyDescent="0.25">
      <c r="A31671" t="s">
        <v>47265</v>
      </c>
      <c r="B31671" t="s">
        <v>47266</v>
      </c>
      <c r="C31671">
        <v>0</v>
      </c>
      <c r="D31671">
        <v>0</v>
      </c>
    </row>
    <row r="31672" spans="1:4" x14ac:dyDescent="0.25">
      <c r="A31672" t="s">
        <v>47267</v>
      </c>
      <c r="B31672" t="s">
        <v>47268</v>
      </c>
      <c r="C31672">
        <v>1</v>
      </c>
      <c r="D31672">
        <v>0</v>
      </c>
    </row>
    <row r="31673" spans="1:4" x14ac:dyDescent="0.25">
      <c r="A31673" t="s">
        <v>47267</v>
      </c>
      <c r="B31673" t="s">
        <v>47269</v>
      </c>
      <c r="C31673">
        <v>1</v>
      </c>
      <c r="D31673">
        <v>0</v>
      </c>
    </row>
    <row r="31674" spans="1:4" x14ac:dyDescent="0.25">
      <c r="A31674" t="s">
        <v>47267</v>
      </c>
      <c r="B31674" t="s">
        <v>47270</v>
      </c>
      <c r="C31674">
        <v>1</v>
      </c>
      <c r="D31674">
        <v>0</v>
      </c>
    </row>
    <row r="31675" spans="1:4" x14ac:dyDescent="0.25">
      <c r="A31675" t="s">
        <v>47267</v>
      </c>
      <c r="B31675" t="s">
        <v>47268</v>
      </c>
      <c r="C31675">
        <v>1</v>
      </c>
      <c r="D31675">
        <v>0</v>
      </c>
    </row>
    <row r="31676" spans="1:4" x14ac:dyDescent="0.25">
      <c r="A31676" t="s">
        <v>47267</v>
      </c>
      <c r="B31676" t="s">
        <v>47271</v>
      </c>
      <c r="C31676">
        <v>0</v>
      </c>
      <c r="D31676">
        <v>0</v>
      </c>
    </row>
    <row r="31677" spans="1:4" x14ac:dyDescent="0.25">
      <c r="A31677" t="s">
        <v>47267</v>
      </c>
      <c r="B31677" t="s">
        <v>47272</v>
      </c>
      <c r="C31677">
        <v>2</v>
      </c>
      <c r="D31677">
        <v>0</v>
      </c>
    </row>
    <row r="31678" spans="1:4" x14ac:dyDescent="0.25">
      <c r="A31678" t="s">
        <v>47267</v>
      </c>
      <c r="B31678" t="s">
        <v>47273</v>
      </c>
      <c r="C31678">
        <v>1</v>
      </c>
      <c r="D31678">
        <v>0</v>
      </c>
    </row>
    <row r="31679" spans="1:4" x14ac:dyDescent="0.25">
      <c r="A31679" t="s">
        <v>47267</v>
      </c>
      <c r="B31679" t="s">
        <v>47274</v>
      </c>
      <c r="C31679">
        <v>2</v>
      </c>
      <c r="D31679">
        <v>0</v>
      </c>
    </row>
    <row r="31680" spans="1:4" x14ac:dyDescent="0.25">
      <c r="A31680" t="s">
        <v>47267</v>
      </c>
      <c r="B31680" t="s">
        <v>47275</v>
      </c>
      <c r="C31680">
        <v>0</v>
      </c>
      <c r="D31680">
        <v>0</v>
      </c>
    </row>
    <row r="31681" spans="1:4" x14ac:dyDescent="0.25">
      <c r="A31681" t="s">
        <v>47276</v>
      </c>
      <c r="B31681" t="s">
        <v>47277</v>
      </c>
      <c r="C31681">
        <v>2</v>
      </c>
      <c r="D31681">
        <v>0</v>
      </c>
    </row>
    <row r="31682" spans="1:4" x14ac:dyDescent="0.25">
      <c r="A31682" t="s">
        <v>47276</v>
      </c>
      <c r="B31682" t="s">
        <v>47278</v>
      </c>
      <c r="C31682">
        <v>0</v>
      </c>
      <c r="D31682">
        <v>0</v>
      </c>
    </row>
    <row r="31683" spans="1:4" x14ac:dyDescent="0.25">
      <c r="A31683" t="s">
        <v>47276</v>
      </c>
      <c r="B31683" t="s">
        <v>47279</v>
      </c>
      <c r="C31683">
        <v>1</v>
      </c>
      <c r="D31683">
        <v>0</v>
      </c>
    </row>
    <row r="31684" spans="1:4" x14ac:dyDescent="0.25">
      <c r="A31684" t="s">
        <v>47280</v>
      </c>
      <c r="B31684" t="s">
        <v>47281</v>
      </c>
      <c r="C31684">
        <v>1</v>
      </c>
      <c r="D31684">
        <v>0</v>
      </c>
    </row>
    <row r="31685" spans="1:4" x14ac:dyDescent="0.25">
      <c r="A31685" t="s">
        <v>47280</v>
      </c>
      <c r="B31685" t="s">
        <v>46567</v>
      </c>
      <c r="C31685">
        <v>1</v>
      </c>
      <c r="D31685">
        <v>0</v>
      </c>
    </row>
    <row r="31686" spans="1:4" x14ac:dyDescent="0.25">
      <c r="A31686" t="s">
        <v>47280</v>
      </c>
      <c r="B31686" t="s">
        <v>5713</v>
      </c>
      <c r="C31686">
        <v>1</v>
      </c>
      <c r="D31686">
        <v>0</v>
      </c>
    </row>
    <row r="31687" spans="1:4" x14ac:dyDescent="0.25">
      <c r="A31687" t="s">
        <v>47282</v>
      </c>
      <c r="B31687" t="s">
        <v>47283</v>
      </c>
      <c r="C31687">
        <v>0</v>
      </c>
      <c r="D31687">
        <v>0</v>
      </c>
    </row>
    <row r="31688" spans="1:4" x14ac:dyDescent="0.25">
      <c r="A31688" t="s">
        <v>47282</v>
      </c>
      <c r="B31688" t="s">
        <v>47284</v>
      </c>
      <c r="C31688">
        <v>2</v>
      </c>
      <c r="D31688">
        <v>0</v>
      </c>
    </row>
    <row r="31689" spans="1:4" x14ac:dyDescent="0.25">
      <c r="A31689" t="s">
        <v>47282</v>
      </c>
      <c r="B31689" t="s">
        <v>47285</v>
      </c>
      <c r="C31689">
        <v>1</v>
      </c>
      <c r="D31689">
        <v>0</v>
      </c>
    </row>
    <row r="31690" spans="1:4" x14ac:dyDescent="0.25">
      <c r="A31690" t="s">
        <v>47282</v>
      </c>
      <c r="B31690" t="s">
        <v>42776</v>
      </c>
      <c r="C31690">
        <v>0</v>
      </c>
      <c r="D31690">
        <v>0</v>
      </c>
    </row>
    <row r="31691" spans="1:4" x14ac:dyDescent="0.25">
      <c r="A31691" t="s">
        <v>47282</v>
      </c>
      <c r="B31691" t="s">
        <v>47286</v>
      </c>
      <c r="C31691">
        <v>2</v>
      </c>
      <c r="D31691">
        <v>0</v>
      </c>
    </row>
    <row r="31692" spans="1:4" x14ac:dyDescent="0.25">
      <c r="A31692" t="s">
        <v>47287</v>
      </c>
      <c r="B31692" t="s">
        <v>47288</v>
      </c>
      <c r="C31692">
        <v>2</v>
      </c>
      <c r="D31692">
        <v>0</v>
      </c>
    </row>
    <row r="31693" spans="1:4" x14ac:dyDescent="0.25">
      <c r="A31693" t="s">
        <v>47289</v>
      </c>
      <c r="B31693" t="s">
        <v>2052</v>
      </c>
      <c r="C31693">
        <v>1</v>
      </c>
      <c r="D31693">
        <v>0</v>
      </c>
    </row>
    <row r="31694" spans="1:4" x14ac:dyDescent="0.25">
      <c r="A31694" t="s">
        <v>47289</v>
      </c>
      <c r="B31694" t="s">
        <v>47290</v>
      </c>
      <c r="C31694">
        <v>0</v>
      </c>
      <c r="D31694">
        <v>0</v>
      </c>
    </row>
    <row r="31695" spans="1:4" x14ac:dyDescent="0.25">
      <c r="A31695" t="s">
        <v>47291</v>
      </c>
      <c r="B31695" t="s">
        <v>47292</v>
      </c>
      <c r="C31695">
        <v>2</v>
      </c>
      <c r="D31695">
        <v>0</v>
      </c>
    </row>
    <row r="31696" spans="1:4" x14ac:dyDescent="0.25">
      <c r="A31696" t="s">
        <v>47291</v>
      </c>
      <c r="B31696" t="s">
        <v>47293</v>
      </c>
      <c r="C31696">
        <v>1</v>
      </c>
      <c r="D31696">
        <v>0</v>
      </c>
    </row>
    <row r="31697" spans="1:4" x14ac:dyDescent="0.25">
      <c r="A31697" t="s">
        <v>47291</v>
      </c>
      <c r="B31697" t="s">
        <v>47294</v>
      </c>
      <c r="C31697">
        <v>2</v>
      </c>
      <c r="D31697">
        <v>0</v>
      </c>
    </row>
    <row r="31698" spans="1:4" x14ac:dyDescent="0.25">
      <c r="A31698" t="s">
        <v>47291</v>
      </c>
      <c r="B31698" t="s">
        <v>47295</v>
      </c>
      <c r="C31698">
        <v>1</v>
      </c>
      <c r="D31698">
        <v>0</v>
      </c>
    </row>
    <row r="31699" spans="1:4" x14ac:dyDescent="0.25">
      <c r="A31699" t="s">
        <v>47291</v>
      </c>
      <c r="B31699" t="s">
        <v>47296</v>
      </c>
      <c r="C31699">
        <v>1</v>
      </c>
      <c r="D31699">
        <v>0</v>
      </c>
    </row>
    <row r="31700" spans="1:4" x14ac:dyDescent="0.25">
      <c r="A31700" t="s">
        <v>47297</v>
      </c>
      <c r="B31700" t="s">
        <v>47298</v>
      </c>
      <c r="C31700">
        <v>2</v>
      </c>
      <c r="D31700">
        <v>0</v>
      </c>
    </row>
    <row r="31701" spans="1:4" x14ac:dyDescent="0.25">
      <c r="A31701" t="s">
        <v>47297</v>
      </c>
      <c r="B31701" t="s">
        <v>47299</v>
      </c>
      <c r="C31701">
        <v>1</v>
      </c>
      <c r="D31701">
        <v>0</v>
      </c>
    </row>
    <row r="31702" spans="1:4" x14ac:dyDescent="0.25">
      <c r="A31702" t="s">
        <v>47297</v>
      </c>
      <c r="B31702" t="s">
        <v>47300</v>
      </c>
      <c r="C31702">
        <v>1</v>
      </c>
      <c r="D31702">
        <v>0</v>
      </c>
    </row>
    <row r="31703" spans="1:4" x14ac:dyDescent="0.25">
      <c r="A31703" t="s">
        <v>47301</v>
      </c>
      <c r="B31703" t="s">
        <v>47302</v>
      </c>
      <c r="C31703">
        <v>0</v>
      </c>
      <c r="D31703">
        <v>0</v>
      </c>
    </row>
    <row r="31704" spans="1:4" x14ac:dyDescent="0.25">
      <c r="A31704" t="s">
        <v>47301</v>
      </c>
      <c r="B31704" t="s">
        <v>47303</v>
      </c>
      <c r="C31704">
        <v>1</v>
      </c>
      <c r="D31704">
        <v>0</v>
      </c>
    </row>
    <row r="31705" spans="1:4" x14ac:dyDescent="0.25">
      <c r="A31705" t="s">
        <v>47301</v>
      </c>
      <c r="B31705" t="s">
        <v>47304</v>
      </c>
      <c r="C31705">
        <v>1</v>
      </c>
      <c r="D31705">
        <v>0</v>
      </c>
    </row>
    <row r="31706" spans="1:4" x14ac:dyDescent="0.25">
      <c r="A31706" t="s">
        <v>47301</v>
      </c>
      <c r="B31706" t="s">
        <v>47305</v>
      </c>
      <c r="C31706">
        <v>1</v>
      </c>
      <c r="D31706">
        <v>0</v>
      </c>
    </row>
    <row r="31707" spans="1:4" x14ac:dyDescent="0.25">
      <c r="A31707" t="s">
        <v>47301</v>
      </c>
      <c r="B31707" t="s">
        <v>47306</v>
      </c>
      <c r="C31707">
        <v>1</v>
      </c>
      <c r="D31707">
        <v>0</v>
      </c>
    </row>
    <row r="31708" spans="1:4" x14ac:dyDescent="0.25">
      <c r="A31708" t="s">
        <v>47307</v>
      </c>
      <c r="B31708" t="s">
        <v>47308</v>
      </c>
      <c r="C31708">
        <v>1</v>
      </c>
      <c r="D31708">
        <v>0</v>
      </c>
    </row>
    <row r="31709" spans="1:4" x14ac:dyDescent="0.25">
      <c r="A31709" t="s">
        <v>47307</v>
      </c>
      <c r="B31709" t="s">
        <v>47309</v>
      </c>
      <c r="C31709">
        <v>1</v>
      </c>
      <c r="D31709">
        <v>0</v>
      </c>
    </row>
    <row r="31710" spans="1:4" x14ac:dyDescent="0.25">
      <c r="A31710" t="s">
        <v>47307</v>
      </c>
      <c r="B31710" t="s">
        <v>47310</v>
      </c>
      <c r="C31710">
        <v>0</v>
      </c>
      <c r="D31710">
        <v>0</v>
      </c>
    </row>
    <row r="31711" spans="1:4" x14ac:dyDescent="0.25">
      <c r="A31711" t="s">
        <v>47307</v>
      </c>
      <c r="B31711" t="s">
        <v>1294</v>
      </c>
      <c r="C31711">
        <v>1</v>
      </c>
      <c r="D31711">
        <v>0</v>
      </c>
    </row>
    <row r="31712" spans="1:4" x14ac:dyDescent="0.25">
      <c r="A31712" t="s">
        <v>47311</v>
      </c>
      <c r="B31712" t="s">
        <v>47312</v>
      </c>
      <c r="C31712">
        <v>1</v>
      </c>
      <c r="D31712">
        <v>0</v>
      </c>
    </row>
    <row r="31713" spans="1:4" x14ac:dyDescent="0.25">
      <c r="A31713" t="s">
        <v>47311</v>
      </c>
      <c r="B31713" t="s">
        <v>47313</v>
      </c>
      <c r="C31713">
        <v>1</v>
      </c>
      <c r="D31713">
        <v>0</v>
      </c>
    </row>
    <row r="31714" spans="1:4" x14ac:dyDescent="0.25">
      <c r="A31714" t="s">
        <v>47311</v>
      </c>
      <c r="B31714" t="s">
        <v>47314</v>
      </c>
      <c r="C31714">
        <v>0</v>
      </c>
      <c r="D31714">
        <v>0</v>
      </c>
    </row>
    <row r="31715" spans="1:4" x14ac:dyDescent="0.25">
      <c r="A31715" t="s">
        <v>47311</v>
      </c>
      <c r="B31715" t="s">
        <v>47315</v>
      </c>
      <c r="C31715">
        <v>1</v>
      </c>
      <c r="D31715">
        <v>0</v>
      </c>
    </row>
    <row r="31716" spans="1:4" x14ac:dyDescent="0.25">
      <c r="A31716" t="s">
        <v>47311</v>
      </c>
      <c r="B31716" t="s">
        <v>47316</v>
      </c>
      <c r="C31716">
        <v>1</v>
      </c>
      <c r="D31716">
        <v>0</v>
      </c>
    </row>
    <row r="31717" spans="1:4" x14ac:dyDescent="0.25">
      <c r="A31717" t="s">
        <v>47317</v>
      </c>
      <c r="B31717" t="s">
        <v>47318</v>
      </c>
      <c r="C31717">
        <v>1</v>
      </c>
      <c r="D31717">
        <v>0</v>
      </c>
    </row>
    <row r="31718" spans="1:4" x14ac:dyDescent="0.25">
      <c r="A31718" t="s">
        <v>47317</v>
      </c>
      <c r="B31718" t="s">
        <v>47319</v>
      </c>
      <c r="C31718">
        <v>0</v>
      </c>
      <c r="D31718">
        <v>0</v>
      </c>
    </row>
    <row r="31719" spans="1:4" x14ac:dyDescent="0.25">
      <c r="A31719" t="s">
        <v>47317</v>
      </c>
      <c r="B31719" t="s">
        <v>47320</v>
      </c>
      <c r="C31719">
        <v>1</v>
      </c>
      <c r="D31719">
        <v>0</v>
      </c>
    </row>
    <row r="31720" spans="1:4" x14ac:dyDescent="0.25">
      <c r="A31720" t="s">
        <v>47317</v>
      </c>
      <c r="B31720" t="s">
        <v>47321</v>
      </c>
      <c r="C31720">
        <v>1</v>
      </c>
      <c r="D31720">
        <v>0</v>
      </c>
    </row>
    <row r="31721" spans="1:4" x14ac:dyDescent="0.25">
      <c r="A31721" t="s">
        <v>47317</v>
      </c>
      <c r="B31721" t="s">
        <v>47322</v>
      </c>
      <c r="C31721">
        <v>2</v>
      </c>
      <c r="D31721">
        <v>0</v>
      </c>
    </row>
    <row r="31722" spans="1:4" x14ac:dyDescent="0.25">
      <c r="A31722" t="s">
        <v>47323</v>
      </c>
      <c r="B31722" t="s">
        <v>5434</v>
      </c>
      <c r="C31722">
        <v>1</v>
      </c>
      <c r="D31722">
        <v>0</v>
      </c>
    </row>
    <row r="31723" spans="1:4" x14ac:dyDescent="0.25">
      <c r="A31723" t="s">
        <v>47323</v>
      </c>
      <c r="B31723" t="s">
        <v>5713</v>
      </c>
      <c r="C31723">
        <v>1</v>
      </c>
      <c r="D31723">
        <v>0</v>
      </c>
    </row>
    <row r="31724" spans="1:4" x14ac:dyDescent="0.25">
      <c r="A31724" t="s">
        <v>47323</v>
      </c>
      <c r="B31724" t="s">
        <v>47324</v>
      </c>
      <c r="C31724">
        <v>0</v>
      </c>
      <c r="D31724">
        <v>0</v>
      </c>
    </row>
    <row r="31725" spans="1:4" x14ac:dyDescent="0.25">
      <c r="A31725" t="s">
        <v>47323</v>
      </c>
      <c r="B31725" t="s">
        <v>22245</v>
      </c>
      <c r="C31725">
        <v>0</v>
      </c>
      <c r="D31725">
        <v>0</v>
      </c>
    </row>
    <row r="31726" spans="1:4" x14ac:dyDescent="0.25">
      <c r="A31726" t="s">
        <v>47323</v>
      </c>
      <c r="B31726" t="s">
        <v>47325</v>
      </c>
      <c r="C31726">
        <v>0</v>
      </c>
      <c r="D31726">
        <v>0</v>
      </c>
    </row>
    <row r="31727" spans="1:4" x14ac:dyDescent="0.25">
      <c r="A31727" t="s">
        <v>47323</v>
      </c>
      <c r="B31727" t="s">
        <v>47326</v>
      </c>
      <c r="C31727">
        <v>2</v>
      </c>
      <c r="D31727">
        <v>0</v>
      </c>
    </row>
    <row r="31728" spans="1:4" x14ac:dyDescent="0.25">
      <c r="A31728" t="s">
        <v>47327</v>
      </c>
      <c r="B31728" t="s">
        <v>47328</v>
      </c>
      <c r="C31728">
        <v>1</v>
      </c>
      <c r="D31728">
        <v>0</v>
      </c>
    </row>
    <row r="31729" spans="1:4" x14ac:dyDescent="0.25">
      <c r="A31729" t="s">
        <v>47327</v>
      </c>
      <c r="B31729" t="s">
        <v>47329</v>
      </c>
      <c r="C31729">
        <v>1</v>
      </c>
      <c r="D31729">
        <v>0</v>
      </c>
    </row>
    <row r="31730" spans="1:4" x14ac:dyDescent="0.25">
      <c r="A31730" t="s">
        <v>47330</v>
      </c>
      <c r="B31730" t="s">
        <v>47331</v>
      </c>
      <c r="C31730">
        <v>1</v>
      </c>
      <c r="D31730">
        <v>0</v>
      </c>
    </row>
    <row r="31731" spans="1:4" x14ac:dyDescent="0.25">
      <c r="A31731" t="s">
        <v>47330</v>
      </c>
      <c r="B31731" t="s">
        <v>47332</v>
      </c>
      <c r="C31731">
        <v>0</v>
      </c>
      <c r="D31731">
        <v>0</v>
      </c>
    </row>
    <row r="31732" spans="1:4" x14ac:dyDescent="0.25">
      <c r="A31732" t="s">
        <v>47333</v>
      </c>
      <c r="B31732" t="s">
        <v>47334</v>
      </c>
      <c r="C31732">
        <v>0</v>
      </c>
      <c r="D31732">
        <v>0</v>
      </c>
    </row>
    <row r="31733" spans="1:4" x14ac:dyDescent="0.25">
      <c r="A31733" t="s">
        <v>47333</v>
      </c>
      <c r="B31733" t="s">
        <v>47335</v>
      </c>
      <c r="C31733">
        <v>1</v>
      </c>
      <c r="D31733">
        <v>0</v>
      </c>
    </row>
    <row r="31734" spans="1:4" x14ac:dyDescent="0.25">
      <c r="A31734" t="s">
        <v>47333</v>
      </c>
      <c r="B31734" t="s">
        <v>47336</v>
      </c>
      <c r="C31734">
        <v>1</v>
      </c>
      <c r="D31734">
        <v>0</v>
      </c>
    </row>
    <row r="31735" spans="1:4" x14ac:dyDescent="0.25">
      <c r="A31735" t="s">
        <v>47333</v>
      </c>
      <c r="B31735" t="s">
        <v>47337</v>
      </c>
      <c r="C31735">
        <v>1</v>
      </c>
      <c r="D31735">
        <v>0</v>
      </c>
    </row>
    <row r="31736" spans="1:4" x14ac:dyDescent="0.25">
      <c r="A31736" t="s">
        <v>47338</v>
      </c>
      <c r="B31736" t="s">
        <v>47339</v>
      </c>
      <c r="C31736">
        <v>2</v>
      </c>
      <c r="D31736">
        <v>0</v>
      </c>
    </row>
    <row r="31737" spans="1:4" x14ac:dyDescent="0.25">
      <c r="A31737" t="s">
        <v>47338</v>
      </c>
      <c r="B31737" t="s">
        <v>47340</v>
      </c>
      <c r="C31737">
        <v>1</v>
      </c>
      <c r="D31737">
        <v>0</v>
      </c>
    </row>
    <row r="31738" spans="1:4" x14ac:dyDescent="0.25">
      <c r="A31738" t="s">
        <v>47338</v>
      </c>
      <c r="B31738" t="s">
        <v>47341</v>
      </c>
      <c r="C31738">
        <v>1</v>
      </c>
      <c r="D31738">
        <v>0</v>
      </c>
    </row>
    <row r="31739" spans="1:4" x14ac:dyDescent="0.25">
      <c r="A31739" t="s">
        <v>47338</v>
      </c>
      <c r="B31739" t="s">
        <v>1813</v>
      </c>
      <c r="C31739">
        <v>0</v>
      </c>
      <c r="D31739">
        <v>0</v>
      </c>
    </row>
    <row r="31740" spans="1:4" x14ac:dyDescent="0.25">
      <c r="A31740" t="s">
        <v>47338</v>
      </c>
      <c r="B31740" t="s">
        <v>47342</v>
      </c>
      <c r="C31740">
        <v>1</v>
      </c>
      <c r="D31740">
        <v>0</v>
      </c>
    </row>
    <row r="31741" spans="1:4" x14ac:dyDescent="0.25">
      <c r="A31741" t="s">
        <v>47343</v>
      </c>
      <c r="B31741" t="s">
        <v>47344</v>
      </c>
      <c r="C31741">
        <v>1</v>
      </c>
      <c r="D31741">
        <v>0</v>
      </c>
    </row>
    <row r="31742" spans="1:4" x14ac:dyDescent="0.25">
      <c r="A31742" t="s">
        <v>47343</v>
      </c>
      <c r="B31742" t="s">
        <v>47345</v>
      </c>
      <c r="C31742">
        <v>0</v>
      </c>
      <c r="D31742">
        <v>0</v>
      </c>
    </row>
    <row r="31743" spans="1:4" x14ac:dyDescent="0.25">
      <c r="A31743" t="s">
        <v>47343</v>
      </c>
      <c r="B31743" t="s">
        <v>47346</v>
      </c>
      <c r="C31743">
        <v>2</v>
      </c>
      <c r="D31743">
        <v>0</v>
      </c>
    </row>
    <row r="31744" spans="1:4" x14ac:dyDescent="0.25">
      <c r="A31744" t="s">
        <v>47347</v>
      </c>
      <c r="B31744" t="s">
        <v>47348</v>
      </c>
      <c r="C31744">
        <v>2</v>
      </c>
      <c r="D31744">
        <v>0</v>
      </c>
    </row>
    <row r="31745" spans="1:4" x14ac:dyDescent="0.25">
      <c r="A31745" t="s">
        <v>47347</v>
      </c>
      <c r="B31745" t="s">
        <v>47349</v>
      </c>
      <c r="C31745">
        <v>2</v>
      </c>
      <c r="D31745">
        <v>0</v>
      </c>
    </row>
    <row r="31746" spans="1:4" x14ac:dyDescent="0.25">
      <c r="A31746" t="s">
        <v>47347</v>
      </c>
      <c r="B31746" t="s">
        <v>47350</v>
      </c>
      <c r="C31746">
        <v>0</v>
      </c>
      <c r="D31746">
        <v>0</v>
      </c>
    </row>
    <row r="31747" spans="1:4" x14ac:dyDescent="0.25">
      <c r="A31747" t="s">
        <v>47347</v>
      </c>
      <c r="B31747" t="s">
        <v>47351</v>
      </c>
      <c r="C31747">
        <v>1</v>
      </c>
      <c r="D31747">
        <v>0</v>
      </c>
    </row>
    <row r="31748" spans="1:4" x14ac:dyDescent="0.25">
      <c r="A31748" t="s">
        <v>47347</v>
      </c>
      <c r="B31748" t="s">
        <v>47352</v>
      </c>
      <c r="C31748">
        <v>2</v>
      </c>
      <c r="D31748">
        <v>0</v>
      </c>
    </row>
    <row r="31749" spans="1:4" x14ac:dyDescent="0.25">
      <c r="A31749" t="s">
        <v>47347</v>
      </c>
      <c r="B31749" t="s">
        <v>47353</v>
      </c>
      <c r="C31749">
        <v>2</v>
      </c>
      <c r="D31749">
        <v>0</v>
      </c>
    </row>
    <row r="31750" spans="1:4" x14ac:dyDescent="0.25">
      <c r="A31750" t="s">
        <v>47354</v>
      </c>
      <c r="B31750" t="s">
        <v>47355</v>
      </c>
      <c r="C31750">
        <v>1</v>
      </c>
      <c r="D31750">
        <v>0</v>
      </c>
    </row>
    <row r="31751" spans="1:4" x14ac:dyDescent="0.25">
      <c r="A31751" t="s">
        <v>47354</v>
      </c>
      <c r="B31751" t="s">
        <v>47356</v>
      </c>
      <c r="C31751">
        <v>0</v>
      </c>
      <c r="D31751">
        <v>0</v>
      </c>
    </row>
    <row r="31752" spans="1:4" x14ac:dyDescent="0.25">
      <c r="A31752" t="s">
        <v>47357</v>
      </c>
      <c r="B31752" t="s">
        <v>47358</v>
      </c>
      <c r="C31752">
        <v>0</v>
      </c>
      <c r="D31752">
        <v>0</v>
      </c>
    </row>
    <row r="31753" spans="1:4" x14ac:dyDescent="0.25">
      <c r="A31753" t="s">
        <v>47357</v>
      </c>
      <c r="B31753" t="s">
        <v>47359</v>
      </c>
      <c r="C31753">
        <v>1</v>
      </c>
      <c r="D31753">
        <v>0</v>
      </c>
    </row>
    <row r="31754" spans="1:4" x14ac:dyDescent="0.25">
      <c r="A31754" t="s">
        <v>47357</v>
      </c>
      <c r="B31754" t="s">
        <v>47360</v>
      </c>
      <c r="C31754">
        <v>0</v>
      </c>
      <c r="D31754">
        <v>0</v>
      </c>
    </row>
    <row r="31755" spans="1:4" x14ac:dyDescent="0.25">
      <c r="A31755" t="s">
        <v>47357</v>
      </c>
      <c r="B31755" t="s">
        <v>47361</v>
      </c>
      <c r="C31755">
        <v>0</v>
      </c>
      <c r="D31755">
        <v>0</v>
      </c>
    </row>
    <row r="31756" spans="1:4" x14ac:dyDescent="0.25">
      <c r="A31756" t="s">
        <v>47357</v>
      </c>
      <c r="B31756" t="s">
        <v>47362</v>
      </c>
      <c r="C31756">
        <v>0</v>
      </c>
      <c r="D31756">
        <v>0</v>
      </c>
    </row>
    <row r="31757" spans="1:4" x14ac:dyDescent="0.25">
      <c r="A31757" t="s">
        <v>47363</v>
      </c>
      <c r="B31757" t="s">
        <v>47364</v>
      </c>
      <c r="C31757">
        <v>1</v>
      </c>
      <c r="D31757">
        <v>0</v>
      </c>
    </row>
    <row r="31758" spans="1:4" x14ac:dyDescent="0.25">
      <c r="A31758" t="s">
        <v>47363</v>
      </c>
      <c r="B31758" t="s">
        <v>47365</v>
      </c>
      <c r="C31758">
        <v>1</v>
      </c>
      <c r="D31758">
        <v>0</v>
      </c>
    </row>
    <row r="31759" spans="1:4" x14ac:dyDescent="0.25">
      <c r="A31759" t="s">
        <v>47363</v>
      </c>
      <c r="B31759" t="s">
        <v>47366</v>
      </c>
      <c r="C31759">
        <v>1</v>
      </c>
      <c r="D31759">
        <v>0</v>
      </c>
    </row>
    <row r="31760" spans="1:4" x14ac:dyDescent="0.25">
      <c r="A31760" t="s">
        <v>47363</v>
      </c>
      <c r="B31760" t="s">
        <v>47367</v>
      </c>
      <c r="C31760">
        <v>1</v>
      </c>
      <c r="D31760">
        <v>0</v>
      </c>
    </row>
    <row r="31761" spans="1:4" x14ac:dyDescent="0.25">
      <c r="A31761" t="s">
        <v>47363</v>
      </c>
      <c r="B31761" t="s">
        <v>47368</v>
      </c>
      <c r="C31761">
        <v>1</v>
      </c>
      <c r="D31761">
        <v>0</v>
      </c>
    </row>
    <row r="31762" spans="1:4" x14ac:dyDescent="0.25">
      <c r="A31762" t="s">
        <v>47369</v>
      </c>
      <c r="B31762" t="s">
        <v>47370</v>
      </c>
      <c r="C31762">
        <v>0</v>
      </c>
      <c r="D31762">
        <v>0</v>
      </c>
    </row>
    <row r="31763" spans="1:4" x14ac:dyDescent="0.25">
      <c r="A31763" t="s">
        <v>47369</v>
      </c>
      <c r="B31763" t="s">
        <v>47371</v>
      </c>
      <c r="C31763">
        <v>1</v>
      </c>
      <c r="D31763">
        <v>0</v>
      </c>
    </row>
    <row r="31764" spans="1:4" x14ac:dyDescent="0.25">
      <c r="A31764" t="s">
        <v>47369</v>
      </c>
      <c r="B31764" t="s">
        <v>47372</v>
      </c>
      <c r="C31764">
        <v>2</v>
      </c>
      <c r="D31764">
        <v>0</v>
      </c>
    </row>
    <row r="31765" spans="1:4" x14ac:dyDescent="0.25">
      <c r="A31765" t="s">
        <v>47369</v>
      </c>
      <c r="B31765" t="s">
        <v>47373</v>
      </c>
      <c r="C31765">
        <v>2</v>
      </c>
      <c r="D31765">
        <v>0</v>
      </c>
    </row>
    <row r="31766" spans="1:4" x14ac:dyDescent="0.25">
      <c r="A31766" t="s">
        <v>47374</v>
      </c>
      <c r="B31766" t="s">
        <v>47375</v>
      </c>
      <c r="C31766">
        <v>1</v>
      </c>
      <c r="D31766">
        <v>0</v>
      </c>
    </row>
    <row r="31767" spans="1:4" x14ac:dyDescent="0.25">
      <c r="A31767" t="s">
        <v>47374</v>
      </c>
      <c r="B31767" t="s">
        <v>47376</v>
      </c>
      <c r="C31767">
        <v>1</v>
      </c>
      <c r="D31767">
        <v>0</v>
      </c>
    </row>
    <row r="31768" spans="1:4" x14ac:dyDescent="0.25">
      <c r="A31768" t="s">
        <v>47374</v>
      </c>
      <c r="B31768" t="s">
        <v>47377</v>
      </c>
      <c r="C31768">
        <v>0</v>
      </c>
      <c r="D31768">
        <v>0</v>
      </c>
    </row>
    <row r="31769" spans="1:4" x14ac:dyDescent="0.25">
      <c r="A31769" t="s">
        <v>47374</v>
      </c>
      <c r="B31769" t="s">
        <v>47378</v>
      </c>
      <c r="C31769">
        <v>0</v>
      </c>
      <c r="D31769">
        <v>0</v>
      </c>
    </row>
    <row r="31770" spans="1:4" x14ac:dyDescent="0.25">
      <c r="A31770" t="s">
        <v>47379</v>
      </c>
      <c r="B31770" t="s">
        <v>47380</v>
      </c>
      <c r="C31770">
        <v>1</v>
      </c>
      <c r="D31770">
        <v>0</v>
      </c>
    </row>
    <row r="31771" spans="1:4" x14ac:dyDescent="0.25">
      <c r="A31771" t="s">
        <v>47379</v>
      </c>
      <c r="B31771" t="s">
        <v>47381</v>
      </c>
      <c r="C31771">
        <v>1</v>
      </c>
      <c r="D31771">
        <v>0</v>
      </c>
    </row>
    <row r="31772" spans="1:4" x14ac:dyDescent="0.25">
      <c r="A31772" t="s">
        <v>47379</v>
      </c>
      <c r="B31772" t="s">
        <v>47382</v>
      </c>
      <c r="C31772">
        <v>1</v>
      </c>
      <c r="D31772">
        <v>0</v>
      </c>
    </row>
    <row r="31773" spans="1:4" x14ac:dyDescent="0.25">
      <c r="A31773" t="s">
        <v>47379</v>
      </c>
      <c r="B31773" t="s">
        <v>47383</v>
      </c>
      <c r="C31773">
        <v>1</v>
      </c>
      <c r="D31773">
        <v>0</v>
      </c>
    </row>
    <row r="31774" spans="1:4" x14ac:dyDescent="0.25">
      <c r="A31774" t="s">
        <v>47379</v>
      </c>
      <c r="B31774" t="s">
        <v>47384</v>
      </c>
      <c r="C31774">
        <v>1</v>
      </c>
      <c r="D31774">
        <v>0</v>
      </c>
    </row>
    <row r="31775" spans="1:4" x14ac:dyDescent="0.25">
      <c r="A31775" t="s">
        <v>47379</v>
      </c>
      <c r="B31775" t="s">
        <v>47385</v>
      </c>
      <c r="C31775">
        <v>0</v>
      </c>
      <c r="D31775">
        <v>0</v>
      </c>
    </row>
    <row r="31776" spans="1:4" x14ac:dyDescent="0.25">
      <c r="A31776" t="s">
        <v>47379</v>
      </c>
      <c r="B31776" t="s">
        <v>47386</v>
      </c>
      <c r="C31776">
        <v>0</v>
      </c>
      <c r="D31776">
        <v>0</v>
      </c>
    </row>
    <row r="31777" spans="1:4" x14ac:dyDescent="0.25">
      <c r="A31777" t="s">
        <v>47387</v>
      </c>
      <c r="B31777" t="s">
        <v>47388</v>
      </c>
      <c r="C31777">
        <v>1</v>
      </c>
      <c r="D31777">
        <v>0</v>
      </c>
    </row>
    <row r="31778" spans="1:4" x14ac:dyDescent="0.25">
      <c r="A31778" t="s">
        <v>47387</v>
      </c>
      <c r="B31778" t="s">
        <v>47389</v>
      </c>
      <c r="C31778">
        <v>0</v>
      </c>
      <c r="D31778">
        <v>0</v>
      </c>
    </row>
    <row r="31779" spans="1:4" x14ac:dyDescent="0.25">
      <c r="A31779" t="s">
        <v>47390</v>
      </c>
      <c r="B31779" t="s">
        <v>47391</v>
      </c>
      <c r="C31779">
        <v>1</v>
      </c>
      <c r="D31779">
        <v>0</v>
      </c>
    </row>
    <row r="31780" spans="1:4" x14ac:dyDescent="0.25">
      <c r="A31780" t="s">
        <v>47390</v>
      </c>
      <c r="B31780" t="s">
        <v>47392</v>
      </c>
      <c r="C31780">
        <v>2</v>
      </c>
      <c r="D31780">
        <v>0</v>
      </c>
    </row>
    <row r="31781" spans="1:4" x14ac:dyDescent="0.25">
      <c r="A31781" t="s">
        <v>47390</v>
      </c>
      <c r="B31781" t="s">
        <v>47393</v>
      </c>
      <c r="C31781">
        <v>2</v>
      </c>
      <c r="D31781">
        <v>0</v>
      </c>
    </row>
    <row r="31782" spans="1:4" x14ac:dyDescent="0.25">
      <c r="A31782" t="s">
        <v>47394</v>
      </c>
      <c r="B31782" t="s">
        <v>47395</v>
      </c>
      <c r="C31782">
        <v>1</v>
      </c>
      <c r="D31782">
        <v>0</v>
      </c>
    </row>
    <row r="31783" spans="1:4" x14ac:dyDescent="0.25">
      <c r="A31783" t="s">
        <v>47394</v>
      </c>
      <c r="B31783" t="s">
        <v>47396</v>
      </c>
      <c r="C31783">
        <v>1</v>
      </c>
      <c r="D31783">
        <v>0</v>
      </c>
    </row>
    <row r="31784" spans="1:4" x14ac:dyDescent="0.25">
      <c r="A31784" t="s">
        <v>47394</v>
      </c>
      <c r="B31784" t="s">
        <v>47397</v>
      </c>
      <c r="C31784">
        <v>1</v>
      </c>
      <c r="D31784">
        <v>0</v>
      </c>
    </row>
    <row r="31785" spans="1:4" x14ac:dyDescent="0.25">
      <c r="A31785" t="s">
        <v>47394</v>
      </c>
      <c r="B31785" t="s">
        <v>47398</v>
      </c>
      <c r="C31785">
        <v>1</v>
      </c>
      <c r="D31785">
        <v>0</v>
      </c>
    </row>
    <row r="31786" spans="1:4" x14ac:dyDescent="0.25">
      <c r="A31786" t="s">
        <v>47394</v>
      </c>
      <c r="B31786" t="s">
        <v>5434</v>
      </c>
      <c r="C31786">
        <v>1</v>
      </c>
      <c r="D31786">
        <v>0</v>
      </c>
    </row>
    <row r="31787" spans="1:4" x14ac:dyDescent="0.25">
      <c r="A31787" t="s">
        <v>47394</v>
      </c>
      <c r="B31787" t="s">
        <v>47399</v>
      </c>
      <c r="C31787">
        <v>1</v>
      </c>
      <c r="D31787">
        <v>0</v>
      </c>
    </row>
    <row r="31788" spans="1:4" x14ac:dyDescent="0.25">
      <c r="A31788" t="s">
        <v>47400</v>
      </c>
      <c r="B31788" t="s">
        <v>47401</v>
      </c>
      <c r="C31788">
        <v>0</v>
      </c>
      <c r="D31788">
        <v>0</v>
      </c>
    </row>
    <row r="31789" spans="1:4" x14ac:dyDescent="0.25">
      <c r="A31789" t="s">
        <v>47400</v>
      </c>
      <c r="B31789" t="s">
        <v>47402</v>
      </c>
      <c r="C31789">
        <v>0</v>
      </c>
      <c r="D31789">
        <v>0</v>
      </c>
    </row>
    <row r="31790" spans="1:4" x14ac:dyDescent="0.25">
      <c r="A31790" t="s">
        <v>47400</v>
      </c>
      <c r="B31790" t="s">
        <v>47403</v>
      </c>
      <c r="C31790">
        <v>2</v>
      </c>
      <c r="D31790">
        <v>0</v>
      </c>
    </row>
    <row r="31791" spans="1:4" x14ac:dyDescent="0.25">
      <c r="A31791" t="s">
        <v>47400</v>
      </c>
      <c r="B31791" t="s">
        <v>47404</v>
      </c>
      <c r="C31791">
        <v>0</v>
      </c>
      <c r="D31791">
        <v>0</v>
      </c>
    </row>
    <row r="31792" spans="1:4" x14ac:dyDescent="0.25">
      <c r="A31792" t="s">
        <v>47405</v>
      </c>
      <c r="B31792" t="s">
        <v>47406</v>
      </c>
      <c r="C31792">
        <v>1</v>
      </c>
      <c r="D31792">
        <v>0</v>
      </c>
    </row>
    <row r="31793" spans="1:4" x14ac:dyDescent="0.25">
      <c r="A31793" t="s">
        <v>47405</v>
      </c>
      <c r="B31793" t="s">
        <v>47407</v>
      </c>
      <c r="C31793">
        <v>1</v>
      </c>
      <c r="D31793">
        <v>0</v>
      </c>
    </row>
    <row r="31794" spans="1:4" x14ac:dyDescent="0.25">
      <c r="A31794" t="s">
        <v>47405</v>
      </c>
      <c r="B31794" t="s">
        <v>47408</v>
      </c>
      <c r="C31794">
        <v>1</v>
      </c>
      <c r="D31794">
        <v>0</v>
      </c>
    </row>
    <row r="31795" spans="1:4" x14ac:dyDescent="0.25">
      <c r="A31795" t="s">
        <v>47405</v>
      </c>
      <c r="B31795" t="s">
        <v>47409</v>
      </c>
      <c r="C31795">
        <v>0</v>
      </c>
      <c r="D31795">
        <v>0</v>
      </c>
    </row>
    <row r="31796" spans="1:4" x14ac:dyDescent="0.25">
      <c r="A31796" t="s">
        <v>47405</v>
      </c>
      <c r="B31796" t="s">
        <v>47410</v>
      </c>
      <c r="C31796">
        <v>1</v>
      </c>
      <c r="D31796">
        <v>0</v>
      </c>
    </row>
    <row r="31797" spans="1:4" x14ac:dyDescent="0.25">
      <c r="A31797" t="s">
        <v>47405</v>
      </c>
      <c r="B31797" t="s">
        <v>47411</v>
      </c>
      <c r="C31797">
        <v>1</v>
      </c>
      <c r="D31797">
        <v>0</v>
      </c>
    </row>
    <row r="31798" spans="1:4" x14ac:dyDescent="0.25">
      <c r="A31798" t="s">
        <v>47405</v>
      </c>
      <c r="B31798" t="s">
        <v>47412</v>
      </c>
      <c r="C31798">
        <v>1</v>
      </c>
      <c r="D31798">
        <v>0</v>
      </c>
    </row>
    <row r="31799" spans="1:4" x14ac:dyDescent="0.25">
      <c r="A31799" t="s">
        <v>47413</v>
      </c>
      <c r="B31799" t="s">
        <v>12472</v>
      </c>
      <c r="C31799">
        <v>1</v>
      </c>
      <c r="D31799">
        <v>0</v>
      </c>
    </row>
    <row r="31800" spans="1:4" x14ac:dyDescent="0.25">
      <c r="A31800" t="s">
        <v>47413</v>
      </c>
      <c r="B31800" t="s">
        <v>47414</v>
      </c>
      <c r="C31800">
        <v>1</v>
      </c>
      <c r="D31800">
        <v>0</v>
      </c>
    </row>
    <row r="31801" spans="1:4" x14ac:dyDescent="0.25">
      <c r="A31801" t="s">
        <v>47413</v>
      </c>
      <c r="B31801" t="s">
        <v>47415</v>
      </c>
      <c r="C31801">
        <v>2</v>
      </c>
      <c r="D31801">
        <v>0</v>
      </c>
    </row>
    <row r="31802" spans="1:4" x14ac:dyDescent="0.25">
      <c r="A31802" t="s">
        <v>47416</v>
      </c>
      <c r="B31802" t="s">
        <v>47417</v>
      </c>
      <c r="C31802">
        <v>1</v>
      </c>
      <c r="D31802">
        <v>0</v>
      </c>
    </row>
    <row r="31803" spans="1:4" x14ac:dyDescent="0.25">
      <c r="A31803" t="s">
        <v>47416</v>
      </c>
      <c r="B31803" t="s">
        <v>47418</v>
      </c>
      <c r="C31803">
        <v>1</v>
      </c>
      <c r="D31803">
        <v>0</v>
      </c>
    </row>
    <row r="31804" spans="1:4" x14ac:dyDescent="0.25">
      <c r="A31804" t="s">
        <v>47416</v>
      </c>
      <c r="B31804" t="s">
        <v>47419</v>
      </c>
      <c r="C31804">
        <v>2</v>
      </c>
      <c r="D31804">
        <v>0</v>
      </c>
    </row>
    <row r="31805" spans="1:4" x14ac:dyDescent="0.25">
      <c r="A31805" t="s">
        <v>47416</v>
      </c>
      <c r="B31805" t="s">
        <v>47420</v>
      </c>
      <c r="C31805">
        <v>1</v>
      </c>
      <c r="D31805">
        <v>0</v>
      </c>
    </row>
    <row r="31806" spans="1:4" x14ac:dyDescent="0.25">
      <c r="A31806" t="s">
        <v>47416</v>
      </c>
      <c r="B31806" t="s">
        <v>47421</v>
      </c>
      <c r="C31806">
        <v>1</v>
      </c>
      <c r="D31806">
        <v>0</v>
      </c>
    </row>
    <row r="31807" spans="1:4" x14ac:dyDescent="0.25">
      <c r="A31807" t="s">
        <v>47416</v>
      </c>
      <c r="B31807" t="s">
        <v>47422</v>
      </c>
      <c r="C31807">
        <v>0</v>
      </c>
      <c r="D31807">
        <v>0</v>
      </c>
    </row>
    <row r="31808" spans="1:4" x14ac:dyDescent="0.25">
      <c r="A31808" t="s">
        <v>47423</v>
      </c>
      <c r="B31808" t="s">
        <v>47424</v>
      </c>
      <c r="C31808">
        <v>1</v>
      </c>
      <c r="D31808">
        <v>0</v>
      </c>
    </row>
    <row r="31809" spans="1:4" x14ac:dyDescent="0.25">
      <c r="A31809" t="s">
        <v>47423</v>
      </c>
      <c r="B31809" t="s">
        <v>1294</v>
      </c>
      <c r="C31809">
        <v>1</v>
      </c>
      <c r="D31809">
        <v>0</v>
      </c>
    </row>
    <row r="31810" spans="1:4" x14ac:dyDescent="0.25">
      <c r="A31810" t="s">
        <v>47423</v>
      </c>
      <c r="B31810" t="s">
        <v>47425</v>
      </c>
      <c r="C31810">
        <v>0</v>
      </c>
      <c r="D31810">
        <v>0</v>
      </c>
    </row>
    <row r="31811" spans="1:4" x14ac:dyDescent="0.25">
      <c r="A31811" t="s">
        <v>47423</v>
      </c>
      <c r="B31811" t="s">
        <v>47426</v>
      </c>
      <c r="C31811">
        <v>1</v>
      </c>
      <c r="D31811">
        <v>0</v>
      </c>
    </row>
    <row r="31812" spans="1:4" x14ac:dyDescent="0.25">
      <c r="A31812" t="s">
        <v>47423</v>
      </c>
      <c r="B31812" t="s">
        <v>47427</v>
      </c>
      <c r="C31812">
        <v>1</v>
      </c>
      <c r="D31812">
        <v>0</v>
      </c>
    </row>
    <row r="31813" spans="1:4" x14ac:dyDescent="0.25">
      <c r="A31813" t="s">
        <v>47423</v>
      </c>
      <c r="B31813" t="s">
        <v>47428</v>
      </c>
      <c r="C31813">
        <v>1</v>
      </c>
      <c r="D31813">
        <v>0</v>
      </c>
    </row>
    <row r="31814" spans="1:4" x14ac:dyDescent="0.25">
      <c r="A31814" t="s">
        <v>47429</v>
      </c>
      <c r="B31814" t="s">
        <v>47430</v>
      </c>
      <c r="C31814">
        <v>0</v>
      </c>
      <c r="D31814">
        <v>0</v>
      </c>
    </row>
    <row r="31815" spans="1:4" x14ac:dyDescent="0.25">
      <c r="A31815" t="s">
        <v>47429</v>
      </c>
      <c r="B31815" t="s">
        <v>47431</v>
      </c>
      <c r="C31815">
        <v>2</v>
      </c>
      <c r="D31815">
        <v>0</v>
      </c>
    </row>
    <row r="31816" spans="1:4" x14ac:dyDescent="0.25">
      <c r="A31816" t="s">
        <v>47429</v>
      </c>
      <c r="B31816" t="s">
        <v>47432</v>
      </c>
      <c r="C31816">
        <v>2</v>
      </c>
      <c r="D31816">
        <v>0</v>
      </c>
    </row>
    <row r="31817" spans="1:4" x14ac:dyDescent="0.25">
      <c r="A31817" t="s">
        <v>47433</v>
      </c>
      <c r="B31817" t="s">
        <v>47434</v>
      </c>
      <c r="C31817">
        <v>0</v>
      </c>
      <c r="D31817">
        <v>0</v>
      </c>
    </row>
    <row r="31818" spans="1:4" x14ac:dyDescent="0.25">
      <c r="A31818" t="s">
        <v>47433</v>
      </c>
      <c r="B31818" t="s">
        <v>47435</v>
      </c>
      <c r="C31818">
        <v>0</v>
      </c>
      <c r="D31818">
        <v>0</v>
      </c>
    </row>
    <row r="31819" spans="1:4" x14ac:dyDescent="0.25">
      <c r="A31819" t="s">
        <v>47433</v>
      </c>
      <c r="B31819" t="s">
        <v>47436</v>
      </c>
      <c r="C31819">
        <v>1</v>
      </c>
      <c r="D31819">
        <v>0</v>
      </c>
    </row>
    <row r="31820" spans="1:4" x14ac:dyDescent="0.25">
      <c r="A31820" t="s">
        <v>47433</v>
      </c>
      <c r="B31820" t="s">
        <v>47437</v>
      </c>
      <c r="C31820">
        <v>1</v>
      </c>
      <c r="D31820">
        <v>0</v>
      </c>
    </row>
    <row r="31821" spans="1:4" x14ac:dyDescent="0.25">
      <c r="A31821" t="s">
        <v>47433</v>
      </c>
      <c r="B31821" t="s">
        <v>47438</v>
      </c>
      <c r="C31821">
        <v>0</v>
      </c>
      <c r="D31821">
        <v>0</v>
      </c>
    </row>
    <row r="31822" spans="1:4" x14ac:dyDescent="0.25">
      <c r="A31822" t="s">
        <v>47433</v>
      </c>
      <c r="B31822" t="s">
        <v>47439</v>
      </c>
      <c r="C31822">
        <v>1</v>
      </c>
      <c r="D31822">
        <v>0</v>
      </c>
    </row>
    <row r="31823" spans="1:4" x14ac:dyDescent="0.25">
      <c r="A31823" t="s">
        <v>47433</v>
      </c>
      <c r="B31823" t="s">
        <v>47440</v>
      </c>
      <c r="C31823">
        <v>1</v>
      </c>
      <c r="D31823">
        <v>0</v>
      </c>
    </row>
    <row r="31824" spans="1:4" x14ac:dyDescent="0.25">
      <c r="A31824" t="s">
        <v>47433</v>
      </c>
      <c r="B31824" t="s">
        <v>47441</v>
      </c>
      <c r="C31824">
        <v>1</v>
      </c>
      <c r="D31824">
        <v>0</v>
      </c>
    </row>
    <row r="31825" spans="1:4" x14ac:dyDescent="0.25">
      <c r="A31825" t="s">
        <v>47442</v>
      </c>
      <c r="B31825" t="s">
        <v>47443</v>
      </c>
      <c r="C31825">
        <v>0</v>
      </c>
      <c r="D31825">
        <v>0</v>
      </c>
    </row>
    <row r="31826" spans="1:4" x14ac:dyDescent="0.25">
      <c r="A31826" t="s">
        <v>47444</v>
      </c>
      <c r="B31826" t="s">
        <v>47445</v>
      </c>
      <c r="C31826">
        <v>1</v>
      </c>
      <c r="D31826">
        <v>0</v>
      </c>
    </row>
    <row r="31827" spans="1:4" x14ac:dyDescent="0.25">
      <c r="A31827" t="s">
        <v>47444</v>
      </c>
      <c r="B31827" t="s">
        <v>47446</v>
      </c>
      <c r="C31827">
        <v>2</v>
      </c>
      <c r="D31827">
        <v>0</v>
      </c>
    </row>
    <row r="31828" spans="1:4" x14ac:dyDescent="0.25">
      <c r="A31828" t="s">
        <v>47444</v>
      </c>
      <c r="B31828" t="s">
        <v>47447</v>
      </c>
      <c r="C31828">
        <v>0</v>
      </c>
      <c r="D31828">
        <v>0</v>
      </c>
    </row>
    <row r="31829" spans="1:4" x14ac:dyDescent="0.25">
      <c r="A31829" t="s">
        <v>47444</v>
      </c>
      <c r="B31829" t="s">
        <v>47448</v>
      </c>
      <c r="C31829">
        <v>2</v>
      </c>
      <c r="D31829">
        <v>0</v>
      </c>
    </row>
    <row r="31830" spans="1:4" x14ac:dyDescent="0.25">
      <c r="A31830" t="s">
        <v>47444</v>
      </c>
      <c r="B31830" t="s">
        <v>47449</v>
      </c>
      <c r="C31830">
        <v>2</v>
      </c>
      <c r="D31830">
        <v>0</v>
      </c>
    </row>
    <row r="31831" spans="1:4" x14ac:dyDescent="0.25">
      <c r="A31831" t="s">
        <v>47450</v>
      </c>
      <c r="B31831" t="s">
        <v>47451</v>
      </c>
      <c r="C31831">
        <v>1</v>
      </c>
      <c r="D31831">
        <v>0</v>
      </c>
    </row>
    <row r="31832" spans="1:4" x14ac:dyDescent="0.25">
      <c r="A31832" t="s">
        <v>47450</v>
      </c>
      <c r="B31832" t="s">
        <v>47452</v>
      </c>
      <c r="C31832">
        <v>2</v>
      </c>
      <c r="D31832">
        <v>0</v>
      </c>
    </row>
    <row r="31833" spans="1:4" x14ac:dyDescent="0.25">
      <c r="A31833" t="s">
        <v>47450</v>
      </c>
      <c r="B31833" t="s">
        <v>47453</v>
      </c>
      <c r="C31833">
        <v>1</v>
      </c>
      <c r="D31833">
        <v>0</v>
      </c>
    </row>
    <row r="31834" spans="1:4" x14ac:dyDescent="0.25">
      <c r="A31834" t="s">
        <v>47450</v>
      </c>
      <c r="B31834" t="s">
        <v>47454</v>
      </c>
      <c r="C31834">
        <v>1</v>
      </c>
      <c r="D31834">
        <v>0</v>
      </c>
    </row>
    <row r="31835" spans="1:4" x14ac:dyDescent="0.25">
      <c r="A31835" t="s">
        <v>47450</v>
      </c>
      <c r="B31835" t="s">
        <v>5434</v>
      </c>
      <c r="C31835">
        <v>1</v>
      </c>
      <c r="D31835">
        <v>0</v>
      </c>
    </row>
    <row r="31836" spans="1:4" x14ac:dyDescent="0.25">
      <c r="A31836" t="s">
        <v>47455</v>
      </c>
      <c r="B31836" t="s">
        <v>47456</v>
      </c>
      <c r="C31836">
        <v>1</v>
      </c>
      <c r="D31836">
        <v>0</v>
      </c>
    </row>
    <row r="31837" spans="1:4" x14ac:dyDescent="0.25">
      <c r="A31837" t="s">
        <v>47455</v>
      </c>
      <c r="B31837" t="s">
        <v>47457</v>
      </c>
      <c r="C31837">
        <v>1</v>
      </c>
      <c r="D31837">
        <v>0</v>
      </c>
    </row>
    <row r="31838" spans="1:4" x14ac:dyDescent="0.25">
      <c r="A31838" t="s">
        <v>47455</v>
      </c>
      <c r="B31838" t="s">
        <v>47458</v>
      </c>
      <c r="C31838">
        <v>1</v>
      </c>
      <c r="D31838">
        <v>0</v>
      </c>
    </row>
    <row r="31839" spans="1:4" x14ac:dyDescent="0.25">
      <c r="A31839" t="s">
        <v>47455</v>
      </c>
      <c r="B31839" t="s">
        <v>47459</v>
      </c>
      <c r="C31839">
        <v>1</v>
      </c>
      <c r="D31839">
        <v>0</v>
      </c>
    </row>
    <row r="31840" spans="1:4" x14ac:dyDescent="0.25">
      <c r="A31840" t="s">
        <v>47455</v>
      </c>
      <c r="B31840" t="s">
        <v>47460</v>
      </c>
      <c r="C31840">
        <v>1</v>
      </c>
      <c r="D31840">
        <v>0</v>
      </c>
    </row>
    <row r="31841" spans="1:4" x14ac:dyDescent="0.25">
      <c r="A31841" t="s">
        <v>47455</v>
      </c>
      <c r="B31841" t="s">
        <v>47461</v>
      </c>
      <c r="C31841">
        <v>1</v>
      </c>
      <c r="D31841">
        <v>0</v>
      </c>
    </row>
    <row r="31842" spans="1:4" x14ac:dyDescent="0.25">
      <c r="A31842" t="s">
        <v>47462</v>
      </c>
      <c r="B31842" t="s">
        <v>47463</v>
      </c>
      <c r="C31842">
        <v>1</v>
      </c>
      <c r="D31842">
        <v>0</v>
      </c>
    </row>
    <row r="31843" spans="1:4" x14ac:dyDescent="0.25">
      <c r="A31843" t="s">
        <v>47462</v>
      </c>
      <c r="B31843" t="s">
        <v>47464</v>
      </c>
      <c r="C31843">
        <v>1</v>
      </c>
      <c r="D31843">
        <v>0</v>
      </c>
    </row>
    <row r="31844" spans="1:4" x14ac:dyDescent="0.25">
      <c r="A31844" t="s">
        <v>47462</v>
      </c>
      <c r="B31844" t="s">
        <v>47465</v>
      </c>
      <c r="C31844">
        <v>1</v>
      </c>
      <c r="D31844">
        <v>0</v>
      </c>
    </row>
    <row r="31845" spans="1:4" x14ac:dyDescent="0.25">
      <c r="A31845" t="s">
        <v>47462</v>
      </c>
      <c r="B31845" t="s">
        <v>47466</v>
      </c>
      <c r="C31845">
        <v>1</v>
      </c>
      <c r="D31845">
        <v>0</v>
      </c>
    </row>
    <row r="31846" spans="1:4" x14ac:dyDescent="0.25">
      <c r="A31846" t="s">
        <v>47462</v>
      </c>
      <c r="B31846" t="s">
        <v>47467</v>
      </c>
      <c r="C31846">
        <v>0</v>
      </c>
      <c r="D31846">
        <v>0</v>
      </c>
    </row>
    <row r="31847" spans="1:4" x14ac:dyDescent="0.25">
      <c r="A31847" t="s">
        <v>47462</v>
      </c>
      <c r="B31847" t="s">
        <v>47468</v>
      </c>
      <c r="C31847">
        <v>1</v>
      </c>
      <c r="D31847">
        <v>0</v>
      </c>
    </row>
    <row r="31848" spans="1:4" x14ac:dyDescent="0.25">
      <c r="A31848" t="s">
        <v>47462</v>
      </c>
      <c r="B31848" t="s">
        <v>47469</v>
      </c>
      <c r="C31848">
        <v>1</v>
      </c>
      <c r="D31848">
        <v>0</v>
      </c>
    </row>
    <row r="31849" spans="1:4" x14ac:dyDescent="0.25">
      <c r="A31849" t="s">
        <v>47470</v>
      </c>
      <c r="B31849" t="s">
        <v>47471</v>
      </c>
      <c r="C31849">
        <v>1</v>
      </c>
      <c r="D31849">
        <v>0</v>
      </c>
    </row>
    <row r="31850" spans="1:4" x14ac:dyDescent="0.25">
      <c r="A31850" t="s">
        <v>47470</v>
      </c>
      <c r="B31850" t="s">
        <v>47472</v>
      </c>
      <c r="C31850">
        <v>1</v>
      </c>
      <c r="D31850">
        <v>0</v>
      </c>
    </row>
    <row r="31851" spans="1:4" x14ac:dyDescent="0.25">
      <c r="A31851" t="s">
        <v>47470</v>
      </c>
      <c r="B31851" t="s">
        <v>47473</v>
      </c>
      <c r="C31851">
        <v>1</v>
      </c>
      <c r="D31851">
        <v>0</v>
      </c>
    </row>
    <row r="31852" spans="1:4" x14ac:dyDescent="0.25">
      <c r="A31852" t="s">
        <v>47474</v>
      </c>
      <c r="B31852" t="s">
        <v>47475</v>
      </c>
      <c r="C31852">
        <v>1</v>
      </c>
      <c r="D31852">
        <v>0</v>
      </c>
    </row>
    <row r="31853" spans="1:4" x14ac:dyDescent="0.25">
      <c r="A31853" t="s">
        <v>47474</v>
      </c>
      <c r="B31853" t="s">
        <v>47476</v>
      </c>
      <c r="C31853">
        <v>2</v>
      </c>
      <c r="D31853">
        <v>0</v>
      </c>
    </row>
    <row r="31854" spans="1:4" x14ac:dyDescent="0.25">
      <c r="A31854" t="s">
        <v>47477</v>
      </c>
      <c r="B31854" t="s">
        <v>47478</v>
      </c>
      <c r="C31854">
        <v>1</v>
      </c>
      <c r="D31854">
        <v>0</v>
      </c>
    </row>
    <row r="31855" spans="1:4" x14ac:dyDescent="0.25">
      <c r="A31855" t="s">
        <v>47477</v>
      </c>
      <c r="B31855" t="s">
        <v>47479</v>
      </c>
      <c r="C31855">
        <v>1</v>
      </c>
      <c r="D31855">
        <v>0</v>
      </c>
    </row>
    <row r="31856" spans="1:4" x14ac:dyDescent="0.25">
      <c r="A31856" t="s">
        <v>47477</v>
      </c>
      <c r="B31856" t="s">
        <v>47480</v>
      </c>
      <c r="C31856">
        <v>1</v>
      </c>
      <c r="D31856">
        <v>0</v>
      </c>
    </row>
    <row r="31857" spans="1:4" x14ac:dyDescent="0.25">
      <c r="A31857" t="s">
        <v>47481</v>
      </c>
      <c r="B31857" t="s">
        <v>47482</v>
      </c>
      <c r="C31857">
        <v>1</v>
      </c>
      <c r="D31857">
        <v>0</v>
      </c>
    </row>
    <row r="31858" spans="1:4" x14ac:dyDescent="0.25">
      <c r="A31858" t="s">
        <v>47483</v>
      </c>
      <c r="B31858" t="s">
        <v>47484</v>
      </c>
      <c r="C31858">
        <v>1</v>
      </c>
      <c r="D31858">
        <v>0</v>
      </c>
    </row>
    <row r="31859" spans="1:4" x14ac:dyDescent="0.25">
      <c r="A31859" t="s">
        <v>47483</v>
      </c>
      <c r="B31859" t="s">
        <v>47485</v>
      </c>
      <c r="C31859">
        <v>0</v>
      </c>
      <c r="D31859">
        <v>0</v>
      </c>
    </row>
    <row r="31860" spans="1:4" x14ac:dyDescent="0.25">
      <c r="A31860" t="s">
        <v>47486</v>
      </c>
      <c r="B31860" t="s">
        <v>47487</v>
      </c>
      <c r="C31860">
        <v>0</v>
      </c>
      <c r="D31860">
        <v>0</v>
      </c>
    </row>
    <row r="31861" spans="1:4" x14ac:dyDescent="0.25">
      <c r="A31861" t="s">
        <v>47486</v>
      </c>
      <c r="B31861" t="s">
        <v>47488</v>
      </c>
      <c r="C31861">
        <v>1</v>
      </c>
      <c r="D31861">
        <v>0</v>
      </c>
    </row>
    <row r="31862" spans="1:4" x14ac:dyDescent="0.25">
      <c r="A31862" t="s">
        <v>47486</v>
      </c>
      <c r="B31862" t="s">
        <v>47489</v>
      </c>
      <c r="C31862">
        <v>2</v>
      </c>
      <c r="D31862">
        <v>0</v>
      </c>
    </row>
    <row r="31863" spans="1:4" x14ac:dyDescent="0.25">
      <c r="A31863" t="s">
        <v>47486</v>
      </c>
      <c r="B31863" t="s">
        <v>47490</v>
      </c>
      <c r="C31863">
        <v>2</v>
      </c>
      <c r="D31863">
        <v>0</v>
      </c>
    </row>
    <row r="31864" spans="1:4" x14ac:dyDescent="0.25">
      <c r="A31864" t="s">
        <v>47486</v>
      </c>
      <c r="B31864" t="s">
        <v>47491</v>
      </c>
      <c r="C31864">
        <v>2</v>
      </c>
      <c r="D31864">
        <v>0</v>
      </c>
    </row>
    <row r="31865" spans="1:4" x14ac:dyDescent="0.25">
      <c r="A31865" t="s">
        <v>47486</v>
      </c>
      <c r="B31865" t="s">
        <v>20393</v>
      </c>
      <c r="C31865">
        <v>1</v>
      </c>
      <c r="D31865">
        <v>0</v>
      </c>
    </row>
    <row r="31866" spans="1:4" x14ac:dyDescent="0.25">
      <c r="A31866" t="s">
        <v>47486</v>
      </c>
      <c r="B31866" t="s">
        <v>20393</v>
      </c>
      <c r="C31866">
        <v>1</v>
      </c>
      <c r="D31866">
        <v>0</v>
      </c>
    </row>
    <row r="31867" spans="1:4" x14ac:dyDescent="0.25">
      <c r="A31867" t="s">
        <v>47486</v>
      </c>
      <c r="B31867" t="s">
        <v>47492</v>
      </c>
      <c r="C31867">
        <v>2</v>
      </c>
      <c r="D31867">
        <v>0</v>
      </c>
    </row>
    <row r="31868" spans="1:4" x14ac:dyDescent="0.25">
      <c r="A31868" t="s">
        <v>47493</v>
      </c>
      <c r="B31868" t="s">
        <v>47494</v>
      </c>
      <c r="C31868">
        <v>1</v>
      </c>
      <c r="D31868">
        <v>0</v>
      </c>
    </row>
    <row r="31869" spans="1:4" x14ac:dyDescent="0.25">
      <c r="A31869" t="s">
        <v>47493</v>
      </c>
      <c r="B31869" t="s">
        <v>47495</v>
      </c>
      <c r="C31869">
        <v>1</v>
      </c>
      <c r="D31869">
        <v>0</v>
      </c>
    </row>
    <row r="31870" spans="1:4" x14ac:dyDescent="0.25">
      <c r="A31870" t="s">
        <v>47493</v>
      </c>
      <c r="B31870" t="s">
        <v>47496</v>
      </c>
      <c r="C31870">
        <v>1</v>
      </c>
      <c r="D31870">
        <v>0</v>
      </c>
    </row>
    <row r="31871" spans="1:4" x14ac:dyDescent="0.25">
      <c r="A31871" t="s">
        <v>47493</v>
      </c>
      <c r="B31871" t="s">
        <v>47497</v>
      </c>
      <c r="C31871">
        <v>1</v>
      </c>
      <c r="D31871">
        <v>0</v>
      </c>
    </row>
    <row r="31872" spans="1:4" x14ac:dyDescent="0.25">
      <c r="A31872" t="s">
        <v>47493</v>
      </c>
      <c r="B31872" t="s">
        <v>47498</v>
      </c>
      <c r="C31872">
        <v>2</v>
      </c>
      <c r="D31872">
        <v>0</v>
      </c>
    </row>
    <row r="31873" spans="1:4" x14ac:dyDescent="0.25">
      <c r="A31873" t="s">
        <v>47493</v>
      </c>
      <c r="B31873" t="s">
        <v>47499</v>
      </c>
      <c r="C31873">
        <v>1</v>
      </c>
      <c r="D31873">
        <v>0</v>
      </c>
    </row>
    <row r="31874" spans="1:4" x14ac:dyDescent="0.25">
      <c r="A31874" t="s">
        <v>47500</v>
      </c>
      <c r="B31874" t="s">
        <v>47501</v>
      </c>
      <c r="C31874">
        <v>1</v>
      </c>
      <c r="D31874">
        <v>0</v>
      </c>
    </row>
    <row r="31875" spans="1:4" x14ac:dyDescent="0.25">
      <c r="A31875" t="s">
        <v>47500</v>
      </c>
      <c r="B31875" t="s">
        <v>47502</v>
      </c>
      <c r="C31875">
        <v>1</v>
      </c>
      <c r="D31875">
        <v>0</v>
      </c>
    </row>
    <row r="31876" spans="1:4" x14ac:dyDescent="0.25">
      <c r="A31876" t="s">
        <v>47500</v>
      </c>
      <c r="B31876" t="s">
        <v>47503</v>
      </c>
      <c r="C31876">
        <v>1</v>
      </c>
      <c r="D31876">
        <v>0</v>
      </c>
    </row>
    <row r="31877" spans="1:4" x14ac:dyDescent="0.25">
      <c r="A31877" t="s">
        <v>47504</v>
      </c>
      <c r="B31877" t="s">
        <v>47505</v>
      </c>
      <c r="C31877">
        <v>2</v>
      </c>
      <c r="D31877">
        <v>0</v>
      </c>
    </row>
    <row r="31878" spans="1:4" x14ac:dyDescent="0.25">
      <c r="A31878" t="s">
        <v>47504</v>
      </c>
      <c r="B31878" t="s">
        <v>47506</v>
      </c>
      <c r="C31878">
        <v>1</v>
      </c>
      <c r="D31878">
        <v>0</v>
      </c>
    </row>
    <row r="31879" spans="1:4" x14ac:dyDescent="0.25">
      <c r="A31879" t="s">
        <v>47504</v>
      </c>
      <c r="B31879" t="s">
        <v>47507</v>
      </c>
      <c r="C31879">
        <v>0</v>
      </c>
      <c r="D31879">
        <v>0</v>
      </c>
    </row>
    <row r="31880" spans="1:4" x14ac:dyDescent="0.25">
      <c r="A31880" t="s">
        <v>47504</v>
      </c>
      <c r="B31880" t="s">
        <v>47508</v>
      </c>
      <c r="C31880">
        <v>1</v>
      </c>
      <c r="D31880">
        <v>0</v>
      </c>
    </row>
    <row r="31881" spans="1:4" x14ac:dyDescent="0.25">
      <c r="A31881" t="s">
        <v>47509</v>
      </c>
      <c r="B31881" t="s">
        <v>47510</v>
      </c>
      <c r="C31881">
        <v>1</v>
      </c>
      <c r="D31881">
        <v>0</v>
      </c>
    </row>
    <row r="31882" spans="1:4" x14ac:dyDescent="0.25">
      <c r="A31882" t="s">
        <v>47509</v>
      </c>
      <c r="B31882" t="s">
        <v>47511</v>
      </c>
      <c r="C31882">
        <v>1</v>
      </c>
      <c r="D31882">
        <v>0</v>
      </c>
    </row>
    <row r="31883" spans="1:4" x14ac:dyDescent="0.25">
      <c r="A31883" t="s">
        <v>47509</v>
      </c>
      <c r="B31883" t="s">
        <v>46981</v>
      </c>
      <c r="C31883">
        <v>1</v>
      </c>
      <c r="D31883">
        <v>0</v>
      </c>
    </row>
    <row r="31884" spans="1:4" x14ac:dyDescent="0.25">
      <c r="A31884" t="s">
        <v>47509</v>
      </c>
      <c r="B31884" t="s">
        <v>47512</v>
      </c>
      <c r="C31884">
        <v>0</v>
      </c>
      <c r="D31884">
        <v>0</v>
      </c>
    </row>
    <row r="31885" spans="1:4" x14ac:dyDescent="0.25">
      <c r="A31885" t="s">
        <v>47509</v>
      </c>
      <c r="B31885" t="s">
        <v>47513</v>
      </c>
      <c r="C31885">
        <v>0</v>
      </c>
      <c r="D31885">
        <v>0</v>
      </c>
    </row>
    <row r="31886" spans="1:4" x14ac:dyDescent="0.25">
      <c r="A31886" t="s">
        <v>47514</v>
      </c>
      <c r="B31886" t="s">
        <v>47515</v>
      </c>
      <c r="C31886">
        <v>1</v>
      </c>
      <c r="D31886">
        <v>0</v>
      </c>
    </row>
    <row r="31887" spans="1:4" x14ac:dyDescent="0.25">
      <c r="A31887" t="s">
        <v>47514</v>
      </c>
      <c r="B31887" t="s">
        <v>47516</v>
      </c>
      <c r="C31887">
        <v>2</v>
      </c>
      <c r="D31887">
        <v>0</v>
      </c>
    </row>
    <row r="31888" spans="1:4" x14ac:dyDescent="0.25">
      <c r="A31888" t="s">
        <v>47514</v>
      </c>
      <c r="B31888" t="s">
        <v>47517</v>
      </c>
      <c r="C31888">
        <v>1</v>
      </c>
      <c r="D31888">
        <v>0</v>
      </c>
    </row>
    <row r="31889" spans="1:4" x14ac:dyDescent="0.25">
      <c r="A31889" t="s">
        <v>47514</v>
      </c>
      <c r="B31889" t="s">
        <v>47518</v>
      </c>
      <c r="C31889">
        <v>1</v>
      </c>
      <c r="D31889">
        <v>0</v>
      </c>
    </row>
    <row r="31890" spans="1:4" x14ac:dyDescent="0.25">
      <c r="A31890" t="s">
        <v>47514</v>
      </c>
      <c r="B31890" t="s">
        <v>47519</v>
      </c>
      <c r="C31890">
        <v>2</v>
      </c>
      <c r="D31890">
        <v>0</v>
      </c>
    </row>
    <row r="31891" spans="1:4" x14ac:dyDescent="0.25">
      <c r="A31891" t="s">
        <v>47514</v>
      </c>
      <c r="B31891" t="s">
        <v>47520</v>
      </c>
      <c r="C31891">
        <v>1</v>
      </c>
      <c r="D31891">
        <v>0</v>
      </c>
    </row>
    <row r="31892" spans="1:4" x14ac:dyDescent="0.25">
      <c r="A31892" t="s">
        <v>47514</v>
      </c>
      <c r="B31892" t="s">
        <v>47521</v>
      </c>
      <c r="C31892">
        <v>0</v>
      </c>
      <c r="D31892">
        <v>0</v>
      </c>
    </row>
    <row r="31893" spans="1:4" x14ac:dyDescent="0.25">
      <c r="A31893" t="s">
        <v>47514</v>
      </c>
      <c r="B31893" t="s">
        <v>1001</v>
      </c>
      <c r="C31893">
        <v>1</v>
      </c>
      <c r="D31893">
        <v>0</v>
      </c>
    </row>
    <row r="31894" spans="1:4" x14ac:dyDescent="0.25">
      <c r="A31894" t="s">
        <v>47522</v>
      </c>
      <c r="B31894" t="s">
        <v>47523</v>
      </c>
      <c r="C31894">
        <v>1</v>
      </c>
      <c r="D31894">
        <v>0</v>
      </c>
    </row>
    <row r="31895" spans="1:4" x14ac:dyDescent="0.25">
      <c r="A31895" t="s">
        <v>47522</v>
      </c>
      <c r="B31895" t="s">
        <v>47524</v>
      </c>
      <c r="C31895">
        <v>1</v>
      </c>
      <c r="D31895">
        <v>0</v>
      </c>
    </row>
    <row r="31896" spans="1:4" x14ac:dyDescent="0.25">
      <c r="A31896" t="s">
        <v>47522</v>
      </c>
      <c r="B31896" t="s">
        <v>47525</v>
      </c>
      <c r="C31896">
        <v>1</v>
      </c>
      <c r="D31896">
        <v>0</v>
      </c>
    </row>
    <row r="31897" spans="1:4" x14ac:dyDescent="0.25">
      <c r="A31897" t="s">
        <v>47522</v>
      </c>
      <c r="B31897" t="s">
        <v>17257</v>
      </c>
      <c r="C31897">
        <v>0</v>
      </c>
      <c r="D31897">
        <v>0</v>
      </c>
    </row>
    <row r="31898" spans="1:4" x14ac:dyDescent="0.25">
      <c r="A31898" t="s">
        <v>47522</v>
      </c>
      <c r="B31898" t="s">
        <v>47526</v>
      </c>
      <c r="C31898">
        <v>2</v>
      </c>
      <c r="D31898">
        <v>0</v>
      </c>
    </row>
    <row r="31899" spans="1:4" x14ac:dyDescent="0.25">
      <c r="A31899" t="s">
        <v>47522</v>
      </c>
      <c r="B31899" t="s">
        <v>47527</v>
      </c>
      <c r="C31899">
        <v>1</v>
      </c>
      <c r="D31899">
        <v>0</v>
      </c>
    </row>
    <row r="31900" spans="1:4" x14ac:dyDescent="0.25">
      <c r="A31900" t="s">
        <v>47522</v>
      </c>
      <c r="B31900" t="s">
        <v>47528</v>
      </c>
      <c r="C31900">
        <v>1</v>
      </c>
      <c r="D31900">
        <v>0</v>
      </c>
    </row>
    <row r="31901" spans="1:4" x14ac:dyDescent="0.25">
      <c r="A31901" t="s">
        <v>47522</v>
      </c>
      <c r="B31901" t="s">
        <v>47529</v>
      </c>
      <c r="C31901">
        <v>2</v>
      </c>
      <c r="D31901">
        <v>0</v>
      </c>
    </row>
    <row r="31902" spans="1:4" x14ac:dyDescent="0.25">
      <c r="A31902" t="s">
        <v>47530</v>
      </c>
      <c r="B31902" t="s">
        <v>47531</v>
      </c>
      <c r="C31902">
        <v>0</v>
      </c>
      <c r="D31902">
        <v>0</v>
      </c>
    </row>
    <row r="31903" spans="1:4" x14ac:dyDescent="0.25">
      <c r="A31903" t="s">
        <v>47530</v>
      </c>
      <c r="B31903" t="s">
        <v>47532</v>
      </c>
      <c r="C31903">
        <v>2</v>
      </c>
      <c r="D31903">
        <v>0</v>
      </c>
    </row>
    <row r="31904" spans="1:4" x14ac:dyDescent="0.25">
      <c r="A31904" t="s">
        <v>47530</v>
      </c>
      <c r="B31904" t="s">
        <v>47533</v>
      </c>
      <c r="C31904">
        <v>1</v>
      </c>
      <c r="D31904">
        <v>0</v>
      </c>
    </row>
    <row r="31905" spans="1:4" x14ac:dyDescent="0.25">
      <c r="A31905" t="s">
        <v>47530</v>
      </c>
      <c r="B31905" t="s">
        <v>47534</v>
      </c>
      <c r="C31905">
        <v>1</v>
      </c>
      <c r="D31905">
        <v>0</v>
      </c>
    </row>
    <row r="31906" spans="1:4" x14ac:dyDescent="0.25">
      <c r="A31906" t="s">
        <v>47530</v>
      </c>
      <c r="B31906" t="s">
        <v>47535</v>
      </c>
      <c r="C31906">
        <v>1</v>
      </c>
      <c r="D31906">
        <v>0</v>
      </c>
    </row>
    <row r="31907" spans="1:4" x14ac:dyDescent="0.25">
      <c r="A31907" t="s">
        <v>47536</v>
      </c>
      <c r="B31907" t="s">
        <v>47537</v>
      </c>
      <c r="C31907">
        <v>1</v>
      </c>
      <c r="D31907">
        <v>0</v>
      </c>
    </row>
    <row r="31908" spans="1:4" x14ac:dyDescent="0.25">
      <c r="A31908" t="s">
        <v>47536</v>
      </c>
      <c r="B31908" t="s">
        <v>47538</v>
      </c>
      <c r="C31908">
        <v>2</v>
      </c>
      <c r="D31908">
        <v>0</v>
      </c>
    </row>
    <row r="31909" spans="1:4" x14ac:dyDescent="0.25">
      <c r="A31909" t="s">
        <v>47536</v>
      </c>
      <c r="B31909" t="s">
        <v>47539</v>
      </c>
      <c r="C31909">
        <v>0</v>
      </c>
      <c r="D31909">
        <v>0</v>
      </c>
    </row>
    <row r="31910" spans="1:4" x14ac:dyDescent="0.25">
      <c r="A31910" t="s">
        <v>47540</v>
      </c>
      <c r="B31910" t="s">
        <v>47541</v>
      </c>
      <c r="C31910">
        <v>1</v>
      </c>
      <c r="D31910">
        <v>0</v>
      </c>
    </row>
    <row r="31911" spans="1:4" x14ac:dyDescent="0.25">
      <c r="A31911" t="s">
        <v>47540</v>
      </c>
      <c r="B31911" t="s">
        <v>47542</v>
      </c>
      <c r="C31911">
        <v>1</v>
      </c>
      <c r="D31911">
        <v>0</v>
      </c>
    </row>
    <row r="31912" spans="1:4" x14ac:dyDescent="0.25">
      <c r="A31912" t="s">
        <v>47540</v>
      </c>
      <c r="B31912" t="s">
        <v>47543</v>
      </c>
      <c r="C31912">
        <v>2</v>
      </c>
      <c r="D31912">
        <v>0</v>
      </c>
    </row>
    <row r="31913" spans="1:4" x14ac:dyDescent="0.25">
      <c r="A31913" t="s">
        <v>47540</v>
      </c>
      <c r="B31913" t="s">
        <v>47544</v>
      </c>
      <c r="C31913">
        <v>1</v>
      </c>
      <c r="D31913">
        <v>0</v>
      </c>
    </row>
    <row r="31914" spans="1:4" x14ac:dyDescent="0.25">
      <c r="A31914" t="s">
        <v>47545</v>
      </c>
      <c r="B31914" t="s">
        <v>47546</v>
      </c>
      <c r="C31914">
        <v>0</v>
      </c>
      <c r="D31914">
        <v>0</v>
      </c>
    </row>
    <row r="31915" spans="1:4" x14ac:dyDescent="0.25">
      <c r="A31915" t="s">
        <v>47545</v>
      </c>
      <c r="B31915" t="s">
        <v>47547</v>
      </c>
      <c r="C31915">
        <v>0</v>
      </c>
      <c r="D31915">
        <v>0</v>
      </c>
    </row>
    <row r="31916" spans="1:4" x14ac:dyDescent="0.25">
      <c r="A31916" t="s">
        <v>47545</v>
      </c>
      <c r="B31916" t="s">
        <v>47548</v>
      </c>
      <c r="C31916">
        <v>2</v>
      </c>
      <c r="D31916">
        <v>0</v>
      </c>
    </row>
    <row r="31917" spans="1:4" x14ac:dyDescent="0.25">
      <c r="A31917" t="s">
        <v>47545</v>
      </c>
      <c r="B31917" t="s">
        <v>47549</v>
      </c>
      <c r="C31917">
        <v>1</v>
      </c>
      <c r="D31917">
        <v>0</v>
      </c>
    </row>
    <row r="31918" spans="1:4" x14ac:dyDescent="0.25">
      <c r="A31918" t="s">
        <v>47545</v>
      </c>
      <c r="B31918" t="s">
        <v>47550</v>
      </c>
      <c r="C31918">
        <v>2</v>
      </c>
      <c r="D31918">
        <v>0</v>
      </c>
    </row>
    <row r="31919" spans="1:4" x14ac:dyDescent="0.25">
      <c r="A31919" t="s">
        <v>47545</v>
      </c>
      <c r="B31919" t="s">
        <v>47551</v>
      </c>
      <c r="C31919">
        <v>1</v>
      </c>
      <c r="D31919">
        <v>0</v>
      </c>
    </row>
    <row r="31920" spans="1:4" x14ac:dyDescent="0.25">
      <c r="A31920" t="s">
        <v>47552</v>
      </c>
      <c r="B31920" t="s">
        <v>47553</v>
      </c>
      <c r="C31920">
        <v>1</v>
      </c>
      <c r="D31920">
        <v>0</v>
      </c>
    </row>
    <row r="31921" spans="1:4" x14ac:dyDescent="0.25">
      <c r="A31921" t="s">
        <v>47552</v>
      </c>
      <c r="B31921" t="s">
        <v>47554</v>
      </c>
      <c r="C31921">
        <v>1</v>
      </c>
      <c r="D31921">
        <v>0</v>
      </c>
    </row>
    <row r="31922" spans="1:4" x14ac:dyDescent="0.25">
      <c r="A31922" t="s">
        <v>47552</v>
      </c>
      <c r="B31922" t="s">
        <v>47555</v>
      </c>
      <c r="C31922">
        <v>1</v>
      </c>
      <c r="D31922">
        <v>0</v>
      </c>
    </row>
    <row r="31923" spans="1:4" x14ac:dyDescent="0.25">
      <c r="A31923" t="s">
        <v>47552</v>
      </c>
      <c r="B31923" t="s">
        <v>47556</v>
      </c>
      <c r="C31923">
        <v>1</v>
      </c>
      <c r="D31923">
        <v>0</v>
      </c>
    </row>
    <row r="31924" spans="1:4" x14ac:dyDescent="0.25">
      <c r="A31924" t="s">
        <v>47557</v>
      </c>
      <c r="B31924" t="s">
        <v>47558</v>
      </c>
      <c r="C31924">
        <v>1</v>
      </c>
      <c r="D31924">
        <v>0</v>
      </c>
    </row>
    <row r="31925" spans="1:4" x14ac:dyDescent="0.25">
      <c r="A31925" t="s">
        <v>47557</v>
      </c>
      <c r="B31925" t="s">
        <v>47559</v>
      </c>
      <c r="C31925">
        <v>1</v>
      </c>
      <c r="D31925">
        <v>0</v>
      </c>
    </row>
    <row r="31926" spans="1:4" x14ac:dyDescent="0.25">
      <c r="A31926" t="s">
        <v>47557</v>
      </c>
      <c r="B31926" t="s">
        <v>47560</v>
      </c>
      <c r="C31926">
        <v>0</v>
      </c>
      <c r="D31926">
        <v>0</v>
      </c>
    </row>
    <row r="31927" spans="1:4" x14ac:dyDescent="0.25">
      <c r="A31927" t="s">
        <v>47557</v>
      </c>
      <c r="B31927" t="s">
        <v>47561</v>
      </c>
      <c r="C31927">
        <v>1</v>
      </c>
      <c r="D31927">
        <v>0</v>
      </c>
    </row>
    <row r="31928" spans="1:4" x14ac:dyDescent="0.25">
      <c r="A31928" t="s">
        <v>47557</v>
      </c>
      <c r="B31928" t="s">
        <v>47562</v>
      </c>
      <c r="C31928">
        <v>1</v>
      </c>
      <c r="D31928">
        <v>0</v>
      </c>
    </row>
    <row r="31929" spans="1:4" x14ac:dyDescent="0.25">
      <c r="A31929" t="s">
        <v>47563</v>
      </c>
      <c r="B31929" t="s">
        <v>2651</v>
      </c>
      <c r="C31929">
        <v>0</v>
      </c>
      <c r="D31929">
        <v>0</v>
      </c>
    </row>
    <row r="31930" spans="1:4" x14ac:dyDescent="0.25">
      <c r="A31930" t="s">
        <v>47563</v>
      </c>
      <c r="B31930" t="s">
        <v>47564</v>
      </c>
      <c r="C31930">
        <v>1</v>
      </c>
      <c r="D31930">
        <v>0</v>
      </c>
    </row>
    <row r="31931" spans="1:4" x14ac:dyDescent="0.25">
      <c r="A31931" t="s">
        <v>47563</v>
      </c>
      <c r="B31931" t="s">
        <v>47565</v>
      </c>
      <c r="C31931">
        <v>1</v>
      </c>
      <c r="D31931">
        <v>0</v>
      </c>
    </row>
    <row r="31932" spans="1:4" x14ac:dyDescent="0.25">
      <c r="A31932" t="s">
        <v>47563</v>
      </c>
      <c r="B31932" t="s">
        <v>47566</v>
      </c>
      <c r="C31932">
        <v>0</v>
      </c>
      <c r="D31932">
        <v>0</v>
      </c>
    </row>
    <row r="31933" spans="1:4" x14ac:dyDescent="0.25">
      <c r="A31933" t="s">
        <v>47563</v>
      </c>
      <c r="B31933" t="s">
        <v>47567</v>
      </c>
      <c r="C31933">
        <v>0</v>
      </c>
      <c r="D31933">
        <v>0</v>
      </c>
    </row>
    <row r="31934" spans="1:4" x14ac:dyDescent="0.25">
      <c r="A31934" t="s">
        <v>47568</v>
      </c>
      <c r="B31934" t="s">
        <v>47569</v>
      </c>
      <c r="C31934">
        <v>1</v>
      </c>
      <c r="D31934">
        <v>0</v>
      </c>
    </row>
    <row r="31935" spans="1:4" x14ac:dyDescent="0.25">
      <c r="A31935" t="s">
        <v>47568</v>
      </c>
      <c r="B31935" t="s">
        <v>11075</v>
      </c>
      <c r="C31935">
        <v>1</v>
      </c>
      <c r="D31935">
        <v>0</v>
      </c>
    </row>
    <row r="31936" spans="1:4" x14ac:dyDescent="0.25">
      <c r="A31936" t="s">
        <v>47568</v>
      </c>
      <c r="B31936" t="s">
        <v>39414</v>
      </c>
      <c r="C31936">
        <v>0</v>
      </c>
      <c r="D31936">
        <v>0</v>
      </c>
    </row>
    <row r="31937" spans="1:4" x14ac:dyDescent="0.25">
      <c r="A31937" t="s">
        <v>47568</v>
      </c>
      <c r="B31937" t="s">
        <v>47570</v>
      </c>
      <c r="C31937">
        <v>1</v>
      </c>
      <c r="D31937">
        <v>0</v>
      </c>
    </row>
    <row r="31938" spans="1:4" x14ac:dyDescent="0.25">
      <c r="A31938" t="s">
        <v>47571</v>
      </c>
      <c r="B31938" t="s">
        <v>47572</v>
      </c>
      <c r="C31938">
        <v>1</v>
      </c>
      <c r="D31938">
        <v>0</v>
      </c>
    </row>
    <row r="31939" spans="1:4" x14ac:dyDescent="0.25">
      <c r="A31939" t="s">
        <v>47571</v>
      </c>
      <c r="B31939" t="s">
        <v>47573</v>
      </c>
      <c r="C31939">
        <v>0</v>
      </c>
      <c r="D31939">
        <v>0</v>
      </c>
    </row>
    <row r="31940" spans="1:4" x14ac:dyDescent="0.25">
      <c r="A31940" t="s">
        <v>47571</v>
      </c>
      <c r="B31940" t="s">
        <v>47574</v>
      </c>
      <c r="C31940">
        <v>1</v>
      </c>
      <c r="D31940">
        <v>0</v>
      </c>
    </row>
    <row r="31941" spans="1:4" x14ac:dyDescent="0.25">
      <c r="A31941" t="s">
        <v>47571</v>
      </c>
      <c r="B31941" t="s">
        <v>47575</v>
      </c>
      <c r="C31941">
        <v>0</v>
      </c>
      <c r="D31941">
        <v>0</v>
      </c>
    </row>
    <row r="31942" spans="1:4" x14ac:dyDescent="0.25">
      <c r="A31942" t="s">
        <v>47571</v>
      </c>
      <c r="B31942" t="s">
        <v>47576</v>
      </c>
      <c r="C31942">
        <v>2</v>
      </c>
      <c r="D31942">
        <v>0</v>
      </c>
    </row>
    <row r="31943" spans="1:4" x14ac:dyDescent="0.25">
      <c r="A31943" t="s">
        <v>47577</v>
      </c>
      <c r="B31943" t="s">
        <v>47578</v>
      </c>
      <c r="C31943">
        <v>2</v>
      </c>
      <c r="D31943">
        <v>0</v>
      </c>
    </row>
    <row r="31944" spans="1:4" x14ac:dyDescent="0.25">
      <c r="A31944" t="s">
        <v>47577</v>
      </c>
      <c r="B31944" t="s">
        <v>2865</v>
      </c>
      <c r="C31944">
        <v>0</v>
      </c>
      <c r="D31944">
        <v>0</v>
      </c>
    </row>
    <row r="31945" spans="1:4" x14ac:dyDescent="0.25">
      <c r="A31945" t="s">
        <v>47577</v>
      </c>
      <c r="B31945" t="s">
        <v>47579</v>
      </c>
      <c r="C31945">
        <v>1</v>
      </c>
      <c r="D31945">
        <v>0</v>
      </c>
    </row>
    <row r="31946" spans="1:4" x14ac:dyDescent="0.25">
      <c r="A31946" t="s">
        <v>47580</v>
      </c>
      <c r="B31946" t="s">
        <v>11075</v>
      </c>
      <c r="C31946">
        <v>1</v>
      </c>
      <c r="D31946">
        <v>0</v>
      </c>
    </row>
    <row r="31947" spans="1:4" x14ac:dyDescent="0.25">
      <c r="A31947" t="s">
        <v>47580</v>
      </c>
      <c r="B31947" t="s">
        <v>47581</v>
      </c>
      <c r="C31947">
        <v>0</v>
      </c>
      <c r="D31947">
        <v>0</v>
      </c>
    </row>
    <row r="31948" spans="1:4" x14ac:dyDescent="0.25">
      <c r="A31948" t="s">
        <v>47580</v>
      </c>
      <c r="B31948" t="s">
        <v>47582</v>
      </c>
      <c r="C31948">
        <v>0</v>
      </c>
      <c r="D31948">
        <v>0</v>
      </c>
    </row>
    <row r="31949" spans="1:4" x14ac:dyDescent="0.25">
      <c r="A31949" t="s">
        <v>47580</v>
      </c>
      <c r="B31949" t="s">
        <v>47583</v>
      </c>
      <c r="C31949">
        <v>1</v>
      </c>
      <c r="D31949">
        <v>0</v>
      </c>
    </row>
    <row r="31950" spans="1:4" x14ac:dyDescent="0.25">
      <c r="A31950" t="s">
        <v>47580</v>
      </c>
      <c r="B31950" t="s">
        <v>47584</v>
      </c>
      <c r="C31950">
        <v>1</v>
      </c>
      <c r="D31950">
        <v>0</v>
      </c>
    </row>
    <row r="31951" spans="1:4" x14ac:dyDescent="0.25">
      <c r="A31951" t="s">
        <v>47580</v>
      </c>
      <c r="B31951" t="s">
        <v>47585</v>
      </c>
      <c r="C31951">
        <v>1</v>
      </c>
      <c r="D31951">
        <v>0</v>
      </c>
    </row>
    <row r="31952" spans="1:4" x14ac:dyDescent="0.25">
      <c r="A31952" t="s">
        <v>47586</v>
      </c>
      <c r="B31952" t="s">
        <v>47587</v>
      </c>
      <c r="C31952">
        <v>1</v>
      </c>
      <c r="D31952">
        <v>0</v>
      </c>
    </row>
    <row r="31953" spans="1:4" x14ac:dyDescent="0.25">
      <c r="A31953" t="s">
        <v>47586</v>
      </c>
      <c r="B31953" t="s">
        <v>47588</v>
      </c>
      <c r="C31953">
        <v>0</v>
      </c>
      <c r="D31953">
        <v>0</v>
      </c>
    </row>
    <row r="31954" spans="1:4" x14ac:dyDescent="0.25">
      <c r="A31954" t="s">
        <v>47586</v>
      </c>
      <c r="B31954" t="s">
        <v>47589</v>
      </c>
      <c r="C31954">
        <v>2</v>
      </c>
      <c r="D31954">
        <v>0</v>
      </c>
    </row>
    <row r="31955" spans="1:4" x14ac:dyDescent="0.25">
      <c r="A31955" t="s">
        <v>47586</v>
      </c>
      <c r="B31955" t="s">
        <v>47590</v>
      </c>
      <c r="C31955">
        <v>1</v>
      </c>
      <c r="D31955">
        <v>0</v>
      </c>
    </row>
    <row r="31956" spans="1:4" x14ac:dyDescent="0.25">
      <c r="A31956" t="s">
        <v>47586</v>
      </c>
      <c r="B31956" t="s">
        <v>47591</v>
      </c>
      <c r="C31956">
        <v>2</v>
      </c>
      <c r="D31956">
        <v>0</v>
      </c>
    </row>
    <row r="31957" spans="1:4" x14ac:dyDescent="0.25">
      <c r="A31957" t="s">
        <v>47586</v>
      </c>
      <c r="B31957" t="s">
        <v>1294</v>
      </c>
      <c r="C31957">
        <v>1</v>
      </c>
      <c r="D31957">
        <v>0</v>
      </c>
    </row>
    <row r="31958" spans="1:4" x14ac:dyDescent="0.25">
      <c r="A31958" t="s">
        <v>47586</v>
      </c>
      <c r="B31958" t="s">
        <v>47592</v>
      </c>
      <c r="C31958">
        <v>2</v>
      </c>
      <c r="D31958">
        <v>0</v>
      </c>
    </row>
    <row r="31959" spans="1:4" x14ac:dyDescent="0.25">
      <c r="A31959" t="s">
        <v>47593</v>
      </c>
      <c r="B31959" t="s">
        <v>47594</v>
      </c>
      <c r="C31959">
        <v>0</v>
      </c>
      <c r="D31959">
        <v>0</v>
      </c>
    </row>
    <row r="31960" spans="1:4" x14ac:dyDescent="0.25">
      <c r="A31960" t="s">
        <v>47593</v>
      </c>
      <c r="B31960" t="s">
        <v>47595</v>
      </c>
      <c r="C31960">
        <v>0</v>
      </c>
      <c r="D31960">
        <v>0</v>
      </c>
    </row>
    <row r="31961" spans="1:4" x14ac:dyDescent="0.25">
      <c r="A31961" t="s">
        <v>47593</v>
      </c>
      <c r="B31961" t="s">
        <v>47596</v>
      </c>
      <c r="C31961">
        <v>0</v>
      </c>
      <c r="D31961">
        <v>0</v>
      </c>
    </row>
    <row r="31962" spans="1:4" x14ac:dyDescent="0.25">
      <c r="A31962" t="s">
        <v>47593</v>
      </c>
      <c r="B31962" t="s">
        <v>47597</v>
      </c>
      <c r="C31962">
        <v>0</v>
      </c>
      <c r="D31962">
        <v>0</v>
      </c>
    </row>
    <row r="31963" spans="1:4" x14ac:dyDescent="0.25">
      <c r="A31963" t="s">
        <v>47598</v>
      </c>
      <c r="B31963" t="s">
        <v>47599</v>
      </c>
      <c r="C31963">
        <v>1</v>
      </c>
      <c r="D31963">
        <v>0</v>
      </c>
    </row>
    <row r="31964" spans="1:4" x14ac:dyDescent="0.25">
      <c r="A31964" t="s">
        <v>47598</v>
      </c>
      <c r="B31964" t="s">
        <v>47600</v>
      </c>
      <c r="C31964">
        <v>1</v>
      </c>
      <c r="D31964">
        <v>0</v>
      </c>
    </row>
    <row r="31965" spans="1:4" x14ac:dyDescent="0.25">
      <c r="A31965" t="s">
        <v>47598</v>
      </c>
      <c r="B31965" t="s">
        <v>9783</v>
      </c>
      <c r="C31965">
        <v>0</v>
      </c>
      <c r="D31965">
        <v>0</v>
      </c>
    </row>
    <row r="31966" spans="1:4" x14ac:dyDescent="0.25">
      <c r="A31966" t="s">
        <v>47598</v>
      </c>
      <c r="B31966" t="s">
        <v>47601</v>
      </c>
      <c r="C31966">
        <v>1</v>
      </c>
      <c r="D31966">
        <v>0</v>
      </c>
    </row>
    <row r="31967" spans="1:4" x14ac:dyDescent="0.25">
      <c r="A31967" t="s">
        <v>47602</v>
      </c>
      <c r="B31967" t="s">
        <v>47603</v>
      </c>
      <c r="C31967">
        <v>1</v>
      </c>
      <c r="D31967">
        <v>0</v>
      </c>
    </row>
    <row r="31968" spans="1:4" x14ac:dyDescent="0.25">
      <c r="A31968" t="s">
        <v>47602</v>
      </c>
      <c r="B31968" t="s">
        <v>46074</v>
      </c>
      <c r="C31968">
        <v>1</v>
      </c>
      <c r="D31968">
        <v>0</v>
      </c>
    </row>
    <row r="31969" spans="1:4" x14ac:dyDescent="0.25">
      <c r="A31969" t="s">
        <v>47602</v>
      </c>
      <c r="B31969" t="s">
        <v>47604</v>
      </c>
      <c r="C31969">
        <v>0</v>
      </c>
      <c r="D31969">
        <v>0</v>
      </c>
    </row>
    <row r="31970" spans="1:4" x14ac:dyDescent="0.25">
      <c r="A31970" t="s">
        <v>47602</v>
      </c>
      <c r="B31970" t="s">
        <v>47605</v>
      </c>
      <c r="C31970">
        <v>1</v>
      </c>
      <c r="D31970">
        <v>0</v>
      </c>
    </row>
    <row r="31971" spans="1:4" x14ac:dyDescent="0.25">
      <c r="A31971" t="s">
        <v>47602</v>
      </c>
      <c r="B31971" t="s">
        <v>47606</v>
      </c>
      <c r="C31971">
        <v>2</v>
      </c>
      <c r="D31971">
        <v>0</v>
      </c>
    </row>
    <row r="31972" spans="1:4" x14ac:dyDescent="0.25">
      <c r="A31972" t="s">
        <v>47602</v>
      </c>
      <c r="B31972" t="s">
        <v>47607</v>
      </c>
      <c r="C31972">
        <v>1</v>
      </c>
      <c r="D31972">
        <v>0</v>
      </c>
    </row>
    <row r="31973" spans="1:4" x14ac:dyDescent="0.25">
      <c r="A31973" t="s">
        <v>47608</v>
      </c>
      <c r="B31973" t="s">
        <v>47609</v>
      </c>
      <c r="C31973">
        <v>0</v>
      </c>
      <c r="D31973">
        <v>0</v>
      </c>
    </row>
    <row r="31974" spans="1:4" x14ac:dyDescent="0.25">
      <c r="A31974" t="s">
        <v>47608</v>
      </c>
      <c r="B31974" t="s">
        <v>47610</v>
      </c>
      <c r="C31974">
        <v>2</v>
      </c>
      <c r="D31974">
        <v>0</v>
      </c>
    </row>
    <row r="31975" spans="1:4" x14ac:dyDescent="0.25">
      <c r="A31975" t="s">
        <v>47608</v>
      </c>
      <c r="B31975" t="s">
        <v>47611</v>
      </c>
      <c r="C31975">
        <v>0</v>
      </c>
      <c r="D31975">
        <v>0</v>
      </c>
    </row>
    <row r="31976" spans="1:4" x14ac:dyDescent="0.25">
      <c r="A31976" t="s">
        <v>47608</v>
      </c>
      <c r="B31976" t="s">
        <v>47612</v>
      </c>
      <c r="C31976">
        <v>2</v>
      </c>
      <c r="D31976">
        <v>0</v>
      </c>
    </row>
    <row r="31977" spans="1:4" x14ac:dyDescent="0.25">
      <c r="A31977" t="s">
        <v>47613</v>
      </c>
      <c r="B31977" t="s">
        <v>47614</v>
      </c>
      <c r="C31977">
        <v>1</v>
      </c>
      <c r="D31977">
        <v>0</v>
      </c>
    </row>
    <row r="31978" spans="1:4" x14ac:dyDescent="0.25">
      <c r="A31978" t="s">
        <v>47613</v>
      </c>
      <c r="B31978" t="s">
        <v>47615</v>
      </c>
      <c r="C31978">
        <v>1</v>
      </c>
      <c r="D31978">
        <v>0</v>
      </c>
    </row>
    <row r="31979" spans="1:4" x14ac:dyDescent="0.25">
      <c r="A31979" t="s">
        <v>47613</v>
      </c>
      <c r="B31979" t="s">
        <v>47616</v>
      </c>
      <c r="C31979">
        <v>1</v>
      </c>
      <c r="D31979">
        <v>0</v>
      </c>
    </row>
    <row r="31980" spans="1:4" x14ac:dyDescent="0.25">
      <c r="A31980" t="s">
        <v>47613</v>
      </c>
      <c r="B31980" t="s">
        <v>47617</v>
      </c>
      <c r="C31980">
        <v>0</v>
      </c>
      <c r="D31980">
        <v>0</v>
      </c>
    </row>
    <row r="31981" spans="1:4" x14ac:dyDescent="0.25">
      <c r="A31981" t="s">
        <v>47613</v>
      </c>
      <c r="B31981" t="s">
        <v>47618</v>
      </c>
      <c r="C31981">
        <v>1</v>
      </c>
      <c r="D31981">
        <v>0</v>
      </c>
    </row>
    <row r="31982" spans="1:4" x14ac:dyDescent="0.25">
      <c r="A31982" t="s">
        <v>47613</v>
      </c>
      <c r="B31982" t="s">
        <v>47619</v>
      </c>
      <c r="C31982">
        <v>1</v>
      </c>
      <c r="D31982">
        <v>0</v>
      </c>
    </row>
    <row r="31983" spans="1:4" x14ac:dyDescent="0.25">
      <c r="A31983" t="s">
        <v>47620</v>
      </c>
      <c r="B31983" t="s">
        <v>46567</v>
      </c>
      <c r="C31983">
        <v>1</v>
      </c>
      <c r="D31983">
        <v>0</v>
      </c>
    </row>
    <row r="31984" spans="1:4" x14ac:dyDescent="0.25">
      <c r="A31984" t="s">
        <v>47620</v>
      </c>
      <c r="B31984" t="s">
        <v>47621</v>
      </c>
      <c r="C31984">
        <v>1</v>
      </c>
      <c r="D31984">
        <v>0</v>
      </c>
    </row>
    <row r="31985" spans="1:4" x14ac:dyDescent="0.25">
      <c r="A31985" t="s">
        <v>47620</v>
      </c>
      <c r="B31985" t="s">
        <v>969</v>
      </c>
      <c r="C31985">
        <v>0</v>
      </c>
      <c r="D31985">
        <v>0</v>
      </c>
    </row>
    <row r="31986" spans="1:4" x14ac:dyDescent="0.25">
      <c r="A31986" t="s">
        <v>47620</v>
      </c>
      <c r="B31986" t="s">
        <v>47622</v>
      </c>
      <c r="C31986">
        <v>1</v>
      </c>
      <c r="D31986">
        <v>0</v>
      </c>
    </row>
    <row r="31987" spans="1:4" x14ac:dyDescent="0.25">
      <c r="A31987" t="s">
        <v>47620</v>
      </c>
      <c r="B31987" t="s">
        <v>5434</v>
      </c>
      <c r="C31987">
        <v>1</v>
      </c>
      <c r="D31987">
        <v>0</v>
      </c>
    </row>
    <row r="31988" spans="1:4" x14ac:dyDescent="0.25">
      <c r="A31988" t="s">
        <v>47623</v>
      </c>
      <c r="B31988" t="s">
        <v>47624</v>
      </c>
      <c r="C31988">
        <v>1</v>
      </c>
      <c r="D31988">
        <v>0</v>
      </c>
    </row>
    <row r="31989" spans="1:4" x14ac:dyDescent="0.25">
      <c r="A31989" t="s">
        <v>47623</v>
      </c>
      <c r="B31989" t="s">
        <v>47625</v>
      </c>
      <c r="C31989">
        <v>1</v>
      </c>
      <c r="D31989">
        <v>0</v>
      </c>
    </row>
    <row r="31990" spans="1:4" x14ac:dyDescent="0.25">
      <c r="A31990" t="s">
        <v>47623</v>
      </c>
      <c r="B31990" t="s">
        <v>47626</v>
      </c>
      <c r="C31990">
        <v>1</v>
      </c>
      <c r="D31990">
        <v>0</v>
      </c>
    </row>
    <row r="31991" spans="1:4" x14ac:dyDescent="0.25">
      <c r="A31991" t="s">
        <v>47623</v>
      </c>
      <c r="B31991" t="s">
        <v>47627</v>
      </c>
      <c r="C31991">
        <v>1</v>
      </c>
      <c r="D31991">
        <v>0</v>
      </c>
    </row>
    <row r="31992" spans="1:4" x14ac:dyDescent="0.25">
      <c r="A31992" t="s">
        <v>47623</v>
      </c>
      <c r="B31992" t="s">
        <v>47628</v>
      </c>
      <c r="C31992">
        <v>1</v>
      </c>
      <c r="D31992">
        <v>0</v>
      </c>
    </row>
    <row r="31993" spans="1:4" x14ac:dyDescent="0.25">
      <c r="A31993" t="s">
        <v>47629</v>
      </c>
      <c r="B31993" t="s">
        <v>47630</v>
      </c>
      <c r="C31993">
        <v>1</v>
      </c>
      <c r="D31993">
        <v>0</v>
      </c>
    </row>
    <row r="31994" spans="1:4" x14ac:dyDescent="0.25">
      <c r="A31994" t="s">
        <v>47629</v>
      </c>
      <c r="B31994" t="s">
        <v>47631</v>
      </c>
      <c r="C31994">
        <v>0</v>
      </c>
      <c r="D31994">
        <v>0</v>
      </c>
    </row>
    <row r="31995" spans="1:4" x14ac:dyDescent="0.25">
      <c r="A31995" t="s">
        <v>47632</v>
      </c>
      <c r="B31995" t="s">
        <v>47633</v>
      </c>
      <c r="C31995">
        <v>1</v>
      </c>
      <c r="D31995">
        <v>0</v>
      </c>
    </row>
    <row r="31996" spans="1:4" x14ac:dyDescent="0.25">
      <c r="A31996" t="s">
        <v>47632</v>
      </c>
      <c r="B31996" t="s">
        <v>47634</v>
      </c>
      <c r="C31996">
        <v>2</v>
      </c>
      <c r="D31996">
        <v>0</v>
      </c>
    </row>
    <row r="31997" spans="1:4" x14ac:dyDescent="0.25">
      <c r="A31997" t="s">
        <v>47632</v>
      </c>
      <c r="B31997" t="s">
        <v>47635</v>
      </c>
      <c r="C31997">
        <v>0</v>
      </c>
      <c r="D31997">
        <v>0</v>
      </c>
    </row>
    <row r="31998" spans="1:4" x14ac:dyDescent="0.25">
      <c r="A31998" t="s">
        <v>47632</v>
      </c>
      <c r="B31998" t="s">
        <v>47636</v>
      </c>
      <c r="C31998">
        <v>2</v>
      </c>
      <c r="D31998">
        <v>0</v>
      </c>
    </row>
    <row r="31999" spans="1:4" x14ac:dyDescent="0.25">
      <c r="A31999" t="s">
        <v>47632</v>
      </c>
      <c r="B31999" t="s">
        <v>47637</v>
      </c>
      <c r="C31999">
        <v>0</v>
      </c>
      <c r="D31999">
        <v>0</v>
      </c>
    </row>
    <row r="32000" spans="1:4" x14ac:dyDescent="0.25">
      <c r="A32000" t="s">
        <v>47632</v>
      </c>
      <c r="B32000" t="s">
        <v>47638</v>
      </c>
      <c r="C32000">
        <v>2</v>
      </c>
      <c r="D32000">
        <v>0</v>
      </c>
    </row>
    <row r="32001" spans="1:4" x14ac:dyDescent="0.25">
      <c r="A32001" t="s">
        <v>47632</v>
      </c>
      <c r="B32001" t="s">
        <v>923</v>
      </c>
      <c r="C32001">
        <v>0</v>
      </c>
      <c r="D32001">
        <v>0</v>
      </c>
    </row>
    <row r="32002" spans="1:4" x14ac:dyDescent="0.25">
      <c r="A32002" t="s">
        <v>47632</v>
      </c>
      <c r="B32002" t="s">
        <v>47639</v>
      </c>
      <c r="C32002">
        <v>2</v>
      </c>
      <c r="D32002">
        <v>0</v>
      </c>
    </row>
    <row r="32003" spans="1:4" x14ac:dyDescent="0.25">
      <c r="A32003" t="s">
        <v>47640</v>
      </c>
      <c r="B32003" t="s">
        <v>47641</v>
      </c>
      <c r="C32003">
        <v>1</v>
      </c>
      <c r="D32003">
        <v>0</v>
      </c>
    </row>
    <row r="32004" spans="1:4" x14ac:dyDescent="0.25">
      <c r="A32004" t="s">
        <v>47640</v>
      </c>
      <c r="B32004" t="s">
        <v>47642</v>
      </c>
      <c r="C32004">
        <v>0</v>
      </c>
      <c r="D32004">
        <v>0</v>
      </c>
    </row>
    <row r="32005" spans="1:4" x14ac:dyDescent="0.25">
      <c r="A32005" t="s">
        <v>47640</v>
      </c>
      <c r="B32005" t="s">
        <v>47643</v>
      </c>
      <c r="C32005">
        <v>1</v>
      </c>
      <c r="D32005">
        <v>0</v>
      </c>
    </row>
    <row r="32006" spans="1:4" x14ac:dyDescent="0.25">
      <c r="A32006" t="s">
        <v>47640</v>
      </c>
      <c r="B32006" t="s">
        <v>47644</v>
      </c>
      <c r="C32006">
        <v>1</v>
      </c>
      <c r="D32006">
        <v>0</v>
      </c>
    </row>
    <row r="32007" spans="1:4" x14ac:dyDescent="0.25">
      <c r="A32007" t="s">
        <v>47640</v>
      </c>
      <c r="B32007" t="s">
        <v>47645</v>
      </c>
      <c r="C32007">
        <v>0</v>
      </c>
      <c r="D32007">
        <v>0</v>
      </c>
    </row>
    <row r="32008" spans="1:4" x14ac:dyDescent="0.25">
      <c r="A32008" t="s">
        <v>47640</v>
      </c>
      <c r="B32008" t="s">
        <v>47646</v>
      </c>
      <c r="C32008">
        <v>0</v>
      </c>
      <c r="D32008">
        <v>0</v>
      </c>
    </row>
    <row r="32009" spans="1:4" x14ac:dyDescent="0.25">
      <c r="A32009" t="s">
        <v>47647</v>
      </c>
      <c r="B32009" t="s">
        <v>47648</v>
      </c>
      <c r="C32009">
        <v>1</v>
      </c>
      <c r="D32009">
        <v>0</v>
      </c>
    </row>
    <row r="32010" spans="1:4" x14ac:dyDescent="0.25">
      <c r="A32010" t="s">
        <v>47647</v>
      </c>
      <c r="B32010" t="s">
        <v>47649</v>
      </c>
      <c r="C32010">
        <v>1</v>
      </c>
      <c r="D32010">
        <v>0</v>
      </c>
    </row>
    <row r="32011" spans="1:4" x14ac:dyDescent="0.25">
      <c r="A32011" t="s">
        <v>47650</v>
      </c>
      <c r="B32011" t="s">
        <v>47651</v>
      </c>
      <c r="C32011">
        <v>1</v>
      </c>
      <c r="D32011">
        <v>0</v>
      </c>
    </row>
    <row r="32012" spans="1:4" x14ac:dyDescent="0.25">
      <c r="A32012" t="s">
        <v>47650</v>
      </c>
      <c r="B32012" t="s">
        <v>47652</v>
      </c>
      <c r="C32012">
        <v>0</v>
      </c>
      <c r="D32012">
        <v>0</v>
      </c>
    </row>
    <row r="32013" spans="1:4" x14ac:dyDescent="0.25">
      <c r="A32013" t="s">
        <v>47650</v>
      </c>
      <c r="B32013" t="s">
        <v>47653</v>
      </c>
      <c r="C32013">
        <v>1</v>
      </c>
      <c r="D32013">
        <v>0</v>
      </c>
    </row>
    <row r="32014" spans="1:4" x14ac:dyDescent="0.25">
      <c r="A32014" t="s">
        <v>47650</v>
      </c>
      <c r="B32014" t="s">
        <v>47654</v>
      </c>
      <c r="C32014">
        <v>1</v>
      </c>
      <c r="D32014">
        <v>0</v>
      </c>
    </row>
    <row r="32015" spans="1:4" x14ac:dyDescent="0.25">
      <c r="A32015" t="s">
        <v>47650</v>
      </c>
      <c r="B32015" t="s">
        <v>47655</v>
      </c>
      <c r="C32015">
        <v>1</v>
      </c>
      <c r="D32015">
        <v>0</v>
      </c>
    </row>
    <row r="32016" spans="1:4" x14ac:dyDescent="0.25">
      <c r="A32016" t="s">
        <v>47656</v>
      </c>
      <c r="B32016" t="s">
        <v>47657</v>
      </c>
      <c r="C32016">
        <v>0</v>
      </c>
      <c r="D32016">
        <v>0</v>
      </c>
    </row>
    <row r="32017" spans="1:4" x14ac:dyDescent="0.25">
      <c r="A32017" t="s">
        <v>47656</v>
      </c>
      <c r="B32017" t="s">
        <v>47658</v>
      </c>
      <c r="C32017">
        <v>0</v>
      </c>
      <c r="D32017">
        <v>0</v>
      </c>
    </row>
    <row r="32018" spans="1:4" x14ac:dyDescent="0.25">
      <c r="A32018" t="s">
        <v>47656</v>
      </c>
      <c r="B32018" t="s">
        <v>47659</v>
      </c>
      <c r="C32018">
        <v>0</v>
      </c>
      <c r="D32018">
        <v>0</v>
      </c>
    </row>
    <row r="32019" spans="1:4" x14ac:dyDescent="0.25">
      <c r="A32019" t="s">
        <v>47660</v>
      </c>
      <c r="B32019" t="s">
        <v>47661</v>
      </c>
      <c r="C32019">
        <v>1</v>
      </c>
      <c r="D32019">
        <v>0</v>
      </c>
    </row>
    <row r="32020" spans="1:4" x14ac:dyDescent="0.25">
      <c r="A32020" t="s">
        <v>47660</v>
      </c>
      <c r="B32020" t="s">
        <v>47662</v>
      </c>
      <c r="C32020">
        <v>1</v>
      </c>
      <c r="D32020">
        <v>0</v>
      </c>
    </row>
    <row r="32021" spans="1:4" x14ac:dyDescent="0.25">
      <c r="A32021" t="s">
        <v>47660</v>
      </c>
      <c r="B32021" t="s">
        <v>47663</v>
      </c>
      <c r="C32021">
        <v>0</v>
      </c>
      <c r="D32021">
        <v>0</v>
      </c>
    </row>
    <row r="32022" spans="1:4" x14ac:dyDescent="0.25">
      <c r="A32022" t="s">
        <v>47660</v>
      </c>
      <c r="B32022" t="s">
        <v>47664</v>
      </c>
      <c r="C32022">
        <v>0</v>
      </c>
      <c r="D32022">
        <v>0</v>
      </c>
    </row>
    <row r="32023" spans="1:4" x14ac:dyDescent="0.25">
      <c r="A32023" t="s">
        <v>47660</v>
      </c>
      <c r="B32023" t="s">
        <v>47665</v>
      </c>
      <c r="C32023">
        <v>1</v>
      </c>
      <c r="D32023">
        <v>0</v>
      </c>
    </row>
    <row r="32024" spans="1:4" x14ac:dyDescent="0.25">
      <c r="A32024" t="s">
        <v>47666</v>
      </c>
      <c r="B32024" t="s">
        <v>47667</v>
      </c>
      <c r="C32024">
        <v>1</v>
      </c>
      <c r="D32024">
        <v>0</v>
      </c>
    </row>
    <row r="32025" spans="1:4" x14ac:dyDescent="0.25">
      <c r="A32025" t="s">
        <v>47666</v>
      </c>
      <c r="B32025" t="s">
        <v>47668</v>
      </c>
      <c r="C32025">
        <v>1</v>
      </c>
      <c r="D32025">
        <v>0</v>
      </c>
    </row>
    <row r="32026" spans="1:4" x14ac:dyDescent="0.25">
      <c r="A32026" t="s">
        <v>47666</v>
      </c>
      <c r="B32026" t="s">
        <v>47669</v>
      </c>
      <c r="C32026">
        <v>1</v>
      </c>
      <c r="D32026">
        <v>0</v>
      </c>
    </row>
    <row r="32027" spans="1:4" x14ac:dyDescent="0.25">
      <c r="A32027" t="s">
        <v>47666</v>
      </c>
      <c r="B32027" t="s">
        <v>47670</v>
      </c>
      <c r="C32027">
        <v>1</v>
      </c>
      <c r="D32027">
        <v>0</v>
      </c>
    </row>
    <row r="32028" spans="1:4" x14ac:dyDescent="0.25">
      <c r="A32028" t="s">
        <v>47666</v>
      </c>
      <c r="B32028" t="s">
        <v>47671</v>
      </c>
      <c r="C32028">
        <v>1</v>
      </c>
      <c r="D32028">
        <v>0</v>
      </c>
    </row>
    <row r="32029" spans="1:4" x14ac:dyDescent="0.25">
      <c r="A32029" t="s">
        <v>47666</v>
      </c>
      <c r="B32029" t="s">
        <v>47672</v>
      </c>
      <c r="C32029">
        <v>1</v>
      </c>
      <c r="D32029">
        <v>0</v>
      </c>
    </row>
    <row r="32030" spans="1:4" x14ac:dyDescent="0.25">
      <c r="A32030" t="s">
        <v>47673</v>
      </c>
      <c r="B32030" t="s">
        <v>47674</v>
      </c>
      <c r="C32030">
        <v>1</v>
      </c>
      <c r="D32030">
        <v>0</v>
      </c>
    </row>
    <row r="32031" spans="1:4" x14ac:dyDescent="0.25">
      <c r="A32031" t="s">
        <v>47673</v>
      </c>
      <c r="B32031" t="s">
        <v>47675</v>
      </c>
      <c r="C32031">
        <v>0</v>
      </c>
      <c r="D32031">
        <v>0</v>
      </c>
    </row>
    <row r="32032" spans="1:4" x14ac:dyDescent="0.25">
      <c r="A32032" t="s">
        <v>47673</v>
      </c>
      <c r="B32032" t="s">
        <v>47676</v>
      </c>
      <c r="C32032">
        <v>2</v>
      </c>
      <c r="D32032">
        <v>0</v>
      </c>
    </row>
    <row r="32033" spans="1:4" x14ac:dyDescent="0.25">
      <c r="A32033" t="s">
        <v>47673</v>
      </c>
      <c r="B32033" t="s">
        <v>47677</v>
      </c>
      <c r="C32033">
        <v>0</v>
      </c>
      <c r="D32033">
        <v>0</v>
      </c>
    </row>
    <row r="32034" spans="1:4" x14ac:dyDescent="0.25">
      <c r="A32034" t="s">
        <v>47673</v>
      </c>
      <c r="B32034" t="s">
        <v>47678</v>
      </c>
      <c r="C32034">
        <v>1</v>
      </c>
      <c r="D32034">
        <v>0</v>
      </c>
    </row>
    <row r="32035" spans="1:4" x14ac:dyDescent="0.25">
      <c r="A32035" t="s">
        <v>47673</v>
      </c>
      <c r="B32035" t="s">
        <v>47679</v>
      </c>
      <c r="C32035">
        <v>1</v>
      </c>
      <c r="D32035">
        <v>0</v>
      </c>
    </row>
    <row r="32036" spans="1:4" x14ac:dyDescent="0.25">
      <c r="A32036" t="s">
        <v>47673</v>
      </c>
      <c r="B32036" t="s">
        <v>47680</v>
      </c>
      <c r="C32036">
        <v>0</v>
      </c>
      <c r="D32036">
        <v>0</v>
      </c>
    </row>
    <row r="32037" spans="1:4" x14ac:dyDescent="0.25">
      <c r="A32037" t="s">
        <v>47673</v>
      </c>
      <c r="B32037" t="s">
        <v>47681</v>
      </c>
      <c r="C32037">
        <v>1</v>
      </c>
      <c r="D32037">
        <v>0</v>
      </c>
    </row>
    <row r="32038" spans="1:4" x14ac:dyDescent="0.25">
      <c r="A32038" t="s">
        <v>47673</v>
      </c>
      <c r="B32038" t="s">
        <v>47682</v>
      </c>
      <c r="C32038">
        <v>1</v>
      </c>
      <c r="D32038">
        <v>0</v>
      </c>
    </row>
    <row r="32039" spans="1:4" x14ac:dyDescent="0.25">
      <c r="A32039" t="s">
        <v>47683</v>
      </c>
      <c r="B32039" t="s">
        <v>47684</v>
      </c>
      <c r="C32039">
        <v>0</v>
      </c>
      <c r="D32039">
        <v>0</v>
      </c>
    </row>
    <row r="32040" spans="1:4" x14ac:dyDescent="0.25">
      <c r="A32040" t="s">
        <v>47683</v>
      </c>
      <c r="B32040" t="s">
        <v>47685</v>
      </c>
      <c r="C32040">
        <v>1</v>
      </c>
      <c r="D32040">
        <v>0</v>
      </c>
    </row>
    <row r="32041" spans="1:4" x14ac:dyDescent="0.25">
      <c r="A32041" t="s">
        <v>47683</v>
      </c>
      <c r="B32041" t="s">
        <v>47686</v>
      </c>
      <c r="C32041">
        <v>0</v>
      </c>
      <c r="D32041">
        <v>0</v>
      </c>
    </row>
    <row r="32042" spans="1:4" x14ac:dyDescent="0.25">
      <c r="A32042" t="s">
        <v>47683</v>
      </c>
      <c r="B32042" t="s">
        <v>47687</v>
      </c>
      <c r="C32042">
        <v>1</v>
      </c>
      <c r="D32042">
        <v>0</v>
      </c>
    </row>
    <row r="32043" spans="1:4" x14ac:dyDescent="0.25">
      <c r="A32043" t="s">
        <v>47683</v>
      </c>
      <c r="B32043" t="s">
        <v>17479</v>
      </c>
      <c r="C32043">
        <v>0</v>
      </c>
      <c r="D32043">
        <v>0</v>
      </c>
    </row>
    <row r="32044" spans="1:4" x14ac:dyDescent="0.25">
      <c r="A32044" t="s">
        <v>47688</v>
      </c>
      <c r="B32044" t="s">
        <v>47689</v>
      </c>
      <c r="C32044">
        <v>1</v>
      </c>
      <c r="D32044">
        <v>0</v>
      </c>
    </row>
    <row r="32045" spans="1:4" x14ac:dyDescent="0.25">
      <c r="A32045" t="s">
        <v>47688</v>
      </c>
      <c r="B32045" t="s">
        <v>47690</v>
      </c>
      <c r="C32045">
        <v>0</v>
      </c>
      <c r="D32045">
        <v>0</v>
      </c>
    </row>
    <row r="32046" spans="1:4" x14ac:dyDescent="0.25">
      <c r="A32046" t="s">
        <v>47688</v>
      </c>
      <c r="B32046" t="s">
        <v>47691</v>
      </c>
      <c r="C32046">
        <v>1</v>
      </c>
      <c r="D32046">
        <v>0</v>
      </c>
    </row>
    <row r="32047" spans="1:4" x14ac:dyDescent="0.25">
      <c r="A32047" t="s">
        <v>47688</v>
      </c>
      <c r="B32047" t="s">
        <v>47692</v>
      </c>
      <c r="C32047">
        <v>0</v>
      </c>
      <c r="D32047">
        <v>0</v>
      </c>
    </row>
    <row r="32048" spans="1:4" x14ac:dyDescent="0.25">
      <c r="A32048" t="s">
        <v>47688</v>
      </c>
      <c r="B32048" t="s">
        <v>47693</v>
      </c>
      <c r="C32048">
        <v>0</v>
      </c>
      <c r="D32048">
        <v>0</v>
      </c>
    </row>
    <row r="32049" spans="1:4" x14ac:dyDescent="0.25">
      <c r="A32049" t="s">
        <v>47688</v>
      </c>
      <c r="B32049" t="s">
        <v>47694</v>
      </c>
      <c r="C32049">
        <v>2</v>
      </c>
      <c r="D32049">
        <v>0</v>
      </c>
    </row>
    <row r="32050" spans="1:4" x14ac:dyDescent="0.25">
      <c r="A32050" t="s">
        <v>47695</v>
      </c>
      <c r="B32050" t="s">
        <v>47696</v>
      </c>
      <c r="C32050">
        <v>2</v>
      </c>
      <c r="D32050">
        <v>0</v>
      </c>
    </row>
    <row r="32051" spans="1:4" x14ac:dyDescent="0.25">
      <c r="A32051" t="s">
        <v>47695</v>
      </c>
      <c r="B32051" t="s">
        <v>47697</v>
      </c>
      <c r="C32051">
        <v>1</v>
      </c>
      <c r="D32051">
        <v>0</v>
      </c>
    </row>
    <row r="32052" spans="1:4" x14ac:dyDescent="0.25">
      <c r="A32052" t="s">
        <v>47695</v>
      </c>
      <c r="B32052" t="s">
        <v>47698</v>
      </c>
      <c r="C32052">
        <v>1</v>
      </c>
      <c r="D32052">
        <v>0</v>
      </c>
    </row>
    <row r="32053" spans="1:4" x14ac:dyDescent="0.25">
      <c r="A32053" t="s">
        <v>47699</v>
      </c>
      <c r="B32053" t="s">
        <v>47700</v>
      </c>
      <c r="C32053">
        <v>1</v>
      </c>
      <c r="D32053">
        <v>0</v>
      </c>
    </row>
    <row r="32054" spans="1:4" x14ac:dyDescent="0.25">
      <c r="A32054" t="s">
        <v>47699</v>
      </c>
      <c r="B32054" t="s">
        <v>47701</v>
      </c>
      <c r="C32054">
        <v>2</v>
      </c>
      <c r="D32054">
        <v>0</v>
      </c>
    </row>
    <row r="32055" spans="1:4" x14ac:dyDescent="0.25">
      <c r="A32055" t="s">
        <v>47699</v>
      </c>
      <c r="B32055" t="s">
        <v>47702</v>
      </c>
      <c r="C32055">
        <v>1</v>
      </c>
      <c r="D32055">
        <v>0</v>
      </c>
    </row>
    <row r="32056" spans="1:4" x14ac:dyDescent="0.25">
      <c r="A32056" t="s">
        <v>47699</v>
      </c>
      <c r="B32056" t="s">
        <v>47703</v>
      </c>
      <c r="C32056">
        <v>1</v>
      </c>
      <c r="D32056">
        <v>0</v>
      </c>
    </row>
    <row r="32057" spans="1:4" x14ac:dyDescent="0.25">
      <c r="A32057" t="s">
        <v>47699</v>
      </c>
      <c r="B32057" t="s">
        <v>47704</v>
      </c>
      <c r="C32057">
        <v>0</v>
      </c>
      <c r="D32057">
        <v>0</v>
      </c>
    </row>
    <row r="32058" spans="1:4" x14ac:dyDescent="0.25">
      <c r="A32058" t="s">
        <v>47705</v>
      </c>
      <c r="B32058" t="s">
        <v>47706</v>
      </c>
      <c r="C32058">
        <v>1</v>
      </c>
      <c r="D32058">
        <v>0</v>
      </c>
    </row>
    <row r="32059" spans="1:4" x14ac:dyDescent="0.25">
      <c r="A32059" t="s">
        <v>47705</v>
      </c>
      <c r="B32059" t="s">
        <v>47707</v>
      </c>
      <c r="C32059">
        <v>1</v>
      </c>
      <c r="D32059">
        <v>0</v>
      </c>
    </row>
    <row r="32060" spans="1:4" x14ac:dyDescent="0.25">
      <c r="A32060" t="s">
        <v>47708</v>
      </c>
      <c r="B32060" t="s">
        <v>47709</v>
      </c>
      <c r="C32060">
        <v>0</v>
      </c>
      <c r="D32060">
        <v>0</v>
      </c>
    </row>
    <row r="32061" spans="1:4" x14ac:dyDescent="0.25">
      <c r="A32061" t="s">
        <v>47708</v>
      </c>
      <c r="B32061" t="s">
        <v>47710</v>
      </c>
      <c r="C32061">
        <v>2</v>
      </c>
      <c r="D32061">
        <v>0</v>
      </c>
    </row>
    <row r="32062" spans="1:4" x14ac:dyDescent="0.25">
      <c r="A32062" t="s">
        <v>47711</v>
      </c>
      <c r="B32062" t="s">
        <v>47712</v>
      </c>
      <c r="C32062">
        <v>2</v>
      </c>
      <c r="D32062">
        <v>0</v>
      </c>
    </row>
    <row r="32063" spans="1:4" x14ac:dyDescent="0.25">
      <c r="A32063" t="s">
        <v>47711</v>
      </c>
      <c r="B32063" t="s">
        <v>47713</v>
      </c>
      <c r="C32063">
        <v>1</v>
      </c>
      <c r="D32063">
        <v>0</v>
      </c>
    </row>
    <row r="32064" spans="1:4" x14ac:dyDescent="0.25">
      <c r="A32064" t="s">
        <v>47711</v>
      </c>
      <c r="B32064" t="s">
        <v>47714</v>
      </c>
      <c r="C32064">
        <v>1</v>
      </c>
      <c r="D32064">
        <v>0</v>
      </c>
    </row>
    <row r="32065" spans="1:4" x14ac:dyDescent="0.25">
      <c r="A32065" t="s">
        <v>47711</v>
      </c>
      <c r="B32065" t="s">
        <v>47715</v>
      </c>
      <c r="C32065">
        <v>1</v>
      </c>
      <c r="D32065">
        <v>0</v>
      </c>
    </row>
    <row r="32066" spans="1:4" x14ac:dyDescent="0.25">
      <c r="A32066" t="s">
        <v>47711</v>
      </c>
      <c r="B32066" t="s">
        <v>47716</v>
      </c>
      <c r="C32066">
        <v>1</v>
      </c>
      <c r="D32066">
        <v>0</v>
      </c>
    </row>
    <row r="32067" spans="1:4" x14ac:dyDescent="0.25">
      <c r="A32067" t="s">
        <v>47711</v>
      </c>
      <c r="B32067" t="s">
        <v>47717</v>
      </c>
      <c r="C32067">
        <v>0</v>
      </c>
      <c r="D32067">
        <v>0</v>
      </c>
    </row>
    <row r="32068" spans="1:4" x14ac:dyDescent="0.25">
      <c r="A32068" t="s">
        <v>47711</v>
      </c>
      <c r="B32068" t="s">
        <v>47718</v>
      </c>
      <c r="C32068">
        <v>2</v>
      </c>
      <c r="D32068">
        <v>0</v>
      </c>
    </row>
    <row r="32069" spans="1:4" x14ac:dyDescent="0.25">
      <c r="A32069" t="s">
        <v>47719</v>
      </c>
      <c r="B32069" t="s">
        <v>47720</v>
      </c>
      <c r="C32069">
        <v>1</v>
      </c>
      <c r="D32069">
        <v>0</v>
      </c>
    </row>
    <row r="32070" spans="1:4" x14ac:dyDescent="0.25">
      <c r="A32070" t="s">
        <v>47719</v>
      </c>
      <c r="B32070" t="s">
        <v>47721</v>
      </c>
      <c r="C32070">
        <v>1</v>
      </c>
      <c r="D32070">
        <v>0</v>
      </c>
    </row>
    <row r="32071" spans="1:4" x14ac:dyDescent="0.25">
      <c r="A32071" t="s">
        <v>47719</v>
      </c>
      <c r="B32071" t="s">
        <v>47722</v>
      </c>
      <c r="C32071">
        <v>1</v>
      </c>
      <c r="D32071">
        <v>0</v>
      </c>
    </row>
    <row r="32072" spans="1:4" x14ac:dyDescent="0.25">
      <c r="A32072" t="s">
        <v>47719</v>
      </c>
      <c r="B32072" t="s">
        <v>47723</v>
      </c>
      <c r="C32072">
        <v>1</v>
      </c>
      <c r="D32072">
        <v>0</v>
      </c>
    </row>
    <row r="32073" spans="1:4" x14ac:dyDescent="0.25">
      <c r="A32073" t="s">
        <v>47719</v>
      </c>
      <c r="B32073" t="s">
        <v>47724</v>
      </c>
      <c r="C32073">
        <v>0</v>
      </c>
      <c r="D32073">
        <v>0</v>
      </c>
    </row>
    <row r="32074" spans="1:4" x14ac:dyDescent="0.25">
      <c r="A32074" t="s">
        <v>47719</v>
      </c>
      <c r="B32074" t="s">
        <v>47725</v>
      </c>
      <c r="C32074">
        <v>2</v>
      </c>
      <c r="D32074">
        <v>0</v>
      </c>
    </row>
    <row r="32075" spans="1:4" x14ac:dyDescent="0.25">
      <c r="A32075" t="s">
        <v>47726</v>
      </c>
      <c r="B32075" t="s">
        <v>47727</v>
      </c>
      <c r="C32075">
        <v>1</v>
      </c>
      <c r="D32075">
        <v>0</v>
      </c>
    </row>
    <row r="32076" spans="1:4" x14ac:dyDescent="0.25">
      <c r="A32076" t="s">
        <v>47726</v>
      </c>
      <c r="B32076" t="s">
        <v>47728</v>
      </c>
      <c r="C32076">
        <v>0</v>
      </c>
      <c r="D32076">
        <v>0</v>
      </c>
    </row>
    <row r="32077" spans="1:4" x14ac:dyDescent="0.25">
      <c r="A32077" t="s">
        <v>47726</v>
      </c>
      <c r="B32077" t="s">
        <v>47729</v>
      </c>
      <c r="C32077">
        <v>2</v>
      </c>
      <c r="D32077">
        <v>0</v>
      </c>
    </row>
    <row r="32078" spans="1:4" x14ac:dyDescent="0.25">
      <c r="A32078" t="s">
        <v>47726</v>
      </c>
      <c r="B32078" t="s">
        <v>47730</v>
      </c>
      <c r="C32078">
        <v>2</v>
      </c>
      <c r="D32078">
        <v>0</v>
      </c>
    </row>
    <row r="32079" spans="1:4" x14ac:dyDescent="0.25">
      <c r="A32079" t="s">
        <v>47731</v>
      </c>
      <c r="B32079" t="s">
        <v>47732</v>
      </c>
      <c r="C32079">
        <v>1</v>
      </c>
      <c r="D32079">
        <v>0</v>
      </c>
    </row>
    <row r="32080" spans="1:4" x14ac:dyDescent="0.25">
      <c r="A32080" t="s">
        <v>47731</v>
      </c>
      <c r="B32080" t="s">
        <v>47733</v>
      </c>
      <c r="C32080">
        <v>2</v>
      </c>
      <c r="D32080">
        <v>0</v>
      </c>
    </row>
    <row r="32081" spans="1:4" x14ac:dyDescent="0.25">
      <c r="A32081" t="s">
        <v>47731</v>
      </c>
      <c r="B32081" t="s">
        <v>47734</v>
      </c>
      <c r="C32081">
        <v>1</v>
      </c>
      <c r="D32081">
        <v>0</v>
      </c>
    </row>
    <row r="32082" spans="1:4" x14ac:dyDescent="0.25">
      <c r="A32082" t="s">
        <v>47735</v>
      </c>
      <c r="B32082" t="s">
        <v>47736</v>
      </c>
      <c r="C32082">
        <v>0</v>
      </c>
      <c r="D32082">
        <v>0</v>
      </c>
    </row>
    <row r="32083" spans="1:4" x14ac:dyDescent="0.25">
      <c r="A32083" t="s">
        <v>47735</v>
      </c>
      <c r="B32083" t="s">
        <v>47737</v>
      </c>
      <c r="C32083">
        <v>1</v>
      </c>
      <c r="D32083">
        <v>0</v>
      </c>
    </row>
    <row r="32084" spans="1:4" x14ac:dyDescent="0.25">
      <c r="A32084" t="s">
        <v>47735</v>
      </c>
      <c r="B32084" t="s">
        <v>47738</v>
      </c>
      <c r="C32084">
        <v>0</v>
      </c>
      <c r="D32084">
        <v>0</v>
      </c>
    </row>
    <row r="32085" spans="1:4" x14ac:dyDescent="0.25">
      <c r="A32085" t="s">
        <v>47739</v>
      </c>
      <c r="B32085" t="s">
        <v>47740</v>
      </c>
      <c r="C32085">
        <v>1</v>
      </c>
      <c r="D32085">
        <v>0</v>
      </c>
    </row>
    <row r="32086" spans="1:4" x14ac:dyDescent="0.25">
      <c r="A32086" t="s">
        <v>47741</v>
      </c>
      <c r="B32086" t="s">
        <v>5713</v>
      </c>
      <c r="C32086">
        <v>1</v>
      </c>
      <c r="D32086">
        <v>0</v>
      </c>
    </row>
    <row r="32087" spans="1:4" x14ac:dyDescent="0.25">
      <c r="A32087" t="s">
        <v>47742</v>
      </c>
      <c r="B32087" t="s">
        <v>47743</v>
      </c>
      <c r="C32087">
        <v>0</v>
      </c>
      <c r="D32087">
        <v>0</v>
      </c>
    </row>
    <row r="32088" spans="1:4" x14ac:dyDescent="0.25">
      <c r="A32088" t="s">
        <v>47742</v>
      </c>
      <c r="B32088" t="s">
        <v>47744</v>
      </c>
      <c r="C32088">
        <v>0</v>
      </c>
      <c r="D32088">
        <v>0</v>
      </c>
    </row>
    <row r="32089" spans="1:4" x14ac:dyDescent="0.25">
      <c r="A32089" t="s">
        <v>47742</v>
      </c>
      <c r="B32089" t="s">
        <v>47745</v>
      </c>
      <c r="C32089">
        <v>0</v>
      </c>
      <c r="D32089">
        <v>0</v>
      </c>
    </row>
    <row r="32090" spans="1:4" x14ac:dyDescent="0.25">
      <c r="A32090" t="s">
        <v>47742</v>
      </c>
      <c r="B32090" t="s">
        <v>47746</v>
      </c>
      <c r="C32090">
        <v>1</v>
      </c>
      <c r="D32090">
        <v>0</v>
      </c>
    </row>
    <row r="32091" spans="1:4" x14ac:dyDescent="0.25">
      <c r="A32091" t="s">
        <v>47747</v>
      </c>
      <c r="B32091" t="s">
        <v>47748</v>
      </c>
      <c r="C32091">
        <v>1</v>
      </c>
      <c r="D32091">
        <v>0</v>
      </c>
    </row>
    <row r="32092" spans="1:4" x14ac:dyDescent="0.25">
      <c r="A32092" t="s">
        <v>47747</v>
      </c>
      <c r="B32092" t="s">
        <v>47749</v>
      </c>
      <c r="C32092">
        <v>0</v>
      </c>
      <c r="D32092">
        <v>0</v>
      </c>
    </row>
    <row r="32093" spans="1:4" x14ac:dyDescent="0.25">
      <c r="A32093" t="s">
        <v>47747</v>
      </c>
      <c r="B32093" t="s">
        <v>47750</v>
      </c>
      <c r="C32093">
        <v>1</v>
      </c>
      <c r="D32093">
        <v>0</v>
      </c>
    </row>
    <row r="32094" spans="1:4" x14ac:dyDescent="0.25">
      <c r="A32094" t="s">
        <v>47747</v>
      </c>
      <c r="B32094" t="s">
        <v>47751</v>
      </c>
      <c r="C32094">
        <v>1</v>
      </c>
      <c r="D32094">
        <v>0</v>
      </c>
    </row>
    <row r="32095" spans="1:4" x14ac:dyDescent="0.25">
      <c r="A32095" t="s">
        <v>47747</v>
      </c>
      <c r="B32095" t="s">
        <v>47752</v>
      </c>
      <c r="C32095">
        <v>1</v>
      </c>
      <c r="D32095">
        <v>0</v>
      </c>
    </row>
    <row r="32096" spans="1:4" x14ac:dyDescent="0.25">
      <c r="A32096" t="s">
        <v>47747</v>
      </c>
      <c r="B32096" t="s">
        <v>47753</v>
      </c>
      <c r="C32096">
        <v>2</v>
      </c>
      <c r="D32096">
        <v>0</v>
      </c>
    </row>
    <row r="32097" spans="1:4" x14ac:dyDescent="0.25">
      <c r="A32097" t="s">
        <v>47747</v>
      </c>
      <c r="B32097" t="s">
        <v>47754</v>
      </c>
      <c r="C32097">
        <v>1</v>
      </c>
      <c r="D32097">
        <v>0</v>
      </c>
    </row>
    <row r="32098" spans="1:4" x14ac:dyDescent="0.25">
      <c r="A32098" t="s">
        <v>47747</v>
      </c>
      <c r="B32098" t="s">
        <v>47755</v>
      </c>
      <c r="C32098">
        <v>0</v>
      </c>
      <c r="D32098">
        <v>0</v>
      </c>
    </row>
    <row r="32099" spans="1:4" x14ac:dyDescent="0.25">
      <c r="A32099" t="s">
        <v>47756</v>
      </c>
      <c r="B32099" t="s">
        <v>47757</v>
      </c>
      <c r="C32099">
        <v>0</v>
      </c>
      <c r="D32099">
        <v>0</v>
      </c>
    </row>
    <row r="32100" spans="1:4" x14ac:dyDescent="0.25">
      <c r="A32100" t="s">
        <v>47756</v>
      </c>
      <c r="B32100" t="s">
        <v>47758</v>
      </c>
      <c r="C32100">
        <v>0</v>
      </c>
      <c r="D32100">
        <v>0</v>
      </c>
    </row>
    <row r="32101" spans="1:4" x14ac:dyDescent="0.25">
      <c r="A32101" t="s">
        <v>47756</v>
      </c>
      <c r="B32101" t="s">
        <v>47759</v>
      </c>
      <c r="C32101">
        <v>1</v>
      </c>
      <c r="D32101">
        <v>0</v>
      </c>
    </row>
    <row r="32102" spans="1:4" x14ac:dyDescent="0.25">
      <c r="A32102" t="s">
        <v>47756</v>
      </c>
      <c r="B32102" t="s">
        <v>47760</v>
      </c>
      <c r="C32102">
        <v>0</v>
      </c>
      <c r="D32102">
        <v>0</v>
      </c>
    </row>
    <row r="32103" spans="1:4" x14ac:dyDescent="0.25">
      <c r="A32103" t="s">
        <v>47756</v>
      </c>
      <c r="B32103" t="s">
        <v>47761</v>
      </c>
      <c r="C32103">
        <v>2</v>
      </c>
      <c r="D32103">
        <v>0</v>
      </c>
    </row>
    <row r="32104" spans="1:4" x14ac:dyDescent="0.25">
      <c r="A32104" t="s">
        <v>47756</v>
      </c>
      <c r="B32104" t="s">
        <v>47762</v>
      </c>
      <c r="C32104">
        <v>0</v>
      </c>
      <c r="D32104">
        <v>0</v>
      </c>
    </row>
    <row r="32105" spans="1:4" x14ac:dyDescent="0.25">
      <c r="A32105" t="s">
        <v>47756</v>
      </c>
      <c r="B32105" t="s">
        <v>12032</v>
      </c>
      <c r="C32105">
        <v>1</v>
      </c>
      <c r="D32105">
        <v>0</v>
      </c>
    </row>
    <row r="32106" spans="1:4" x14ac:dyDescent="0.25">
      <c r="A32106" t="s">
        <v>47756</v>
      </c>
      <c r="B32106" t="s">
        <v>47763</v>
      </c>
      <c r="C32106">
        <v>0</v>
      </c>
      <c r="D32106">
        <v>0</v>
      </c>
    </row>
    <row r="32107" spans="1:4" x14ac:dyDescent="0.25">
      <c r="A32107" t="s">
        <v>47764</v>
      </c>
      <c r="B32107" t="s">
        <v>47765</v>
      </c>
      <c r="C32107">
        <v>1</v>
      </c>
      <c r="D32107">
        <v>0</v>
      </c>
    </row>
    <row r="32108" spans="1:4" x14ac:dyDescent="0.25">
      <c r="A32108" t="s">
        <v>47764</v>
      </c>
      <c r="B32108" t="s">
        <v>47766</v>
      </c>
      <c r="C32108">
        <v>1</v>
      </c>
      <c r="D32108">
        <v>0</v>
      </c>
    </row>
    <row r="32109" spans="1:4" x14ac:dyDescent="0.25">
      <c r="A32109" t="s">
        <v>47764</v>
      </c>
      <c r="B32109" t="s">
        <v>47767</v>
      </c>
      <c r="C32109">
        <v>1</v>
      </c>
      <c r="D32109">
        <v>0</v>
      </c>
    </row>
    <row r="32110" spans="1:4" x14ac:dyDescent="0.25">
      <c r="A32110" t="s">
        <v>47764</v>
      </c>
      <c r="B32110" t="s">
        <v>47768</v>
      </c>
      <c r="C32110">
        <v>1</v>
      </c>
      <c r="D32110">
        <v>0</v>
      </c>
    </row>
    <row r="32111" spans="1:4" x14ac:dyDescent="0.25">
      <c r="A32111" t="s">
        <v>47769</v>
      </c>
      <c r="B32111" t="s">
        <v>47770</v>
      </c>
      <c r="C32111">
        <v>1</v>
      </c>
      <c r="D32111">
        <v>0</v>
      </c>
    </row>
    <row r="32112" spans="1:4" x14ac:dyDescent="0.25">
      <c r="A32112" t="s">
        <v>47769</v>
      </c>
      <c r="B32112" t="s">
        <v>47771</v>
      </c>
      <c r="C32112">
        <v>1</v>
      </c>
      <c r="D32112">
        <v>0</v>
      </c>
    </row>
    <row r="32113" spans="1:4" x14ac:dyDescent="0.25">
      <c r="A32113" t="s">
        <v>47769</v>
      </c>
      <c r="B32113" t="s">
        <v>47772</v>
      </c>
      <c r="C32113">
        <v>1</v>
      </c>
      <c r="D32113">
        <v>0</v>
      </c>
    </row>
    <row r="32114" spans="1:4" x14ac:dyDescent="0.25">
      <c r="A32114" t="s">
        <v>47769</v>
      </c>
      <c r="B32114" t="s">
        <v>2061</v>
      </c>
      <c r="C32114">
        <v>0</v>
      </c>
      <c r="D32114">
        <v>0</v>
      </c>
    </row>
    <row r="32115" spans="1:4" x14ac:dyDescent="0.25">
      <c r="A32115" t="s">
        <v>47769</v>
      </c>
      <c r="B32115" t="s">
        <v>47773</v>
      </c>
      <c r="C32115">
        <v>1</v>
      </c>
      <c r="D32115">
        <v>0</v>
      </c>
    </row>
    <row r="32116" spans="1:4" x14ac:dyDescent="0.25">
      <c r="A32116" t="s">
        <v>47769</v>
      </c>
      <c r="B32116" t="s">
        <v>47774</v>
      </c>
      <c r="C32116">
        <v>0</v>
      </c>
      <c r="D32116">
        <v>0</v>
      </c>
    </row>
    <row r="32117" spans="1:4" x14ac:dyDescent="0.25">
      <c r="A32117" t="s">
        <v>47769</v>
      </c>
      <c r="B32117" t="s">
        <v>47775</v>
      </c>
      <c r="C32117">
        <v>2</v>
      </c>
      <c r="D32117">
        <v>0</v>
      </c>
    </row>
    <row r="32118" spans="1:4" x14ac:dyDescent="0.25">
      <c r="A32118" t="s">
        <v>47769</v>
      </c>
      <c r="B32118" t="s">
        <v>47776</v>
      </c>
      <c r="C32118">
        <v>1</v>
      </c>
      <c r="D32118">
        <v>0</v>
      </c>
    </row>
    <row r="32119" spans="1:4" x14ac:dyDescent="0.25">
      <c r="A32119" t="s">
        <v>47777</v>
      </c>
      <c r="B32119" t="s">
        <v>47778</v>
      </c>
      <c r="C32119">
        <v>1</v>
      </c>
      <c r="D32119">
        <v>0</v>
      </c>
    </row>
    <row r="32120" spans="1:4" x14ac:dyDescent="0.25">
      <c r="A32120" t="s">
        <v>47779</v>
      </c>
      <c r="B32120" t="s">
        <v>47780</v>
      </c>
      <c r="C32120">
        <v>0</v>
      </c>
      <c r="D32120">
        <v>0</v>
      </c>
    </row>
    <row r="32121" spans="1:4" x14ac:dyDescent="0.25">
      <c r="A32121" t="s">
        <v>47779</v>
      </c>
      <c r="B32121" t="s">
        <v>47781</v>
      </c>
      <c r="C32121">
        <v>0</v>
      </c>
      <c r="D32121">
        <v>0</v>
      </c>
    </row>
    <row r="32122" spans="1:4" x14ac:dyDescent="0.25">
      <c r="A32122" t="s">
        <v>47779</v>
      </c>
      <c r="B32122" t="s">
        <v>47782</v>
      </c>
      <c r="C32122">
        <v>0</v>
      </c>
      <c r="D32122">
        <v>0</v>
      </c>
    </row>
    <row r="32123" spans="1:4" x14ac:dyDescent="0.25">
      <c r="A32123" t="s">
        <v>47779</v>
      </c>
      <c r="B32123" t="s">
        <v>47783</v>
      </c>
      <c r="C32123">
        <v>0</v>
      </c>
      <c r="D32123">
        <v>0</v>
      </c>
    </row>
    <row r="32124" spans="1:4" x14ac:dyDescent="0.25">
      <c r="A32124" t="s">
        <v>47784</v>
      </c>
      <c r="B32124" t="s">
        <v>47785</v>
      </c>
      <c r="C32124">
        <v>0</v>
      </c>
      <c r="D32124">
        <v>0</v>
      </c>
    </row>
    <row r="32125" spans="1:4" x14ac:dyDescent="0.25">
      <c r="A32125" t="s">
        <v>47784</v>
      </c>
      <c r="B32125" t="s">
        <v>47786</v>
      </c>
      <c r="C32125">
        <v>2</v>
      </c>
      <c r="D32125">
        <v>0</v>
      </c>
    </row>
    <row r="32126" spans="1:4" x14ac:dyDescent="0.25">
      <c r="A32126" t="s">
        <v>47784</v>
      </c>
      <c r="B32126" t="s">
        <v>47787</v>
      </c>
      <c r="C32126">
        <v>0</v>
      </c>
      <c r="D32126">
        <v>0</v>
      </c>
    </row>
    <row r="32127" spans="1:4" x14ac:dyDescent="0.25">
      <c r="A32127" t="s">
        <v>47788</v>
      </c>
      <c r="B32127" t="s">
        <v>47789</v>
      </c>
      <c r="C32127">
        <v>0</v>
      </c>
      <c r="D32127">
        <v>0</v>
      </c>
    </row>
    <row r="32128" spans="1:4" x14ac:dyDescent="0.25">
      <c r="A32128" t="s">
        <v>47788</v>
      </c>
      <c r="B32128" t="s">
        <v>47790</v>
      </c>
      <c r="C32128">
        <v>1</v>
      </c>
      <c r="D32128">
        <v>0</v>
      </c>
    </row>
    <row r="32129" spans="1:4" x14ac:dyDescent="0.25">
      <c r="A32129" t="s">
        <v>47788</v>
      </c>
      <c r="B32129" t="s">
        <v>47791</v>
      </c>
      <c r="C32129">
        <v>1</v>
      </c>
      <c r="D32129">
        <v>0</v>
      </c>
    </row>
    <row r="32130" spans="1:4" x14ac:dyDescent="0.25">
      <c r="A32130" t="s">
        <v>47788</v>
      </c>
      <c r="B32130" t="s">
        <v>47792</v>
      </c>
      <c r="C32130">
        <v>0</v>
      </c>
      <c r="D32130">
        <v>0</v>
      </c>
    </row>
    <row r="32131" spans="1:4" x14ac:dyDescent="0.25">
      <c r="A32131" t="s">
        <v>47788</v>
      </c>
      <c r="B32131" t="s">
        <v>47793</v>
      </c>
      <c r="C32131">
        <v>0</v>
      </c>
      <c r="D32131">
        <v>0</v>
      </c>
    </row>
    <row r="32132" spans="1:4" x14ac:dyDescent="0.25">
      <c r="A32132" t="s">
        <v>47788</v>
      </c>
      <c r="B32132" t="s">
        <v>47794</v>
      </c>
      <c r="C32132">
        <v>0</v>
      </c>
      <c r="D32132">
        <v>0</v>
      </c>
    </row>
    <row r="32133" spans="1:4" x14ac:dyDescent="0.25">
      <c r="A32133" t="s">
        <v>47795</v>
      </c>
      <c r="B32133" t="s">
        <v>47796</v>
      </c>
      <c r="C32133">
        <v>1</v>
      </c>
      <c r="D32133">
        <v>0</v>
      </c>
    </row>
    <row r="32134" spans="1:4" x14ac:dyDescent="0.25">
      <c r="A32134" t="s">
        <v>47795</v>
      </c>
      <c r="B32134" t="s">
        <v>47797</v>
      </c>
      <c r="C32134">
        <v>1</v>
      </c>
      <c r="D32134">
        <v>0</v>
      </c>
    </row>
    <row r="32135" spans="1:4" x14ac:dyDescent="0.25">
      <c r="A32135" t="s">
        <v>47795</v>
      </c>
      <c r="B32135" t="s">
        <v>47798</v>
      </c>
      <c r="C32135">
        <v>1</v>
      </c>
      <c r="D32135">
        <v>0</v>
      </c>
    </row>
    <row r="32136" spans="1:4" x14ac:dyDescent="0.25">
      <c r="A32136" t="s">
        <v>47795</v>
      </c>
      <c r="B32136" t="s">
        <v>47799</v>
      </c>
      <c r="C32136">
        <v>1</v>
      </c>
      <c r="D32136">
        <v>0</v>
      </c>
    </row>
    <row r="32137" spans="1:4" x14ac:dyDescent="0.25">
      <c r="A32137" t="s">
        <v>47795</v>
      </c>
      <c r="B32137" t="s">
        <v>47800</v>
      </c>
      <c r="C32137">
        <v>1</v>
      </c>
      <c r="D32137">
        <v>0</v>
      </c>
    </row>
    <row r="32138" spans="1:4" x14ac:dyDescent="0.25">
      <c r="A32138" t="s">
        <v>47795</v>
      </c>
      <c r="B32138" t="s">
        <v>47801</v>
      </c>
      <c r="C32138">
        <v>1</v>
      </c>
      <c r="D32138">
        <v>0</v>
      </c>
    </row>
    <row r="32139" spans="1:4" x14ac:dyDescent="0.25">
      <c r="A32139" t="s">
        <v>47795</v>
      </c>
      <c r="B32139" t="s">
        <v>47802</v>
      </c>
      <c r="C32139">
        <v>1</v>
      </c>
      <c r="D32139">
        <v>0</v>
      </c>
    </row>
    <row r="32140" spans="1:4" x14ac:dyDescent="0.25">
      <c r="A32140" t="s">
        <v>47803</v>
      </c>
      <c r="B32140" t="s">
        <v>47804</v>
      </c>
      <c r="C32140">
        <v>0</v>
      </c>
      <c r="D32140">
        <v>0</v>
      </c>
    </row>
    <row r="32141" spans="1:4" x14ac:dyDescent="0.25">
      <c r="A32141" t="s">
        <v>47803</v>
      </c>
      <c r="B32141" t="s">
        <v>47805</v>
      </c>
      <c r="C32141">
        <v>0</v>
      </c>
      <c r="D32141">
        <v>0</v>
      </c>
    </row>
    <row r="32142" spans="1:4" x14ac:dyDescent="0.25">
      <c r="A32142" t="s">
        <v>47803</v>
      </c>
      <c r="B32142" t="s">
        <v>47806</v>
      </c>
      <c r="C32142">
        <v>1</v>
      </c>
      <c r="D32142">
        <v>0</v>
      </c>
    </row>
    <row r="32143" spans="1:4" x14ac:dyDescent="0.25">
      <c r="A32143" t="s">
        <v>47803</v>
      </c>
      <c r="B32143" t="s">
        <v>47807</v>
      </c>
      <c r="C32143">
        <v>0</v>
      </c>
      <c r="D32143">
        <v>0</v>
      </c>
    </row>
    <row r="32144" spans="1:4" x14ac:dyDescent="0.25">
      <c r="A32144" t="s">
        <v>47803</v>
      </c>
      <c r="B32144" t="s">
        <v>47808</v>
      </c>
      <c r="C32144">
        <v>0</v>
      </c>
      <c r="D32144">
        <v>0</v>
      </c>
    </row>
    <row r="32145" spans="1:4" x14ac:dyDescent="0.25">
      <c r="A32145" t="s">
        <v>47809</v>
      </c>
      <c r="B32145" t="s">
        <v>47810</v>
      </c>
      <c r="C32145">
        <v>0</v>
      </c>
      <c r="D32145">
        <v>0</v>
      </c>
    </row>
    <row r="32146" spans="1:4" x14ac:dyDescent="0.25">
      <c r="A32146" t="s">
        <v>47809</v>
      </c>
      <c r="B32146" t="s">
        <v>47811</v>
      </c>
      <c r="C32146">
        <v>2</v>
      </c>
      <c r="D32146">
        <v>0</v>
      </c>
    </row>
    <row r="32147" spans="1:4" x14ac:dyDescent="0.25">
      <c r="A32147" t="s">
        <v>47809</v>
      </c>
      <c r="B32147" t="s">
        <v>47812</v>
      </c>
      <c r="C32147">
        <v>1</v>
      </c>
      <c r="D32147">
        <v>0</v>
      </c>
    </row>
    <row r="32148" spans="1:4" x14ac:dyDescent="0.25">
      <c r="A32148" t="s">
        <v>47813</v>
      </c>
      <c r="B32148" t="s">
        <v>47814</v>
      </c>
      <c r="C32148">
        <v>1</v>
      </c>
      <c r="D32148">
        <v>0</v>
      </c>
    </row>
    <row r="32149" spans="1:4" x14ac:dyDescent="0.25">
      <c r="A32149" t="s">
        <v>47813</v>
      </c>
      <c r="B32149" t="s">
        <v>47815</v>
      </c>
      <c r="C32149">
        <v>2</v>
      </c>
      <c r="D32149">
        <v>0</v>
      </c>
    </row>
    <row r="32150" spans="1:4" x14ac:dyDescent="0.25">
      <c r="A32150" t="s">
        <v>47816</v>
      </c>
      <c r="B32150" t="s">
        <v>47817</v>
      </c>
      <c r="C32150">
        <v>1</v>
      </c>
      <c r="D32150">
        <v>0</v>
      </c>
    </row>
    <row r="32151" spans="1:4" x14ac:dyDescent="0.25">
      <c r="A32151" t="s">
        <v>47816</v>
      </c>
      <c r="B32151" t="s">
        <v>21395</v>
      </c>
      <c r="C32151">
        <v>1</v>
      </c>
      <c r="D32151">
        <v>0</v>
      </c>
    </row>
    <row r="32152" spans="1:4" x14ac:dyDescent="0.25">
      <c r="A32152" t="s">
        <v>47816</v>
      </c>
      <c r="B32152" t="s">
        <v>47818</v>
      </c>
      <c r="C32152">
        <v>2</v>
      </c>
      <c r="D32152">
        <v>0</v>
      </c>
    </row>
    <row r="32153" spans="1:4" x14ac:dyDescent="0.25">
      <c r="A32153" t="s">
        <v>47816</v>
      </c>
      <c r="B32153" t="s">
        <v>47819</v>
      </c>
      <c r="C32153">
        <v>0</v>
      </c>
      <c r="D32153">
        <v>0</v>
      </c>
    </row>
    <row r="32154" spans="1:4" x14ac:dyDescent="0.25">
      <c r="A32154" t="s">
        <v>47820</v>
      </c>
      <c r="B32154" t="s">
        <v>47821</v>
      </c>
      <c r="C32154">
        <v>1</v>
      </c>
      <c r="D32154">
        <v>0</v>
      </c>
    </row>
    <row r="32155" spans="1:4" x14ac:dyDescent="0.25">
      <c r="A32155" t="s">
        <v>47820</v>
      </c>
      <c r="B32155" t="s">
        <v>47822</v>
      </c>
      <c r="C32155">
        <v>1</v>
      </c>
      <c r="D32155">
        <v>0</v>
      </c>
    </row>
    <row r="32156" spans="1:4" x14ac:dyDescent="0.25">
      <c r="A32156" t="s">
        <v>47820</v>
      </c>
      <c r="B32156" t="s">
        <v>47823</v>
      </c>
      <c r="C32156">
        <v>1</v>
      </c>
      <c r="D32156">
        <v>0</v>
      </c>
    </row>
    <row r="32157" spans="1:4" x14ac:dyDescent="0.25">
      <c r="A32157" t="s">
        <v>47820</v>
      </c>
      <c r="B32157" t="s">
        <v>47824</v>
      </c>
      <c r="C32157">
        <v>1</v>
      </c>
      <c r="D32157">
        <v>0</v>
      </c>
    </row>
    <row r="32158" spans="1:4" x14ac:dyDescent="0.25">
      <c r="A32158" t="s">
        <v>47820</v>
      </c>
      <c r="B32158" t="s">
        <v>47825</v>
      </c>
      <c r="C32158">
        <v>1</v>
      </c>
      <c r="D32158">
        <v>0</v>
      </c>
    </row>
    <row r="32159" spans="1:4" x14ac:dyDescent="0.25">
      <c r="A32159" t="s">
        <v>47820</v>
      </c>
      <c r="B32159" t="s">
        <v>47826</v>
      </c>
      <c r="C32159">
        <v>1</v>
      </c>
      <c r="D32159">
        <v>0</v>
      </c>
    </row>
    <row r="32160" spans="1:4" x14ac:dyDescent="0.25">
      <c r="A32160" t="s">
        <v>47820</v>
      </c>
      <c r="B32160" t="s">
        <v>47827</v>
      </c>
      <c r="C32160">
        <v>1</v>
      </c>
      <c r="D32160">
        <v>0</v>
      </c>
    </row>
    <row r="32161" spans="1:4" x14ac:dyDescent="0.25">
      <c r="A32161" t="s">
        <v>47820</v>
      </c>
      <c r="B32161" t="s">
        <v>47828</v>
      </c>
      <c r="C32161">
        <v>1</v>
      </c>
      <c r="D32161">
        <v>0</v>
      </c>
    </row>
    <row r="32162" spans="1:4" x14ac:dyDescent="0.25">
      <c r="A32162" t="s">
        <v>47829</v>
      </c>
      <c r="B32162" t="s">
        <v>47830</v>
      </c>
      <c r="C32162">
        <v>1</v>
      </c>
      <c r="D32162">
        <v>0</v>
      </c>
    </row>
    <row r="32163" spans="1:4" x14ac:dyDescent="0.25">
      <c r="A32163" t="s">
        <v>47829</v>
      </c>
      <c r="B32163" t="s">
        <v>47831</v>
      </c>
      <c r="C32163">
        <v>0</v>
      </c>
      <c r="D32163">
        <v>0</v>
      </c>
    </row>
    <row r="32164" spans="1:4" x14ac:dyDescent="0.25">
      <c r="A32164" t="s">
        <v>47829</v>
      </c>
      <c r="B32164" t="s">
        <v>12472</v>
      </c>
      <c r="C32164">
        <v>1</v>
      </c>
      <c r="D32164">
        <v>0</v>
      </c>
    </row>
    <row r="32165" spans="1:4" x14ac:dyDescent="0.25">
      <c r="A32165" t="s">
        <v>47829</v>
      </c>
      <c r="B32165" t="s">
        <v>47832</v>
      </c>
      <c r="C32165">
        <v>1</v>
      </c>
      <c r="D32165">
        <v>0</v>
      </c>
    </row>
    <row r="32166" spans="1:4" x14ac:dyDescent="0.25">
      <c r="A32166" t="s">
        <v>47829</v>
      </c>
      <c r="B32166" t="s">
        <v>35545</v>
      </c>
      <c r="C32166">
        <v>1</v>
      </c>
      <c r="D32166">
        <v>0</v>
      </c>
    </row>
    <row r="32167" spans="1:4" x14ac:dyDescent="0.25">
      <c r="A32167" t="s">
        <v>47829</v>
      </c>
      <c r="B32167" t="s">
        <v>47833</v>
      </c>
      <c r="C32167">
        <v>0</v>
      </c>
      <c r="D32167">
        <v>0</v>
      </c>
    </row>
    <row r="32168" spans="1:4" x14ac:dyDescent="0.25">
      <c r="A32168" t="s">
        <v>47834</v>
      </c>
      <c r="B32168" t="s">
        <v>47835</v>
      </c>
      <c r="C32168">
        <v>0</v>
      </c>
      <c r="D32168">
        <v>0</v>
      </c>
    </row>
    <row r="32169" spans="1:4" x14ac:dyDescent="0.25">
      <c r="A32169" t="s">
        <v>47834</v>
      </c>
      <c r="B32169" t="s">
        <v>47836</v>
      </c>
      <c r="C32169">
        <v>1</v>
      </c>
      <c r="D32169">
        <v>0</v>
      </c>
    </row>
    <row r="32170" spans="1:4" x14ac:dyDescent="0.25">
      <c r="A32170" t="s">
        <v>47834</v>
      </c>
      <c r="B32170" t="s">
        <v>47837</v>
      </c>
      <c r="C32170">
        <v>1</v>
      </c>
      <c r="D32170">
        <v>0</v>
      </c>
    </row>
    <row r="32171" spans="1:4" x14ac:dyDescent="0.25">
      <c r="A32171" t="s">
        <v>47834</v>
      </c>
      <c r="B32171" t="s">
        <v>47838</v>
      </c>
      <c r="C32171">
        <v>1</v>
      </c>
      <c r="D32171">
        <v>0</v>
      </c>
    </row>
    <row r="32172" spans="1:4" x14ac:dyDescent="0.25">
      <c r="A32172" t="s">
        <v>47834</v>
      </c>
      <c r="B32172" t="s">
        <v>47839</v>
      </c>
      <c r="C32172">
        <v>2</v>
      </c>
      <c r="D32172">
        <v>0</v>
      </c>
    </row>
    <row r="32173" spans="1:4" x14ac:dyDescent="0.25">
      <c r="A32173" t="s">
        <v>47834</v>
      </c>
      <c r="B32173" t="s">
        <v>47840</v>
      </c>
      <c r="C32173">
        <v>0</v>
      </c>
      <c r="D32173">
        <v>0</v>
      </c>
    </row>
    <row r="32174" spans="1:4" x14ac:dyDescent="0.25">
      <c r="A32174" t="s">
        <v>47841</v>
      </c>
      <c r="B32174" t="s">
        <v>47842</v>
      </c>
      <c r="C32174">
        <v>1</v>
      </c>
      <c r="D32174">
        <v>0</v>
      </c>
    </row>
    <row r="32175" spans="1:4" x14ac:dyDescent="0.25">
      <c r="A32175" t="s">
        <v>47841</v>
      </c>
      <c r="B32175" t="s">
        <v>47843</v>
      </c>
      <c r="C32175">
        <v>0</v>
      </c>
      <c r="D32175">
        <v>0</v>
      </c>
    </row>
    <row r="32176" spans="1:4" x14ac:dyDescent="0.25">
      <c r="A32176" t="s">
        <v>47841</v>
      </c>
      <c r="B32176" t="s">
        <v>47844</v>
      </c>
      <c r="C32176">
        <v>1</v>
      </c>
      <c r="D32176">
        <v>0</v>
      </c>
    </row>
    <row r="32177" spans="1:4" x14ac:dyDescent="0.25">
      <c r="A32177" t="s">
        <v>47845</v>
      </c>
      <c r="B32177" t="s">
        <v>47846</v>
      </c>
      <c r="C32177">
        <v>1</v>
      </c>
      <c r="D32177">
        <v>0</v>
      </c>
    </row>
    <row r="32178" spans="1:4" x14ac:dyDescent="0.25">
      <c r="A32178" t="s">
        <v>47845</v>
      </c>
      <c r="B32178" t="s">
        <v>47847</v>
      </c>
      <c r="C32178">
        <v>1</v>
      </c>
      <c r="D32178">
        <v>0</v>
      </c>
    </row>
    <row r="32179" spans="1:4" x14ac:dyDescent="0.25">
      <c r="A32179" t="s">
        <v>47845</v>
      </c>
      <c r="B32179" t="s">
        <v>47848</v>
      </c>
      <c r="C32179">
        <v>1</v>
      </c>
      <c r="D32179">
        <v>0</v>
      </c>
    </row>
    <row r="32180" spans="1:4" x14ac:dyDescent="0.25">
      <c r="A32180" t="s">
        <v>47845</v>
      </c>
      <c r="B32180" t="s">
        <v>47849</v>
      </c>
      <c r="C32180">
        <v>1</v>
      </c>
      <c r="D32180">
        <v>0</v>
      </c>
    </row>
    <row r="32181" spans="1:4" x14ac:dyDescent="0.25">
      <c r="A32181" t="s">
        <v>47845</v>
      </c>
      <c r="B32181" t="s">
        <v>47850</v>
      </c>
      <c r="C32181">
        <v>1</v>
      </c>
      <c r="D32181">
        <v>0</v>
      </c>
    </row>
    <row r="32182" spans="1:4" x14ac:dyDescent="0.25">
      <c r="A32182" t="s">
        <v>47845</v>
      </c>
      <c r="B32182" t="s">
        <v>47851</v>
      </c>
      <c r="C32182">
        <v>1</v>
      </c>
      <c r="D32182">
        <v>0</v>
      </c>
    </row>
    <row r="32183" spans="1:4" x14ac:dyDescent="0.25">
      <c r="A32183" t="s">
        <v>47845</v>
      </c>
      <c r="B32183" t="s">
        <v>47852</v>
      </c>
      <c r="C32183">
        <v>1</v>
      </c>
      <c r="D32183">
        <v>0</v>
      </c>
    </row>
    <row r="32184" spans="1:4" x14ac:dyDescent="0.25">
      <c r="A32184" t="s">
        <v>47845</v>
      </c>
      <c r="B32184" t="s">
        <v>47853</v>
      </c>
      <c r="C32184">
        <v>1</v>
      </c>
      <c r="D32184">
        <v>0</v>
      </c>
    </row>
    <row r="32185" spans="1:4" x14ac:dyDescent="0.25">
      <c r="A32185" t="s">
        <v>47854</v>
      </c>
      <c r="B32185" t="s">
        <v>47855</v>
      </c>
      <c r="C32185">
        <v>1</v>
      </c>
      <c r="D32185">
        <v>0</v>
      </c>
    </row>
    <row r="32186" spans="1:4" x14ac:dyDescent="0.25">
      <c r="A32186" t="s">
        <v>47854</v>
      </c>
      <c r="B32186" t="s">
        <v>47856</v>
      </c>
      <c r="C32186">
        <v>1</v>
      </c>
      <c r="D32186">
        <v>0</v>
      </c>
    </row>
    <row r="32187" spans="1:4" x14ac:dyDescent="0.25">
      <c r="A32187" t="s">
        <v>47854</v>
      </c>
      <c r="B32187" t="s">
        <v>47857</v>
      </c>
      <c r="C32187">
        <v>1</v>
      </c>
      <c r="D32187">
        <v>0</v>
      </c>
    </row>
    <row r="32188" spans="1:4" x14ac:dyDescent="0.25">
      <c r="A32188" t="s">
        <v>47854</v>
      </c>
      <c r="B32188" t="s">
        <v>47858</v>
      </c>
      <c r="C32188">
        <v>1</v>
      </c>
      <c r="D32188">
        <v>0</v>
      </c>
    </row>
    <row r="32189" spans="1:4" x14ac:dyDescent="0.25">
      <c r="A32189" t="s">
        <v>47859</v>
      </c>
      <c r="B32189" t="s">
        <v>47860</v>
      </c>
      <c r="C32189">
        <v>1</v>
      </c>
      <c r="D32189">
        <v>0</v>
      </c>
    </row>
    <row r="32190" spans="1:4" x14ac:dyDescent="0.25">
      <c r="A32190" t="s">
        <v>47859</v>
      </c>
      <c r="B32190" t="s">
        <v>47861</v>
      </c>
      <c r="C32190">
        <v>0</v>
      </c>
      <c r="D32190">
        <v>0</v>
      </c>
    </row>
    <row r="32191" spans="1:4" x14ac:dyDescent="0.25">
      <c r="A32191" t="s">
        <v>47859</v>
      </c>
      <c r="B32191" t="s">
        <v>1101</v>
      </c>
      <c r="C32191">
        <v>1</v>
      </c>
      <c r="D32191">
        <v>0</v>
      </c>
    </row>
    <row r="32192" spans="1:4" x14ac:dyDescent="0.25">
      <c r="A32192" t="s">
        <v>47859</v>
      </c>
      <c r="B32192" t="s">
        <v>2267</v>
      </c>
      <c r="C32192">
        <v>0</v>
      </c>
      <c r="D32192">
        <v>0</v>
      </c>
    </row>
    <row r="32193" spans="1:4" x14ac:dyDescent="0.25">
      <c r="A32193" t="s">
        <v>47859</v>
      </c>
      <c r="B32193" t="s">
        <v>47862</v>
      </c>
      <c r="C32193">
        <v>1</v>
      </c>
      <c r="D32193">
        <v>0</v>
      </c>
    </row>
    <row r="32194" spans="1:4" x14ac:dyDescent="0.25">
      <c r="A32194" t="s">
        <v>47859</v>
      </c>
      <c r="B32194" t="s">
        <v>47863</v>
      </c>
      <c r="C32194">
        <v>2</v>
      </c>
      <c r="D32194">
        <v>0</v>
      </c>
    </row>
    <row r="32195" spans="1:4" x14ac:dyDescent="0.25">
      <c r="A32195" t="s">
        <v>47864</v>
      </c>
      <c r="B32195" t="s">
        <v>47865</v>
      </c>
      <c r="C32195">
        <v>0</v>
      </c>
      <c r="D32195">
        <v>0</v>
      </c>
    </row>
    <row r="32196" spans="1:4" x14ac:dyDescent="0.25">
      <c r="A32196" t="s">
        <v>47864</v>
      </c>
      <c r="B32196" t="s">
        <v>47866</v>
      </c>
      <c r="C32196">
        <v>1</v>
      </c>
      <c r="D32196">
        <v>0</v>
      </c>
    </row>
    <row r="32197" spans="1:4" x14ac:dyDescent="0.25">
      <c r="A32197" t="s">
        <v>47864</v>
      </c>
      <c r="B32197" t="s">
        <v>2267</v>
      </c>
      <c r="C32197">
        <v>0</v>
      </c>
      <c r="D32197">
        <v>0</v>
      </c>
    </row>
    <row r="32198" spans="1:4" x14ac:dyDescent="0.25">
      <c r="A32198" t="s">
        <v>47864</v>
      </c>
      <c r="B32198" t="s">
        <v>47867</v>
      </c>
      <c r="C32198">
        <v>2</v>
      </c>
      <c r="D32198">
        <v>0</v>
      </c>
    </row>
    <row r="32199" spans="1:4" x14ac:dyDescent="0.25">
      <c r="A32199" t="s">
        <v>47864</v>
      </c>
      <c r="B32199" t="s">
        <v>47868</v>
      </c>
      <c r="C32199">
        <v>0</v>
      </c>
      <c r="D32199">
        <v>0</v>
      </c>
    </row>
    <row r="32200" spans="1:4" x14ac:dyDescent="0.25">
      <c r="A32200" t="s">
        <v>47869</v>
      </c>
      <c r="B32200" t="s">
        <v>47870</v>
      </c>
      <c r="C32200">
        <v>1</v>
      </c>
      <c r="D32200">
        <v>0</v>
      </c>
    </row>
    <row r="32201" spans="1:4" x14ac:dyDescent="0.25">
      <c r="A32201" t="s">
        <v>47869</v>
      </c>
      <c r="B32201" t="s">
        <v>47871</v>
      </c>
      <c r="C32201">
        <v>1</v>
      </c>
      <c r="D32201">
        <v>0</v>
      </c>
    </row>
    <row r="32202" spans="1:4" x14ac:dyDescent="0.25">
      <c r="A32202" t="s">
        <v>47869</v>
      </c>
      <c r="B32202" t="s">
        <v>47872</v>
      </c>
      <c r="C32202">
        <v>1</v>
      </c>
      <c r="D32202">
        <v>0</v>
      </c>
    </row>
    <row r="32203" spans="1:4" x14ac:dyDescent="0.25">
      <c r="A32203" t="s">
        <v>47869</v>
      </c>
      <c r="B32203" t="s">
        <v>5713</v>
      </c>
      <c r="C32203">
        <v>1</v>
      </c>
      <c r="D32203">
        <v>0</v>
      </c>
    </row>
    <row r="32204" spans="1:4" x14ac:dyDescent="0.25">
      <c r="A32204" t="s">
        <v>47869</v>
      </c>
      <c r="B32204" t="s">
        <v>47873</v>
      </c>
      <c r="C32204">
        <v>0</v>
      </c>
      <c r="D32204">
        <v>0</v>
      </c>
    </row>
    <row r="32205" spans="1:4" x14ac:dyDescent="0.25">
      <c r="A32205" t="s">
        <v>47874</v>
      </c>
      <c r="B32205" t="s">
        <v>47875</v>
      </c>
      <c r="C32205">
        <v>1</v>
      </c>
      <c r="D32205">
        <v>0</v>
      </c>
    </row>
    <row r="32206" spans="1:4" x14ac:dyDescent="0.25">
      <c r="A32206" t="s">
        <v>47876</v>
      </c>
      <c r="B32206" t="s">
        <v>47877</v>
      </c>
      <c r="C32206">
        <v>0</v>
      </c>
      <c r="D32206">
        <v>0</v>
      </c>
    </row>
    <row r="32207" spans="1:4" x14ac:dyDescent="0.25">
      <c r="A32207" t="s">
        <v>47876</v>
      </c>
      <c r="B32207" t="s">
        <v>47878</v>
      </c>
      <c r="C32207">
        <v>1</v>
      </c>
      <c r="D32207">
        <v>0</v>
      </c>
    </row>
    <row r="32208" spans="1:4" x14ac:dyDescent="0.25">
      <c r="A32208" t="s">
        <v>47876</v>
      </c>
      <c r="B32208" t="s">
        <v>47879</v>
      </c>
      <c r="C32208">
        <v>1</v>
      </c>
      <c r="D32208">
        <v>0</v>
      </c>
    </row>
    <row r="32209" spans="1:4" x14ac:dyDescent="0.25">
      <c r="A32209" t="s">
        <v>47876</v>
      </c>
      <c r="B32209" t="s">
        <v>47880</v>
      </c>
      <c r="C32209">
        <v>0</v>
      </c>
      <c r="D32209">
        <v>0</v>
      </c>
    </row>
    <row r="32210" spans="1:4" x14ac:dyDescent="0.25">
      <c r="A32210" t="s">
        <v>47876</v>
      </c>
      <c r="B32210" t="s">
        <v>47881</v>
      </c>
      <c r="C32210">
        <v>1</v>
      </c>
      <c r="D32210">
        <v>0</v>
      </c>
    </row>
    <row r="32211" spans="1:4" x14ac:dyDescent="0.25">
      <c r="A32211" t="s">
        <v>47876</v>
      </c>
      <c r="B32211" t="s">
        <v>47882</v>
      </c>
      <c r="C32211">
        <v>1</v>
      </c>
      <c r="D32211">
        <v>0</v>
      </c>
    </row>
    <row r="32212" spans="1:4" x14ac:dyDescent="0.25">
      <c r="A32212" t="s">
        <v>47876</v>
      </c>
      <c r="B32212" t="s">
        <v>47883</v>
      </c>
      <c r="C32212">
        <v>1</v>
      </c>
      <c r="D32212">
        <v>0</v>
      </c>
    </row>
    <row r="32213" spans="1:4" x14ac:dyDescent="0.25">
      <c r="A32213" t="s">
        <v>47876</v>
      </c>
      <c r="B32213" t="s">
        <v>47884</v>
      </c>
      <c r="C32213">
        <v>0</v>
      </c>
      <c r="D32213">
        <v>0</v>
      </c>
    </row>
    <row r="32214" spans="1:4" x14ac:dyDescent="0.25">
      <c r="A32214" t="s">
        <v>47885</v>
      </c>
      <c r="B32214" t="s">
        <v>47886</v>
      </c>
      <c r="C32214">
        <v>1</v>
      </c>
      <c r="D32214">
        <v>0</v>
      </c>
    </row>
    <row r="32215" spans="1:4" x14ac:dyDescent="0.25">
      <c r="A32215" t="s">
        <v>47885</v>
      </c>
      <c r="B32215" t="s">
        <v>47887</v>
      </c>
      <c r="C32215">
        <v>1</v>
      </c>
      <c r="D32215">
        <v>0</v>
      </c>
    </row>
    <row r="32216" spans="1:4" x14ac:dyDescent="0.25">
      <c r="A32216" t="s">
        <v>47885</v>
      </c>
      <c r="B32216" t="s">
        <v>47888</v>
      </c>
      <c r="C32216">
        <v>0</v>
      </c>
      <c r="D32216">
        <v>0</v>
      </c>
    </row>
    <row r="32217" spans="1:4" x14ac:dyDescent="0.25">
      <c r="A32217" t="s">
        <v>47885</v>
      </c>
      <c r="B32217" t="s">
        <v>47889</v>
      </c>
      <c r="C32217">
        <v>0</v>
      </c>
      <c r="D32217">
        <v>0</v>
      </c>
    </row>
    <row r="32218" spans="1:4" x14ac:dyDescent="0.25">
      <c r="A32218" t="s">
        <v>47885</v>
      </c>
      <c r="B32218" t="s">
        <v>47890</v>
      </c>
      <c r="C32218">
        <v>1</v>
      </c>
      <c r="D32218">
        <v>0</v>
      </c>
    </row>
    <row r="32219" spans="1:4" x14ac:dyDescent="0.25">
      <c r="A32219" t="s">
        <v>47891</v>
      </c>
      <c r="B32219" t="s">
        <v>47892</v>
      </c>
      <c r="C32219">
        <v>1</v>
      </c>
      <c r="D32219">
        <v>0</v>
      </c>
    </row>
    <row r="32220" spans="1:4" x14ac:dyDescent="0.25">
      <c r="A32220" t="s">
        <v>47891</v>
      </c>
      <c r="B32220" t="s">
        <v>47893</v>
      </c>
      <c r="C32220">
        <v>0</v>
      </c>
      <c r="D32220">
        <v>0</v>
      </c>
    </row>
    <row r="32221" spans="1:4" x14ac:dyDescent="0.25">
      <c r="A32221" t="s">
        <v>47891</v>
      </c>
      <c r="B32221" t="s">
        <v>47894</v>
      </c>
      <c r="C32221">
        <v>0</v>
      </c>
      <c r="D32221">
        <v>0</v>
      </c>
    </row>
    <row r="32222" spans="1:4" x14ac:dyDescent="0.25">
      <c r="A32222" t="s">
        <v>47891</v>
      </c>
      <c r="B32222" t="s">
        <v>19309</v>
      </c>
      <c r="C32222">
        <v>0</v>
      </c>
      <c r="D32222">
        <v>0</v>
      </c>
    </row>
    <row r="32223" spans="1:4" x14ac:dyDescent="0.25">
      <c r="A32223" t="s">
        <v>47891</v>
      </c>
      <c r="B32223" t="s">
        <v>47895</v>
      </c>
      <c r="C32223">
        <v>0</v>
      </c>
      <c r="D32223">
        <v>0</v>
      </c>
    </row>
    <row r="32224" spans="1:4" x14ac:dyDescent="0.25">
      <c r="A32224" t="s">
        <v>47891</v>
      </c>
      <c r="B32224" t="s">
        <v>47896</v>
      </c>
      <c r="C32224">
        <v>1</v>
      </c>
      <c r="D32224">
        <v>0</v>
      </c>
    </row>
    <row r="32225" spans="1:4" x14ac:dyDescent="0.25">
      <c r="A32225" t="s">
        <v>47897</v>
      </c>
      <c r="B32225" t="s">
        <v>47898</v>
      </c>
      <c r="C32225">
        <v>1</v>
      </c>
      <c r="D32225">
        <v>0</v>
      </c>
    </row>
    <row r="32226" spans="1:4" x14ac:dyDescent="0.25">
      <c r="A32226" t="s">
        <v>47899</v>
      </c>
      <c r="B32226" t="s">
        <v>47900</v>
      </c>
      <c r="C32226">
        <v>1</v>
      </c>
      <c r="D32226">
        <v>0</v>
      </c>
    </row>
    <row r="32227" spans="1:4" x14ac:dyDescent="0.25">
      <c r="A32227" t="s">
        <v>47899</v>
      </c>
      <c r="B32227" t="s">
        <v>47901</v>
      </c>
      <c r="C32227">
        <v>1</v>
      </c>
      <c r="D32227">
        <v>0</v>
      </c>
    </row>
    <row r="32228" spans="1:4" x14ac:dyDescent="0.25">
      <c r="A32228" t="s">
        <v>47902</v>
      </c>
      <c r="B32228" t="s">
        <v>47903</v>
      </c>
      <c r="C32228">
        <v>1</v>
      </c>
      <c r="D32228">
        <v>0</v>
      </c>
    </row>
    <row r="32229" spans="1:4" x14ac:dyDescent="0.25">
      <c r="A32229" t="s">
        <v>47902</v>
      </c>
      <c r="B32229" t="s">
        <v>47904</v>
      </c>
      <c r="C32229">
        <v>0</v>
      </c>
      <c r="D32229">
        <v>0</v>
      </c>
    </row>
    <row r="32230" spans="1:4" x14ac:dyDescent="0.25">
      <c r="A32230" t="s">
        <v>47902</v>
      </c>
      <c r="B32230" t="s">
        <v>47905</v>
      </c>
      <c r="C32230">
        <v>0</v>
      </c>
      <c r="D32230">
        <v>0</v>
      </c>
    </row>
    <row r="32231" spans="1:4" x14ac:dyDescent="0.25">
      <c r="A32231" t="s">
        <v>47902</v>
      </c>
      <c r="B32231" t="s">
        <v>47906</v>
      </c>
      <c r="C32231">
        <v>1</v>
      </c>
      <c r="D32231">
        <v>0</v>
      </c>
    </row>
    <row r="32232" spans="1:4" x14ac:dyDescent="0.25">
      <c r="A32232" t="s">
        <v>47902</v>
      </c>
      <c r="B32232" t="s">
        <v>47907</v>
      </c>
      <c r="C32232">
        <v>1</v>
      </c>
      <c r="D32232">
        <v>0</v>
      </c>
    </row>
    <row r="32233" spans="1:4" x14ac:dyDescent="0.25">
      <c r="A32233" t="s">
        <v>47902</v>
      </c>
      <c r="B32233" t="s">
        <v>47908</v>
      </c>
      <c r="C32233">
        <v>0</v>
      </c>
      <c r="D32233">
        <v>0</v>
      </c>
    </row>
    <row r="32234" spans="1:4" x14ac:dyDescent="0.25">
      <c r="A32234" t="s">
        <v>47902</v>
      </c>
      <c r="B32234" t="s">
        <v>47909</v>
      </c>
      <c r="C32234">
        <v>1</v>
      </c>
      <c r="D32234">
        <v>0</v>
      </c>
    </row>
    <row r="32235" spans="1:4" x14ac:dyDescent="0.25">
      <c r="A32235" t="s">
        <v>47910</v>
      </c>
      <c r="B32235" t="s">
        <v>47911</v>
      </c>
      <c r="C32235">
        <v>1</v>
      </c>
      <c r="D32235">
        <v>0</v>
      </c>
    </row>
    <row r="32236" spans="1:4" x14ac:dyDescent="0.25">
      <c r="A32236" t="s">
        <v>47910</v>
      </c>
      <c r="B32236" t="s">
        <v>47912</v>
      </c>
      <c r="C32236">
        <v>1</v>
      </c>
      <c r="D32236">
        <v>0</v>
      </c>
    </row>
    <row r="32237" spans="1:4" x14ac:dyDescent="0.25">
      <c r="A32237" t="s">
        <v>47910</v>
      </c>
      <c r="B32237" t="s">
        <v>47913</v>
      </c>
      <c r="C32237">
        <v>0</v>
      </c>
      <c r="D32237">
        <v>0</v>
      </c>
    </row>
    <row r="32238" spans="1:4" x14ac:dyDescent="0.25">
      <c r="A32238" t="s">
        <v>47910</v>
      </c>
      <c r="B32238" t="s">
        <v>47914</v>
      </c>
      <c r="C32238">
        <v>1</v>
      </c>
      <c r="D32238">
        <v>0</v>
      </c>
    </row>
    <row r="32239" spans="1:4" x14ac:dyDescent="0.25">
      <c r="A32239" t="s">
        <v>47910</v>
      </c>
      <c r="B32239" t="s">
        <v>47915</v>
      </c>
      <c r="C32239">
        <v>0</v>
      </c>
      <c r="D32239">
        <v>0</v>
      </c>
    </row>
    <row r="32240" spans="1:4" x14ac:dyDescent="0.25">
      <c r="A32240" t="s">
        <v>47916</v>
      </c>
      <c r="B32240" t="s">
        <v>5047</v>
      </c>
      <c r="C32240">
        <v>0</v>
      </c>
      <c r="D32240">
        <v>0</v>
      </c>
    </row>
    <row r="32241" spans="1:4" x14ac:dyDescent="0.25">
      <c r="A32241" t="s">
        <v>47916</v>
      </c>
      <c r="B32241" t="s">
        <v>47917</v>
      </c>
      <c r="C32241">
        <v>0</v>
      </c>
      <c r="D32241">
        <v>0</v>
      </c>
    </row>
    <row r="32242" spans="1:4" x14ac:dyDescent="0.25">
      <c r="A32242" t="s">
        <v>47916</v>
      </c>
      <c r="B32242" t="s">
        <v>47918</v>
      </c>
      <c r="C32242">
        <v>1</v>
      </c>
      <c r="D32242">
        <v>0</v>
      </c>
    </row>
    <row r="32243" spans="1:4" x14ac:dyDescent="0.25">
      <c r="A32243" t="s">
        <v>47916</v>
      </c>
      <c r="B32243" t="s">
        <v>47919</v>
      </c>
      <c r="C32243">
        <v>0</v>
      </c>
      <c r="D32243">
        <v>0</v>
      </c>
    </row>
    <row r="32244" spans="1:4" x14ac:dyDescent="0.25">
      <c r="A32244" t="s">
        <v>47916</v>
      </c>
      <c r="B32244" t="s">
        <v>6837</v>
      </c>
      <c r="C32244">
        <v>1</v>
      </c>
      <c r="D32244">
        <v>0</v>
      </c>
    </row>
    <row r="32245" spans="1:4" x14ac:dyDescent="0.25">
      <c r="A32245" t="s">
        <v>47916</v>
      </c>
      <c r="B32245" t="s">
        <v>47920</v>
      </c>
      <c r="C32245">
        <v>0</v>
      </c>
      <c r="D32245">
        <v>0</v>
      </c>
    </row>
    <row r="32246" spans="1:4" x14ac:dyDescent="0.25">
      <c r="A32246" t="s">
        <v>47921</v>
      </c>
      <c r="B32246" t="s">
        <v>47922</v>
      </c>
      <c r="C32246">
        <v>1</v>
      </c>
      <c r="D32246">
        <v>0</v>
      </c>
    </row>
    <row r="32247" spans="1:4" x14ac:dyDescent="0.25">
      <c r="A32247" t="s">
        <v>47921</v>
      </c>
      <c r="B32247" t="s">
        <v>47923</v>
      </c>
      <c r="C32247">
        <v>0</v>
      </c>
      <c r="D32247">
        <v>0</v>
      </c>
    </row>
    <row r="32248" spans="1:4" x14ac:dyDescent="0.25">
      <c r="A32248" t="s">
        <v>47921</v>
      </c>
      <c r="B32248" t="s">
        <v>47924</v>
      </c>
      <c r="C32248">
        <v>0</v>
      </c>
      <c r="D32248">
        <v>0</v>
      </c>
    </row>
    <row r="32249" spans="1:4" x14ac:dyDescent="0.25">
      <c r="A32249" t="s">
        <v>47921</v>
      </c>
      <c r="B32249" t="s">
        <v>47925</v>
      </c>
      <c r="C32249">
        <v>0</v>
      </c>
      <c r="D32249">
        <v>0</v>
      </c>
    </row>
    <row r="32250" spans="1:4" x14ac:dyDescent="0.25">
      <c r="A32250" t="s">
        <v>47921</v>
      </c>
      <c r="B32250" t="s">
        <v>47926</v>
      </c>
      <c r="C32250">
        <v>0</v>
      </c>
      <c r="D32250">
        <v>0</v>
      </c>
    </row>
    <row r="32251" spans="1:4" x14ac:dyDescent="0.25">
      <c r="A32251" t="s">
        <v>47921</v>
      </c>
      <c r="B32251" t="s">
        <v>47927</v>
      </c>
      <c r="C32251">
        <v>0</v>
      </c>
      <c r="D32251">
        <v>0</v>
      </c>
    </row>
    <row r="32252" spans="1:4" x14ac:dyDescent="0.25">
      <c r="A32252" t="s">
        <v>47928</v>
      </c>
      <c r="B32252" t="s">
        <v>47929</v>
      </c>
      <c r="C32252">
        <v>0</v>
      </c>
      <c r="D32252">
        <v>0</v>
      </c>
    </row>
    <row r="32253" spans="1:4" x14ac:dyDescent="0.25">
      <c r="A32253" t="s">
        <v>47928</v>
      </c>
      <c r="B32253" t="s">
        <v>47930</v>
      </c>
      <c r="C32253">
        <v>1</v>
      </c>
      <c r="D32253">
        <v>0</v>
      </c>
    </row>
    <row r="32254" spans="1:4" x14ac:dyDescent="0.25">
      <c r="A32254" t="s">
        <v>47928</v>
      </c>
      <c r="B32254" t="s">
        <v>47931</v>
      </c>
      <c r="C32254">
        <v>1</v>
      </c>
      <c r="D32254">
        <v>0</v>
      </c>
    </row>
    <row r="32255" spans="1:4" x14ac:dyDescent="0.25">
      <c r="A32255" t="s">
        <v>47928</v>
      </c>
      <c r="B32255" t="s">
        <v>47932</v>
      </c>
      <c r="C32255">
        <v>0</v>
      </c>
      <c r="D32255">
        <v>0</v>
      </c>
    </row>
    <row r="32256" spans="1:4" x14ac:dyDescent="0.25">
      <c r="A32256" t="s">
        <v>47928</v>
      </c>
      <c r="B32256" t="s">
        <v>47933</v>
      </c>
      <c r="C32256">
        <v>1</v>
      </c>
      <c r="D32256">
        <v>0</v>
      </c>
    </row>
    <row r="32257" spans="1:4" x14ac:dyDescent="0.25">
      <c r="A32257" t="s">
        <v>47934</v>
      </c>
      <c r="B32257" t="s">
        <v>47935</v>
      </c>
      <c r="C32257">
        <v>1</v>
      </c>
      <c r="D32257">
        <v>0</v>
      </c>
    </row>
    <row r="32258" spans="1:4" x14ac:dyDescent="0.25">
      <c r="A32258" t="s">
        <v>47934</v>
      </c>
      <c r="B32258" t="s">
        <v>40254</v>
      </c>
      <c r="C32258">
        <v>0</v>
      </c>
      <c r="D32258">
        <v>0</v>
      </c>
    </row>
    <row r="32259" spans="1:4" x14ac:dyDescent="0.25">
      <c r="A32259" t="s">
        <v>47934</v>
      </c>
      <c r="B32259" t="s">
        <v>47936</v>
      </c>
      <c r="C32259">
        <v>1</v>
      </c>
      <c r="D32259">
        <v>0</v>
      </c>
    </row>
    <row r="32260" spans="1:4" x14ac:dyDescent="0.25">
      <c r="A32260" t="s">
        <v>47934</v>
      </c>
      <c r="B32260" t="s">
        <v>47937</v>
      </c>
      <c r="C32260">
        <v>2</v>
      </c>
      <c r="D32260">
        <v>0</v>
      </c>
    </row>
    <row r="32261" spans="1:4" x14ac:dyDescent="0.25">
      <c r="A32261" t="s">
        <v>47934</v>
      </c>
      <c r="B32261" t="s">
        <v>47938</v>
      </c>
      <c r="C32261">
        <v>1</v>
      </c>
      <c r="D32261">
        <v>0</v>
      </c>
    </row>
    <row r="32262" spans="1:4" x14ac:dyDescent="0.25">
      <c r="A32262" t="s">
        <v>47934</v>
      </c>
      <c r="B32262" t="s">
        <v>47939</v>
      </c>
      <c r="C32262">
        <v>1</v>
      </c>
      <c r="D32262">
        <v>0</v>
      </c>
    </row>
    <row r="32263" spans="1:4" x14ac:dyDescent="0.25">
      <c r="A32263" t="s">
        <v>47940</v>
      </c>
      <c r="B32263" t="s">
        <v>47941</v>
      </c>
      <c r="C32263">
        <v>0</v>
      </c>
      <c r="D32263">
        <v>0</v>
      </c>
    </row>
    <row r="32264" spans="1:4" x14ac:dyDescent="0.25">
      <c r="A32264" t="s">
        <v>47940</v>
      </c>
      <c r="B32264" t="s">
        <v>47942</v>
      </c>
      <c r="C32264">
        <v>0</v>
      </c>
      <c r="D32264">
        <v>0</v>
      </c>
    </row>
    <row r="32265" spans="1:4" x14ac:dyDescent="0.25">
      <c r="A32265" t="s">
        <v>47940</v>
      </c>
      <c r="B32265" t="s">
        <v>47943</v>
      </c>
      <c r="C32265">
        <v>0</v>
      </c>
      <c r="D32265">
        <v>0</v>
      </c>
    </row>
    <row r="32266" spans="1:4" x14ac:dyDescent="0.25">
      <c r="A32266" t="s">
        <v>47940</v>
      </c>
      <c r="B32266" t="s">
        <v>47944</v>
      </c>
      <c r="C32266">
        <v>2</v>
      </c>
      <c r="D32266">
        <v>0</v>
      </c>
    </row>
    <row r="32267" spans="1:4" x14ac:dyDescent="0.25">
      <c r="A32267" t="s">
        <v>47940</v>
      </c>
      <c r="B32267" t="s">
        <v>47945</v>
      </c>
      <c r="C32267">
        <v>0</v>
      </c>
      <c r="D32267">
        <v>0</v>
      </c>
    </row>
    <row r="32268" spans="1:4" x14ac:dyDescent="0.25">
      <c r="A32268" t="s">
        <v>47940</v>
      </c>
      <c r="B32268" t="s">
        <v>47946</v>
      </c>
      <c r="C32268">
        <v>2</v>
      </c>
      <c r="D32268">
        <v>0</v>
      </c>
    </row>
    <row r="32269" spans="1:4" x14ac:dyDescent="0.25">
      <c r="A32269" t="s">
        <v>47940</v>
      </c>
      <c r="B32269" t="s">
        <v>47947</v>
      </c>
      <c r="C32269">
        <v>0</v>
      </c>
      <c r="D32269">
        <v>0</v>
      </c>
    </row>
    <row r="32270" spans="1:4" x14ac:dyDescent="0.25">
      <c r="A32270" t="s">
        <v>47940</v>
      </c>
      <c r="B32270" t="s">
        <v>47948</v>
      </c>
      <c r="C32270">
        <v>0</v>
      </c>
      <c r="D32270">
        <v>0</v>
      </c>
    </row>
    <row r="32271" spans="1:4" x14ac:dyDescent="0.25">
      <c r="A32271" t="s">
        <v>47949</v>
      </c>
      <c r="B32271" t="s">
        <v>47950</v>
      </c>
      <c r="C32271">
        <v>0</v>
      </c>
      <c r="D32271">
        <v>0</v>
      </c>
    </row>
    <row r="32272" spans="1:4" x14ac:dyDescent="0.25">
      <c r="A32272" t="s">
        <v>47949</v>
      </c>
      <c r="B32272" t="s">
        <v>47951</v>
      </c>
      <c r="C32272">
        <v>2</v>
      </c>
      <c r="D32272">
        <v>0</v>
      </c>
    </row>
    <row r="32273" spans="1:4" x14ac:dyDescent="0.25">
      <c r="A32273" t="s">
        <v>47949</v>
      </c>
      <c r="B32273" t="s">
        <v>47952</v>
      </c>
      <c r="C32273">
        <v>1</v>
      </c>
      <c r="D32273">
        <v>0</v>
      </c>
    </row>
    <row r="32274" spans="1:4" x14ac:dyDescent="0.25">
      <c r="A32274" t="s">
        <v>47949</v>
      </c>
      <c r="B32274" t="s">
        <v>47953</v>
      </c>
      <c r="C32274">
        <v>2</v>
      </c>
      <c r="D32274">
        <v>0</v>
      </c>
    </row>
    <row r="32275" spans="1:4" x14ac:dyDescent="0.25">
      <c r="A32275" t="s">
        <v>47949</v>
      </c>
      <c r="B32275" t="s">
        <v>47954</v>
      </c>
      <c r="C32275">
        <v>2</v>
      </c>
      <c r="D32275">
        <v>0</v>
      </c>
    </row>
    <row r="32276" spans="1:4" x14ac:dyDescent="0.25">
      <c r="A32276" t="s">
        <v>47949</v>
      </c>
      <c r="B32276" t="s">
        <v>47955</v>
      </c>
      <c r="C32276">
        <v>1</v>
      </c>
      <c r="D32276">
        <v>0</v>
      </c>
    </row>
    <row r="32277" spans="1:4" x14ac:dyDescent="0.25">
      <c r="A32277" t="s">
        <v>47956</v>
      </c>
      <c r="B32277" t="s">
        <v>47957</v>
      </c>
      <c r="C32277">
        <v>1</v>
      </c>
      <c r="D32277">
        <v>0</v>
      </c>
    </row>
    <row r="32278" spans="1:4" x14ac:dyDescent="0.25">
      <c r="A32278" t="s">
        <v>47956</v>
      </c>
      <c r="B32278" t="s">
        <v>47958</v>
      </c>
      <c r="C32278">
        <v>1</v>
      </c>
      <c r="D32278">
        <v>0</v>
      </c>
    </row>
    <row r="32279" spans="1:4" x14ac:dyDescent="0.25">
      <c r="A32279" t="s">
        <v>47959</v>
      </c>
      <c r="B32279" t="s">
        <v>47960</v>
      </c>
      <c r="C32279">
        <v>2</v>
      </c>
      <c r="D32279">
        <v>0</v>
      </c>
    </row>
    <row r="32280" spans="1:4" x14ac:dyDescent="0.25">
      <c r="A32280" t="s">
        <v>47959</v>
      </c>
      <c r="B32280" t="s">
        <v>47961</v>
      </c>
      <c r="C32280">
        <v>2</v>
      </c>
      <c r="D32280">
        <v>0</v>
      </c>
    </row>
    <row r="32281" spans="1:4" x14ac:dyDescent="0.25">
      <c r="A32281" t="s">
        <v>47959</v>
      </c>
      <c r="B32281" t="s">
        <v>47962</v>
      </c>
      <c r="C32281">
        <v>1</v>
      </c>
      <c r="D32281">
        <v>0</v>
      </c>
    </row>
    <row r="32282" spans="1:4" x14ac:dyDescent="0.25">
      <c r="A32282" t="s">
        <v>47959</v>
      </c>
      <c r="B32282" t="s">
        <v>47963</v>
      </c>
      <c r="C32282">
        <v>0</v>
      </c>
      <c r="D32282">
        <v>0</v>
      </c>
    </row>
    <row r="32283" spans="1:4" x14ac:dyDescent="0.25">
      <c r="A32283" t="s">
        <v>47964</v>
      </c>
      <c r="B32283" t="s">
        <v>47965</v>
      </c>
      <c r="C32283">
        <v>1</v>
      </c>
      <c r="D32283">
        <v>0</v>
      </c>
    </row>
    <row r="32284" spans="1:4" x14ac:dyDescent="0.25">
      <c r="A32284" t="s">
        <v>47964</v>
      </c>
      <c r="B32284" t="s">
        <v>47966</v>
      </c>
      <c r="C32284">
        <v>1</v>
      </c>
      <c r="D32284">
        <v>0</v>
      </c>
    </row>
    <row r="32285" spans="1:4" x14ac:dyDescent="0.25">
      <c r="A32285" t="s">
        <v>47964</v>
      </c>
      <c r="B32285" t="s">
        <v>47967</v>
      </c>
      <c r="C32285">
        <v>1</v>
      </c>
      <c r="D32285">
        <v>0</v>
      </c>
    </row>
    <row r="32286" spans="1:4" x14ac:dyDescent="0.25">
      <c r="A32286" t="s">
        <v>47964</v>
      </c>
      <c r="B32286" t="s">
        <v>47968</v>
      </c>
      <c r="C32286">
        <v>0</v>
      </c>
      <c r="D32286">
        <v>0</v>
      </c>
    </row>
    <row r="32287" spans="1:4" x14ac:dyDescent="0.25">
      <c r="A32287" t="s">
        <v>47969</v>
      </c>
      <c r="B32287" t="s">
        <v>47970</v>
      </c>
      <c r="C32287">
        <v>1</v>
      </c>
      <c r="D32287">
        <v>0</v>
      </c>
    </row>
    <row r="32288" spans="1:4" x14ac:dyDescent="0.25">
      <c r="A32288" t="s">
        <v>47969</v>
      </c>
      <c r="B32288" t="s">
        <v>47971</v>
      </c>
      <c r="C32288">
        <v>1</v>
      </c>
      <c r="D32288">
        <v>0</v>
      </c>
    </row>
    <row r="32289" spans="1:4" x14ac:dyDescent="0.25">
      <c r="A32289" t="s">
        <v>47969</v>
      </c>
      <c r="B32289" t="s">
        <v>47972</v>
      </c>
      <c r="C32289">
        <v>1</v>
      </c>
      <c r="D32289">
        <v>0</v>
      </c>
    </row>
    <row r="32290" spans="1:4" x14ac:dyDescent="0.25">
      <c r="A32290" t="s">
        <v>47969</v>
      </c>
      <c r="B32290" t="s">
        <v>47973</v>
      </c>
      <c r="C32290">
        <v>1</v>
      </c>
      <c r="D32290">
        <v>0</v>
      </c>
    </row>
    <row r="32291" spans="1:4" x14ac:dyDescent="0.25">
      <c r="A32291" t="s">
        <v>47969</v>
      </c>
      <c r="B32291" t="s">
        <v>47974</v>
      </c>
      <c r="C32291">
        <v>1</v>
      </c>
      <c r="D32291">
        <v>0</v>
      </c>
    </row>
    <row r="32292" spans="1:4" x14ac:dyDescent="0.25">
      <c r="A32292" t="s">
        <v>47969</v>
      </c>
      <c r="B32292" t="s">
        <v>47975</v>
      </c>
      <c r="C32292">
        <v>1</v>
      </c>
      <c r="D32292">
        <v>0</v>
      </c>
    </row>
    <row r="32293" spans="1:4" x14ac:dyDescent="0.25">
      <c r="A32293" t="s">
        <v>47969</v>
      </c>
      <c r="B32293" t="s">
        <v>47976</v>
      </c>
      <c r="C32293">
        <v>1</v>
      </c>
      <c r="D32293">
        <v>0</v>
      </c>
    </row>
    <row r="32294" spans="1:4" x14ac:dyDescent="0.25">
      <c r="A32294" t="s">
        <v>47977</v>
      </c>
      <c r="B32294" t="s">
        <v>47978</v>
      </c>
      <c r="C32294">
        <v>1</v>
      </c>
      <c r="D32294">
        <v>0</v>
      </c>
    </row>
    <row r="32295" spans="1:4" x14ac:dyDescent="0.25">
      <c r="A32295" t="s">
        <v>47977</v>
      </c>
      <c r="B32295" t="s">
        <v>47979</v>
      </c>
      <c r="C32295">
        <v>1</v>
      </c>
      <c r="D32295">
        <v>0</v>
      </c>
    </row>
    <row r="32296" spans="1:4" x14ac:dyDescent="0.25">
      <c r="A32296" t="s">
        <v>47977</v>
      </c>
      <c r="B32296" t="s">
        <v>47980</v>
      </c>
      <c r="C32296">
        <v>1</v>
      </c>
      <c r="D32296">
        <v>0</v>
      </c>
    </row>
    <row r="32297" spans="1:4" x14ac:dyDescent="0.25">
      <c r="A32297" t="s">
        <v>47981</v>
      </c>
      <c r="B32297" t="s">
        <v>47982</v>
      </c>
      <c r="C32297">
        <v>1</v>
      </c>
      <c r="D32297">
        <v>0</v>
      </c>
    </row>
    <row r="32298" spans="1:4" x14ac:dyDescent="0.25">
      <c r="A32298" t="s">
        <v>47981</v>
      </c>
      <c r="B32298" t="s">
        <v>47983</v>
      </c>
      <c r="C32298">
        <v>1</v>
      </c>
      <c r="D32298">
        <v>0</v>
      </c>
    </row>
    <row r="32299" spans="1:4" x14ac:dyDescent="0.25">
      <c r="A32299" t="s">
        <v>47981</v>
      </c>
      <c r="B32299" t="s">
        <v>47984</v>
      </c>
      <c r="C32299">
        <v>1</v>
      </c>
      <c r="D32299">
        <v>0</v>
      </c>
    </row>
    <row r="32300" spans="1:4" x14ac:dyDescent="0.25">
      <c r="A32300" t="s">
        <v>47981</v>
      </c>
      <c r="B32300" t="s">
        <v>47985</v>
      </c>
      <c r="C32300">
        <v>1</v>
      </c>
      <c r="D32300">
        <v>0</v>
      </c>
    </row>
    <row r="32301" spans="1:4" x14ac:dyDescent="0.25">
      <c r="A32301" t="s">
        <v>47981</v>
      </c>
      <c r="B32301" t="s">
        <v>4958</v>
      </c>
      <c r="C32301">
        <v>1</v>
      </c>
      <c r="D32301">
        <v>0</v>
      </c>
    </row>
    <row r="32302" spans="1:4" x14ac:dyDescent="0.25">
      <c r="A32302" t="s">
        <v>47981</v>
      </c>
      <c r="B32302" t="s">
        <v>47986</v>
      </c>
      <c r="C32302">
        <v>1</v>
      </c>
      <c r="D32302">
        <v>0</v>
      </c>
    </row>
    <row r="32303" spans="1:4" x14ac:dyDescent="0.25">
      <c r="A32303" t="s">
        <v>47981</v>
      </c>
      <c r="B32303" t="s">
        <v>47987</v>
      </c>
      <c r="C32303">
        <v>2</v>
      </c>
      <c r="D32303">
        <v>0</v>
      </c>
    </row>
    <row r="32304" spans="1:4" x14ac:dyDescent="0.25">
      <c r="A32304" t="s">
        <v>47981</v>
      </c>
      <c r="B32304" t="s">
        <v>28272</v>
      </c>
      <c r="C32304">
        <v>1</v>
      </c>
      <c r="D32304">
        <v>0</v>
      </c>
    </row>
    <row r="32305" spans="1:4" x14ac:dyDescent="0.25">
      <c r="A32305" t="s">
        <v>47988</v>
      </c>
      <c r="B32305" t="s">
        <v>47989</v>
      </c>
      <c r="C32305">
        <v>0</v>
      </c>
      <c r="D32305">
        <v>0</v>
      </c>
    </row>
    <row r="32306" spans="1:4" x14ac:dyDescent="0.25">
      <c r="A32306" t="s">
        <v>47988</v>
      </c>
      <c r="B32306" t="s">
        <v>47990</v>
      </c>
      <c r="C32306">
        <v>0</v>
      </c>
      <c r="D32306">
        <v>0</v>
      </c>
    </row>
    <row r="32307" spans="1:4" x14ac:dyDescent="0.25">
      <c r="A32307" t="s">
        <v>47988</v>
      </c>
      <c r="B32307" t="s">
        <v>47991</v>
      </c>
      <c r="C32307">
        <v>0</v>
      </c>
      <c r="D32307">
        <v>0</v>
      </c>
    </row>
    <row r="32308" spans="1:4" x14ac:dyDescent="0.25">
      <c r="A32308" t="s">
        <v>47988</v>
      </c>
      <c r="B32308" t="s">
        <v>47992</v>
      </c>
      <c r="C32308">
        <v>0</v>
      </c>
      <c r="D32308">
        <v>0</v>
      </c>
    </row>
    <row r="32309" spans="1:4" x14ac:dyDescent="0.25">
      <c r="A32309" t="s">
        <v>47988</v>
      </c>
      <c r="B32309" t="s">
        <v>47993</v>
      </c>
      <c r="C32309">
        <v>0</v>
      </c>
      <c r="D32309">
        <v>0</v>
      </c>
    </row>
    <row r="32310" spans="1:4" x14ac:dyDescent="0.25">
      <c r="A32310" t="s">
        <v>47988</v>
      </c>
      <c r="B32310" t="s">
        <v>47994</v>
      </c>
      <c r="C32310">
        <v>2</v>
      </c>
      <c r="D32310">
        <v>0</v>
      </c>
    </row>
    <row r="32311" spans="1:4" x14ac:dyDescent="0.25">
      <c r="A32311" t="s">
        <v>47995</v>
      </c>
      <c r="B32311" t="s">
        <v>47996</v>
      </c>
      <c r="C32311">
        <v>2</v>
      </c>
      <c r="D32311">
        <v>0</v>
      </c>
    </row>
    <row r="32312" spans="1:4" x14ac:dyDescent="0.25">
      <c r="A32312" t="s">
        <v>47997</v>
      </c>
      <c r="B32312" t="s">
        <v>47998</v>
      </c>
      <c r="C32312">
        <v>1</v>
      </c>
      <c r="D32312">
        <v>0</v>
      </c>
    </row>
    <row r="32313" spans="1:4" x14ac:dyDescent="0.25">
      <c r="A32313" t="s">
        <v>47997</v>
      </c>
      <c r="B32313" t="s">
        <v>47999</v>
      </c>
      <c r="C32313">
        <v>1</v>
      </c>
      <c r="D32313">
        <v>0</v>
      </c>
    </row>
    <row r="32314" spans="1:4" x14ac:dyDescent="0.25">
      <c r="A32314" t="s">
        <v>47997</v>
      </c>
      <c r="B32314" t="s">
        <v>48000</v>
      </c>
      <c r="C32314">
        <v>1</v>
      </c>
      <c r="D32314">
        <v>0</v>
      </c>
    </row>
    <row r="32315" spans="1:4" x14ac:dyDescent="0.25">
      <c r="A32315" t="s">
        <v>48001</v>
      </c>
      <c r="B32315" t="s">
        <v>48002</v>
      </c>
      <c r="C32315">
        <v>1</v>
      </c>
      <c r="D32315">
        <v>0</v>
      </c>
    </row>
    <row r="32316" spans="1:4" x14ac:dyDescent="0.25">
      <c r="A32316" t="s">
        <v>48001</v>
      </c>
      <c r="B32316" t="s">
        <v>48003</v>
      </c>
      <c r="C32316">
        <v>1</v>
      </c>
      <c r="D32316">
        <v>0</v>
      </c>
    </row>
    <row r="32317" spans="1:4" x14ac:dyDescent="0.25">
      <c r="A32317" t="s">
        <v>48001</v>
      </c>
      <c r="B32317" t="s">
        <v>48004</v>
      </c>
      <c r="C32317">
        <v>1</v>
      </c>
      <c r="D32317">
        <v>0</v>
      </c>
    </row>
    <row r="32318" spans="1:4" x14ac:dyDescent="0.25">
      <c r="A32318" t="s">
        <v>48001</v>
      </c>
      <c r="B32318" t="s">
        <v>48005</v>
      </c>
      <c r="C32318">
        <v>1</v>
      </c>
      <c r="D32318">
        <v>0</v>
      </c>
    </row>
    <row r="32319" spans="1:4" x14ac:dyDescent="0.25">
      <c r="A32319" t="s">
        <v>48001</v>
      </c>
      <c r="B32319" t="s">
        <v>48006</v>
      </c>
      <c r="C32319">
        <v>1</v>
      </c>
      <c r="D32319">
        <v>0</v>
      </c>
    </row>
    <row r="32320" spans="1:4" x14ac:dyDescent="0.25">
      <c r="A32320" t="s">
        <v>48001</v>
      </c>
      <c r="B32320" t="s">
        <v>48007</v>
      </c>
      <c r="C32320">
        <v>1</v>
      </c>
      <c r="D32320">
        <v>0</v>
      </c>
    </row>
    <row r="32321" spans="1:4" x14ac:dyDescent="0.25">
      <c r="A32321" t="s">
        <v>48001</v>
      </c>
      <c r="B32321" t="s">
        <v>48008</v>
      </c>
      <c r="C32321">
        <v>1</v>
      </c>
      <c r="D32321">
        <v>0</v>
      </c>
    </row>
    <row r="32322" spans="1:4" x14ac:dyDescent="0.25">
      <c r="A32322" t="s">
        <v>48009</v>
      </c>
      <c r="B32322" t="s">
        <v>48010</v>
      </c>
      <c r="C32322">
        <v>0</v>
      </c>
      <c r="D32322">
        <v>0</v>
      </c>
    </row>
    <row r="32323" spans="1:4" x14ac:dyDescent="0.25">
      <c r="A32323" t="s">
        <v>48009</v>
      </c>
      <c r="B32323" t="s">
        <v>48011</v>
      </c>
      <c r="C32323">
        <v>2</v>
      </c>
      <c r="D32323">
        <v>0</v>
      </c>
    </row>
    <row r="32324" spans="1:4" x14ac:dyDescent="0.25">
      <c r="A32324" t="s">
        <v>48009</v>
      </c>
      <c r="B32324" t="s">
        <v>48012</v>
      </c>
      <c r="C32324">
        <v>0</v>
      </c>
      <c r="D32324">
        <v>0</v>
      </c>
    </row>
    <row r="32325" spans="1:4" x14ac:dyDescent="0.25">
      <c r="A32325" t="s">
        <v>48009</v>
      </c>
      <c r="B32325" t="s">
        <v>48013</v>
      </c>
      <c r="C32325">
        <v>1</v>
      </c>
      <c r="D32325">
        <v>0</v>
      </c>
    </row>
    <row r="32326" spans="1:4" x14ac:dyDescent="0.25">
      <c r="A32326" t="s">
        <v>48009</v>
      </c>
      <c r="B32326" t="s">
        <v>48014</v>
      </c>
      <c r="C32326">
        <v>1</v>
      </c>
      <c r="D32326">
        <v>0</v>
      </c>
    </row>
    <row r="32327" spans="1:4" x14ac:dyDescent="0.25">
      <c r="A32327" t="s">
        <v>48009</v>
      </c>
      <c r="B32327" t="s">
        <v>48015</v>
      </c>
      <c r="C32327">
        <v>2</v>
      </c>
      <c r="D32327">
        <v>0</v>
      </c>
    </row>
    <row r="32328" spans="1:4" x14ac:dyDescent="0.25">
      <c r="A32328" t="s">
        <v>48009</v>
      </c>
      <c r="B32328" t="s">
        <v>48016</v>
      </c>
      <c r="C32328">
        <v>1</v>
      </c>
      <c r="D32328">
        <v>0</v>
      </c>
    </row>
    <row r="32329" spans="1:4" x14ac:dyDescent="0.25">
      <c r="A32329" t="s">
        <v>48009</v>
      </c>
      <c r="B32329" t="s">
        <v>48017</v>
      </c>
      <c r="C32329">
        <v>1</v>
      </c>
      <c r="D32329">
        <v>0</v>
      </c>
    </row>
    <row r="32330" spans="1:4" x14ac:dyDescent="0.25">
      <c r="A32330" t="s">
        <v>48018</v>
      </c>
      <c r="B32330" t="s">
        <v>48019</v>
      </c>
      <c r="C32330">
        <v>1</v>
      </c>
      <c r="D32330">
        <v>0</v>
      </c>
    </row>
    <row r="32331" spans="1:4" x14ac:dyDescent="0.25">
      <c r="A32331" t="s">
        <v>48018</v>
      </c>
      <c r="B32331" t="s">
        <v>48020</v>
      </c>
      <c r="C32331">
        <v>0</v>
      </c>
      <c r="D32331">
        <v>0</v>
      </c>
    </row>
    <row r="32332" spans="1:4" x14ac:dyDescent="0.25">
      <c r="A32332" t="s">
        <v>48018</v>
      </c>
      <c r="B32332" t="s">
        <v>48021</v>
      </c>
      <c r="C32332">
        <v>1</v>
      </c>
      <c r="D32332">
        <v>0</v>
      </c>
    </row>
    <row r="32333" spans="1:4" x14ac:dyDescent="0.25">
      <c r="A32333" t="s">
        <v>48022</v>
      </c>
      <c r="B32333" t="s">
        <v>5864</v>
      </c>
      <c r="C32333">
        <v>1</v>
      </c>
      <c r="D32333">
        <v>0</v>
      </c>
    </row>
    <row r="32334" spans="1:4" x14ac:dyDescent="0.25">
      <c r="A32334" t="s">
        <v>48022</v>
      </c>
      <c r="B32334" t="s">
        <v>48023</v>
      </c>
      <c r="C32334">
        <v>2</v>
      </c>
      <c r="D32334">
        <v>0</v>
      </c>
    </row>
    <row r="32335" spans="1:4" x14ac:dyDescent="0.25">
      <c r="A32335" t="s">
        <v>48022</v>
      </c>
      <c r="B32335" t="s">
        <v>48024</v>
      </c>
      <c r="C32335">
        <v>1</v>
      </c>
      <c r="D32335">
        <v>0</v>
      </c>
    </row>
    <row r="32336" spans="1:4" x14ac:dyDescent="0.25">
      <c r="A32336" t="s">
        <v>48022</v>
      </c>
      <c r="B32336" t="s">
        <v>48025</v>
      </c>
      <c r="C32336">
        <v>2</v>
      </c>
      <c r="D32336">
        <v>0</v>
      </c>
    </row>
    <row r="32337" spans="1:4" x14ac:dyDescent="0.25">
      <c r="A32337" t="s">
        <v>48022</v>
      </c>
      <c r="B32337" t="s">
        <v>48026</v>
      </c>
      <c r="C32337">
        <v>2</v>
      </c>
      <c r="D32337">
        <v>0</v>
      </c>
    </row>
    <row r="32338" spans="1:4" x14ac:dyDescent="0.25">
      <c r="A32338" t="s">
        <v>48022</v>
      </c>
      <c r="B32338" t="s">
        <v>48027</v>
      </c>
      <c r="C32338">
        <v>2</v>
      </c>
      <c r="D32338">
        <v>0</v>
      </c>
    </row>
    <row r="32339" spans="1:4" x14ac:dyDescent="0.25">
      <c r="A32339" t="s">
        <v>48022</v>
      </c>
      <c r="B32339" t="s">
        <v>48028</v>
      </c>
      <c r="C32339">
        <v>1</v>
      </c>
      <c r="D32339">
        <v>0</v>
      </c>
    </row>
    <row r="32340" spans="1:4" x14ac:dyDescent="0.25">
      <c r="A32340" t="s">
        <v>48029</v>
      </c>
      <c r="B32340" t="s">
        <v>48030</v>
      </c>
      <c r="C32340">
        <v>0</v>
      </c>
      <c r="D32340">
        <v>0</v>
      </c>
    </row>
    <row r="32341" spans="1:4" x14ac:dyDescent="0.25">
      <c r="A32341" t="s">
        <v>48029</v>
      </c>
      <c r="B32341" t="s">
        <v>48031</v>
      </c>
      <c r="C32341">
        <v>2</v>
      </c>
      <c r="D32341">
        <v>0</v>
      </c>
    </row>
    <row r="32342" spans="1:4" x14ac:dyDescent="0.25">
      <c r="A32342" t="s">
        <v>48029</v>
      </c>
      <c r="B32342" t="s">
        <v>48032</v>
      </c>
      <c r="C32342">
        <v>0</v>
      </c>
      <c r="D32342">
        <v>0</v>
      </c>
    </row>
    <row r="32343" spans="1:4" x14ac:dyDescent="0.25">
      <c r="A32343" t="s">
        <v>48029</v>
      </c>
      <c r="B32343" t="s">
        <v>48033</v>
      </c>
      <c r="C32343">
        <v>1</v>
      </c>
      <c r="D32343">
        <v>0</v>
      </c>
    </row>
    <row r="32344" spans="1:4" x14ac:dyDescent="0.25">
      <c r="A32344" t="s">
        <v>48029</v>
      </c>
      <c r="B32344" t="s">
        <v>48034</v>
      </c>
      <c r="C32344">
        <v>0</v>
      </c>
      <c r="D32344">
        <v>0</v>
      </c>
    </row>
    <row r="32345" spans="1:4" x14ac:dyDescent="0.25">
      <c r="A32345" t="s">
        <v>48029</v>
      </c>
      <c r="B32345" t="s">
        <v>48035</v>
      </c>
      <c r="C32345">
        <v>0</v>
      </c>
      <c r="D32345">
        <v>0</v>
      </c>
    </row>
    <row r="32346" spans="1:4" x14ac:dyDescent="0.25">
      <c r="A32346" t="s">
        <v>48029</v>
      </c>
      <c r="B32346" t="s">
        <v>48036</v>
      </c>
      <c r="C32346">
        <v>0</v>
      </c>
      <c r="D32346">
        <v>0</v>
      </c>
    </row>
    <row r="32347" spans="1:4" x14ac:dyDescent="0.25">
      <c r="A32347" t="s">
        <v>48037</v>
      </c>
      <c r="B32347" t="s">
        <v>48038</v>
      </c>
      <c r="C32347">
        <v>1</v>
      </c>
      <c r="D32347">
        <v>0</v>
      </c>
    </row>
    <row r="32348" spans="1:4" x14ac:dyDescent="0.25">
      <c r="A32348" t="s">
        <v>48037</v>
      </c>
      <c r="B32348" t="s">
        <v>48039</v>
      </c>
      <c r="C32348">
        <v>1</v>
      </c>
      <c r="D32348">
        <v>0</v>
      </c>
    </row>
    <row r="32349" spans="1:4" x14ac:dyDescent="0.25">
      <c r="A32349" t="s">
        <v>48037</v>
      </c>
      <c r="B32349" t="s">
        <v>48040</v>
      </c>
      <c r="C32349">
        <v>0</v>
      </c>
      <c r="D32349">
        <v>0</v>
      </c>
    </row>
    <row r="32350" spans="1:4" x14ac:dyDescent="0.25">
      <c r="A32350" t="s">
        <v>48037</v>
      </c>
      <c r="B32350" t="s">
        <v>48041</v>
      </c>
      <c r="C32350">
        <v>0</v>
      </c>
      <c r="D32350">
        <v>0</v>
      </c>
    </row>
    <row r="32351" spans="1:4" x14ac:dyDescent="0.25">
      <c r="A32351" t="s">
        <v>48037</v>
      </c>
      <c r="B32351" t="s">
        <v>48042</v>
      </c>
      <c r="C32351">
        <v>0</v>
      </c>
      <c r="D32351">
        <v>0</v>
      </c>
    </row>
    <row r="32352" spans="1:4" x14ac:dyDescent="0.25">
      <c r="A32352" t="s">
        <v>48037</v>
      </c>
      <c r="B32352" t="s">
        <v>48043</v>
      </c>
      <c r="C32352">
        <v>0</v>
      </c>
      <c r="D32352">
        <v>0</v>
      </c>
    </row>
    <row r="32353" spans="1:4" x14ac:dyDescent="0.25">
      <c r="A32353" t="s">
        <v>48037</v>
      </c>
      <c r="B32353" t="s">
        <v>48044</v>
      </c>
      <c r="C32353">
        <v>0</v>
      </c>
      <c r="D32353">
        <v>0</v>
      </c>
    </row>
    <row r="32354" spans="1:4" x14ac:dyDescent="0.25">
      <c r="A32354" t="s">
        <v>48037</v>
      </c>
      <c r="B32354" t="s">
        <v>48045</v>
      </c>
      <c r="C32354">
        <v>0</v>
      </c>
      <c r="D32354">
        <v>0</v>
      </c>
    </row>
    <row r="32355" spans="1:4" x14ac:dyDescent="0.25">
      <c r="A32355" t="s">
        <v>48037</v>
      </c>
      <c r="B32355" t="s">
        <v>48046</v>
      </c>
      <c r="C32355">
        <v>2</v>
      </c>
      <c r="D32355">
        <v>0</v>
      </c>
    </row>
    <row r="32356" spans="1:4" x14ac:dyDescent="0.25">
      <c r="A32356" t="s">
        <v>48037</v>
      </c>
      <c r="B32356" t="s">
        <v>48047</v>
      </c>
      <c r="C32356">
        <v>1</v>
      </c>
      <c r="D32356">
        <v>0</v>
      </c>
    </row>
    <row r="32357" spans="1:4" x14ac:dyDescent="0.25">
      <c r="A32357" t="s">
        <v>48048</v>
      </c>
      <c r="B32357" t="s">
        <v>48049</v>
      </c>
      <c r="C32357">
        <v>1</v>
      </c>
      <c r="D32357">
        <v>0</v>
      </c>
    </row>
    <row r="32358" spans="1:4" x14ac:dyDescent="0.25">
      <c r="A32358" t="s">
        <v>48048</v>
      </c>
      <c r="B32358" t="s">
        <v>48050</v>
      </c>
      <c r="C32358">
        <v>1</v>
      </c>
      <c r="D32358">
        <v>0</v>
      </c>
    </row>
    <row r="32359" spans="1:4" x14ac:dyDescent="0.25">
      <c r="A32359" t="s">
        <v>48048</v>
      </c>
      <c r="B32359" t="s">
        <v>48051</v>
      </c>
      <c r="C32359">
        <v>1</v>
      </c>
      <c r="D32359">
        <v>0</v>
      </c>
    </row>
    <row r="32360" spans="1:4" x14ac:dyDescent="0.25">
      <c r="A32360" t="s">
        <v>48048</v>
      </c>
      <c r="B32360" t="s">
        <v>48052</v>
      </c>
      <c r="C32360">
        <v>1</v>
      </c>
      <c r="D32360">
        <v>0</v>
      </c>
    </row>
    <row r="32361" spans="1:4" x14ac:dyDescent="0.25">
      <c r="A32361" t="s">
        <v>48048</v>
      </c>
      <c r="B32361" t="s">
        <v>48053</v>
      </c>
      <c r="C32361">
        <v>1</v>
      </c>
      <c r="D32361">
        <v>0</v>
      </c>
    </row>
    <row r="32362" spans="1:4" x14ac:dyDescent="0.25">
      <c r="A32362" t="s">
        <v>48054</v>
      </c>
      <c r="B32362" t="s">
        <v>48055</v>
      </c>
      <c r="C32362">
        <v>1</v>
      </c>
      <c r="D32362">
        <v>0</v>
      </c>
    </row>
    <row r="32363" spans="1:4" x14ac:dyDescent="0.25">
      <c r="A32363" t="s">
        <v>48054</v>
      </c>
      <c r="B32363" t="s">
        <v>48056</v>
      </c>
      <c r="C32363">
        <v>0</v>
      </c>
      <c r="D32363">
        <v>0</v>
      </c>
    </row>
    <row r="32364" spans="1:4" x14ac:dyDescent="0.25">
      <c r="A32364" t="s">
        <v>48057</v>
      </c>
      <c r="B32364" t="s">
        <v>48058</v>
      </c>
      <c r="C32364">
        <v>1</v>
      </c>
      <c r="D32364">
        <v>0</v>
      </c>
    </row>
    <row r="32365" spans="1:4" x14ac:dyDescent="0.25">
      <c r="A32365" t="s">
        <v>48057</v>
      </c>
      <c r="B32365" t="s">
        <v>48058</v>
      </c>
      <c r="C32365">
        <v>0</v>
      </c>
      <c r="D32365">
        <v>0</v>
      </c>
    </row>
    <row r="32366" spans="1:4" x14ac:dyDescent="0.25">
      <c r="A32366" t="s">
        <v>48057</v>
      </c>
      <c r="B32366" t="s">
        <v>48059</v>
      </c>
      <c r="C32366">
        <v>0</v>
      </c>
      <c r="D32366">
        <v>0</v>
      </c>
    </row>
    <row r="32367" spans="1:4" x14ac:dyDescent="0.25">
      <c r="A32367" t="s">
        <v>48057</v>
      </c>
      <c r="B32367" t="s">
        <v>48060</v>
      </c>
      <c r="C32367">
        <v>2</v>
      </c>
      <c r="D32367">
        <v>0</v>
      </c>
    </row>
    <row r="32368" spans="1:4" x14ac:dyDescent="0.25">
      <c r="A32368" t="s">
        <v>48057</v>
      </c>
      <c r="B32368" t="s">
        <v>48061</v>
      </c>
      <c r="C32368">
        <v>2</v>
      </c>
      <c r="D32368">
        <v>0</v>
      </c>
    </row>
    <row r="32369" spans="1:4" x14ac:dyDescent="0.25">
      <c r="A32369" t="s">
        <v>48057</v>
      </c>
      <c r="B32369" t="s">
        <v>48062</v>
      </c>
      <c r="C32369">
        <v>1</v>
      </c>
      <c r="D32369">
        <v>0</v>
      </c>
    </row>
    <row r="32370" spans="1:4" x14ac:dyDescent="0.25">
      <c r="A32370" t="s">
        <v>48057</v>
      </c>
      <c r="B32370" t="s">
        <v>48063</v>
      </c>
      <c r="C32370">
        <v>0</v>
      </c>
      <c r="D32370">
        <v>0</v>
      </c>
    </row>
    <row r="32371" spans="1:4" x14ac:dyDescent="0.25">
      <c r="A32371" t="s">
        <v>48057</v>
      </c>
      <c r="B32371" t="s">
        <v>48064</v>
      </c>
      <c r="C32371">
        <v>0</v>
      </c>
      <c r="D32371">
        <v>0</v>
      </c>
    </row>
    <row r="32372" spans="1:4" x14ac:dyDescent="0.25">
      <c r="A32372" t="s">
        <v>48065</v>
      </c>
      <c r="B32372" t="s">
        <v>48066</v>
      </c>
      <c r="C32372">
        <v>1</v>
      </c>
      <c r="D32372">
        <v>0</v>
      </c>
    </row>
    <row r="32373" spans="1:4" x14ac:dyDescent="0.25">
      <c r="A32373" t="s">
        <v>48065</v>
      </c>
      <c r="B32373" t="s">
        <v>48067</v>
      </c>
      <c r="C32373">
        <v>0</v>
      </c>
      <c r="D32373">
        <v>0</v>
      </c>
    </row>
    <row r="32374" spans="1:4" x14ac:dyDescent="0.25">
      <c r="A32374" t="s">
        <v>48065</v>
      </c>
      <c r="B32374" t="s">
        <v>48068</v>
      </c>
      <c r="C32374">
        <v>1</v>
      </c>
      <c r="D32374">
        <v>0</v>
      </c>
    </row>
    <row r="32375" spans="1:4" x14ac:dyDescent="0.25">
      <c r="A32375" t="s">
        <v>48065</v>
      </c>
      <c r="B32375" t="s">
        <v>48069</v>
      </c>
      <c r="C32375">
        <v>1</v>
      </c>
      <c r="D32375">
        <v>0</v>
      </c>
    </row>
    <row r="32376" spans="1:4" x14ac:dyDescent="0.25">
      <c r="A32376" t="s">
        <v>48065</v>
      </c>
      <c r="B32376" t="s">
        <v>48070</v>
      </c>
      <c r="C32376">
        <v>1</v>
      </c>
      <c r="D32376">
        <v>0</v>
      </c>
    </row>
    <row r="32377" spans="1:4" x14ac:dyDescent="0.25">
      <c r="A32377" t="s">
        <v>48065</v>
      </c>
      <c r="B32377" t="s">
        <v>3347</v>
      </c>
      <c r="C32377">
        <v>0</v>
      </c>
      <c r="D32377">
        <v>0</v>
      </c>
    </row>
    <row r="32378" spans="1:4" x14ac:dyDescent="0.25">
      <c r="A32378" t="s">
        <v>48065</v>
      </c>
      <c r="B32378" t="s">
        <v>48071</v>
      </c>
      <c r="C32378">
        <v>0</v>
      </c>
      <c r="D32378">
        <v>0</v>
      </c>
    </row>
    <row r="32379" spans="1:4" x14ac:dyDescent="0.25">
      <c r="A32379" t="s">
        <v>48072</v>
      </c>
      <c r="B32379" t="s">
        <v>48073</v>
      </c>
      <c r="C32379">
        <v>2</v>
      </c>
      <c r="D32379">
        <v>0</v>
      </c>
    </row>
    <row r="32380" spans="1:4" x14ac:dyDescent="0.25">
      <c r="A32380" t="s">
        <v>48072</v>
      </c>
      <c r="B32380" t="s">
        <v>48074</v>
      </c>
      <c r="C32380">
        <v>1</v>
      </c>
      <c r="D32380">
        <v>0</v>
      </c>
    </row>
    <row r="32381" spans="1:4" x14ac:dyDescent="0.25">
      <c r="A32381" t="s">
        <v>48075</v>
      </c>
      <c r="B32381" t="s">
        <v>48076</v>
      </c>
      <c r="C32381">
        <v>1</v>
      </c>
      <c r="D32381">
        <v>0</v>
      </c>
    </row>
    <row r="32382" spans="1:4" x14ac:dyDescent="0.25">
      <c r="A32382" t="s">
        <v>48075</v>
      </c>
      <c r="B32382" t="s">
        <v>48077</v>
      </c>
      <c r="C32382">
        <v>1</v>
      </c>
      <c r="D32382">
        <v>0</v>
      </c>
    </row>
    <row r="32383" spans="1:4" x14ac:dyDescent="0.25">
      <c r="A32383" t="s">
        <v>48075</v>
      </c>
      <c r="B32383" t="s">
        <v>48078</v>
      </c>
      <c r="C32383">
        <v>0</v>
      </c>
      <c r="D32383">
        <v>0</v>
      </c>
    </row>
    <row r="32384" spans="1:4" x14ac:dyDescent="0.25">
      <c r="A32384" t="s">
        <v>48079</v>
      </c>
      <c r="B32384" t="s">
        <v>48080</v>
      </c>
      <c r="C32384">
        <v>1</v>
      </c>
      <c r="D32384">
        <v>0</v>
      </c>
    </row>
    <row r="32385" spans="1:4" x14ac:dyDescent="0.25">
      <c r="A32385" t="s">
        <v>48079</v>
      </c>
      <c r="B32385" t="s">
        <v>48081</v>
      </c>
      <c r="C32385">
        <v>0</v>
      </c>
      <c r="D32385">
        <v>0</v>
      </c>
    </row>
    <row r="32386" spans="1:4" x14ac:dyDescent="0.25">
      <c r="A32386" t="s">
        <v>48079</v>
      </c>
      <c r="B32386" t="s">
        <v>48082</v>
      </c>
      <c r="C32386">
        <v>0</v>
      </c>
      <c r="D32386">
        <v>0</v>
      </c>
    </row>
    <row r="32387" spans="1:4" x14ac:dyDescent="0.25">
      <c r="A32387" t="s">
        <v>48079</v>
      </c>
      <c r="B32387" t="s">
        <v>48083</v>
      </c>
      <c r="C32387">
        <v>0</v>
      </c>
      <c r="D32387">
        <v>0</v>
      </c>
    </row>
    <row r="32388" spans="1:4" x14ac:dyDescent="0.25">
      <c r="A32388" t="s">
        <v>48079</v>
      </c>
      <c r="B32388" t="s">
        <v>48084</v>
      </c>
      <c r="C32388">
        <v>0</v>
      </c>
      <c r="D32388">
        <v>0</v>
      </c>
    </row>
    <row r="32389" spans="1:4" x14ac:dyDescent="0.25">
      <c r="A32389" t="s">
        <v>48079</v>
      </c>
      <c r="B32389" t="s">
        <v>48085</v>
      </c>
      <c r="C32389">
        <v>0</v>
      </c>
      <c r="D32389">
        <v>0</v>
      </c>
    </row>
    <row r="32390" spans="1:4" x14ac:dyDescent="0.25">
      <c r="A32390" t="s">
        <v>48086</v>
      </c>
      <c r="B32390" t="s">
        <v>48087</v>
      </c>
      <c r="C32390">
        <v>1</v>
      </c>
      <c r="D32390">
        <v>0</v>
      </c>
    </row>
    <row r="32391" spans="1:4" x14ac:dyDescent="0.25">
      <c r="A32391" t="s">
        <v>48086</v>
      </c>
      <c r="B32391" t="s">
        <v>48088</v>
      </c>
      <c r="C32391">
        <v>1</v>
      </c>
      <c r="D32391">
        <v>0</v>
      </c>
    </row>
    <row r="32392" spans="1:4" x14ac:dyDescent="0.25">
      <c r="A32392" t="s">
        <v>48086</v>
      </c>
      <c r="B32392" t="s">
        <v>48089</v>
      </c>
      <c r="C32392">
        <v>1</v>
      </c>
      <c r="D32392">
        <v>0</v>
      </c>
    </row>
    <row r="32393" spans="1:4" x14ac:dyDescent="0.25">
      <c r="A32393" t="s">
        <v>48086</v>
      </c>
      <c r="B32393" t="s">
        <v>48090</v>
      </c>
      <c r="C32393">
        <v>2</v>
      </c>
      <c r="D32393">
        <v>0</v>
      </c>
    </row>
    <row r="32394" spans="1:4" x14ac:dyDescent="0.25">
      <c r="A32394" t="s">
        <v>48086</v>
      </c>
      <c r="B32394" t="s">
        <v>48091</v>
      </c>
      <c r="C32394">
        <v>1</v>
      </c>
      <c r="D32394">
        <v>0</v>
      </c>
    </row>
    <row r="32395" spans="1:4" x14ac:dyDescent="0.25">
      <c r="A32395" t="s">
        <v>48086</v>
      </c>
      <c r="B32395" t="s">
        <v>11075</v>
      </c>
      <c r="C32395">
        <v>1</v>
      </c>
      <c r="D32395">
        <v>0</v>
      </c>
    </row>
    <row r="32396" spans="1:4" x14ac:dyDescent="0.25">
      <c r="A32396" t="s">
        <v>48086</v>
      </c>
      <c r="B32396" t="s">
        <v>48092</v>
      </c>
      <c r="C32396">
        <v>1</v>
      </c>
      <c r="D32396">
        <v>0</v>
      </c>
    </row>
    <row r="32397" spans="1:4" x14ac:dyDescent="0.25">
      <c r="A32397" t="s">
        <v>48093</v>
      </c>
      <c r="B32397" t="s">
        <v>48094</v>
      </c>
      <c r="C32397">
        <v>0</v>
      </c>
      <c r="D32397">
        <v>0</v>
      </c>
    </row>
    <row r="32398" spans="1:4" x14ac:dyDescent="0.25">
      <c r="A32398" t="s">
        <v>48093</v>
      </c>
      <c r="B32398" t="s">
        <v>48095</v>
      </c>
      <c r="C32398">
        <v>1</v>
      </c>
      <c r="D32398">
        <v>0</v>
      </c>
    </row>
    <row r="32399" spans="1:4" x14ac:dyDescent="0.25">
      <c r="A32399" t="s">
        <v>48093</v>
      </c>
      <c r="B32399" t="s">
        <v>48096</v>
      </c>
      <c r="C32399">
        <v>2</v>
      </c>
      <c r="D32399">
        <v>0</v>
      </c>
    </row>
    <row r="32400" spans="1:4" x14ac:dyDescent="0.25">
      <c r="A32400" t="s">
        <v>48093</v>
      </c>
      <c r="B32400" t="s">
        <v>48097</v>
      </c>
      <c r="C32400">
        <v>1</v>
      </c>
      <c r="D32400">
        <v>0</v>
      </c>
    </row>
    <row r="32401" spans="1:4" x14ac:dyDescent="0.25">
      <c r="A32401" t="s">
        <v>48093</v>
      </c>
      <c r="B32401" t="s">
        <v>48098</v>
      </c>
      <c r="C32401">
        <v>0</v>
      </c>
      <c r="D32401">
        <v>0</v>
      </c>
    </row>
    <row r="32402" spans="1:4" x14ac:dyDescent="0.25">
      <c r="A32402" t="s">
        <v>48099</v>
      </c>
      <c r="B32402" t="s">
        <v>48100</v>
      </c>
      <c r="C32402">
        <v>1</v>
      </c>
      <c r="D32402">
        <v>0</v>
      </c>
    </row>
    <row r="32403" spans="1:4" x14ac:dyDescent="0.25">
      <c r="A32403" t="s">
        <v>48099</v>
      </c>
      <c r="B32403" t="s">
        <v>48101</v>
      </c>
      <c r="C32403">
        <v>1</v>
      </c>
      <c r="D32403">
        <v>0</v>
      </c>
    </row>
    <row r="32404" spans="1:4" x14ac:dyDescent="0.25">
      <c r="A32404" t="s">
        <v>48099</v>
      </c>
      <c r="B32404" t="s">
        <v>48102</v>
      </c>
      <c r="C32404">
        <v>1</v>
      </c>
      <c r="D32404">
        <v>0</v>
      </c>
    </row>
    <row r="32405" spans="1:4" x14ac:dyDescent="0.25">
      <c r="A32405" t="s">
        <v>48099</v>
      </c>
      <c r="B32405" t="s">
        <v>48103</v>
      </c>
      <c r="C32405">
        <v>1</v>
      </c>
      <c r="D32405">
        <v>0</v>
      </c>
    </row>
    <row r="32406" spans="1:4" x14ac:dyDescent="0.25">
      <c r="A32406" t="s">
        <v>48104</v>
      </c>
      <c r="B32406" t="s">
        <v>48105</v>
      </c>
      <c r="C32406">
        <v>2</v>
      </c>
      <c r="D32406">
        <v>0</v>
      </c>
    </row>
    <row r="32407" spans="1:4" x14ac:dyDescent="0.25">
      <c r="A32407" t="s">
        <v>48104</v>
      </c>
      <c r="B32407" t="s">
        <v>48106</v>
      </c>
      <c r="C32407">
        <v>0</v>
      </c>
      <c r="D32407">
        <v>0</v>
      </c>
    </row>
    <row r="32408" spans="1:4" x14ac:dyDescent="0.25">
      <c r="A32408" t="s">
        <v>48104</v>
      </c>
      <c r="B32408" t="s">
        <v>48107</v>
      </c>
      <c r="C32408">
        <v>0</v>
      </c>
      <c r="D32408">
        <v>0</v>
      </c>
    </row>
    <row r="32409" spans="1:4" x14ac:dyDescent="0.25">
      <c r="A32409" t="s">
        <v>48108</v>
      </c>
      <c r="B32409" t="s">
        <v>48109</v>
      </c>
      <c r="C32409">
        <v>0</v>
      </c>
      <c r="D32409">
        <v>0</v>
      </c>
    </row>
    <row r="32410" spans="1:4" x14ac:dyDescent="0.25">
      <c r="A32410" t="s">
        <v>48108</v>
      </c>
      <c r="B32410" t="s">
        <v>48110</v>
      </c>
      <c r="C32410">
        <v>1</v>
      </c>
      <c r="D32410">
        <v>0</v>
      </c>
    </row>
    <row r="32411" spans="1:4" x14ac:dyDescent="0.25">
      <c r="A32411" t="s">
        <v>48108</v>
      </c>
      <c r="B32411" t="s">
        <v>48111</v>
      </c>
      <c r="C32411">
        <v>2</v>
      </c>
      <c r="D32411">
        <v>0</v>
      </c>
    </row>
    <row r="32412" spans="1:4" x14ac:dyDescent="0.25">
      <c r="A32412" t="s">
        <v>48108</v>
      </c>
      <c r="B32412" t="s">
        <v>48112</v>
      </c>
      <c r="C32412">
        <v>1</v>
      </c>
      <c r="D32412">
        <v>0</v>
      </c>
    </row>
    <row r="32413" spans="1:4" x14ac:dyDescent="0.25">
      <c r="A32413" t="s">
        <v>48108</v>
      </c>
      <c r="B32413" t="s">
        <v>48113</v>
      </c>
      <c r="C32413">
        <v>0</v>
      </c>
      <c r="D32413">
        <v>0</v>
      </c>
    </row>
    <row r="32414" spans="1:4" x14ac:dyDescent="0.25">
      <c r="A32414" t="s">
        <v>48108</v>
      </c>
      <c r="B32414" t="s">
        <v>48114</v>
      </c>
      <c r="C32414">
        <v>1</v>
      </c>
      <c r="D32414">
        <v>0</v>
      </c>
    </row>
    <row r="32415" spans="1:4" x14ac:dyDescent="0.25">
      <c r="A32415" t="s">
        <v>48115</v>
      </c>
      <c r="B32415" t="s">
        <v>48116</v>
      </c>
      <c r="C32415">
        <v>1</v>
      </c>
      <c r="D32415">
        <v>0</v>
      </c>
    </row>
    <row r="32416" spans="1:4" x14ac:dyDescent="0.25">
      <c r="A32416" t="s">
        <v>48115</v>
      </c>
      <c r="B32416" t="s">
        <v>48117</v>
      </c>
      <c r="C32416">
        <v>1</v>
      </c>
      <c r="D32416">
        <v>0</v>
      </c>
    </row>
    <row r="32417" spans="1:4" x14ac:dyDescent="0.25">
      <c r="A32417" t="s">
        <v>48115</v>
      </c>
      <c r="B32417" t="s">
        <v>48118</v>
      </c>
      <c r="C32417">
        <v>1</v>
      </c>
      <c r="D32417">
        <v>0</v>
      </c>
    </row>
    <row r="32418" spans="1:4" x14ac:dyDescent="0.25">
      <c r="A32418" t="s">
        <v>48115</v>
      </c>
      <c r="B32418" t="s">
        <v>48119</v>
      </c>
      <c r="C32418">
        <v>0</v>
      </c>
      <c r="D32418">
        <v>0</v>
      </c>
    </row>
    <row r="32419" spans="1:4" x14ac:dyDescent="0.25">
      <c r="A32419" t="s">
        <v>48120</v>
      </c>
      <c r="B32419" t="s">
        <v>48121</v>
      </c>
      <c r="C32419">
        <v>1</v>
      </c>
      <c r="D32419">
        <v>0</v>
      </c>
    </row>
    <row r="32420" spans="1:4" x14ac:dyDescent="0.25">
      <c r="A32420" t="s">
        <v>48120</v>
      </c>
      <c r="B32420" t="s">
        <v>48122</v>
      </c>
      <c r="C32420">
        <v>1</v>
      </c>
      <c r="D32420">
        <v>0</v>
      </c>
    </row>
    <row r="32421" spans="1:4" x14ac:dyDescent="0.25">
      <c r="A32421" t="s">
        <v>48120</v>
      </c>
      <c r="B32421" t="s">
        <v>48123</v>
      </c>
      <c r="C32421">
        <v>0</v>
      </c>
      <c r="D32421">
        <v>0</v>
      </c>
    </row>
    <row r="32422" spans="1:4" x14ac:dyDescent="0.25">
      <c r="A32422" t="s">
        <v>48120</v>
      </c>
      <c r="B32422" t="s">
        <v>48124</v>
      </c>
      <c r="C32422">
        <v>2</v>
      </c>
      <c r="D32422">
        <v>0</v>
      </c>
    </row>
    <row r="32423" spans="1:4" x14ac:dyDescent="0.25">
      <c r="A32423" t="s">
        <v>48120</v>
      </c>
      <c r="B32423" t="s">
        <v>48125</v>
      </c>
      <c r="C32423">
        <v>1</v>
      </c>
      <c r="D32423">
        <v>0</v>
      </c>
    </row>
    <row r="32424" spans="1:4" x14ac:dyDescent="0.25">
      <c r="A32424" t="s">
        <v>48120</v>
      </c>
      <c r="B32424" t="s">
        <v>48126</v>
      </c>
      <c r="C32424">
        <v>1</v>
      </c>
      <c r="D32424">
        <v>0</v>
      </c>
    </row>
    <row r="32425" spans="1:4" x14ac:dyDescent="0.25">
      <c r="A32425" t="s">
        <v>48127</v>
      </c>
      <c r="B32425" t="s">
        <v>48128</v>
      </c>
      <c r="C32425">
        <v>1</v>
      </c>
      <c r="D32425">
        <v>0</v>
      </c>
    </row>
    <row r="32426" spans="1:4" x14ac:dyDescent="0.25">
      <c r="A32426" t="s">
        <v>48129</v>
      </c>
      <c r="B32426" t="s">
        <v>48130</v>
      </c>
      <c r="C32426">
        <v>2</v>
      </c>
      <c r="D32426">
        <v>0</v>
      </c>
    </row>
    <row r="32427" spans="1:4" x14ac:dyDescent="0.25">
      <c r="A32427" t="s">
        <v>48129</v>
      </c>
      <c r="B32427" t="s">
        <v>48131</v>
      </c>
      <c r="C32427">
        <v>1</v>
      </c>
      <c r="D32427">
        <v>0</v>
      </c>
    </row>
    <row r="32428" spans="1:4" x14ac:dyDescent="0.25">
      <c r="A32428" t="s">
        <v>48129</v>
      </c>
      <c r="B32428" t="s">
        <v>48132</v>
      </c>
      <c r="C32428">
        <v>1</v>
      </c>
      <c r="D32428">
        <v>0</v>
      </c>
    </row>
    <row r="32429" spans="1:4" x14ac:dyDescent="0.25">
      <c r="A32429" t="s">
        <v>48129</v>
      </c>
      <c r="B32429" t="s">
        <v>48133</v>
      </c>
      <c r="C32429">
        <v>1</v>
      </c>
      <c r="D32429">
        <v>0</v>
      </c>
    </row>
    <row r="32430" spans="1:4" x14ac:dyDescent="0.25">
      <c r="A32430" t="s">
        <v>48129</v>
      </c>
      <c r="B32430" t="s">
        <v>48134</v>
      </c>
      <c r="C32430">
        <v>0</v>
      </c>
      <c r="D32430">
        <v>0</v>
      </c>
    </row>
    <row r="32431" spans="1:4" x14ac:dyDescent="0.25">
      <c r="A32431" t="s">
        <v>48129</v>
      </c>
      <c r="B32431" t="s">
        <v>48135</v>
      </c>
      <c r="C32431">
        <v>1</v>
      </c>
      <c r="D32431">
        <v>0</v>
      </c>
    </row>
    <row r="32432" spans="1:4" x14ac:dyDescent="0.25">
      <c r="A32432" t="s">
        <v>48136</v>
      </c>
      <c r="B32432" t="s">
        <v>32862</v>
      </c>
      <c r="C32432">
        <v>2</v>
      </c>
      <c r="D32432">
        <v>0</v>
      </c>
    </row>
    <row r="32433" spans="1:4" x14ac:dyDescent="0.25">
      <c r="A32433" t="s">
        <v>48136</v>
      </c>
      <c r="B32433" t="s">
        <v>48137</v>
      </c>
      <c r="C32433">
        <v>0</v>
      </c>
      <c r="D32433">
        <v>0</v>
      </c>
    </row>
    <row r="32434" spans="1:4" x14ac:dyDescent="0.25">
      <c r="A32434" t="s">
        <v>48136</v>
      </c>
      <c r="B32434" t="s">
        <v>48138</v>
      </c>
      <c r="C32434">
        <v>0</v>
      </c>
      <c r="D32434">
        <v>0</v>
      </c>
    </row>
    <row r="32435" spans="1:4" x14ac:dyDescent="0.25">
      <c r="A32435" t="s">
        <v>48136</v>
      </c>
      <c r="B32435" t="s">
        <v>48139</v>
      </c>
      <c r="C32435">
        <v>0</v>
      </c>
      <c r="D32435">
        <v>0</v>
      </c>
    </row>
    <row r="32436" spans="1:4" x14ac:dyDescent="0.25">
      <c r="A32436" t="s">
        <v>48140</v>
      </c>
      <c r="B32436" t="s">
        <v>48141</v>
      </c>
      <c r="C32436">
        <v>2</v>
      </c>
      <c r="D32436">
        <v>0</v>
      </c>
    </row>
    <row r="32437" spans="1:4" x14ac:dyDescent="0.25">
      <c r="A32437" t="s">
        <v>48140</v>
      </c>
      <c r="B32437" t="s">
        <v>48142</v>
      </c>
      <c r="C32437">
        <v>1</v>
      </c>
      <c r="D32437">
        <v>0</v>
      </c>
    </row>
    <row r="32438" spans="1:4" x14ac:dyDescent="0.25">
      <c r="A32438" t="s">
        <v>48140</v>
      </c>
      <c r="B32438" t="s">
        <v>5713</v>
      </c>
      <c r="C32438">
        <v>1</v>
      </c>
      <c r="D32438">
        <v>0</v>
      </c>
    </row>
    <row r="32439" spans="1:4" x14ac:dyDescent="0.25">
      <c r="A32439" t="s">
        <v>48140</v>
      </c>
      <c r="B32439" t="s">
        <v>48143</v>
      </c>
      <c r="C32439">
        <v>0</v>
      </c>
      <c r="D32439">
        <v>0</v>
      </c>
    </row>
    <row r="32440" spans="1:4" x14ac:dyDescent="0.25">
      <c r="A32440" t="s">
        <v>48140</v>
      </c>
      <c r="B32440" t="s">
        <v>48144</v>
      </c>
      <c r="C32440">
        <v>1</v>
      </c>
      <c r="D32440">
        <v>0</v>
      </c>
    </row>
    <row r="32441" spans="1:4" x14ac:dyDescent="0.25">
      <c r="A32441" t="s">
        <v>48145</v>
      </c>
      <c r="B32441" t="s">
        <v>48146</v>
      </c>
      <c r="C32441">
        <v>2</v>
      </c>
      <c r="D32441">
        <v>0</v>
      </c>
    </row>
    <row r="32442" spans="1:4" x14ac:dyDescent="0.25">
      <c r="A32442" t="s">
        <v>48145</v>
      </c>
      <c r="B32442" t="s">
        <v>48147</v>
      </c>
      <c r="C32442">
        <v>2</v>
      </c>
      <c r="D32442">
        <v>0</v>
      </c>
    </row>
    <row r="32443" spans="1:4" x14ac:dyDescent="0.25">
      <c r="A32443" t="s">
        <v>48145</v>
      </c>
      <c r="B32443" t="s">
        <v>48148</v>
      </c>
      <c r="C32443">
        <v>2</v>
      </c>
      <c r="D32443">
        <v>0</v>
      </c>
    </row>
    <row r="32444" spans="1:4" x14ac:dyDescent="0.25">
      <c r="A32444" t="s">
        <v>48149</v>
      </c>
      <c r="B32444" t="s">
        <v>48150</v>
      </c>
      <c r="C32444">
        <v>1</v>
      </c>
      <c r="D32444">
        <v>0</v>
      </c>
    </row>
    <row r="32445" spans="1:4" x14ac:dyDescent="0.25">
      <c r="A32445" t="s">
        <v>48149</v>
      </c>
      <c r="B32445" t="s">
        <v>48151</v>
      </c>
      <c r="C32445">
        <v>1</v>
      </c>
      <c r="D32445">
        <v>0</v>
      </c>
    </row>
    <row r="32446" spans="1:4" x14ac:dyDescent="0.25">
      <c r="A32446" t="s">
        <v>48152</v>
      </c>
      <c r="B32446" t="s">
        <v>48153</v>
      </c>
      <c r="C32446">
        <v>2</v>
      </c>
      <c r="D32446">
        <v>0</v>
      </c>
    </row>
    <row r="32447" spans="1:4" x14ac:dyDescent="0.25">
      <c r="A32447" t="s">
        <v>48152</v>
      </c>
      <c r="B32447" t="s">
        <v>48154</v>
      </c>
      <c r="C32447">
        <v>1</v>
      </c>
      <c r="D32447">
        <v>0</v>
      </c>
    </row>
    <row r="32448" spans="1:4" x14ac:dyDescent="0.25">
      <c r="A32448" t="s">
        <v>48152</v>
      </c>
      <c r="B32448" t="s">
        <v>48155</v>
      </c>
      <c r="C32448">
        <v>1</v>
      </c>
      <c r="D32448">
        <v>0</v>
      </c>
    </row>
    <row r="32449" spans="1:4" x14ac:dyDescent="0.25">
      <c r="A32449" t="s">
        <v>48152</v>
      </c>
      <c r="B32449" t="s">
        <v>48156</v>
      </c>
      <c r="C32449">
        <v>1</v>
      </c>
      <c r="D32449">
        <v>0</v>
      </c>
    </row>
    <row r="32450" spans="1:4" x14ac:dyDescent="0.25">
      <c r="A32450" t="s">
        <v>48152</v>
      </c>
      <c r="B32450" t="s">
        <v>48157</v>
      </c>
      <c r="C32450">
        <v>2</v>
      </c>
      <c r="D32450">
        <v>0</v>
      </c>
    </row>
    <row r="32451" spans="1:4" x14ac:dyDescent="0.25">
      <c r="A32451" t="s">
        <v>48158</v>
      </c>
      <c r="B32451" t="s">
        <v>48159</v>
      </c>
      <c r="C32451">
        <v>0</v>
      </c>
      <c r="D32451">
        <v>0</v>
      </c>
    </row>
    <row r="32452" spans="1:4" x14ac:dyDescent="0.25">
      <c r="A32452" t="s">
        <v>48158</v>
      </c>
      <c r="B32452" t="s">
        <v>48160</v>
      </c>
      <c r="C32452">
        <v>0</v>
      </c>
      <c r="D32452">
        <v>0</v>
      </c>
    </row>
    <row r="32453" spans="1:4" x14ac:dyDescent="0.25">
      <c r="A32453" t="s">
        <v>48158</v>
      </c>
      <c r="B32453" t="s">
        <v>48161</v>
      </c>
      <c r="C32453">
        <v>2</v>
      </c>
      <c r="D32453">
        <v>0</v>
      </c>
    </row>
    <row r="32454" spans="1:4" x14ac:dyDescent="0.25">
      <c r="A32454" t="s">
        <v>48158</v>
      </c>
      <c r="B32454" t="s">
        <v>48162</v>
      </c>
      <c r="C32454">
        <v>0</v>
      </c>
      <c r="D32454">
        <v>0</v>
      </c>
    </row>
    <row r="32455" spans="1:4" x14ac:dyDescent="0.25">
      <c r="A32455" t="s">
        <v>48158</v>
      </c>
      <c r="B32455" t="s">
        <v>48163</v>
      </c>
      <c r="C32455">
        <v>0</v>
      </c>
      <c r="D32455">
        <v>0</v>
      </c>
    </row>
    <row r="32456" spans="1:4" x14ac:dyDescent="0.25">
      <c r="A32456" t="s">
        <v>48158</v>
      </c>
      <c r="B32456" t="s">
        <v>48164</v>
      </c>
      <c r="C32456">
        <v>0</v>
      </c>
      <c r="D32456">
        <v>0</v>
      </c>
    </row>
    <row r="32457" spans="1:4" x14ac:dyDescent="0.25">
      <c r="A32457" t="s">
        <v>48158</v>
      </c>
      <c r="B32457" t="s">
        <v>48165</v>
      </c>
      <c r="C32457">
        <v>1</v>
      </c>
      <c r="D32457">
        <v>0</v>
      </c>
    </row>
    <row r="32458" spans="1:4" x14ac:dyDescent="0.25">
      <c r="A32458" t="s">
        <v>48166</v>
      </c>
      <c r="B32458" t="s">
        <v>48167</v>
      </c>
      <c r="C32458">
        <v>1</v>
      </c>
      <c r="D32458">
        <v>0</v>
      </c>
    </row>
    <row r="32459" spans="1:4" x14ac:dyDescent="0.25">
      <c r="A32459" t="s">
        <v>48166</v>
      </c>
      <c r="B32459" t="s">
        <v>48168</v>
      </c>
      <c r="C32459">
        <v>0</v>
      </c>
      <c r="D32459">
        <v>0</v>
      </c>
    </row>
    <row r="32460" spans="1:4" x14ac:dyDescent="0.25">
      <c r="A32460" t="s">
        <v>48166</v>
      </c>
      <c r="B32460" t="s">
        <v>48169</v>
      </c>
      <c r="C32460">
        <v>0</v>
      </c>
      <c r="D32460">
        <v>0</v>
      </c>
    </row>
    <row r="32461" spans="1:4" x14ac:dyDescent="0.25">
      <c r="A32461" t="s">
        <v>48166</v>
      </c>
      <c r="B32461" t="s">
        <v>48170</v>
      </c>
      <c r="C32461">
        <v>0</v>
      </c>
      <c r="D32461">
        <v>0</v>
      </c>
    </row>
    <row r="32462" spans="1:4" x14ac:dyDescent="0.25">
      <c r="A32462" t="s">
        <v>48166</v>
      </c>
      <c r="B32462" t="s">
        <v>48171</v>
      </c>
      <c r="C32462">
        <v>0</v>
      </c>
      <c r="D32462">
        <v>0</v>
      </c>
    </row>
    <row r="32463" spans="1:4" x14ac:dyDescent="0.25">
      <c r="A32463" t="s">
        <v>48172</v>
      </c>
      <c r="B32463" t="s">
        <v>48173</v>
      </c>
      <c r="C32463">
        <v>1</v>
      </c>
      <c r="D32463">
        <v>0</v>
      </c>
    </row>
    <row r="32464" spans="1:4" x14ac:dyDescent="0.25">
      <c r="A32464" t="s">
        <v>48172</v>
      </c>
      <c r="B32464" t="s">
        <v>48174</v>
      </c>
      <c r="C32464">
        <v>1</v>
      </c>
      <c r="D32464">
        <v>0</v>
      </c>
    </row>
    <row r="32465" spans="1:4" x14ac:dyDescent="0.25">
      <c r="A32465" t="s">
        <v>48172</v>
      </c>
      <c r="B32465" t="s">
        <v>48175</v>
      </c>
      <c r="C32465">
        <v>1</v>
      </c>
      <c r="D32465">
        <v>0</v>
      </c>
    </row>
    <row r="32466" spans="1:4" x14ac:dyDescent="0.25">
      <c r="A32466" t="s">
        <v>48172</v>
      </c>
      <c r="B32466" t="s">
        <v>48176</v>
      </c>
      <c r="C32466">
        <v>1</v>
      </c>
      <c r="D32466">
        <v>0</v>
      </c>
    </row>
    <row r="32467" spans="1:4" x14ac:dyDescent="0.25">
      <c r="A32467" t="s">
        <v>48177</v>
      </c>
      <c r="B32467" t="s">
        <v>48178</v>
      </c>
      <c r="C32467">
        <v>0</v>
      </c>
      <c r="D32467">
        <v>0</v>
      </c>
    </row>
    <row r="32468" spans="1:4" x14ac:dyDescent="0.25">
      <c r="A32468" t="s">
        <v>48179</v>
      </c>
      <c r="B32468" t="s">
        <v>48180</v>
      </c>
      <c r="C32468">
        <v>1</v>
      </c>
      <c r="D32468">
        <v>0</v>
      </c>
    </row>
    <row r="32469" spans="1:4" x14ac:dyDescent="0.25">
      <c r="A32469" t="s">
        <v>48179</v>
      </c>
      <c r="B32469" t="s">
        <v>48181</v>
      </c>
      <c r="C32469">
        <v>1</v>
      </c>
      <c r="D32469">
        <v>0</v>
      </c>
    </row>
    <row r="32470" spans="1:4" x14ac:dyDescent="0.25">
      <c r="A32470" t="s">
        <v>48179</v>
      </c>
      <c r="B32470" t="s">
        <v>48182</v>
      </c>
      <c r="C32470">
        <v>1</v>
      </c>
      <c r="D32470">
        <v>0</v>
      </c>
    </row>
    <row r="32471" spans="1:4" x14ac:dyDescent="0.25">
      <c r="A32471" t="s">
        <v>48179</v>
      </c>
      <c r="B32471" t="s">
        <v>48183</v>
      </c>
      <c r="C32471">
        <v>0</v>
      </c>
      <c r="D32471">
        <v>0</v>
      </c>
    </row>
    <row r="32472" spans="1:4" x14ac:dyDescent="0.25">
      <c r="A32472" t="s">
        <v>48184</v>
      </c>
      <c r="B32472" t="s">
        <v>48185</v>
      </c>
      <c r="C32472">
        <v>1</v>
      </c>
      <c r="D32472">
        <v>0</v>
      </c>
    </row>
    <row r="32473" spans="1:4" x14ac:dyDescent="0.25">
      <c r="A32473" t="s">
        <v>48184</v>
      </c>
      <c r="B32473" t="s">
        <v>48186</v>
      </c>
      <c r="C32473">
        <v>1</v>
      </c>
      <c r="D32473">
        <v>0</v>
      </c>
    </row>
    <row r="32474" spans="1:4" x14ac:dyDescent="0.25">
      <c r="A32474" t="s">
        <v>48184</v>
      </c>
      <c r="B32474" t="s">
        <v>48187</v>
      </c>
      <c r="C32474">
        <v>1</v>
      </c>
      <c r="D32474">
        <v>0</v>
      </c>
    </row>
    <row r="32475" spans="1:4" x14ac:dyDescent="0.25">
      <c r="A32475" t="s">
        <v>48184</v>
      </c>
      <c r="B32475" t="s">
        <v>48188</v>
      </c>
      <c r="C32475">
        <v>1</v>
      </c>
      <c r="D32475">
        <v>0</v>
      </c>
    </row>
    <row r="32476" spans="1:4" x14ac:dyDescent="0.25">
      <c r="A32476" t="s">
        <v>48184</v>
      </c>
      <c r="B32476" t="s">
        <v>48189</v>
      </c>
      <c r="C32476">
        <v>1</v>
      </c>
      <c r="D32476">
        <v>0</v>
      </c>
    </row>
    <row r="32477" spans="1:4" x14ac:dyDescent="0.25">
      <c r="A32477" t="s">
        <v>48184</v>
      </c>
      <c r="B32477" t="s">
        <v>48190</v>
      </c>
      <c r="C32477">
        <v>1</v>
      </c>
      <c r="D32477">
        <v>0</v>
      </c>
    </row>
    <row r="32478" spans="1:4" x14ac:dyDescent="0.25">
      <c r="A32478" t="s">
        <v>48184</v>
      </c>
      <c r="B32478" t="s">
        <v>48191</v>
      </c>
      <c r="C32478">
        <v>1</v>
      </c>
      <c r="D32478">
        <v>0</v>
      </c>
    </row>
    <row r="32479" spans="1:4" x14ac:dyDescent="0.25">
      <c r="A32479" t="s">
        <v>48184</v>
      </c>
      <c r="B32479" t="s">
        <v>48192</v>
      </c>
      <c r="C32479">
        <v>0</v>
      </c>
      <c r="D32479">
        <v>0</v>
      </c>
    </row>
    <row r="32480" spans="1:4" x14ac:dyDescent="0.25">
      <c r="A32480" t="s">
        <v>48193</v>
      </c>
      <c r="B32480" t="s">
        <v>48194</v>
      </c>
      <c r="C32480">
        <v>0</v>
      </c>
      <c r="D32480">
        <v>0</v>
      </c>
    </row>
    <row r="32481" spans="1:4" x14ac:dyDescent="0.25">
      <c r="A32481" t="s">
        <v>48193</v>
      </c>
      <c r="B32481" t="s">
        <v>48195</v>
      </c>
      <c r="C32481">
        <v>0</v>
      </c>
      <c r="D32481">
        <v>0</v>
      </c>
    </row>
    <row r="32482" spans="1:4" x14ac:dyDescent="0.25">
      <c r="A32482" t="s">
        <v>48193</v>
      </c>
      <c r="B32482" t="s">
        <v>48196</v>
      </c>
      <c r="C32482">
        <v>0</v>
      </c>
      <c r="D32482">
        <v>0</v>
      </c>
    </row>
    <row r="32483" spans="1:4" x14ac:dyDescent="0.25">
      <c r="A32483" t="s">
        <v>48197</v>
      </c>
      <c r="B32483" t="s">
        <v>48198</v>
      </c>
      <c r="C32483">
        <v>1</v>
      </c>
      <c r="D32483">
        <v>0</v>
      </c>
    </row>
    <row r="32484" spans="1:4" x14ac:dyDescent="0.25">
      <c r="A32484" t="s">
        <v>48197</v>
      </c>
      <c r="B32484" t="s">
        <v>48199</v>
      </c>
      <c r="C32484">
        <v>1</v>
      </c>
      <c r="D32484">
        <v>0</v>
      </c>
    </row>
    <row r="32485" spans="1:4" x14ac:dyDescent="0.25">
      <c r="A32485" t="s">
        <v>48197</v>
      </c>
      <c r="B32485" t="s">
        <v>14513</v>
      </c>
      <c r="C32485">
        <v>1</v>
      </c>
      <c r="D32485">
        <v>0</v>
      </c>
    </row>
    <row r="32486" spans="1:4" x14ac:dyDescent="0.25">
      <c r="A32486" t="s">
        <v>48197</v>
      </c>
      <c r="B32486" t="s">
        <v>1294</v>
      </c>
      <c r="C32486">
        <v>1</v>
      </c>
      <c r="D32486">
        <v>0</v>
      </c>
    </row>
    <row r="32487" spans="1:4" x14ac:dyDescent="0.25">
      <c r="A32487" t="s">
        <v>48200</v>
      </c>
      <c r="B32487" t="s">
        <v>48201</v>
      </c>
      <c r="C32487">
        <v>2</v>
      </c>
      <c r="D32487">
        <v>0</v>
      </c>
    </row>
    <row r="32488" spans="1:4" x14ac:dyDescent="0.25">
      <c r="A32488" t="s">
        <v>48202</v>
      </c>
      <c r="B32488" t="s">
        <v>48203</v>
      </c>
      <c r="C32488">
        <v>1</v>
      </c>
      <c r="D32488">
        <v>0</v>
      </c>
    </row>
    <row r="32489" spans="1:4" x14ac:dyDescent="0.25">
      <c r="A32489" t="s">
        <v>48202</v>
      </c>
      <c r="B32489" t="s">
        <v>48204</v>
      </c>
      <c r="C32489">
        <v>1</v>
      </c>
      <c r="D32489">
        <v>0</v>
      </c>
    </row>
    <row r="32490" spans="1:4" x14ac:dyDescent="0.25">
      <c r="A32490" t="s">
        <v>48202</v>
      </c>
      <c r="B32490" t="s">
        <v>48205</v>
      </c>
      <c r="C32490">
        <v>1</v>
      </c>
      <c r="D32490">
        <v>0</v>
      </c>
    </row>
    <row r="32491" spans="1:4" x14ac:dyDescent="0.25">
      <c r="A32491" t="s">
        <v>48202</v>
      </c>
      <c r="B32491" t="s">
        <v>48206</v>
      </c>
      <c r="C32491">
        <v>1</v>
      </c>
      <c r="D32491">
        <v>0</v>
      </c>
    </row>
    <row r="32492" spans="1:4" x14ac:dyDescent="0.25">
      <c r="A32492" t="s">
        <v>48207</v>
      </c>
      <c r="B32492" t="s">
        <v>12472</v>
      </c>
      <c r="C32492">
        <v>1</v>
      </c>
      <c r="D32492">
        <v>0</v>
      </c>
    </row>
    <row r="32493" spans="1:4" x14ac:dyDescent="0.25">
      <c r="A32493" t="s">
        <v>48207</v>
      </c>
      <c r="B32493" t="s">
        <v>48208</v>
      </c>
      <c r="C32493">
        <v>1</v>
      </c>
      <c r="D32493">
        <v>0</v>
      </c>
    </row>
    <row r="32494" spans="1:4" x14ac:dyDescent="0.25">
      <c r="A32494" t="s">
        <v>48207</v>
      </c>
      <c r="B32494" t="s">
        <v>48209</v>
      </c>
      <c r="C32494">
        <v>0</v>
      </c>
      <c r="D32494">
        <v>0</v>
      </c>
    </row>
    <row r="32495" spans="1:4" x14ac:dyDescent="0.25">
      <c r="A32495" t="s">
        <v>48210</v>
      </c>
      <c r="B32495" t="s">
        <v>48211</v>
      </c>
      <c r="C32495">
        <v>1</v>
      </c>
      <c r="D32495">
        <v>0</v>
      </c>
    </row>
    <row r="32496" spans="1:4" x14ac:dyDescent="0.25">
      <c r="A32496" t="s">
        <v>48210</v>
      </c>
      <c r="B32496" t="s">
        <v>48212</v>
      </c>
      <c r="C32496">
        <v>2</v>
      </c>
      <c r="D32496">
        <v>0</v>
      </c>
    </row>
    <row r="32497" spans="1:4" x14ac:dyDescent="0.25">
      <c r="A32497" t="s">
        <v>48210</v>
      </c>
      <c r="B32497" t="s">
        <v>48213</v>
      </c>
      <c r="C32497">
        <v>0</v>
      </c>
      <c r="D32497">
        <v>0</v>
      </c>
    </row>
    <row r="32498" spans="1:4" x14ac:dyDescent="0.25">
      <c r="A32498" t="s">
        <v>48214</v>
      </c>
      <c r="B32498" t="s">
        <v>48215</v>
      </c>
      <c r="C32498">
        <v>1</v>
      </c>
      <c r="D32498">
        <v>0</v>
      </c>
    </row>
    <row r="32499" spans="1:4" x14ac:dyDescent="0.25">
      <c r="A32499" t="s">
        <v>48214</v>
      </c>
      <c r="B32499" t="s">
        <v>48216</v>
      </c>
      <c r="C32499">
        <v>1</v>
      </c>
      <c r="D32499">
        <v>0</v>
      </c>
    </row>
    <row r="32500" spans="1:4" x14ac:dyDescent="0.25">
      <c r="A32500" t="s">
        <v>48214</v>
      </c>
      <c r="B32500" t="s">
        <v>48217</v>
      </c>
      <c r="C32500">
        <v>0</v>
      </c>
      <c r="D32500">
        <v>0</v>
      </c>
    </row>
    <row r="32501" spans="1:4" x14ac:dyDescent="0.25">
      <c r="A32501" t="s">
        <v>48214</v>
      </c>
      <c r="B32501" t="s">
        <v>48218</v>
      </c>
      <c r="C32501">
        <v>2</v>
      </c>
      <c r="D32501">
        <v>0</v>
      </c>
    </row>
    <row r="32502" spans="1:4" x14ac:dyDescent="0.25">
      <c r="A32502" t="s">
        <v>48214</v>
      </c>
      <c r="B32502" t="s">
        <v>48219</v>
      </c>
      <c r="C32502">
        <v>2</v>
      </c>
      <c r="D32502">
        <v>0</v>
      </c>
    </row>
    <row r="32503" spans="1:4" x14ac:dyDescent="0.25">
      <c r="A32503" t="s">
        <v>48214</v>
      </c>
      <c r="B32503" t="s">
        <v>48220</v>
      </c>
      <c r="C32503">
        <v>1</v>
      </c>
      <c r="D32503">
        <v>0</v>
      </c>
    </row>
    <row r="32504" spans="1:4" x14ac:dyDescent="0.25">
      <c r="A32504" t="s">
        <v>48214</v>
      </c>
      <c r="B32504" t="s">
        <v>48221</v>
      </c>
      <c r="C32504">
        <v>2</v>
      </c>
      <c r="D32504">
        <v>0</v>
      </c>
    </row>
    <row r="32505" spans="1:4" x14ac:dyDescent="0.25">
      <c r="A32505" t="s">
        <v>48222</v>
      </c>
      <c r="B32505" t="s">
        <v>48223</v>
      </c>
      <c r="C32505">
        <v>1</v>
      </c>
      <c r="D32505">
        <v>0</v>
      </c>
    </row>
    <row r="32506" spans="1:4" x14ac:dyDescent="0.25">
      <c r="A32506" t="s">
        <v>48222</v>
      </c>
      <c r="B32506" t="s">
        <v>48224</v>
      </c>
      <c r="C32506">
        <v>1</v>
      </c>
      <c r="D32506">
        <v>0</v>
      </c>
    </row>
    <row r="32507" spans="1:4" x14ac:dyDescent="0.25">
      <c r="A32507" t="s">
        <v>48222</v>
      </c>
      <c r="B32507" t="s">
        <v>48225</v>
      </c>
      <c r="C32507">
        <v>0</v>
      </c>
      <c r="D32507">
        <v>0</v>
      </c>
    </row>
    <row r="32508" spans="1:4" x14ac:dyDescent="0.25">
      <c r="A32508" t="s">
        <v>48222</v>
      </c>
      <c r="B32508" t="s">
        <v>48226</v>
      </c>
      <c r="C32508">
        <v>0</v>
      </c>
      <c r="D32508">
        <v>0</v>
      </c>
    </row>
    <row r="32509" spans="1:4" x14ac:dyDescent="0.25">
      <c r="A32509" t="s">
        <v>48227</v>
      </c>
      <c r="B32509" t="s">
        <v>48228</v>
      </c>
      <c r="C32509">
        <v>0</v>
      </c>
      <c r="D32509">
        <v>0</v>
      </c>
    </row>
    <row r="32510" spans="1:4" x14ac:dyDescent="0.25">
      <c r="A32510" t="s">
        <v>48227</v>
      </c>
      <c r="B32510" t="s">
        <v>48229</v>
      </c>
      <c r="C32510">
        <v>0</v>
      </c>
      <c r="D32510">
        <v>0</v>
      </c>
    </row>
    <row r="32511" spans="1:4" x14ac:dyDescent="0.25">
      <c r="A32511" t="s">
        <v>48227</v>
      </c>
      <c r="B32511" t="s">
        <v>48230</v>
      </c>
      <c r="C32511">
        <v>0</v>
      </c>
      <c r="D32511">
        <v>0</v>
      </c>
    </row>
    <row r="32512" spans="1:4" x14ac:dyDescent="0.25">
      <c r="A32512" t="s">
        <v>48227</v>
      </c>
      <c r="B32512" t="s">
        <v>48231</v>
      </c>
      <c r="C32512">
        <v>1</v>
      </c>
      <c r="D32512">
        <v>0</v>
      </c>
    </row>
    <row r="32513" spans="1:4" x14ac:dyDescent="0.25">
      <c r="A32513" t="s">
        <v>48232</v>
      </c>
      <c r="B32513" t="s">
        <v>48233</v>
      </c>
      <c r="C32513">
        <v>2</v>
      </c>
      <c r="D32513">
        <v>0</v>
      </c>
    </row>
    <row r="32514" spans="1:4" x14ac:dyDescent="0.25">
      <c r="A32514" t="s">
        <v>48232</v>
      </c>
      <c r="B32514" t="s">
        <v>47929</v>
      </c>
      <c r="C32514">
        <v>0</v>
      </c>
      <c r="D32514">
        <v>0</v>
      </c>
    </row>
    <row r="32515" spans="1:4" x14ac:dyDescent="0.25">
      <c r="A32515" t="s">
        <v>48234</v>
      </c>
      <c r="B32515" t="s">
        <v>48235</v>
      </c>
      <c r="C32515">
        <v>0</v>
      </c>
      <c r="D32515">
        <v>0</v>
      </c>
    </row>
    <row r="32516" spans="1:4" x14ac:dyDescent="0.25">
      <c r="A32516" t="s">
        <v>48234</v>
      </c>
      <c r="B32516" t="s">
        <v>48236</v>
      </c>
      <c r="C32516">
        <v>2</v>
      </c>
      <c r="D32516">
        <v>0</v>
      </c>
    </row>
    <row r="32517" spans="1:4" x14ac:dyDescent="0.25">
      <c r="A32517" t="s">
        <v>48234</v>
      </c>
      <c r="B32517" t="s">
        <v>48237</v>
      </c>
      <c r="C32517">
        <v>2</v>
      </c>
      <c r="D32517">
        <v>0</v>
      </c>
    </row>
    <row r="32518" spans="1:4" x14ac:dyDescent="0.25">
      <c r="A32518" t="s">
        <v>48238</v>
      </c>
      <c r="B32518" t="s">
        <v>48239</v>
      </c>
      <c r="C32518">
        <v>1</v>
      </c>
      <c r="D32518">
        <v>0</v>
      </c>
    </row>
    <row r="32519" spans="1:4" x14ac:dyDescent="0.25">
      <c r="A32519" t="s">
        <v>48240</v>
      </c>
      <c r="B32519" t="s">
        <v>48241</v>
      </c>
      <c r="C32519">
        <v>2</v>
      </c>
      <c r="D32519">
        <v>0</v>
      </c>
    </row>
    <row r="32520" spans="1:4" x14ac:dyDescent="0.25">
      <c r="A32520" t="s">
        <v>48240</v>
      </c>
      <c r="B32520" t="s">
        <v>48242</v>
      </c>
      <c r="C32520">
        <v>2</v>
      </c>
      <c r="D32520">
        <v>0</v>
      </c>
    </row>
    <row r="32521" spans="1:4" x14ac:dyDescent="0.25">
      <c r="A32521" t="s">
        <v>48240</v>
      </c>
      <c r="B32521" t="s">
        <v>48243</v>
      </c>
      <c r="C32521">
        <v>2</v>
      </c>
      <c r="D32521">
        <v>0</v>
      </c>
    </row>
    <row r="32522" spans="1:4" x14ac:dyDescent="0.25">
      <c r="A32522" t="s">
        <v>48240</v>
      </c>
      <c r="B32522" t="s">
        <v>48244</v>
      </c>
      <c r="C32522">
        <v>1</v>
      </c>
      <c r="D32522">
        <v>0</v>
      </c>
    </row>
    <row r="32523" spans="1:4" x14ac:dyDescent="0.25">
      <c r="A32523" t="s">
        <v>48240</v>
      </c>
      <c r="B32523" t="s">
        <v>48245</v>
      </c>
      <c r="C32523">
        <v>1</v>
      </c>
      <c r="D32523">
        <v>0</v>
      </c>
    </row>
    <row r="32524" spans="1:4" x14ac:dyDescent="0.25">
      <c r="A32524" t="s">
        <v>48240</v>
      </c>
      <c r="B32524" t="s">
        <v>48246</v>
      </c>
      <c r="C32524">
        <v>0</v>
      </c>
      <c r="D32524">
        <v>0</v>
      </c>
    </row>
    <row r="32525" spans="1:4" x14ac:dyDescent="0.25">
      <c r="A32525" t="s">
        <v>48240</v>
      </c>
      <c r="B32525" t="s">
        <v>48247</v>
      </c>
      <c r="C32525">
        <v>2</v>
      </c>
      <c r="D32525">
        <v>0</v>
      </c>
    </row>
    <row r="32526" spans="1:4" x14ac:dyDescent="0.25">
      <c r="A32526" t="s">
        <v>48248</v>
      </c>
      <c r="B32526" t="s">
        <v>48249</v>
      </c>
      <c r="C32526">
        <v>2</v>
      </c>
      <c r="D32526">
        <v>0</v>
      </c>
    </row>
    <row r="32527" spans="1:4" x14ac:dyDescent="0.25">
      <c r="A32527" t="s">
        <v>48248</v>
      </c>
      <c r="B32527" t="s">
        <v>48250</v>
      </c>
      <c r="C32527">
        <v>0</v>
      </c>
      <c r="D32527">
        <v>0</v>
      </c>
    </row>
    <row r="32528" spans="1:4" x14ac:dyDescent="0.25">
      <c r="A32528" t="s">
        <v>48248</v>
      </c>
      <c r="B32528" t="s">
        <v>48251</v>
      </c>
      <c r="C32528">
        <v>0</v>
      </c>
      <c r="D32528">
        <v>0</v>
      </c>
    </row>
    <row r="32529" spans="1:4" x14ac:dyDescent="0.25">
      <c r="A32529" t="s">
        <v>48248</v>
      </c>
      <c r="B32529" t="s">
        <v>48252</v>
      </c>
      <c r="C32529">
        <v>2</v>
      </c>
      <c r="D32529">
        <v>0</v>
      </c>
    </row>
    <row r="32530" spans="1:4" x14ac:dyDescent="0.25">
      <c r="A32530" t="s">
        <v>48248</v>
      </c>
      <c r="B32530" t="s">
        <v>48253</v>
      </c>
      <c r="C32530">
        <v>0</v>
      </c>
      <c r="D32530">
        <v>0</v>
      </c>
    </row>
    <row r="32531" spans="1:4" x14ac:dyDescent="0.25">
      <c r="A32531" t="s">
        <v>48248</v>
      </c>
      <c r="B32531" t="s">
        <v>48254</v>
      </c>
      <c r="C32531">
        <v>2</v>
      </c>
      <c r="D32531">
        <v>0</v>
      </c>
    </row>
    <row r="32532" spans="1:4" x14ac:dyDescent="0.25">
      <c r="A32532" t="s">
        <v>48248</v>
      </c>
      <c r="B32532" t="s">
        <v>48255</v>
      </c>
      <c r="C32532">
        <v>2</v>
      </c>
      <c r="D32532">
        <v>0</v>
      </c>
    </row>
    <row r="32533" spans="1:4" x14ac:dyDescent="0.25">
      <c r="A32533" t="s">
        <v>48256</v>
      </c>
      <c r="B32533" t="s">
        <v>48257</v>
      </c>
      <c r="C32533">
        <v>1</v>
      </c>
      <c r="D32533">
        <v>0</v>
      </c>
    </row>
    <row r="32534" spans="1:4" x14ac:dyDescent="0.25">
      <c r="A32534" t="s">
        <v>48256</v>
      </c>
      <c r="B32534" t="s">
        <v>48258</v>
      </c>
      <c r="C32534">
        <v>1</v>
      </c>
      <c r="D32534">
        <v>0</v>
      </c>
    </row>
    <row r="32535" spans="1:4" x14ac:dyDescent="0.25">
      <c r="A32535" t="s">
        <v>48256</v>
      </c>
      <c r="B32535" t="s">
        <v>48259</v>
      </c>
      <c r="C32535">
        <v>1</v>
      </c>
      <c r="D32535">
        <v>0</v>
      </c>
    </row>
    <row r="32536" spans="1:4" x14ac:dyDescent="0.25">
      <c r="A32536" t="s">
        <v>48256</v>
      </c>
      <c r="B32536" t="s">
        <v>48257</v>
      </c>
      <c r="C32536">
        <v>1</v>
      </c>
      <c r="D32536">
        <v>0</v>
      </c>
    </row>
    <row r="32537" spans="1:4" x14ac:dyDescent="0.25">
      <c r="A32537" t="s">
        <v>48256</v>
      </c>
      <c r="B32537" t="s">
        <v>48260</v>
      </c>
      <c r="C32537">
        <v>1</v>
      </c>
      <c r="D32537">
        <v>0</v>
      </c>
    </row>
    <row r="32538" spans="1:4" x14ac:dyDescent="0.25">
      <c r="A32538" t="s">
        <v>48256</v>
      </c>
      <c r="B32538" t="s">
        <v>48261</v>
      </c>
      <c r="C32538">
        <v>1</v>
      </c>
      <c r="D32538">
        <v>0</v>
      </c>
    </row>
    <row r="32539" spans="1:4" x14ac:dyDescent="0.25">
      <c r="A32539" t="s">
        <v>48262</v>
      </c>
      <c r="B32539" t="s">
        <v>48263</v>
      </c>
      <c r="C32539">
        <v>1</v>
      </c>
      <c r="D32539">
        <v>0</v>
      </c>
    </row>
    <row r="32540" spans="1:4" x14ac:dyDescent="0.25">
      <c r="A32540" t="s">
        <v>48262</v>
      </c>
      <c r="B32540" t="s">
        <v>48264</v>
      </c>
      <c r="C32540">
        <v>1</v>
      </c>
      <c r="D32540">
        <v>0</v>
      </c>
    </row>
    <row r="32541" spans="1:4" x14ac:dyDescent="0.25">
      <c r="A32541" t="s">
        <v>48265</v>
      </c>
      <c r="B32541" t="s">
        <v>48266</v>
      </c>
      <c r="C32541">
        <v>0</v>
      </c>
      <c r="D32541">
        <v>0</v>
      </c>
    </row>
    <row r="32542" spans="1:4" x14ac:dyDescent="0.25">
      <c r="A32542" t="s">
        <v>48265</v>
      </c>
      <c r="B32542" t="s">
        <v>48267</v>
      </c>
      <c r="C32542">
        <v>0</v>
      </c>
      <c r="D32542">
        <v>0</v>
      </c>
    </row>
    <row r="32543" spans="1:4" x14ac:dyDescent="0.25">
      <c r="A32543" t="s">
        <v>48268</v>
      </c>
      <c r="B32543" t="s">
        <v>48269</v>
      </c>
      <c r="C32543">
        <v>1</v>
      </c>
      <c r="D32543">
        <v>0</v>
      </c>
    </row>
    <row r="32544" spans="1:4" x14ac:dyDescent="0.25">
      <c r="A32544" t="s">
        <v>48268</v>
      </c>
      <c r="B32544" t="s">
        <v>48270</v>
      </c>
      <c r="C32544">
        <v>1</v>
      </c>
      <c r="D32544">
        <v>0</v>
      </c>
    </row>
    <row r="32545" spans="1:4" x14ac:dyDescent="0.25">
      <c r="A32545" t="s">
        <v>48271</v>
      </c>
      <c r="B32545" t="s">
        <v>48272</v>
      </c>
      <c r="C32545">
        <v>1</v>
      </c>
      <c r="D32545">
        <v>0</v>
      </c>
    </row>
    <row r="32546" spans="1:4" x14ac:dyDescent="0.25">
      <c r="A32546" t="s">
        <v>48271</v>
      </c>
      <c r="B32546" t="s">
        <v>48273</v>
      </c>
      <c r="C32546">
        <v>1</v>
      </c>
      <c r="D32546">
        <v>0</v>
      </c>
    </row>
    <row r="32547" spans="1:4" x14ac:dyDescent="0.25">
      <c r="A32547" t="s">
        <v>48271</v>
      </c>
      <c r="B32547" t="s">
        <v>48274</v>
      </c>
      <c r="C32547">
        <v>0</v>
      </c>
      <c r="D32547">
        <v>0</v>
      </c>
    </row>
    <row r="32548" spans="1:4" x14ac:dyDescent="0.25">
      <c r="A32548" t="s">
        <v>48271</v>
      </c>
      <c r="B32548" t="s">
        <v>48275</v>
      </c>
      <c r="C32548">
        <v>0</v>
      </c>
      <c r="D32548">
        <v>0</v>
      </c>
    </row>
    <row r="32549" spans="1:4" x14ac:dyDescent="0.25">
      <c r="A32549" t="s">
        <v>48271</v>
      </c>
      <c r="B32549" t="s">
        <v>48276</v>
      </c>
      <c r="C32549">
        <v>0</v>
      </c>
      <c r="D32549">
        <v>0</v>
      </c>
    </row>
    <row r="32550" spans="1:4" x14ac:dyDescent="0.25">
      <c r="A32550" t="s">
        <v>48277</v>
      </c>
      <c r="B32550" t="s">
        <v>48278</v>
      </c>
      <c r="C32550">
        <v>1</v>
      </c>
      <c r="D32550">
        <v>0</v>
      </c>
    </row>
    <row r="32551" spans="1:4" x14ac:dyDescent="0.25">
      <c r="A32551" t="s">
        <v>48277</v>
      </c>
      <c r="B32551" t="s">
        <v>48279</v>
      </c>
      <c r="C32551">
        <v>1</v>
      </c>
      <c r="D32551">
        <v>0</v>
      </c>
    </row>
    <row r="32552" spans="1:4" x14ac:dyDescent="0.25">
      <c r="A32552" t="s">
        <v>48277</v>
      </c>
      <c r="B32552" t="s">
        <v>12472</v>
      </c>
      <c r="C32552">
        <v>1</v>
      </c>
      <c r="D32552">
        <v>0</v>
      </c>
    </row>
    <row r="32553" spans="1:4" x14ac:dyDescent="0.25">
      <c r="A32553" t="s">
        <v>48277</v>
      </c>
      <c r="B32553" t="s">
        <v>48280</v>
      </c>
      <c r="C32553">
        <v>2</v>
      </c>
      <c r="D32553">
        <v>0</v>
      </c>
    </row>
    <row r="32554" spans="1:4" x14ac:dyDescent="0.25">
      <c r="A32554" t="s">
        <v>48277</v>
      </c>
      <c r="B32554" t="s">
        <v>48281</v>
      </c>
      <c r="C32554">
        <v>2</v>
      </c>
      <c r="D32554">
        <v>0</v>
      </c>
    </row>
    <row r="32555" spans="1:4" x14ac:dyDescent="0.25">
      <c r="A32555" t="s">
        <v>48282</v>
      </c>
      <c r="B32555" t="s">
        <v>48283</v>
      </c>
      <c r="C32555">
        <v>1</v>
      </c>
      <c r="D32555">
        <v>0</v>
      </c>
    </row>
    <row r="32556" spans="1:4" x14ac:dyDescent="0.25">
      <c r="A32556" t="s">
        <v>48282</v>
      </c>
      <c r="B32556" t="s">
        <v>48284</v>
      </c>
      <c r="C32556">
        <v>1</v>
      </c>
      <c r="D32556">
        <v>0</v>
      </c>
    </row>
    <row r="32557" spans="1:4" x14ac:dyDescent="0.25">
      <c r="A32557" t="s">
        <v>48282</v>
      </c>
      <c r="B32557" t="s">
        <v>48285</v>
      </c>
      <c r="C32557">
        <v>0</v>
      </c>
      <c r="D32557">
        <v>0</v>
      </c>
    </row>
    <row r="32558" spans="1:4" x14ac:dyDescent="0.25">
      <c r="A32558" t="s">
        <v>48282</v>
      </c>
      <c r="B32558" t="s">
        <v>48286</v>
      </c>
      <c r="C32558">
        <v>1</v>
      </c>
      <c r="D32558">
        <v>0</v>
      </c>
    </row>
    <row r="32559" spans="1:4" x14ac:dyDescent="0.25">
      <c r="A32559" t="s">
        <v>48282</v>
      </c>
      <c r="B32559" t="s">
        <v>48287</v>
      </c>
      <c r="C32559">
        <v>0</v>
      </c>
      <c r="D32559">
        <v>0</v>
      </c>
    </row>
    <row r="32560" spans="1:4" x14ac:dyDescent="0.25">
      <c r="A32560" t="s">
        <v>48282</v>
      </c>
      <c r="B32560" t="s">
        <v>48288</v>
      </c>
      <c r="C32560">
        <v>2</v>
      </c>
      <c r="D32560">
        <v>0</v>
      </c>
    </row>
    <row r="32561" spans="1:4" x14ac:dyDescent="0.25">
      <c r="A32561" t="s">
        <v>48282</v>
      </c>
      <c r="B32561" t="s">
        <v>48289</v>
      </c>
      <c r="C32561">
        <v>1</v>
      </c>
      <c r="D32561">
        <v>0</v>
      </c>
    </row>
    <row r="32562" spans="1:4" x14ac:dyDescent="0.25">
      <c r="A32562" t="s">
        <v>48290</v>
      </c>
      <c r="B32562" t="s">
        <v>48291</v>
      </c>
      <c r="C32562">
        <v>1</v>
      </c>
      <c r="D32562">
        <v>0</v>
      </c>
    </row>
    <row r="32563" spans="1:4" x14ac:dyDescent="0.25">
      <c r="A32563" t="s">
        <v>48290</v>
      </c>
      <c r="B32563" t="s">
        <v>48292</v>
      </c>
      <c r="C32563">
        <v>1</v>
      </c>
      <c r="D32563">
        <v>0</v>
      </c>
    </row>
    <row r="32564" spans="1:4" x14ac:dyDescent="0.25">
      <c r="A32564" t="s">
        <v>48290</v>
      </c>
      <c r="B32564" t="s">
        <v>48293</v>
      </c>
      <c r="C32564">
        <v>1</v>
      </c>
      <c r="D32564">
        <v>0</v>
      </c>
    </row>
    <row r="32565" spans="1:4" x14ac:dyDescent="0.25">
      <c r="A32565" t="s">
        <v>48290</v>
      </c>
      <c r="B32565" t="s">
        <v>48294</v>
      </c>
      <c r="C32565">
        <v>1</v>
      </c>
      <c r="D32565">
        <v>0</v>
      </c>
    </row>
    <row r="32566" spans="1:4" x14ac:dyDescent="0.25">
      <c r="A32566" t="s">
        <v>48290</v>
      </c>
      <c r="B32566" t="s">
        <v>48295</v>
      </c>
      <c r="C32566">
        <v>1</v>
      </c>
      <c r="D32566">
        <v>0</v>
      </c>
    </row>
    <row r="32567" spans="1:4" x14ac:dyDescent="0.25">
      <c r="A32567" t="s">
        <v>48296</v>
      </c>
      <c r="B32567" t="s">
        <v>48297</v>
      </c>
      <c r="C32567">
        <v>1</v>
      </c>
      <c r="D32567">
        <v>0</v>
      </c>
    </row>
    <row r="32568" spans="1:4" x14ac:dyDescent="0.25">
      <c r="A32568" t="s">
        <v>48296</v>
      </c>
      <c r="B32568" t="s">
        <v>47873</v>
      </c>
      <c r="C32568">
        <v>0</v>
      </c>
      <c r="D32568">
        <v>0</v>
      </c>
    </row>
    <row r="32569" spans="1:4" x14ac:dyDescent="0.25">
      <c r="A32569" t="s">
        <v>48296</v>
      </c>
      <c r="B32569" t="s">
        <v>48298</v>
      </c>
      <c r="C32569">
        <v>1</v>
      </c>
      <c r="D32569">
        <v>0</v>
      </c>
    </row>
    <row r="32570" spans="1:4" x14ac:dyDescent="0.25">
      <c r="A32570" t="s">
        <v>48299</v>
      </c>
      <c r="B32570" t="s">
        <v>48300</v>
      </c>
      <c r="C32570">
        <v>1</v>
      </c>
      <c r="D32570">
        <v>0</v>
      </c>
    </row>
    <row r="32571" spans="1:4" x14ac:dyDescent="0.25">
      <c r="A32571" t="s">
        <v>48299</v>
      </c>
      <c r="B32571" t="s">
        <v>48301</v>
      </c>
      <c r="C32571">
        <v>1</v>
      </c>
      <c r="D32571">
        <v>0</v>
      </c>
    </row>
    <row r="32572" spans="1:4" x14ac:dyDescent="0.25">
      <c r="A32572" t="s">
        <v>48299</v>
      </c>
      <c r="B32572" t="s">
        <v>48302</v>
      </c>
      <c r="C32572">
        <v>1</v>
      </c>
      <c r="D32572">
        <v>0</v>
      </c>
    </row>
    <row r="32573" spans="1:4" x14ac:dyDescent="0.25">
      <c r="A32573" t="s">
        <v>48299</v>
      </c>
      <c r="B32573" t="s">
        <v>48303</v>
      </c>
      <c r="C32573">
        <v>2</v>
      </c>
      <c r="D32573">
        <v>0</v>
      </c>
    </row>
    <row r="32574" spans="1:4" x14ac:dyDescent="0.25">
      <c r="A32574" t="s">
        <v>48299</v>
      </c>
      <c r="B32574" t="s">
        <v>48304</v>
      </c>
      <c r="C32574">
        <v>1</v>
      </c>
      <c r="D32574">
        <v>0</v>
      </c>
    </row>
    <row r="32575" spans="1:4" x14ac:dyDescent="0.25">
      <c r="A32575" t="s">
        <v>48299</v>
      </c>
      <c r="B32575" t="s">
        <v>48305</v>
      </c>
      <c r="C32575">
        <v>1</v>
      </c>
      <c r="D32575">
        <v>0</v>
      </c>
    </row>
    <row r="32576" spans="1:4" x14ac:dyDescent="0.25">
      <c r="A32576" t="s">
        <v>48306</v>
      </c>
      <c r="B32576" t="s">
        <v>48307</v>
      </c>
      <c r="C32576">
        <v>1</v>
      </c>
      <c r="D32576">
        <v>0</v>
      </c>
    </row>
    <row r="32577" spans="1:4" x14ac:dyDescent="0.25">
      <c r="A32577" t="s">
        <v>48306</v>
      </c>
      <c r="B32577" t="s">
        <v>48308</v>
      </c>
      <c r="C32577">
        <v>1</v>
      </c>
      <c r="D32577">
        <v>0</v>
      </c>
    </row>
    <row r="32578" spans="1:4" x14ac:dyDescent="0.25">
      <c r="A32578" t="s">
        <v>48306</v>
      </c>
      <c r="B32578" t="s">
        <v>48309</v>
      </c>
      <c r="C32578">
        <v>1</v>
      </c>
      <c r="D32578">
        <v>0</v>
      </c>
    </row>
    <row r="32579" spans="1:4" x14ac:dyDescent="0.25">
      <c r="A32579" t="s">
        <v>48306</v>
      </c>
      <c r="B32579" t="s">
        <v>48310</v>
      </c>
      <c r="C32579">
        <v>1</v>
      </c>
      <c r="D32579">
        <v>0</v>
      </c>
    </row>
    <row r="32580" spans="1:4" x14ac:dyDescent="0.25">
      <c r="A32580" t="s">
        <v>48306</v>
      </c>
      <c r="B32580" t="s">
        <v>48311</v>
      </c>
      <c r="C32580">
        <v>0</v>
      </c>
      <c r="D32580">
        <v>0</v>
      </c>
    </row>
    <row r="32581" spans="1:4" x14ac:dyDescent="0.25">
      <c r="A32581" t="s">
        <v>48306</v>
      </c>
      <c r="B32581" t="s">
        <v>48312</v>
      </c>
      <c r="C32581">
        <v>1</v>
      </c>
      <c r="D32581">
        <v>0</v>
      </c>
    </row>
    <row r="32582" spans="1:4" x14ac:dyDescent="0.25">
      <c r="A32582" t="s">
        <v>48313</v>
      </c>
      <c r="B32582" t="s">
        <v>48314</v>
      </c>
      <c r="C32582">
        <v>1</v>
      </c>
      <c r="D32582">
        <v>0</v>
      </c>
    </row>
    <row r="32583" spans="1:4" x14ac:dyDescent="0.25">
      <c r="A32583" t="s">
        <v>48313</v>
      </c>
      <c r="B32583" t="s">
        <v>48315</v>
      </c>
      <c r="C32583">
        <v>2</v>
      </c>
      <c r="D32583">
        <v>0</v>
      </c>
    </row>
    <row r="32584" spans="1:4" x14ac:dyDescent="0.25">
      <c r="A32584" t="s">
        <v>48313</v>
      </c>
      <c r="B32584" t="s">
        <v>5713</v>
      </c>
      <c r="C32584">
        <v>1</v>
      </c>
      <c r="D32584">
        <v>0</v>
      </c>
    </row>
    <row r="32585" spans="1:4" x14ac:dyDescent="0.25">
      <c r="A32585" t="s">
        <v>48316</v>
      </c>
      <c r="B32585" t="s">
        <v>5434</v>
      </c>
      <c r="C32585">
        <v>1</v>
      </c>
      <c r="D32585">
        <v>0</v>
      </c>
    </row>
    <row r="32586" spans="1:4" x14ac:dyDescent="0.25">
      <c r="A32586" t="s">
        <v>48316</v>
      </c>
      <c r="B32586" t="s">
        <v>48317</v>
      </c>
      <c r="C32586">
        <v>1</v>
      </c>
      <c r="D32586">
        <v>0</v>
      </c>
    </row>
    <row r="32587" spans="1:4" x14ac:dyDescent="0.25">
      <c r="A32587" t="s">
        <v>48316</v>
      </c>
      <c r="B32587" t="s">
        <v>48318</v>
      </c>
      <c r="C32587">
        <v>0</v>
      </c>
      <c r="D32587">
        <v>0</v>
      </c>
    </row>
    <row r="32588" spans="1:4" x14ac:dyDescent="0.25">
      <c r="A32588" t="s">
        <v>48319</v>
      </c>
      <c r="B32588" t="s">
        <v>12472</v>
      </c>
      <c r="C32588">
        <v>1</v>
      </c>
      <c r="D32588">
        <v>0</v>
      </c>
    </row>
    <row r="32589" spans="1:4" x14ac:dyDescent="0.25">
      <c r="A32589" t="s">
        <v>48319</v>
      </c>
      <c r="B32589" t="s">
        <v>12472</v>
      </c>
      <c r="C32589">
        <v>1</v>
      </c>
      <c r="D32589">
        <v>0</v>
      </c>
    </row>
    <row r="32590" spans="1:4" x14ac:dyDescent="0.25">
      <c r="A32590" t="s">
        <v>48319</v>
      </c>
      <c r="B32590" t="s">
        <v>48320</v>
      </c>
      <c r="C32590">
        <v>1</v>
      </c>
      <c r="D32590">
        <v>0</v>
      </c>
    </row>
    <row r="32591" spans="1:4" x14ac:dyDescent="0.25">
      <c r="A32591" t="s">
        <v>48319</v>
      </c>
      <c r="B32591" t="s">
        <v>48321</v>
      </c>
      <c r="C32591">
        <v>1</v>
      </c>
      <c r="D32591">
        <v>0</v>
      </c>
    </row>
    <row r="32592" spans="1:4" x14ac:dyDescent="0.25">
      <c r="A32592" t="s">
        <v>48319</v>
      </c>
      <c r="B32592" t="s">
        <v>6837</v>
      </c>
      <c r="C32592">
        <v>1</v>
      </c>
      <c r="D32592">
        <v>0</v>
      </c>
    </row>
    <row r="32593" spans="1:4" x14ac:dyDescent="0.25">
      <c r="A32593" t="s">
        <v>48319</v>
      </c>
      <c r="B32593" t="s">
        <v>48322</v>
      </c>
      <c r="C32593">
        <v>1</v>
      </c>
      <c r="D32593">
        <v>0</v>
      </c>
    </row>
    <row r="32594" spans="1:4" x14ac:dyDescent="0.25">
      <c r="A32594" t="s">
        <v>48319</v>
      </c>
      <c r="B32594" t="s">
        <v>48323</v>
      </c>
      <c r="C32594">
        <v>1</v>
      </c>
      <c r="D32594">
        <v>0</v>
      </c>
    </row>
    <row r="32595" spans="1:4" x14ac:dyDescent="0.25">
      <c r="A32595" t="s">
        <v>48324</v>
      </c>
      <c r="B32595" t="s">
        <v>48325</v>
      </c>
      <c r="C32595">
        <v>2</v>
      </c>
      <c r="D32595">
        <v>0</v>
      </c>
    </row>
    <row r="32596" spans="1:4" x14ac:dyDescent="0.25">
      <c r="A32596" t="s">
        <v>48324</v>
      </c>
      <c r="B32596" t="s">
        <v>48326</v>
      </c>
      <c r="C32596">
        <v>2</v>
      </c>
      <c r="D32596">
        <v>0</v>
      </c>
    </row>
    <row r="32597" spans="1:4" x14ac:dyDescent="0.25">
      <c r="A32597" t="s">
        <v>48324</v>
      </c>
      <c r="B32597" t="s">
        <v>48327</v>
      </c>
      <c r="C32597">
        <v>1</v>
      </c>
      <c r="D32597">
        <v>0</v>
      </c>
    </row>
    <row r="32598" spans="1:4" x14ac:dyDescent="0.25">
      <c r="A32598" t="s">
        <v>48324</v>
      </c>
      <c r="B32598" t="s">
        <v>48328</v>
      </c>
      <c r="C32598">
        <v>0</v>
      </c>
      <c r="D32598">
        <v>0</v>
      </c>
    </row>
    <row r="32599" spans="1:4" x14ac:dyDescent="0.25">
      <c r="A32599" t="s">
        <v>48324</v>
      </c>
      <c r="B32599" t="s">
        <v>48329</v>
      </c>
      <c r="C32599">
        <v>1</v>
      </c>
      <c r="D32599">
        <v>0</v>
      </c>
    </row>
    <row r="32600" spans="1:4" x14ac:dyDescent="0.25">
      <c r="A32600" t="s">
        <v>48324</v>
      </c>
      <c r="B32600" t="s">
        <v>48330</v>
      </c>
      <c r="C32600">
        <v>0</v>
      </c>
      <c r="D32600">
        <v>0</v>
      </c>
    </row>
    <row r="32601" spans="1:4" x14ac:dyDescent="0.25">
      <c r="A32601" t="s">
        <v>48331</v>
      </c>
      <c r="B32601" t="s">
        <v>48332</v>
      </c>
      <c r="C32601">
        <v>1</v>
      </c>
      <c r="D32601">
        <v>0</v>
      </c>
    </row>
    <row r="32602" spans="1:4" x14ac:dyDescent="0.25">
      <c r="A32602" t="s">
        <v>48331</v>
      </c>
      <c r="B32602" t="s">
        <v>2865</v>
      </c>
      <c r="C32602">
        <v>0</v>
      </c>
      <c r="D32602">
        <v>0</v>
      </c>
    </row>
    <row r="32603" spans="1:4" x14ac:dyDescent="0.25">
      <c r="A32603" t="s">
        <v>48331</v>
      </c>
      <c r="B32603" t="s">
        <v>48333</v>
      </c>
      <c r="C32603">
        <v>0</v>
      </c>
      <c r="D32603">
        <v>0</v>
      </c>
    </row>
    <row r="32604" spans="1:4" x14ac:dyDescent="0.25">
      <c r="A32604" t="s">
        <v>48331</v>
      </c>
      <c r="B32604" t="s">
        <v>48334</v>
      </c>
      <c r="C32604">
        <v>1</v>
      </c>
      <c r="D32604">
        <v>0</v>
      </c>
    </row>
    <row r="32605" spans="1:4" x14ac:dyDescent="0.25">
      <c r="A32605" t="s">
        <v>48331</v>
      </c>
      <c r="B32605" t="s">
        <v>48335</v>
      </c>
      <c r="C32605">
        <v>1</v>
      </c>
      <c r="D32605">
        <v>0</v>
      </c>
    </row>
    <row r="32606" spans="1:4" x14ac:dyDescent="0.25">
      <c r="A32606" t="s">
        <v>48331</v>
      </c>
      <c r="B32606" t="s">
        <v>48336</v>
      </c>
      <c r="C32606">
        <v>0</v>
      </c>
      <c r="D32606">
        <v>0</v>
      </c>
    </row>
    <row r="32607" spans="1:4" x14ac:dyDescent="0.25">
      <c r="A32607" t="s">
        <v>48331</v>
      </c>
      <c r="B32607" t="s">
        <v>48337</v>
      </c>
      <c r="C32607">
        <v>1</v>
      </c>
      <c r="D32607">
        <v>0</v>
      </c>
    </row>
    <row r="32608" spans="1:4" x14ac:dyDescent="0.25">
      <c r="A32608" t="s">
        <v>48338</v>
      </c>
      <c r="B32608" t="s">
        <v>48339</v>
      </c>
      <c r="C32608">
        <v>0</v>
      </c>
      <c r="D32608">
        <v>0</v>
      </c>
    </row>
    <row r="32609" spans="1:4" x14ac:dyDescent="0.25">
      <c r="A32609" t="s">
        <v>48338</v>
      </c>
      <c r="B32609" t="s">
        <v>48340</v>
      </c>
      <c r="C32609">
        <v>1</v>
      </c>
      <c r="D32609">
        <v>0</v>
      </c>
    </row>
    <row r="32610" spans="1:4" x14ac:dyDescent="0.25">
      <c r="A32610" t="s">
        <v>48338</v>
      </c>
      <c r="B32610" t="s">
        <v>48341</v>
      </c>
      <c r="C32610">
        <v>0</v>
      </c>
      <c r="D32610">
        <v>0</v>
      </c>
    </row>
    <row r="32611" spans="1:4" x14ac:dyDescent="0.25">
      <c r="A32611" t="s">
        <v>48338</v>
      </c>
      <c r="B32611" t="s">
        <v>48342</v>
      </c>
      <c r="C32611">
        <v>0</v>
      </c>
      <c r="D32611">
        <v>0</v>
      </c>
    </row>
    <row r="32612" spans="1:4" x14ac:dyDescent="0.25">
      <c r="A32612" t="s">
        <v>48338</v>
      </c>
      <c r="B32612" t="s">
        <v>48343</v>
      </c>
      <c r="C32612">
        <v>0</v>
      </c>
      <c r="D32612">
        <v>0</v>
      </c>
    </row>
    <row r="32613" spans="1:4" x14ac:dyDescent="0.25">
      <c r="A32613" t="s">
        <v>48338</v>
      </c>
      <c r="B32613" t="s">
        <v>48344</v>
      </c>
      <c r="C32613">
        <v>0</v>
      </c>
      <c r="D32613">
        <v>0</v>
      </c>
    </row>
    <row r="32614" spans="1:4" x14ac:dyDescent="0.25">
      <c r="A32614" t="s">
        <v>48345</v>
      </c>
      <c r="B32614" t="s">
        <v>48346</v>
      </c>
      <c r="C32614">
        <v>1</v>
      </c>
      <c r="D32614">
        <v>0</v>
      </c>
    </row>
    <row r="32615" spans="1:4" x14ac:dyDescent="0.25">
      <c r="A32615" t="s">
        <v>48345</v>
      </c>
      <c r="B32615" t="s">
        <v>48347</v>
      </c>
      <c r="C32615">
        <v>2</v>
      </c>
      <c r="D32615">
        <v>0</v>
      </c>
    </row>
    <row r="32616" spans="1:4" x14ac:dyDescent="0.25">
      <c r="A32616" t="s">
        <v>48345</v>
      </c>
      <c r="B32616" t="s">
        <v>48348</v>
      </c>
      <c r="C32616">
        <v>1</v>
      </c>
      <c r="D32616">
        <v>0</v>
      </c>
    </row>
    <row r="32617" spans="1:4" x14ac:dyDescent="0.25">
      <c r="A32617" t="s">
        <v>48345</v>
      </c>
      <c r="B32617" t="s">
        <v>48349</v>
      </c>
      <c r="C32617">
        <v>2</v>
      </c>
      <c r="D32617">
        <v>0</v>
      </c>
    </row>
    <row r="32618" spans="1:4" x14ac:dyDescent="0.25">
      <c r="A32618" t="s">
        <v>48345</v>
      </c>
      <c r="B32618" t="s">
        <v>48350</v>
      </c>
      <c r="C32618">
        <v>0</v>
      </c>
      <c r="D32618">
        <v>0</v>
      </c>
    </row>
    <row r="32619" spans="1:4" x14ac:dyDescent="0.25">
      <c r="A32619" t="s">
        <v>48351</v>
      </c>
      <c r="B32619" t="s">
        <v>48352</v>
      </c>
      <c r="C32619">
        <v>2</v>
      </c>
      <c r="D32619">
        <v>0</v>
      </c>
    </row>
    <row r="32620" spans="1:4" x14ac:dyDescent="0.25">
      <c r="A32620" t="s">
        <v>48351</v>
      </c>
      <c r="B32620" t="s">
        <v>48353</v>
      </c>
      <c r="C32620">
        <v>1</v>
      </c>
      <c r="D32620">
        <v>0</v>
      </c>
    </row>
    <row r="32621" spans="1:4" x14ac:dyDescent="0.25">
      <c r="A32621" t="s">
        <v>48351</v>
      </c>
      <c r="B32621" t="s">
        <v>48354</v>
      </c>
      <c r="C32621">
        <v>1</v>
      </c>
      <c r="D32621">
        <v>0</v>
      </c>
    </row>
    <row r="32622" spans="1:4" x14ac:dyDescent="0.25">
      <c r="A32622" t="s">
        <v>48355</v>
      </c>
      <c r="B32622" t="s">
        <v>48356</v>
      </c>
      <c r="C32622">
        <v>0</v>
      </c>
      <c r="D32622">
        <v>0</v>
      </c>
    </row>
    <row r="32623" spans="1:4" x14ac:dyDescent="0.25">
      <c r="A32623" t="s">
        <v>48355</v>
      </c>
      <c r="B32623" t="s">
        <v>48357</v>
      </c>
      <c r="C32623">
        <v>0</v>
      </c>
      <c r="D32623">
        <v>0</v>
      </c>
    </row>
    <row r="32624" spans="1:4" x14ac:dyDescent="0.25">
      <c r="A32624" t="s">
        <v>48358</v>
      </c>
      <c r="B32624" t="s">
        <v>48359</v>
      </c>
      <c r="C32624">
        <v>1</v>
      </c>
      <c r="D32624">
        <v>0</v>
      </c>
    </row>
    <row r="32625" spans="1:4" x14ac:dyDescent="0.25">
      <c r="A32625" t="s">
        <v>48360</v>
      </c>
      <c r="B32625" t="s">
        <v>48361</v>
      </c>
      <c r="C32625">
        <v>1</v>
      </c>
      <c r="D32625">
        <v>0</v>
      </c>
    </row>
    <row r="32626" spans="1:4" x14ac:dyDescent="0.25">
      <c r="A32626" t="s">
        <v>48360</v>
      </c>
      <c r="B32626" t="s">
        <v>48362</v>
      </c>
      <c r="C32626">
        <v>1</v>
      </c>
      <c r="D32626">
        <v>0</v>
      </c>
    </row>
    <row r="32627" spans="1:4" x14ac:dyDescent="0.25">
      <c r="A32627" t="s">
        <v>48360</v>
      </c>
      <c r="B32627" t="s">
        <v>48363</v>
      </c>
      <c r="C32627">
        <v>1</v>
      </c>
      <c r="D32627">
        <v>0</v>
      </c>
    </row>
    <row r="32628" spans="1:4" x14ac:dyDescent="0.25">
      <c r="A32628" t="s">
        <v>48360</v>
      </c>
      <c r="B32628" t="s">
        <v>48364</v>
      </c>
      <c r="C32628">
        <v>1</v>
      </c>
      <c r="D32628">
        <v>0</v>
      </c>
    </row>
    <row r="32629" spans="1:4" x14ac:dyDescent="0.25">
      <c r="A32629" t="s">
        <v>48365</v>
      </c>
      <c r="B32629" t="s">
        <v>48366</v>
      </c>
      <c r="C32629">
        <v>1</v>
      </c>
      <c r="D32629">
        <v>0</v>
      </c>
    </row>
    <row r="32630" spans="1:4" x14ac:dyDescent="0.25">
      <c r="A32630" t="s">
        <v>48365</v>
      </c>
      <c r="B32630" t="s">
        <v>48367</v>
      </c>
      <c r="C32630">
        <v>1</v>
      </c>
      <c r="D32630">
        <v>0</v>
      </c>
    </row>
    <row r="32631" spans="1:4" x14ac:dyDescent="0.25">
      <c r="A32631" t="s">
        <v>48365</v>
      </c>
      <c r="B32631" t="s">
        <v>48368</v>
      </c>
      <c r="C32631">
        <v>1</v>
      </c>
      <c r="D32631">
        <v>0</v>
      </c>
    </row>
    <row r="32632" spans="1:4" x14ac:dyDescent="0.25">
      <c r="A32632" t="s">
        <v>48365</v>
      </c>
      <c r="B32632" t="s">
        <v>48369</v>
      </c>
      <c r="C32632">
        <v>1</v>
      </c>
      <c r="D32632">
        <v>0</v>
      </c>
    </row>
    <row r="32633" spans="1:4" x14ac:dyDescent="0.25">
      <c r="A32633" t="s">
        <v>48365</v>
      </c>
      <c r="B32633" t="s">
        <v>48370</v>
      </c>
      <c r="C32633">
        <v>1</v>
      </c>
      <c r="D32633">
        <v>0</v>
      </c>
    </row>
    <row r="32634" spans="1:4" x14ac:dyDescent="0.25">
      <c r="A32634" t="s">
        <v>48365</v>
      </c>
      <c r="B32634" t="s">
        <v>48371</v>
      </c>
      <c r="C32634">
        <v>0</v>
      </c>
      <c r="D32634">
        <v>0</v>
      </c>
    </row>
    <row r="32635" spans="1:4" x14ac:dyDescent="0.25">
      <c r="A32635" t="s">
        <v>48372</v>
      </c>
      <c r="B32635" t="s">
        <v>48373</v>
      </c>
      <c r="C32635">
        <v>0</v>
      </c>
      <c r="D32635">
        <v>0</v>
      </c>
    </row>
    <row r="32636" spans="1:4" x14ac:dyDescent="0.25">
      <c r="A32636" t="s">
        <v>48372</v>
      </c>
      <c r="B32636" t="s">
        <v>48374</v>
      </c>
      <c r="C32636">
        <v>1</v>
      </c>
      <c r="D32636">
        <v>0</v>
      </c>
    </row>
    <row r="32637" spans="1:4" x14ac:dyDescent="0.25">
      <c r="A32637" t="s">
        <v>48372</v>
      </c>
      <c r="B32637" t="s">
        <v>48375</v>
      </c>
      <c r="C32637">
        <v>1</v>
      </c>
      <c r="D32637">
        <v>0</v>
      </c>
    </row>
    <row r="32638" spans="1:4" x14ac:dyDescent="0.25">
      <c r="A32638" t="s">
        <v>48372</v>
      </c>
      <c r="B32638" t="s">
        <v>48376</v>
      </c>
      <c r="C32638">
        <v>2</v>
      </c>
      <c r="D32638">
        <v>0</v>
      </c>
    </row>
    <row r="32639" spans="1:4" x14ac:dyDescent="0.25">
      <c r="A32639" t="s">
        <v>48372</v>
      </c>
      <c r="B32639" t="s">
        <v>48377</v>
      </c>
      <c r="C32639">
        <v>1</v>
      </c>
      <c r="D32639">
        <v>0</v>
      </c>
    </row>
    <row r="32640" spans="1:4" x14ac:dyDescent="0.25">
      <c r="A32640" t="s">
        <v>48378</v>
      </c>
      <c r="B32640" t="s">
        <v>48379</v>
      </c>
      <c r="C32640">
        <v>0</v>
      </c>
      <c r="D32640">
        <v>0</v>
      </c>
    </row>
    <row r="32641" spans="1:4" x14ac:dyDescent="0.25">
      <c r="A32641" t="s">
        <v>48378</v>
      </c>
      <c r="B32641" t="s">
        <v>48380</v>
      </c>
      <c r="C32641">
        <v>1</v>
      </c>
      <c r="D32641">
        <v>0</v>
      </c>
    </row>
    <row r="32642" spans="1:4" x14ac:dyDescent="0.25">
      <c r="A32642" t="s">
        <v>48378</v>
      </c>
      <c r="B32642" t="s">
        <v>48381</v>
      </c>
      <c r="C32642">
        <v>0</v>
      </c>
      <c r="D32642">
        <v>0</v>
      </c>
    </row>
    <row r="32643" spans="1:4" x14ac:dyDescent="0.25">
      <c r="A32643" t="s">
        <v>48378</v>
      </c>
      <c r="B32643" t="s">
        <v>5713</v>
      </c>
      <c r="C32643">
        <v>1</v>
      </c>
      <c r="D32643">
        <v>0</v>
      </c>
    </row>
    <row r="32644" spans="1:4" x14ac:dyDescent="0.25">
      <c r="A32644" t="s">
        <v>48378</v>
      </c>
      <c r="B32644" t="s">
        <v>48382</v>
      </c>
      <c r="C32644">
        <v>0</v>
      </c>
      <c r="D32644">
        <v>0</v>
      </c>
    </row>
    <row r="32645" spans="1:4" x14ac:dyDescent="0.25">
      <c r="A32645" t="s">
        <v>48383</v>
      </c>
      <c r="B32645" t="s">
        <v>48384</v>
      </c>
      <c r="C32645">
        <v>1</v>
      </c>
      <c r="D32645">
        <v>0</v>
      </c>
    </row>
    <row r="32646" spans="1:4" x14ac:dyDescent="0.25">
      <c r="A32646" t="s">
        <v>48383</v>
      </c>
      <c r="B32646" t="s">
        <v>48385</v>
      </c>
      <c r="C32646">
        <v>0</v>
      </c>
      <c r="D32646">
        <v>0</v>
      </c>
    </row>
    <row r="32647" spans="1:4" x14ac:dyDescent="0.25">
      <c r="A32647" t="s">
        <v>48383</v>
      </c>
      <c r="B32647" t="s">
        <v>48386</v>
      </c>
      <c r="C32647">
        <v>2</v>
      </c>
      <c r="D32647">
        <v>0</v>
      </c>
    </row>
    <row r="32648" spans="1:4" x14ac:dyDescent="0.25">
      <c r="A32648" t="s">
        <v>48383</v>
      </c>
      <c r="B32648" t="s">
        <v>48387</v>
      </c>
      <c r="C32648">
        <v>0</v>
      </c>
      <c r="D32648">
        <v>0</v>
      </c>
    </row>
    <row r="32649" spans="1:4" x14ac:dyDescent="0.25">
      <c r="A32649" t="s">
        <v>48383</v>
      </c>
      <c r="B32649" t="s">
        <v>48388</v>
      </c>
      <c r="C32649">
        <v>1</v>
      </c>
      <c r="D32649">
        <v>0</v>
      </c>
    </row>
    <row r="32650" spans="1:4" x14ac:dyDescent="0.25">
      <c r="A32650" t="s">
        <v>48383</v>
      </c>
      <c r="B32650" t="s">
        <v>48389</v>
      </c>
      <c r="C32650">
        <v>2</v>
      </c>
      <c r="D32650">
        <v>0</v>
      </c>
    </row>
    <row r="32651" spans="1:4" x14ac:dyDescent="0.25">
      <c r="A32651" t="s">
        <v>48390</v>
      </c>
      <c r="B32651" t="s">
        <v>48391</v>
      </c>
      <c r="C32651">
        <v>0</v>
      </c>
      <c r="D32651">
        <v>0</v>
      </c>
    </row>
    <row r="32652" spans="1:4" x14ac:dyDescent="0.25">
      <c r="A32652" t="s">
        <v>48392</v>
      </c>
      <c r="B32652" t="s">
        <v>48393</v>
      </c>
      <c r="C32652">
        <v>1</v>
      </c>
      <c r="D32652">
        <v>0</v>
      </c>
    </row>
    <row r="32653" spans="1:4" x14ac:dyDescent="0.25">
      <c r="A32653" t="s">
        <v>48392</v>
      </c>
      <c r="B32653" t="s">
        <v>48394</v>
      </c>
      <c r="C32653">
        <v>1</v>
      </c>
      <c r="D32653">
        <v>0</v>
      </c>
    </row>
    <row r="32654" spans="1:4" x14ac:dyDescent="0.25">
      <c r="A32654" t="s">
        <v>48392</v>
      </c>
      <c r="B32654" t="s">
        <v>48395</v>
      </c>
      <c r="C32654">
        <v>0</v>
      </c>
      <c r="D32654">
        <v>0</v>
      </c>
    </row>
    <row r="32655" spans="1:4" x14ac:dyDescent="0.25">
      <c r="A32655" t="s">
        <v>48392</v>
      </c>
      <c r="B32655" t="s">
        <v>48396</v>
      </c>
      <c r="C32655">
        <v>1</v>
      </c>
      <c r="D32655">
        <v>0</v>
      </c>
    </row>
    <row r="32656" spans="1:4" x14ac:dyDescent="0.25">
      <c r="A32656" t="s">
        <v>48392</v>
      </c>
      <c r="B32656" t="s">
        <v>48397</v>
      </c>
      <c r="C32656">
        <v>1</v>
      </c>
      <c r="D32656">
        <v>0</v>
      </c>
    </row>
    <row r="32657" spans="1:4" x14ac:dyDescent="0.25">
      <c r="A32657" t="s">
        <v>48392</v>
      </c>
      <c r="B32657" t="s">
        <v>48398</v>
      </c>
      <c r="C32657">
        <v>1</v>
      </c>
      <c r="D32657">
        <v>0</v>
      </c>
    </row>
    <row r="32658" spans="1:4" x14ac:dyDescent="0.25">
      <c r="A32658" t="s">
        <v>48392</v>
      </c>
      <c r="B32658" t="s">
        <v>48399</v>
      </c>
      <c r="C32658">
        <v>2</v>
      </c>
      <c r="D32658">
        <v>0</v>
      </c>
    </row>
    <row r="32659" spans="1:4" x14ac:dyDescent="0.25">
      <c r="A32659" t="s">
        <v>48392</v>
      </c>
      <c r="B32659" t="s">
        <v>48400</v>
      </c>
      <c r="C32659">
        <v>1</v>
      </c>
      <c r="D32659">
        <v>0</v>
      </c>
    </row>
    <row r="32660" spans="1:4" x14ac:dyDescent="0.25">
      <c r="A32660" t="s">
        <v>48392</v>
      </c>
      <c r="B32660" t="s">
        <v>48401</v>
      </c>
      <c r="C32660">
        <v>0</v>
      </c>
      <c r="D32660">
        <v>0</v>
      </c>
    </row>
    <row r="32661" spans="1:4" x14ac:dyDescent="0.25">
      <c r="A32661" t="s">
        <v>48402</v>
      </c>
      <c r="B32661" t="s">
        <v>48403</v>
      </c>
      <c r="C32661">
        <v>1</v>
      </c>
      <c r="D32661">
        <v>0</v>
      </c>
    </row>
    <row r="32662" spans="1:4" x14ac:dyDescent="0.25">
      <c r="A32662" t="s">
        <v>48402</v>
      </c>
      <c r="B32662" t="s">
        <v>48404</v>
      </c>
      <c r="C32662">
        <v>1</v>
      </c>
      <c r="D32662">
        <v>0</v>
      </c>
    </row>
    <row r="32663" spans="1:4" x14ac:dyDescent="0.25">
      <c r="A32663" t="s">
        <v>48402</v>
      </c>
      <c r="B32663" t="s">
        <v>5713</v>
      </c>
      <c r="C32663">
        <v>1</v>
      </c>
      <c r="D32663">
        <v>0</v>
      </c>
    </row>
    <row r="32664" spans="1:4" x14ac:dyDescent="0.25">
      <c r="A32664" t="s">
        <v>48402</v>
      </c>
      <c r="B32664" t="s">
        <v>48405</v>
      </c>
      <c r="C32664">
        <v>1</v>
      </c>
      <c r="D32664">
        <v>0</v>
      </c>
    </row>
    <row r="32665" spans="1:4" x14ac:dyDescent="0.25">
      <c r="A32665" t="s">
        <v>48402</v>
      </c>
      <c r="B32665" t="s">
        <v>48406</v>
      </c>
      <c r="C32665">
        <v>1</v>
      </c>
      <c r="D32665">
        <v>0</v>
      </c>
    </row>
    <row r="32666" spans="1:4" x14ac:dyDescent="0.25">
      <c r="A32666" t="s">
        <v>48407</v>
      </c>
      <c r="B32666" t="s">
        <v>48408</v>
      </c>
      <c r="C32666">
        <v>1</v>
      </c>
      <c r="D32666">
        <v>0</v>
      </c>
    </row>
    <row r="32667" spans="1:4" x14ac:dyDescent="0.25">
      <c r="A32667" t="s">
        <v>48407</v>
      </c>
      <c r="B32667" t="s">
        <v>48409</v>
      </c>
      <c r="C32667">
        <v>2</v>
      </c>
      <c r="D32667">
        <v>0</v>
      </c>
    </row>
    <row r="32668" spans="1:4" x14ac:dyDescent="0.25">
      <c r="A32668" t="s">
        <v>48407</v>
      </c>
      <c r="B32668" t="s">
        <v>35398</v>
      </c>
      <c r="C32668">
        <v>1</v>
      </c>
      <c r="D32668">
        <v>0</v>
      </c>
    </row>
    <row r="32669" spans="1:4" x14ac:dyDescent="0.25">
      <c r="A32669" t="s">
        <v>48407</v>
      </c>
      <c r="B32669" t="s">
        <v>48410</v>
      </c>
      <c r="C32669">
        <v>0</v>
      </c>
      <c r="D32669">
        <v>0</v>
      </c>
    </row>
    <row r="32670" spans="1:4" x14ac:dyDescent="0.25">
      <c r="A32670" t="s">
        <v>48407</v>
      </c>
      <c r="B32670" t="s">
        <v>48411</v>
      </c>
      <c r="C32670">
        <v>1</v>
      </c>
      <c r="D32670">
        <v>0</v>
      </c>
    </row>
    <row r="32671" spans="1:4" x14ac:dyDescent="0.25">
      <c r="A32671" t="s">
        <v>48407</v>
      </c>
      <c r="B32671" t="s">
        <v>48412</v>
      </c>
      <c r="C32671">
        <v>1</v>
      </c>
      <c r="D32671">
        <v>0</v>
      </c>
    </row>
    <row r="32672" spans="1:4" x14ac:dyDescent="0.25">
      <c r="A32672" t="s">
        <v>48407</v>
      </c>
      <c r="B32672" t="s">
        <v>48413</v>
      </c>
      <c r="C32672">
        <v>1</v>
      </c>
      <c r="D32672">
        <v>0</v>
      </c>
    </row>
    <row r="32673" spans="1:4" x14ac:dyDescent="0.25">
      <c r="A32673" t="s">
        <v>48407</v>
      </c>
      <c r="B32673" t="s">
        <v>48414</v>
      </c>
      <c r="C32673">
        <v>1</v>
      </c>
      <c r="D32673">
        <v>0</v>
      </c>
    </row>
    <row r="32674" spans="1:4" x14ac:dyDescent="0.25">
      <c r="A32674" t="s">
        <v>48415</v>
      </c>
      <c r="B32674" t="s">
        <v>48416</v>
      </c>
      <c r="C32674">
        <v>0</v>
      </c>
      <c r="D32674">
        <v>0</v>
      </c>
    </row>
    <row r="32675" spans="1:4" x14ac:dyDescent="0.25">
      <c r="A32675" t="s">
        <v>48415</v>
      </c>
      <c r="B32675" t="s">
        <v>48417</v>
      </c>
      <c r="C32675">
        <v>2</v>
      </c>
      <c r="D32675">
        <v>0</v>
      </c>
    </row>
    <row r="32676" spans="1:4" x14ac:dyDescent="0.25">
      <c r="A32676" t="s">
        <v>48415</v>
      </c>
      <c r="B32676" t="s">
        <v>48418</v>
      </c>
      <c r="C32676">
        <v>1</v>
      </c>
      <c r="D32676">
        <v>0</v>
      </c>
    </row>
    <row r="32677" spans="1:4" x14ac:dyDescent="0.25">
      <c r="A32677" t="s">
        <v>48415</v>
      </c>
      <c r="B32677" t="s">
        <v>48419</v>
      </c>
      <c r="C32677">
        <v>1</v>
      </c>
      <c r="D32677">
        <v>0</v>
      </c>
    </row>
    <row r="32678" spans="1:4" x14ac:dyDescent="0.25">
      <c r="A32678" t="s">
        <v>48415</v>
      </c>
      <c r="B32678" t="s">
        <v>48420</v>
      </c>
      <c r="C32678">
        <v>0</v>
      </c>
      <c r="D32678">
        <v>0</v>
      </c>
    </row>
    <row r="32679" spans="1:4" x14ac:dyDescent="0.25">
      <c r="A32679" t="s">
        <v>48415</v>
      </c>
      <c r="B32679" t="s">
        <v>48421</v>
      </c>
      <c r="C32679">
        <v>2</v>
      </c>
      <c r="D32679">
        <v>0</v>
      </c>
    </row>
    <row r="32680" spans="1:4" x14ac:dyDescent="0.25">
      <c r="A32680" t="s">
        <v>48415</v>
      </c>
      <c r="B32680" t="s">
        <v>48422</v>
      </c>
      <c r="C32680">
        <v>0</v>
      </c>
      <c r="D32680">
        <v>0</v>
      </c>
    </row>
    <row r="32681" spans="1:4" x14ac:dyDescent="0.25">
      <c r="A32681" t="s">
        <v>48415</v>
      </c>
      <c r="B32681" t="s">
        <v>48423</v>
      </c>
      <c r="C32681">
        <v>2</v>
      </c>
      <c r="D32681">
        <v>0</v>
      </c>
    </row>
    <row r="32682" spans="1:4" x14ac:dyDescent="0.25">
      <c r="A32682" t="s">
        <v>48424</v>
      </c>
      <c r="B32682" t="s">
        <v>5434</v>
      </c>
      <c r="C32682">
        <v>1</v>
      </c>
      <c r="D32682">
        <v>0</v>
      </c>
    </row>
    <row r="32683" spans="1:4" x14ac:dyDescent="0.25">
      <c r="A32683" t="s">
        <v>48424</v>
      </c>
      <c r="B32683" t="s">
        <v>48425</v>
      </c>
      <c r="C32683">
        <v>1</v>
      </c>
      <c r="D32683">
        <v>0</v>
      </c>
    </row>
    <row r="32684" spans="1:4" x14ac:dyDescent="0.25">
      <c r="A32684" t="s">
        <v>48426</v>
      </c>
      <c r="B32684" t="s">
        <v>9783</v>
      </c>
      <c r="C32684">
        <v>0</v>
      </c>
      <c r="D32684">
        <v>0</v>
      </c>
    </row>
    <row r="32685" spans="1:4" x14ac:dyDescent="0.25">
      <c r="A32685" t="s">
        <v>48426</v>
      </c>
      <c r="B32685" t="s">
        <v>48427</v>
      </c>
      <c r="C32685">
        <v>2</v>
      </c>
      <c r="D32685">
        <v>0</v>
      </c>
    </row>
    <row r="32686" spans="1:4" x14ac:dyDescent="0.25">
      <c r="A32686" t="s">
        <v>48426</v>
      </c>
      <c r="B32686" t="s">
        <v>48428</v>
      </c>
      <c r="C32686">
        <v>0</v>
      </c>
      <c r="D32686">
        <v>0</v>
      </c>
    </row>
    <row r="32687" spans="1:4" x14ac:dyDescent="0.25">
      <c r="A32687" t="s">
        <v>48426</v>
      </c>
      <c r="B32687" t="s">
        <v>48429</v>
      </c>
      <c r="C32687">
        <v>0</v>
      </c>
      <c r="D32687">
        <v>0</v>
      </c>
    </row>
    <row r="32688" spans="1:4" x14ac:dyDescent="0.25">
      <c r="A32688" t="s">
        <v>48426</v>
      </c>
      <c r="B32688" t="s">
        <v>48430</v>
      </c>
      <c r="C32688">
        <v>0</v>
      </c>
      <c r="D32688">
        <v>0</v>
      </c>
    </row>
    <row r="32689" spans="1:4" x14ac:dyDescent="0.25">
      <c r="A32689" t="s">
        <v>48426</v>
      </c>
      <c r="B32689" t="s">
        <v>48431</v>
      </c>
      <c r="C32689">
        <v>2</v>
      </c>
      <c r="D32689">
        <v>0</v>
      </c>
    </row>
    <row r="32690" spans="1:4" x14ac:dyDescent="0.25">
      <c r="A32690" t="s">
        <v>48426</v>
      </c>
      <c r="B32690" t="s">
        <v>48432</v>
      </c>
      <c r="C32690">
        <v>1</v>
      </c>
      <c r="D32690">
        <v>0</v>
      </c>
    </row>
    <row r="32691" spans="1:4" x14ac:dyDescent="0.25">
      <c r="A32691" t="s">
        <v>48433</v>
      </c>
      <c r="B32691" t="s">
        <v>5809</v>
      </c>
      <c r="C32691">
        <v>1</v>
      </c>
      <c r="D32691">
        <v>0</v>
      </c>
    </row>
    <row r="32692" spans="1:4" x14ac:dyDescent="0.25">
      <c r="A32692" t="s">
        <v>48433</v>
      </c>
      <c r="B32692" t="s">
        <v>48434</v>
      </c>
      <c r="C32692">
        <v>2</v>
      </c>
      <c r="D32692">
        <v>0</v>
      </c>
    </row>
    <row r="32693" spans="1:4" x14ac:dyDescent="0.25">
      <c r="A32693" t="s">
        <v>48433</v>
      </c>
      <c r="B32693" t="s">
        <v>48435</v>
      </c>
      <c r="C32693">
        <v>2</v>
      </c>
      <c r="D32693">
        <v>0</v>
      </c>
    </row>
    <row r="32694" spans="1:4" x14ac:dyDescent="0.25">
      <c r="A32694" t="s">
        <v>48433</v>
      </c>
      <c r="B32694" t="s">
        <v>48436</v>
      </c>
      <c r="C32694">
        <v>1</v>
      </c>
      <c r="D32694">
        <v>0</v>
      </c>
    </row>
    <row r="32695" spans="1:4" x14ac:dyDescent="0.25">
      <c r="A32695" t="s">
        <v>48433</v>
      </c>
      <c r="B32695" t="s">
        <v>48437</v>
      </c>
      <c r="C32695">
        <v>2</v>
      </c>
      <c r="D32695">
        <v>0</v>
      </c>
    </row>
    <row r="32696" spans="1:4" x14ac:dyDescent="0.25">
      <c r="A32696" t="s">
        <v>48433</v>
      </c>
      <c r="B32696" t="s">
        <v>48438</v>
      </c>
      <c r="C32696">
        <v>2</v>
      </c>
      <c r="D32696">
        <v>0</v>
      </c>
    </row>
    <row r="32697" spans="1:4" x14ac:dyDescent="0.25">
      <c r="A32697" t="s">
        <v>48439</v>
      </c>
      <c r="B32697" t="s">
        <v>48440</v>
      </c>
      <c r="C32697">
        <v>1</v>
      </c>
      <c r="D32697">
        <v>0</v>
      </c>
    </row>
    <row r="32698" spans="1:4" x14ac:dyDescent="0.25">
      <c r="A32698" t="s">
        <v>48439</v>
      </c>
      <c r="B32698" t="s">
        <v>48441</v>
      </c>
      <c r="C32698">
        <v>1</v>
      </c>
      <c r="D32698">
        <v>0</v>
      </c>
    </row>
    <row r="32699" spans="1:4" x14ac:dyDescent="0.25">
      <c r="A32699" t="s">
        <v>48439</v>
      </c>
      <c r="B32699" t="s">
        <v>48442</v>
      </c>
      <c r="C32699">
        <v>2</v>
      </c>
      <c r="D32699">
        <v>0</v>
      </c>
    </row>
    <row r="32700" spans="1:4" x14ac:dyDescent="0.25">
      <c r="A32700" t="s">
        <v>48439</v>
      </c>
      <c r="B32700" t="s">
        <v>48443</v>
      </c>
      <c r="C32700">
        <v>1</v>
      </c>
      <c r="D32700">
        <v>0</v>
      </c>
    </row>
    <row r="32701" spans="1:4" x14ac:dyDescent="0.25">
      <c r="A32701" t="s">
        <v>48444</v>
      </c>
      <c r="B32701" t="s">
        <v>48445</v>
      </c>
      <c r="C32701">
        <v>1</v>
      </c>
      <c r="D32701">
        <v>0</v>
      </c>
    </row>
    <row r="32702" spans="1:4" x14ac:dyDescent="0.25">
      <c r="A32702" t="s">
        <v>48444</v>
      </c>
      <c r="B32702" t="s">
        <v>48446</v>
      </c>
      <c r="C32702">
        <v>2</v>
      </c>
      <c r="D32702">
        <v>0</v>
      </c>
    </row>
    <row r="32703" spans="1:4" x14ac:dyDescent="0.25">
      <c r="A32703" t="s">
        <v>48444</v>
      </c>
      <c r="B32703" t="s">
        <v>48447</v>
      </c>
      <c r="C32703">
        <v>2</v>
      </c>
      <c r="D32703">
        <v>0</v>
      </c>
    </row>
    <row r="32704" spans="1:4" x14ac:dyDescent="0.25">
      <c r="A32704" t="s">
        <v>48444</v>
      </c>
      <c r="B32704" t="s">
        <v>48448</v>
      </c>
      <c r="C32704">
        <v>2</v>
      </c>
      <c r="D32704">
        <v>0</v>
      </c>
    </row>
    <row r="32705" spans="1:4" x14ac:dyDescent="0.25">
      <c r="A32705" t="s">
        <v>48449</v>
      </c>
      <c r="B32705" t="s">
        <v>48450</v>
      </c>
      <c r="C32705">
        <v>0</v>
      </c>
      <c r="D32705">
        <v>0</v>
      </c>
    </row>
    <row r="32706" spans="1:4" x14ac:dyDescent="0.25">
      <c r="A32706" t="s">
        <v>48451</v>
      </c>
      <c r="B32706" t="s">
        <v>5047</v>
      </c>
      <c r="C32706">
        <v>0</v>
      </c>
      <c r="D32706">
        <v>0</v>
      </c>
    </row>
    <row r="32707" spans="1:4" x14ac:dyDescent="0.25">
      <c r="A32707" t="s">
        <v>48451</v>
      </c>
      <c r="B32707" t="s">
        <v>5047</v>
      </c>
      <c r="C32707">
        <v>0</v>
      </c>
      <c r="D32707">
        <v>0</v>
      </c>
    </row>
    <row r="32708" spans="1:4" x14ac:dyDescent="0.25">
      <c r="A32708" t="s">
        <v>48451</v>
      </c>
      <c r="B32708" t="s">
        <v>18079</v>
      </c>
      <c r="C32708">
        <v>0</v>
      </c>
      <c r="D32708">
        <v>0</v>
      </c>
    </row>
    <row r="32709" spans="1:4" x14ac:dyDescent="0.25">
      <c r="A32709" t="s">
        <v>48452</v>
      </c>
      <c r="B32709" t="s">
        <v>48453</v>
      </c>
      <c r="C32709">
        <v>1</v>
      </c>
      <c r="D32709">
        <v>0</v>
      </c>
    </row>
    <row r="32710" spans="1:4" x14ac:dyDescent="0.25">
      <c r="A32710" t="s">
        <v>48454</v>
      </c>
      <c r="B32710" t="s">
        <v>48455</v>
      </c>
      <c r="C32710">
        <v>1</v>
      </c>
      <c r="D32710">
        <v>0</v>
      </c>
    </row>
    <row r="32711" spans="1:4" x14ac:dyDescent="0.25">
      <c r="A32711" t="s">
        <v>48454</v>
      </c>
      <c r="B32711" t="s">
        <v>48456</v>
      </c>
      <c r="C32711">
        <v>1</v>
      </c>
      <c r="D32711">
        <v>0</v>
      </c>
    </row>
    <row r="32712" spans="1:4" x14ac:dyDescent="0.25">
      <c r="A32712" t="s">
        <v>48454</v>
      </c>
      <c r="B32712" t="s">
        <v>48457</v>
      </c>
      <c r="C32712">
        <v>0</v>
      </c>
      <c r="D32712">
        <v>0</v>
      </c>
    </row>
    <row r="32713" spans="1:4" x14ac:dyDescent="0.25">
      <c r="A32713" t="s">
        <v>48454</v>
      </c>
      <c r="B32713" t="s">
        <v>48458</v>
      </c>
      <c r="C32713">
        <v>1</v>
      </c>
      <c r="D32713">
        <v>0</v>
      </c>
    </row>
    <row r="32714" spans="1:4" x14ac:dyDescent="0.25">
      <c r="A32714" t="s">
        <v>48459</v>
      </c>
      <c r="B32714" t="s">
        <v>48460</v>
      </c>
      <c r="C32714">
        <v>1</v>
      </c>
      <c r="D32714">
        <v>0</v>
      </c>
    </row>
    <row r="32715" spans="1:4" x14ac:dyDescent="0.25">
      <c r="A32715" t="s">
        <v>48459</v>
      </c>
      <c r="B32715" t="s">
        <v>48461</v>
      </c>
      <c r="C32715">
        <v>0</v>
      </c>
      <c r="D32715">
        <v>0</v>
      </c>
    </row>
    <row r="32716" spans="1:4" x14ac:dyDescent="0.25">
      <c r="A32716" t="s">
        <v>48459</v>
      </c>
      <c r="B32716" t="s">
        <v>48462</v>
      </c>
      <c r="C32716">
        <v>0</v>
      </c>
      <c r="D32716">
        <v>0</v>
      </c>
    </row>
    <row r="32717" spans="1:4" x14ac:dyDescent="0.25">
      <c r="A32717" t="s">
        <v>48463</v>
      </c>
      <c r="B32717" t="s">
        <v>48464</v>
      </c>
      <c r="C32717">
        <v>1</v>
      </c>
      <c r="D32717">
        <v>0</v>
      </c>
    </row>
    <row r="32718" spans="1:4" x14ac:dyDescent="0.25">
      <c r="A32718" t="s">
        <v>48463</v>
      </c>
      <c r="B32718" t="s">
        <v>48465</v>
      </c>
      <c r="C32718">
        <v>2</v>
      </c>
      <c r="D32718">
        <v>0</v>
      </c>
    </row>
    <row r="32719" spans="1:4" x14ac:dyDescent="0.25">
      <c r="A32719" t="s">
        <v>48463</v>
      </c>
      <c r="B32719" t="s">
        <v>48466</v>
      </c>
      <c r="C32719">
        <v>1</v>
      </c>
      <c r="D32719">
        <v>0</v>
      </c>
    </row>
    <row r="32720" spans="1:4" x14ac:dyDescent="0.25">
      <c r="A32720" t="s">
        <v>48463</v>
      </c>
      <c r="B32720" t="s">
        <v>48467</v>
      </c>
      <c r="C32720">
        <v>1</v>
      </c>
      <c r="D32720">
        <v>0</v>
      </c>
    </row>
    <row r="32721" spans="1:4" x14ac:dyDescent="0.25">
      <c r="A32721" t="s">
        <v>48463</v>
      </c>
      <c r="B32721" t="s">
        <v>48468</v>
      </c>
      <c r="C32721">
        <v>0</v>
      </c>
      <c r="D32721">
        <v>0</v>
      </c>
    </row>
    <row r="32722" spans="1:4" x14ac:dyDescent="0.25">
      <c r="A32722" t="s">
        <v>48469</v>
      </c>
      <c r="B32722" t="s">
        <v>2865</v>
      </c>
      <c r="C32722">
        <v>0</v>
      </c>
      <c r="D32722">
        <v>0</v>
      </c>
    </row>
    <row r="32723" spans="1:4" x14ac:dyDescent="0.25">
      <c r="A32723" t="s">
        <v>48469</v>
      </c>
      <c r="B32723" t="s">
        <v>48470</v>
      </c>
      <c r="C32723">
        <v>0</v>
      </c>
      <c r="D32723">
        <v>0</v>
      </c>
    </row>
    <row r="32724" spans="1:4" x14ac:dyDescent="0.25">
      <c r="A32724" t="s">
        <v>48469</v>
      </c>
      <c r="B32724" t="s">
        <v>48471</v>
      </c>
      <c r="C32724">
        <v>2</v>
      </c>
      <c r="D32724">
        <v>0</v>
      </c>
    </row>
    <row r="32725" spans="1:4" x14ac:dyDescent="0.25">
      <c r="A32725" t="s">
        <v>48469</v>
      </c>
      <c r="B32725" t="s">
        <v>48472</v>
      </c>
      <c r="C32725">
        <v>1</v>
      </c>
      <c r="D32725">
        <v>0</v>
      </c>
    </row>
    <row r="32726" spans="1:4" x14ac:dyDescent="0.25">
      <c r="A32726" t="s">
        <v>48469</v>
      </c>
      <c r="B32726" t="s">
        <v>48473</v>
      </c>
      <c r="C32726">
        <v>1</v>
      </c>
      <c r="D32726">
        <v>0</v>
      </c>
    </row>
    <row r="32727" spans="1:4" x14ac:dyDescent="0.25">
      <c r="A32727" t="s">
        <v>48469</v>
      </c>
      <c r="B32727" t="s">
        <v>48474</v>
      </c>
      <c r="C32727">
        <v>0</v>
      </c>
      <c r="D32727">
        <v>0</v>
      </c>
    </row>
    <row r="32728" spans="1:4" x14ac:dyDescent="0.25">
      <c r="A32728" t="s">
        <v>48475</v>
      </c>
      <c r="B32728" t="s">
        <v>48476</v>
      </c>
      <c r="C32728">
        <v>2</v>
      </c>
      <c r="D32728">
        <v>0</v>
      </c>
    </row>
    <row r="32729" spans="1:4" x14ac:dyDescent="0.25">
      <c r="A32729" t="s">
        <v>48475</v>
      </c>
      <c r="B32729" t="s">
        <v>48477</v>
      </c>
      <c r="C32729">
        <v>2</v>
      </c>
      <c r="D32729">
        <v>0</v>
      </c>
    </row>
    <row r="32730" spans="1:4" x14ac:dyDescent="0.25">
      <c r="A32730" t="s">
        <v>48475</v>
      </c>
      <c r="B32730" t="s">
        <v>48478</v>
      </c>
      <c r="C32730">
        <v>2</v>
      </c>
      <c r="D32730">
        <v>0</v>
      </c>
    </row>
    <row r="32731" spans="1:4" x14ac:dyDescent="0.25">
      <c r="A32731" t="s">
        <v>48475</v>
      </c>
      <c r="B32731" t="s">
        <v>48479</v>
      </c>
      <c r="C32731">
        <v>1</v>
      </c>
      <c r="D32731">
        <v>0</v>
      </c>
    </row>
    <row r="32732" spans="1:4" x14ac:dyDescent="0.25">
      <c r="A32732" t="s">
        <v>48475</v>
      </c>
      <c r="B32732" t="s">
        <v>48480</v>
      </c>
      <c r="C32732">
        <v>2</v>
      </c>
      <c r="D32732">
        <v>0</v>
      </c>
    </row>
    <row r="32733" spans="1:4" x14ac:dyDescent="0.25">
      <c r="A32733" t="s">
        <v>48475</v>
      </c>
      <c r="B32733" t="s">
        <v>48481</v>
      </c>
      <c r="C32733">
        <v>0</v>
      </c>
      <c r="D32733">
        <v>0</v>
      </c>
    </row>
    <row r="32734" spans="1:4" x14ac:dyDescent="0.25">
      <c r="A32734" t="s">
        <v>48482</v>
      </c>
      <c r="B32734" t="s">
        <v>48483</v>
      </c>
      <c r="C32734">
        <v>1</v>
      </c>
      <c r="D32734">
        <v>0</v>
      </c>
    </row>
    <row r="32735" spans="1:4" x14ac:dyDescent="0.25">
      <c r="A32735" t="s">
        <v>48482</v>
      </c>
      <c r="B32735" t="s">
        <v>48484</v>
      </c>
      <c r="C32735">
        <v>1</v>
      </c>
      <c r="D32735">
        <v>0</v>
      </c>
    </row>
    <row r="32736" spans="1:4" x14ac:dyDescent="0.25">
      <c r="A32736" t="s">
        <v>48482</v>
      </c>
      <c r="B32736" t="s">
        <v>48485</v>
      </c>
      <c r="C32736">
        <v>0</v>
      </c>
      <c r="D32736">
        <v>0</v>
      </c>
    </row>
    <row r="32737" spans="1:4" x14ac:dyDescent="0.25">
      <c r="A32737" t="s">
        <v>48486</v>
      </c>
      <c r="B32737" t="s">
        <v>48487</v>
      </c>
      <c r="C32737">
        <v>2</v>
      </c>
      <c r="D32737">
        <v>0</v>
      </c>
    </row>
    <row r="32738" spans="1:4" x14ac:dyDescent="0.25">
      <c r="A32738" t="s">
        <v>48486</v>
      </c>
      <c r="B32738" t="s">
        <v>48488</v>
      </c>
      <c r="C32738">
        <v>1</v>
      </c>
      <c r="D32738">
        <v>0</v>
      </c>
    </row>
    <row r="32739" spans="1:4" x14ac:dyDescent="0.25">
      <c r="A32739" t="s">
        <v>48486</v>
      </c>
      <c r="B32739" t="s">
        <v>48489</v>
      </c>
      <c r="C32739">
        <v>1</v>
      </c>
      <c r="D32739">
        <v>0</v>
      </c>
    </row>
    <row r="32740" spans="1:4" x14ac:dyDescent="0.25">
      <c r="A32740" t="s">
        <v>48490</v>
      </c>
      <c r="B32740" t="s">
        <v>48491</v>
      </c>
      <c r="C32740">
        <v>0</v>
      </c>
      <c r="D32740">
        <v>0</v>
      </c>
    </row>
    <row r="32741" spans="1:4" x14ac:dyDescent="0.25">
      <c r="A32741" t="s">
        <v>48490</v>
      </c>
      <c r="B32741" t="s">
        <v>48492</v>
      </c>
      <c r="C32741">
        <v>0</v>
      </c>
      <c r="D32741">
        <v>0</v>
      </c>
    </row>
    <row r="32742" spans="1:4" x14ac:dyDescent="0.25">
      <c r="A32742" t="s">
        <v>48490</v>
      </c>
      <c r="B32742" t="s">
        <v>48493</v>
      </c>
      <c r="C32742">
        <v>0</v>
      </c>
      <c r="D32742">
        <v>0</v>
      </c>
    </row>
    <row r="32743" spans="1:4" x14ac:dyDescent="0.25">
      <c r="A32743" t="s">
        <v>48490</v>
      </c>
      <c r="B32743" t="s">
        <v>48494</v>
      </c>
      <c r="C32743">
        <v>0</v>
      </c>
      <c r="D32743">
        <v>0</v>
      </c>
    </row>
    <row r="32744" spans="1:4" x14ac:dyDescent="0.25">
      <c r="A32744" t="s">
        <v>48490</v>
      </c>
      <c r="B32744" t="s">
        <v>48495</v>
      </c>
      <c r="C32744">
        <v>1</v>
      </c>
      <c r="D32744">
        <v>0</v>
      </c>
    </row>
    <row r="32745" spans="1:4" x14ac:dyDescent="0.25">
      <c r="A32745" t="s">
        <v>48490</v>
      </c>
      <c r="B32745" t="s">
        <v>48496</v>
      </c>
      <c r="C32745">
        <v>2</v>
      </c>
      <c r="D32745">
        <v>0</v>
      </c>
    </row>
    <row r="32746" spans="1:4" x14ac:dyDescent="0.25">
      <c r="A32746" t="s">
        <v>48497</v>
      </c>
      <c r="B32746" t="s">
        <v>48498</v>
      </c>
      <c r="C32746">
        <v>0</v>
      </c>
      <c r="D32746">
        <v>0</v>
      </c>
    </row>
    <row r="32747" spans="1:4" x14ac:dyDescent="0.25">
      <c r="A32747" t="s">
        <v>48497</v>
      </c>
      <c r="B32747" t="s">
        <v>48499</v>
      </c>
      <c r="C32747">
        <v>1</v>
      </c>
      <c r="D32747">
        <v>0</v>
      </c>
    </row>
    <row r="32748" spans="1:4" x14ac:dyDescent="0.25">
      <c r="A32748" t="s">
        <v>48497</v>
      </c>
      <c r="B32748" t="s">
        <v>48498</v>
      </c>
      <c r="C32748">
        <v>0</v>
      </c>
      <c r="D32748">
        <v>0</v>
      </c>
    </row>
    <row r="32749" spans="1:4" x14ac:dyDescent="0.25">
      <c r="A32749" t="s">
        <v>48497</v>
      </c>
      <c r="B32749" t="s">
        <v>48500</v>
      </c>
      <c r="C32749">
        <v>1</v>
      </c>
      <c r="D32749">
        <v>0</v>
      </c>
    </row>
    <row r="32750" spans="1:4" x14ac:dyDescent="0.25">
      <c r="A32750" t="s">
        <v>48497</v>
      </c>
      <c r="B32750" t="s">
        <v>48501</v>
      </c>
      <c r="C32750">
        <v>1</v>
      </c>
      <c r="D32750">
        <v>0</v>
      </c>
    </row>
    <row r="32751" spans="1:4" x14ac:dyDescent="0.25">
      <c r="A32751" t="s">
        <v>48497</v>
      </c>
      <c r="B32751" t="s">
        <v>48502</v>
      </c>
      <c r="C32751">
        <v>1</v>
      </c>
      <c r="D32751">
        <v>0</v>
      </c>
    </row>
    <row r="32752" spans="1:4" x14ac:dyDescent="0.25">
      <c r="A32752" t="s">
        <v>48497</v>
      </c>
      <c r="B32752" t="s">
        <v>48503</v>
      </c>
      <c r="C32752">
        <v>1</v>
      </c>
      <c r="D32752">
        <v>0</v>
      </c>
    </row>
    <row r="32753" spans="1:4" x14ac:dyDescent="0.25">
      <c r="A32753" t="s">
        <v>48497</v>
      </c>
      <c r="B32753" t="s">
        <v>48504</v>
      </c>
      <c r="C32753">
        <v>1</v>
      </c>
      <c r="D32753">
        <v>0</v>
      </c>
    </row>
    <row r="32754" spans="1:4" x14ac:dyDescent="0.25">
      <c r="A32754" t="s">
        <v>48505</v>
      </c>
      <c r="B32754" t="s">
        <v>48506</v>
      </c>
      <c r="C32754">
        <v>1</v>
      </c>
      <c r="D32754">
        <v>0</v>
      </c>
    </row>
    <row r="32755" spans="1:4" x14ac:dyDescent="0.25">
      <c r="A32755" t="s">
        <v>48505</v>
      </c>
      <c r="B32755" t="s">
        <v>48507</v>
      </c>
      <c r="C32755">
        <v>2</v>
      </c>
      <c r="D32755">
        <v>0</v>
      </c>
    </row>
    <row r="32756" spans="1:4" x14ac:dyDescent="0.25">
      <c r="A32756" t="s">
        <v>48508</v>
      </c>
      <c r="B32756" t="s">
        <v>48509</v>
      </c>
      <c r="C32756">
        <v>1</v>
      </c>
      <c r="D32756">
        <v>0</v>
      </c>
    </row>
    <row r="32757" spans="1:4" x14ac:dyDescent="0.25">
      <c r="A32757" t="s">
        <v>48508</v>
      </c>
      <c r="B32757" t="s">
        <v>48510</v>
      </c>
      <c r="C32757">
        <v>1</v>
      </c>
      <c r="D32757">
        <v>0</v>
      </c>
    </row>
    <row r="32758" spans="1:4" x14ac:dyDescent="0.25">
      <c r="A32758" t="s">
        <v>48508</v>
      </c>
      <c r="B32758" t="s">
        <v>48511</v>
      </c>
      <c r="C32758">
        <v>1</v>
      </c>
      <c r="D32758">
        <v>0</v>
      </c>
    </row>
    <row r="32759" spans="1:4" x14ac:dyDescent="0.25">
      <c r="A32759" t="s">
        <v>48512</v>
      </c>
      <c r="B32759" t="s">
        <v>48513</v>
      </c>
      <c r="C32759">
        <v>0</v>
      </c>
      <c r="D32759">
        <v>0</v>
      </c>
    </row>
    <row r="32760" spans="1:4" x14ac:dyDescent="0.25">
      <c r="A32760" t="s">
        <v>48512</v>
      </c>
      <c r="B32760" t="s">
        <v>48514</v>
      </c>
      <c r="C32760">
        <v>0</v>
      </c>
      <c r="D32760">
        <v>0</v>
      </c>
    </row>
    <row r="32761" spans="1:4" x14ac:dyDescent="0.25">
      <c r="A32761" t="s">
        <v>48512</v>
      </c>
      <c r="B32761" t="s">
        <v>48515</v>
      </c>
      <c r="C32761">
        <v>0</v>
      </c>
      <c r="D32761">
        <v>0</v>
      </c>
    </row>
    <row r="32762" spans="1:4" x14ac:dyDescent="0.25">
      <c r="A32762" t="s">
        <v>48512</v>
      </c>
      <c r="B32762" t="s">
        <v>48516</v>
      </c>
      <c r="C32762">
        <v>0</v>
      </c>
      <c r="D32762">
        <v>0</v>
      </c>
    </row>
    <row r="32763" spans="1:4" x14ac:dyDescent="0.25">
      <c r="A32763" t="s">
        <v>48517</v>
      </c>
      <c r="B32763" t="s">
        <v>48518</v>
      </c>
      <c r="C32763">
        <v>1</v>
      </c>
      <c r="D32763">
        <v>0</v>
      </c>
    </row>
    <row r="32764" spans="1:4" x14ac:dyDescent="0.25">
      <c r="A32764" t="s">
        <v>48519</v>
      </c>
      <c r="B32764" t="s">
        <v>48520</v>
      </c>
      <c r="C32764">
        <v>0</v>
      </c>
      <c r="D32764">
        <v>0</v>
      </c>
    </row>
    <row r="32765" spans="1:4" x14ac:dyDescent="0.25">
      <c r="A32765" t="s">
        <v>48519</v>
      </c>
      <c r="B32765" t="s">
        <v>48521</v>
      </c>
      <c r="C32765">
        <v>1</v>
      </c>
      <c r="D32765">
        <v>0</v>
      </c>
    </row>
    <row r="32766" spans="1:4" x14ac:dyDescent="0.25">
      <c r="A32766" t="s">
        <v>48519</v>
      </c>
      <c r="B32766" t="s">
        <v>48522</v>
      </c>
      <c r="C32766">
        <v>0</v>
      </c>
      <c r="D32766">
        <v>0</v>
      </c>
    </row>
    <row r="32767" spans="1:4" x14ac:dyDescent="0.25">
      <c r="A32767" t="s">
        <v>48523</v>
      </c>
      <c r="B32767" t="s">
        <v>48524</v>
      </c>
      <c r="C32767">
        <v>1</v>
      </c>
      <c r="D32767">
        <v>0</v>
      </c>
    </row>
    <row r="32768" spans="1:4" x14ac:dyDescent="0.25">
      <c r="A32768" t="s">
        <v>48525</v>
      </c>
      <c r="B32768" t="s">
        <v>48526</v>
      </c>
      <c r="C32768">
        <v>1</v>
      </c>
      <c r="D32768">
        <v>0</v>
      </c>
    </row>
    <row r="32769" spans="1:4" x14ac:dyDescent="0.25">
      <c r="A32769" t="s">
        <v>48525</v>
      </c>
      <c r="B32769" t="s">
        <v>48527</v>
      </c>
      <c r="C32769">
        <v>1</v>
      </c>
      <c r="D32769">
        <v>0</v>
      </c>
    </row>
    <row r="32770" spans="1:4" x14ac:dyDescent="0.25">
      <c r="A32770" t="s">
        <v>48525</v>
      </c>
      <c r="B32770" t="s">
        <v>48528</v>
      </c>
      <c r="C32770">
        <v>1</v>
      </c>
      <c r="D32770">
        <v>0</v>
      </c>
    </row>
    <row r="32771" spans="1:4" x14ac:dyDescent="0.25">
      <c r="A32771" t="s">
        <v>48529</v>
      </c>
      <c r="B32771" t="s">
        <v>12472</v>
      </c>
      <c r="C32771">
        <v>1</v>
      </c>
      <c r="D32771">
        <v>0</v>
      </c>
    </row>
    <row r="32772" spans="1:4" x14ac:dyDescent="0.25">
      <c r="A32772" t="s">
        <v>48529</v>
      </c>
      <c r="B32772" t="s">
        <v>48530</v>
      </c>
      <c r="C32772">
        <v>1</v>
      </c>
      <c r="D32772">
        <v>0</v>
      </c>
    </row>
    <row r="32773" spans="1:4" x14ac:dyDescent="0.25">
      <c r="A32773" t="s">
        <v>48529</v>
      </c>
      <c r="B32773" t="s">
        <v>48531</v>
      </c>
      <c r="C32773">
        <v>1</v>
      </c>
      <c r="D32773">
        <v>0</v>
      </c>
    </row>
    <row r="32774" spans="1:4" x14ac:dyDescent="0.25">
      <c r="A32774" t="s">
        <v>48529</v>
      </c>
      <c r="B32774" t="s">
        <v>48532</v>
      </c>
      <c r="C32774">
        <v>0</v>
      </c>
      <c r="D32774">
        <v>0</v>
      </c>
    </row>
    <row r="32775" spans="1:4" x14ac:dyDescent="0.25">
      <c r="A32775" t="s">
        <v>48529</v>
      </c>
      <c r="B32775" t="s">
        <v>48533</v>
      </c>
      <c r="C32775">
        <v>1</v>
      </c>
      <c r="D32775">
        <v>0</v>
      </c>
    </row>
    <row r="32776" spans="1:4" x14ac:dyDescent="0.25">
      <c r="A32776" t="s">
        <v>48529</v>
      </c>
      <c r="B32776" t="s">
        <v>48534</v>
      </c>
      <c r="C32776">
        <v>1</v>
      </c>
      <c r="D32776">
        <v>0</v>
      </c>
    </row>
    <row r="32777" spans="1:4" x14ac:dyDescent="0.25">
      <c r="A32777" t="s">
        <v>48535</v>
      </c>
      <c r="B32777" t="s">
        <v>48536</v>
      </c>
      <c r="C32777">
        <v>0</v>
      </c>
      <c r="D32777">
        <v>0</v>
      </c>
    </row>
    <row r="32778" spans="1:4" x14ac:dyDescent="0.25">
      <c r="A32778" t="s">
        <v>48535</v>
      </c>
      <c r="B32778" t="s">
        <v>48537</v>
      </c>
      <c r="C32778">
        <v>2</v>
      </c>
      <c r="D32778">
        <v>0</v>
      </c>
    </row>
    <row r="32779" spans="1:4" x14ac:dyDescent="0.25">
      <c r="A32779" t="s">
        <v>48535</v>
      </c>
      <c r="B32779" t="s">
        <v>48538</v>
      </c>
      <c r="C32779">
        <v>2</v>
      </c>
      <c r="D32779">
        <v>0</v>
      </c>
    </row>
    <row r="32780" spans="1:4" x14ac:dyDescent="0.25">
      <c r="A32780" t="s">
        <v>48535</v>
      </c>
      <c r="B32780" t="s">
        <v>48539</v>
      </c>
      <c r="C32780">
        <v>1</v>
      </c>
      <c r="D32780">
        <v>0</v>
      </c>
    </row>
    <row r="32781" spans="1:4" x14ac:dyDescent="0.25">
      <c r="A32781" t="s">
        <v>48535</v>
      </c>
      <c r="B32781" t="s">
        <v>48540</v>
      </c>
      <c r="C32781">
        <v>1</v>
      </c>
      <c r="D32781">
        <v>0</v>
      </c>
    </row>
    <row r="32782" spans="1:4" x14ac:dyDescent="0.25">
      <c r="A32782" t="s">
        <v>48541</v>
      </c>
      <c r="B32782" t="s">
        <v>48542</v>
      </c>
      <c r="C32782">
        <v>2</v>
      </c>
      <c r="D32782">
        <v>0</v>
      </c>
    </row>
    <row r="32783" spans="1:4" x14ac:dyDescent="0.25">
      <c r="A32783" t="s">
        <v>48541</v>
      </c>
      <c r="B32783" t="s">
        <v>48543</v>
      </c>
      <c r="C32783">
        <v>1</v>
      </c>
      <c r="D32783">
        <v>0</v>
      </c>
    </row>
    <row r="32784" spans="1:4" x14ac:dyDescent="0.25">
      <c r="A32784" t="s">
        <v>48541</v>
      </c>
      <c r="B32784" t="s">
        <v>2651</v>
      </c>
      <c r="C32784">
        <v>0</v>
      </c>
      <c r="D32784">
        <v>0</v>
      </c>
    </row>
    <row r="32785" spans="1:4" x14ac:dyDescent="0.25">
      <c r="A32785" t="s">
        <v>48541</v>
      </c>
      <c r="B32785" t="s">
        <v>48544</v>
      </c>
      <c r="C32785">
        <v>1</v>
      </c>
      <c r="D32785">
        <v>0</v>
      </c>
    </row>
    <row r="32786" spans="1:4" x14ac:dyDescent="0.25">
      <c r="A32786" t="s">
        <v>48541</v>
      </c>
      <c r="B32786" t="s">
        <v>48545</v>
      </c>
      <c r="C32786">
        <v>0</v>
      </c>
      <c r="D32786">
        <v>0</v>
      </c>
    </row>
    <row r="32787" spans="1:4" x14ac:dyDescent="0.25">
      <c r="A32787" t="s">
        <v>48541</v>
      </c>
      <c r="B32787" t="s">
        <v>48546</v>
      </c>
      <c r="C32787">
        <v>1</v>
      </c>
      <c r="D32787">
        <v>0</v>
      </c>
    </row>
    <row r="32788" spans="1:4" x14ac:dyDescent="0.25">
      <c r="A32788" t="s">
        <v>48541</v>
      </c>
      <c r="B32788" t="s">
        <v>48547</v>
      </c>
      <c r="C32788">
        <v>0</v>
      </c>
      <c r="D32788">
        <v>0</v>
      </c>
    </row>
    <row r="32789" spans="1:4" x14ac:dyDescent="0.25">
      <c r="A32789" t="s">
        <v>48541</v>
      </c>
      <c r="B32789" t="s">
        <v>48548</v>
      </c>
      <c r="C32789">
        <v>1</v>
      </c>
      <c r="D32789">
        <v>0</v>
      </c>
    </row>
    <row r="32790" spans="1:4" x14ac:dyDescent="0.25">
      <c r="A32790" t="s">
        <v>48541</v>
      </c>
      <c r="B32790" t="s">
        <v>48549</v>
      </c>
      <c r="C32790">
        <v>0</v>
      </c>
      <c r="D32790">
        <v>0</v>
      </c>
    </row>
    <row r="32791" spans="1:4" x14ac:dyDescent="0.25">
      <c r="A32791" t="s">
        <v>48541</v>
      </c>
      <c r="B32791" t="s">
        <v>48550</v>
      </c>
      <c r="C32791">
        <v>2</v>
      </c>
      <c r="D32791">
        <v>0</v>
      </c>
    </row>
    <row r="32792" spans="1:4" x14ac:dyDescent="0.25">
      <c r="A32792" t="s">
        <v>48551</v>
      </c>
      <c r="B32792" t="s">
        <v>48552</v>
      </c>
      <c r="C32792">
        <v>2</v>
      </c>
      <c r="D32792">
        <v>0</v>
      </c>
    </row>
    <row r="32793" spans="1:4" x14ac:dyDescent="0.25">
      <c r="A32793" t="s">
        <v>48551</v>
      </c>
      <c r="B32793" t="s">
        <v>48553</v>
      </c>
      <c r="C32793">
        <v>2</v>
      </c>
      <c r="D32793">
        <v>0</v>
      </c>
    </row>
    <row r="32794" spans="1:4" x14ac:dyDescent="0.25">
      <c r="A32794" t="s">
        <v>48551</v>
      </c>
      <c r="B32794" t="s">
        <v>48554</v>
      </c>
      <c r="C32794">
        <v>1</v>
      </c>
      <c r="D32794">
        <v>0</v>
      </c>
    </row>
    <row r="32795" spans="1:4" x14ac:dyDescent="0.25">
      <c r="A32795" t="s">
        <v>48551</v>
      </c>
      <c r="B32795" t="s">
        <v>48555</v>
      </c>
      <c r="C32795">
        <v>1</v>
      </c>
      <c r="D32795">
        <v>0</v>
      </c>
    </row>
    <row r="32796" spans="1:4" x14ac:dyDescent="0.25">
      <c r="A32796" t="s">
        <v>48551</v>
      </c>
      <c r="B32796" t="s">
        <v>48556</v>
      </c>
      <c r="C32796">
        <v>0</v>
      </c>
      <c r="D32796">
        <v>0</v>
      </c>
    </row>
    <row r="32797" spans="1:4" x14ac:dyDescent="0.25">
      <c r="A32797" t="s">
        <v>48557</v>
      </c>
      <c r="B32797" t="s">
        <v>48558</v>
      </c>
      <c r="C32797">
        <v>1</v>
      </c>
      <c r="D32797">
        <v>0</v>
      </c>
    </row>
    <row r="32798" spans="1:4" x14ac:dyDescent="0.25">
      <c r="A32798" t="s">
        <v>48557</v>
      </c>
      <c r="B32798" t="s">
        <v>48559</v>
      </c>
      <c r="C32798">
        <v>2</v>
      </c>
      <c r="D32798">
        <v>0</v>
      </c>
    </row>
    <row r="32799" spans="1:4" x14ac:dyDescent="0.25">
      <c r="A32799" t="s">
        <v>48557</v>
      </c>
      <c r="B32799" t="s">
        <v>48560</v>
      </c>
      <c r="C32799">
        <v>0</v>
      </c>
      <c r="D32799">
        <v>0</v>
      </c>
    </row>
    <row r="32800" spans="1:4" x14ac:dyDescent="0.25">
      <c r="A32800" t="s">
        <v>48557</v>
      </c>
      <c r="B32800" t="s">
        <v>48561</v>
      </c>
      <c r="C32800">
        <v>0</v>
      </c>
      <c r="D32800">
        <v>0</v>
      </c>
    </row>
    <row r="32801" spans="1:4" x14ac:dyDescent="0.25">
      <c r="A32801" t="s">
        <v>48557</v>
      </c>
      <c r="B32801" t="s">
        <v>48562</v>
      </c>
      <c r="C32801">
        <v>0</v>
      </c>
      <c r="D32801">
        <v>0</v>
      </c>
    </row>
    <row r="32802" spans="1:4" x14ac:dyDescent="0.25">
      <c r="A32802" t="s">
        <v>48557</v>
      </c>
      <c r="B32802" t="s">
        <v>48563</v>
      </c>
      <c r="C32802">
        <v>1</v>
      </c>
      <c r="D32802">
        <v>0</v>
      </c>
    </row>
    <row r="32803" spans="1:4" x14ac:dyDescent="0.25">
      <c r="A32803" t="s">
        <v>48557</v>
      </c>
      <c r="B32803" t="s">
        <v>48564</v>
      </c>
      <c r="C32803">
        <v>2</v>
      </c>
      <c r="D32803">
        <v>0</v>
      </c>
    </row>
    <row r="32804" spans="1:4" x14ac:dyDescent="0.25">
      <c r="A32804" t="s">
        <v>48557</v>
      </c>
      <c r="B32804" t="s">
        <v>48565</v>
      </c>
      <c r="C32804">
        <v>2</v>
      </c>
      <c r="D32804">
        <v>0</v>
      </c>
    </row>
    <row r="32805" spans="1:4" x14ac:dyDescent="0.25">
      <c r="A32805" t="s">
        <v>48557</v>
      </c>
      <c r="B32805" t="s">
        <v>48566</v>
      </c>
      <c r="C32805">
        <v>1</v>
      </c>
      <c r="D32805">
        <v>0</v>
      </c>
    </row>
    <row r="32806" spans="1:4" x14ac:dyDescent="0.25">
      <c r="A32806" t="s">
        <v>48567</v>
      </c>
      <c r="B32806" t="s">
        <v>48568</v>
      </c>
      <c r="C32806">
        <v>2</v>
      </c>
      <c r="D32806">
        <v>0</v>
      </c>
    </row>
    <row r="32807" spans="1:4" x14ac:dyDescent="0.25">
      <c r="A32807" t="s">
        <v>48567</v>
      </c>
      <c r="B32807" t="s">
        <v>48569</v>
      </c>
      <c r="C32807">
        <v>0</v>
      </c>
      <c r="D32807">
        <v>0</v>
      </c>
    </row>
    <row r="32808" spans="1:4" x14ac:dyDescent="0.25">
      <c r="A32808" t="s">
        <v>48567</v>
      </c>
      <c r="B32808" t="s">
        <v>48570</v>
      </c>
      <c r="C32808">
        <v>0</v>
      </c>
      <c r="D32808">
        <v>0</v>
      </c>
    </row>
    <row r="32809" spans="1:4" x14ac:dyDescent="0.25">
      <c r="A32809" t="s">
        <v>48567</v>
      </c>
      <c r="B32809" t="s">
        <v>20641</v>
      </c>
      <c r="C32809">
        <v>0</v>
      </c>
      <c r="D32809">
        <v>0</v>
      </c>
    </row>
    <row r="32810" spans="1:4" x14ac:dyDescent="0.25">
      <c r="A32810" t="s">
        <v>48571</v>
      </c>
      <c r="B32810" t="s">
        <v>48572</v>
      </c>
      <c r="C32810">
        <v>1</v>
      </c>
      <c r="D32810">
        <v>0</v>
      </c>
    </row>
    <row r="32811" spans="1:4" x14ac:dyDescent="0.25">
      <c r="A32811" t="s">
        <v>48571</v>
      </c>
      <c r="B32811" t="s">
        <v>6837</v>
      </c>
      <c r="C32811">
        <v>1</v>
      </c>
      <c r="D32811">
        <v>0</v>
      </c>
    </row>
    <row r="32812" spans="1:4" x14ac:dyDescent="0.25">
      <c r="A32812" t="s">
        <v>48571</v>
      </c>
      <c r="B32812" t="s">
        <v>48573</v>
      </c>
      <c r="C32812">
        <v>1</v>
      </c>
      <c r="D32812">
        <v>0</v>
      </c>
    </row>
    <row r="32813" spans="1:4" x14ac:dyDescent="0.25">
      <c r="A32813" t="s">
        <v>48571</v>
      </c>
      <c r="B32813" t="s">
        <v>48574</v>
      </c>
      <c r="C32813">
        <v>1</v>
      </c>
      <c r="D32813">
        <v>0</v>
      </c>
    </row>
    <row r="32814" spans="1:4" x14ac:dyDescent="0.25">
      <c r="A32814" t="s">
        <v>48571</v>
      </c>
      <c r="B32814" t="s">
        <v>48575</v>
      </c>
      <c r="C32814">
        <v>2</v>
      </c>
      <c r="D32814">
        <v>0</v>
      </c>
    </row>
    <row r="32815" spans="1:4" x14ac:dyDescent="0.25">
      <c r="A32815" t="s">
        <v>48576</v>
      </c>
      <c r="B32815" t="s">
        <v>48577</v>
      </c>
      <c r="C32815">
        <v>0</v>
      </c>
      <c r="D32815">
        <v>0</v>
      </c>
    </row>
    <row r="32816" spans="1:4" x14ac:dyDescent="0.25">
      <c r="A32816" t="s">
        <v>48578</v>
      </c>
      <c r="B32816" t="s">
        <v>48579</v>
      </c>
      <c r="C32816">
        <v>1</v>
      </c>
      <c r="D32816">
        <v>0</v>
      </c>
    </row>
    <row r="32817" spans="1:4" x14ac:dyDescent="0.25">
      <c r="A32817" t="s">
        <v>48578</v>
      </c>
      <c r="B32817" t="s">
        <v>48580</v>
      </c>
      <c r="C32817">
        <v>1</v>
      </c>
      <c r="D32817">
        <v>0</v>
      </c>
    </row>
    <row r="32818" spans="1:4" x14ac:dyDescent="0.25">
      <c r="A32818" t="s">
        <v>48581</v>
      </c>
      <c r="B32818" t="s">
        <v>48582</v>
      </c>
      <c r="C32818">
        <v>0</v>
      </c>
      <c r="D32818">
        <v>0</v>
      </c>
    </row>
    <row r="32819" spans="1:4" x14ac:dyDescent="0.25">
      <c r="A32819" t="s">
        <v>48581</v>
      </c>
      <c r="B32819" t="s">
        <v>48583</v>
      </c>
      <c r="C32819">
        <v>0</v>
      </c>
      <c r="D32819">
        <v>0</v>
      </c>
    </row>
    <row r="32820" spans="1:4" x14ac:dyDescent="0.25">
      <c r="A32820" t="s">
        <v>48581</v>
      </c>
      <c r="B32820" t="s">
        <v>48584</v>
      </c>
      <c r="C32820">
        <v>0</v>
      </c>
      <c r="D32820">
        <v>0</v>
      </c>
    </row>
    <row r="32821" spans="1:4" x14ac:dyDescent="0.25">
      <c r="A32821" t="s">
        <v>48581</v>
      </c>
      <c r="B32821" t="s">
        <v>48585</v>
      </c>
      <c r="C32821">
        <v>0</v>
      </c>
      <c r="D32821">
        <v>0</v>
      </c>
    </row>
    <row r="32822" spans="1:4" x14ac:dyDescent="0.25">
      <c r="A32822" t="s">
        <v>48586</v>
      </c>
      <c r="B32822" t="s">
        <v>48587</v>
      </c>
      <c r="C32822">
        <v>1</v>
      </c>
      <c r="D32822">
        <v>0</v>
      </c>
    </row>
    <row r="32823" spans="1:4" x14ac:dyDescent="0.25">
      <c r="A32823" t="s">
        <v>48586</v>
      </c>
      <c r="B32823" t="s">
        <v>48588</v>
      </c>
      <c r="C32823">
        <v>0</v>
      </c>
      <c r="D32823">
        <v>0</v>
      </c>
    </row>
    <row r="32824" spans="1:4" x14ac:dyDescent="0.25">
      <c r="A32824" t="s">
        <v>48589</v>
      </c>
      <c r="B32824" t="s">
        <v>6837</v>
      </c>
      <c r="C32824">
        <v>1</v>
      </c>
      <c r="D32824">
        <v>0</v>
      </c>
    </row>
    <row r="32825" spans="1:4" x14ac:dyDescent="0.25">
      <c r="A32825" t="s">
        <v>48589</v>
      </c>
      <c r="B32825" t="s">
        <v>48590</v>
      </c>
      <c r="C32825">
        <v>1</v>
      </c>
      <c r="D32825">
        <v>0</v>
      </c>
    </row>
    <row r="32826" spans="1:4" x14ac:dyDescent="0.25">
      <c r="A32826" t="s">
        <v>48591</v>
      </c>
      <c r="B32826" t="s">
        <v>48592</v>
      </c>
      <c r="C32826">
        <v>1</v>
      </c>
      <c r="D32826">
        <v>0</v>
      </c>
    </row>
    <row r="32827" spans="1:4" x14ac:dyDescent="0.25">
      <c r="A32827" t="s">
        <v>48591</v>
      </c>
      <c r="B32827" t="s">
        <v>48593</v>
      </c>
      <c r="C32827">
        <v>1</v>
      </c>
      <c r="D32827">
        <v>0</v>
      </c>
    </row>
    <row r="32828" spans="1:4" x14ac:dyDescent="0.25">
      <c r="A32828" t="s">
        <v>48591</v>
      </c>
      <c r="B32828" t="s">
        <v>48594</v>
      </c>
      <c r="C32828">
        <v>2</v>
      </c>
      <c r="D32828">
        <v>0</v>
      </c>
    </row>
    <row r="32829" spans="1:4" x14ac:dyDescent="0.25">
      <c r="A32829" t="s">
        <v>48595</v>
      </c>
      <c r="B32829" t="s">
        <v>48596</v>
      </c>
      <c r="C32829">
        <v>1</v>
      </c>
      <c r="D32829">
        <v>0</v>
      </c>
    </row>
    <row r="32830" spans="1:4" x14ac:dyDescent="0.25">
      <c r="A32830" t="s">
        <v>48595</v>
      </c>
      <c r="B32830" t="s">
        <v>48597</v>
      </c>
      <c r="C32830">
        <v>1</v>
      </c>
      <c r="D32830">
        <v>0</v>
      </c>
    </row>
    <row r="32831" spans="1:4" x14ac:dyDescent="0.25">
      <c r="A32831" t="s">
        <v>48595</v>
      </c>
      <c r="B32831" t="s">
        <v>20393</v>
      </c>
      <c r="C32831">
        <v>1</v>
      </c>
      <c r="D32831">
        <v>0</v>
      </c>
    </row>
    <row r="32832" spans="1:4" x14ac:dyDescent="0.25">
      <c r="A32832" t="s">
        <v>48595</v>
      </c>
      <c r="B32832" t="s">
        <v>48598</v>
      </c>
      <c r="C32832">
        <v>0</v>
      </c>
      <c r="D32832">
        <v>0</v>
      </c>
    </row>
    <row r="32833" spans="1:4" x14ac:dyDescent="0.25">
      <c r="A32833" t="s">
        <v>48595</v>
      </c>
      <c r="B32833" t="s">
        <v>48599</v>
      </c>
      <c r="C32833">
        <v>0</v>
      </c>
      <c r="D32833">
        <v>0</v>
      </c>
    </row>
    <row r="32834" spans="1:4" x14ac:dyDescent="0.25">
      <c r="A32834" t="s">
        <v>48595</v>
      </c>
      <c r="B32834" t="s">
        <v>48600</v>
      </c>
      <c r="C32834">
        <v>0</v>
      </c>
      <c r="D32834">
        <v>0</v>
      </c>
    </row>
    <row r="32835" spans="1:4" x14ac:dyDescent="0.25">
      <c r="A32835" t="s">
        <v>48601</v>
      </c>
      <c r="B32835" t="s">
        <v>48602</v>
      </c>
      <c r="C32835">
        <v>1</v>
      </c>
      <c r="D32835">
        <v>0</v>
      </c>
    </row>
    <row r="32836" spans="1:4" x14ac:dyDescent="0.25">
      <c r="A32836" t="s">
        <v>48601</v>
      </c>
      <c r="B32836" t="s">
        <v>48603</v>
      </c>
      <c r="C32836">
        <v>1</v>
      </c>
      <c r="D32836">
        <v>0</v>
      </c>
    </row>
    <row r="32837" spans="1:4" x14ac:dyDescent="0.25">
      <c r="A32837" t="s">
        <v>48601</v>
      </c>
      <c r="B32837" t="s">
        <v>48604</v>
      </c>
      <c r="C32837">
        <v>1</v>
      </c>
      <c r="D32837">
        <v>0</v>
      </c>
    </row>
    <row r="32838" spans="1:4" x14ac:dyDescent="0.25">
      <c r="A32838" t="s">
        <v>48601</v>
      </c>
      <c r="B32838" t="s">
        <v>48605</v>
      </c>
      <c r="C32838">
        <v>0</v>
      </c>
      <c r="D32838">
        <v>0</v>
      </c>
    </row>
    <row r="32839" spans="1:4" x14ac:dyDescent="0.25">
      <c r="A32839" t="s">
        <v>48606</v>
      </c>
      <c r="B32839" t="s">
        <v>48607</v>
      </c>
      <c r="C32839">
        <v>0</v>
      </c>
      <c r="D32839">
        <v>0</v>
      </c>
    </row>
    <row r="32840" spans="1:4" x14ac:dyDescent="0.25">
      <c r="A32840" t="s">
        <v>48606</v>
      </c>
      <c r="B32840" t="s">
        <v>48608</v>
      </c>
      <c r="C32840">
        <v>1</v>
      </c>
      <c r="D32840">
        <v>0</v>
      </c>
    </row>
    <row r="32841" spans="1:4" x14ac:dyDescent="0.25">
      <c r="A32841" t="s">
        <v>48606</v>
      </c>
      <c r="B32841" t="s">
        <v>48609</v>
      </c>
      <c r="C32841">
        <v>0</v>
      </c>
      <c r="D32841">
        <v>0</v>
      </c>
    </row>
    <row r="32842" spans="1:4" x14ac:dyDescent="0.25">
      <c r="A32842" t="s">
        <v>48606</v>
      </c>
      <c r="B32842" t="s">
        <v>48610</v>
      </c>
      <c r="C32842">
        <v>2</v>
      </c>
      <c r="D32842">
        <v>0</v>
      </c>
    </row>
    <row r="32843" spans="1:4" x14ac:dyDescent="0.25">
      <c r="A32843" t="s">
        <v>48611</v>
      </c>
      <c r="B32843" t="s">
        <v>48612</v>
      </c>
      <c r="C32843">
        <v>1</v>
      </c>
      <c r="D32843">
        <v>0</v>
      </c>
    </row>
    <row r="32844" spans="1:4" x14ac:dyDescent="0.25">
      <c r="A32844" t="s">
        <v>48611</v>
      </c>
      <c r="B32844" t="s">
        <v>48613</v>
      </c>
      <c r="C32844">
        <v>1</v>
      </c>
      <c r="D32844">
        <v>0</v>
      </c>
    </row>
    <row r="32845" spans="1:4" x14ac:dyDescent="0.25">
      <c r="A32845" t="s">
        <v>48611</v>
      </c>
      <c r="B32845" t="s">
        <v>48614</v>
      </c>
      <c r="C32845">
        <v>0</v>
      </c>
      <c r="D32845">
        <v>0</v>
      </c>
    </row>
    <row r="32846" spans="1:4" x14ac:dyDescent="0.25">
      <c r="A32846" t="s">
        <v>48615</v>
      </c>
      <c r="B32846" t="s">
        <v>48616</v>
      </c>
      <c r="C32846">
        <v>0</v>
      </c>
      <c r="D32846">
        <v>0</v>
      </c>
    </row>
    <row r="32847" spans="1:4" x14ac:dyDescent="0.25">
      <c r="A32847" t="s">
        <v>48615</v>
      </c>
      <c r="B32847" t="s">
        <v>48617</v>
      </c>
      <c r="C32847">
        <v>1</v>
      </c>
      <c r="D32847">
        <v>0</v>
      </c>
    </row>
    <row r="32848" spans="1:4" x14ac:dyDescent="0.25">
      <c r="A32848" t="s">
        <v>48615</v>
      </c>
      <c r="B32848" t="s">
        <v>48618</v>
      </c>
      <c r="C32848">
        <v>1</v>
      </c>
      <c r="D32848">
        <v>0</v>
      </c>
    </row>
    <row r="32849" spans="1:4" x14ac:dyDescent="0.25">
      <c r="A32849" t="s">
        <v>48615</v>
      </c>
      <c r="B32849" t="s">
        <v>48619</v>
      </c>
      <c r="C32849">
        <v>0</v>
      </c>
      <c r="D32849">
        <v>0</v>
      </c>
    </row>
    <row r="32850" spans="1:4" x14ac:dyDescent="0.25">
      <c r="A32850" t="s">
        <v>48615</v>
      </c>
      <c r="B32850" t="s">
        <v>48620</v>
      </c>
      <c r="C32850">
        <v>1</v>
      </c>
      <c r="D32850">
        <v>0</v>
      </c>
    </row>
    <row r="32851" spans="1:4" x14ac:dyDescent="0.25">
      <c r="A32851" t="s">
        <v>48621</v>
      </c>
      <c r="B32851" t="s">
        <v>48622</v>
      </c>
      <c r="C32851">
        <v>0</v>
      </c>
      <c r="D32851">
        <v>0</v>
      </c>
    </row>
    <row r="32852" spans="1:4" x14ac:dyDescent="0.25">
      <c r="A32852" t="s">
        <v>48621</v>
      </c>
      <c r="B32852" t="s">
        <v>48623</v>
      </c>
      <c r="C32852">
        <v>2</v>
      </c>
      <c r="D32852">
        <v>0</v>
      </c>
    </row>
    <row r="32853" spans="1:4" x14ac:dyDescent="0.25">
      <c r="A32853" t="s">
        <v>48621</v>
      </c>
      <c r="B32853" t="s">
        <v>48624</v>
      </c>
      <c r="C32853">
        <v>2</v>
      </c>
      <c r="D32853">
        <v>0</v>
      </c>
    </row>
    <row r="32854" spans="1:4" x14ac:dyDescent="0.25">
      <c r="A32854" t="s">
        <v>48621</v>
      </c>
      <c r="B32854" t="s">
        <v>48625</v>
      </c>
      <c r="C32854">
        <v>1</v>
      </c>
      <c r="D32854">
        <v>0</v>
      </c>
    </row>
    <row r="32855" spans="1:4" x14ac:dyDescent="0.25">
      <c r="A32855" t="s">
        <v>48621</v>
      </c>
      <c r="B32855" t="s">
        <v>48626</v>
      </c>
      <c r="C32855">
        <v>1</v>
      </c>
      <c r="D32855">
        <v>0</v>
      </c>
    </row>
    <row r="32856" spans="1:4" x14ac:dyDescent="0.25">
      <c r="A32856" t="s">
        <v>48621</v>
      </c>
      <c r="B32856" t="s">
        <v>48627</v>
      </c>
      <c r="C32856">
        <v>1</v>
      </c>
      <c r="D32856">
        <v>0</v>
      </c>
    </row>
    <row r="32857" spans="1:4" x14ac:dyDescent="0.25">
      <c r="A32857" t="s">
        <v>48621</v>
      </c>
      <c r="B32857" t="s">
        <v>48628</v>
      </c>
      <c r="C32857">
        <v>0</v>
      </c>
      <c r="D32857">
        <v>0</v>
      </c>
    </row>
    <row r="32858" spans="1:4" x14ac:dyDescent="0.25">
      <c r="A32858" t="s">
        <v>48621</v>
      </c>
      <c r="B32858" t="s">
        <v>48629</v>
      </c>
      <c r="C32858">
        <v>0</v>
      </c>
      <c r="D32858">
        <v>0</v>
      </c>
    </row>
    <row r="32859" spans="1:4" x14ac:dyDescent="0.25">
      <c r="A32859" t="s">
        <v>48621</v>
      </c>
      <c r="B32859" t="s">
        <v>48630</v>
      </c>
      <c r="C32859">
        <v>2</v>
      </c>
      <c r="D32859">
        <v>0</v>
      </c>
    </row>
    <row r="32860" spans="1:4" x14ac:dyDescent="0.25">
      <c r="A32860" t="s">
        <v>48631</v>
      </c>
      <c r="B32860" t="s">
        <v>48632</v>
      </c>
      <c r="C32860">
        <v>1</v>
      </c>
      <c r="D32860">
        <v>0</v>
      </c>
    </row>
    <row r="32861" spans="1:4" x14ac:dyDescent="0.25">
      <c r="A32861" t="s">
        <v>48631</v>
      </c>
      <c r="B32861" t="s">
        <v>30401</v>
      </c>
      <c r="C32861">
        <v>2</v>
      </c>
      <c r="D32861">
        <v>0</v>
      </c>
    </row>
    <row r="32862" spans="1:4" x14ac:dyDescent="0.25">
      <c r="A32862" t="s">
        <v>48631</v>
      </c>
      <c r="B32862" t="s">
        <v>48633</v>
      </c>
      <c r="C32862">
        <v>0</v>
      </c>
      <c r="D32862">
        <v>0</v>
      </c>
    </row>
    <row r="32863" spans="1:4" x14ac:dyDescent="0.25">
      <c r="A32863" t="s">
        <v>48634</v>
      </c>
      <c r="B32863" t="s">
        <v>48635</v>
      </c>
      <c r="C32863">
        <v>0</v>
      </c>
      <c r="D32863">
        <v>0</v>
      </c>
    </row>
    <row r="32864" spans="1:4" x14ac:dyDescent="0.25">
      <c r="A32864" t="s">
        <v>48634</v>
      </c>
      <c r="B32864" t="s">
        <v>48636</v>
      </c>
      <c r="C32864">
        <v>2</v>
      </c>
      <c r="D32864">
        <v>0</v>
      </c>
    </row>
    <row r="32865" spans="1:4" x14ac:dyDescent="0.25">
      <c r="A32865" t="s">
        <v>48634</v>
      </c>
      <c r="B32865" t="s">
        <v>48637</v>
      </c>
      <c r="C32865">
        <v>2</v>
      </c>
      <c r="D32865">
        <v>0</v>
      </c>
    </row>
    <row r="32866" spans="1:4" x14ac:dyDescent="0.25">
      <c r="A32866" t="s">
        <v>48634</v>
      </c>
      <c r="B32866" t="s">
        <v>48638</v>
      </c>
      <c r="C32866">
        <v>0</v>
      </c>
      <c r="D32866">
        <v>0</v>
      </c>
    </row>
    <row r="32867" spans="1:4" x14ac:dyDescent="0.25">
      <c r="A32867" t="s">
        <v>48634</v>
      </c>
      <c r="B32867" t="s">
        <v>48639</v>
      </c>
      <c r="C32867">
        <v>0</v>
      </c>
      <c r="D32867">
        <v>0</v>
      </c>
    </row>
    <row r="32868" spans="1:4" x14ac:dyDescent="0.25">
      <c r="A32868" t="s">
        <v>48634</v>
      </c>
      <c r="B32868" t="s">
        <v>48640</v>
      </c>
      <c r="C32868">
        <v>2</v>
      </c>
      <c r="D32868">
        <v>0</v>
      </c>
    </row>
    <row r="32869" spans="1:4" x14ac:dyDescent="0.25">
      <c r="A32869" t="s">
        <v>48634</v>
      </c>
      <c r="B32869" t="s">
        <v>48641</v>
      </c>
      <c r="C32869">
        <v>2</v>
      </c>
      <c r="D32869">
        <v>0</v>
      </c>
    </row>
    <row r="32870" spans="1:4" x14ac:dyDescent="0.25">
      <c r="A32870" t="s">
        <v>48634</v>
      </c>
      <c r="B32870" t="s">
        <v>48642</v>
      </c>
      <c r="C32870">
        <v>2</v>
      </c>
      <c r="D32870">
        <v>0</v>
      </c>
    </row>
    <row r="32871" spans="1:4" x14ac:dyDescent="0.25">
      <c r="A32871" t="s">
        <v>48643</v>
      </c>
      <c r="B32871" t="s">
        <v>48644</v>
      </c>
      <c r="C32871">
        <v>1</v>
      </c>
      <c r="D32871">
        <v>0</v>
      </c>
    </row>
    <row r="32872" spans="1:4" x14ac:dyDescent="0.25">
      <c r="A32872" t="s">
        <v>48643</v>
      </c>
      <c r="B32872" t="s">
        <v>48645</v>
      </c>
      <c r="C32872">
        <v>1</v>
      </c>
      <c r="D32872">
        <v>0</v>
      </c>
    </row>
    <row r="32873" spans="1:4" x14ac:dyDescent="0.25">
      <c r="A32873" t="s">
        <v>48646</v>
      </c>
      <c r="B32873" t="s">
        <v>48647</v>
      </c>
      <c r="C32873">
        <v>1</v>
      </c>
      <c r="D32873">
        <v>0</v>
      </c>
    </row>
    <row r="32874" spans="1:4" x14ac:dyDescent="0.25">
      <c r="A32874" t="s">
        <v>48646</v>
      </c>
      <c r="B32874" t="s">
        <v>48648</v>
      </c>
      <c r="C32874">
        <v>1</v>
      </c>
      <c r="D32874">
        <v>0</v>
      </c>
    </row>
    <row r="32875" spans="1:4" x14ac:dyDescent="0.25">
      <c r="A32875" t="s">
        <v>48646</v>
      </c>
      <c r="B32875" t="s">
        <v>48649</v>
      </c>
      <c r="C32875">
        <v>2</v>
      </c>
      <c r="D32875">
        <v>0</v>
      </c>
    </row>
    <row r="32876" spans="1:4" x14ac:dyDescent="0.25">
      <c r="A32876" t="s">
        <v>48646</v>
      </c>
      <c r="B32876" t="s">
        <v>48650</v>
      </c>
      <c r="C32876">
        <v>2</v>
      </c>
      <c r="D32876">
        <v>0</v>
      </c>
    </row>
    <row r="32877" spans="1:4" x14ac:dyDescent="0.25">
      <c r="A32877" t="s">
        <v>48646</v>
      </c>
      <c r="B32877" t="s">
        <v>48651</v>
      </c>
      <c r="C32877">
        <v>1</v>
      </c>
      <c r="D32877">
        <v>0</v>
      </c>
    </row>
    <row r="32878" spans="1:4" x14ac:dyDescent="0.25">
      <c r="A32878" t="s">
        <v>48646</v>
      </c>
      <c r="B32878" t="s">
        <v>48652</v>
      </c>
      <c r="C32878">
        <v>1</v>
      </c>
      <c r="D32878">
        <v>0</v>
      </c>
    </row>
    <row r="32879" spans="1:4" x14ac:dyDescent="0.25">
      <c r="A32879" t="s">
        <v>48653</v>
      </c>
      <c r="B32879" t="s">
        <v>48654</v>
      </c>
      <c r="C32879">
        <v>0</v>
      </c>
      <c r="D32879">
        <v>0</v>
      </c>
    </row>
    <row r="32880" spans="1:4" x14ac:dyDescent="0.25">
      <c r="A32880" t="s">
        <v>48653</v>
      </c>
      <c r="B32880" t="s">
        <v>48655</v>
      </c>
      <c r="C32880">
        <v>1</v>
      </c>
      <c r="D32880">
        <v>0</v>
      </c>
    </row>
    <row r="32881" spans="1:4" x14ac:dyDescent="0.25">
      <c r="A32881" t="s">
        <v>48653</v>
      </c>
      <c r="B32881" t="s">
        <v>48656</v>
      </c>
      <c r="C32881">
        <v>1</v>
      </c>
      <c r="D32881">
        <v>0</v>
      </c>
    </row>
    <row r="32882" spans="1:4" x14ac:dyDescent="0.25">
      <c r="A32882" t="s">
        <v>48657</v>
      </c>
      <c r="B32882" t="s">
        <v>48658</v>
      </c>
      <c r="C32882">
        <v>1</v>
      </c>
      <c r="D32882">
        <v>0</v>
      </c>
    </row>
    <row r="32883" spans="1:4" x14ac:dyDescent="0.25">
      <c r="A32883" t="s">
        <v>48657</v>
      </c>
      <c r="B32883" t="s">
        <v>48659</v>
      </c>
      <c r="C32883">
        <v>0</v>
      </c>
      <c r="D32883">
        <v>0</v>
      </c>
    </row>
    <row r="32884" spans="1:4" x14ac:dyDescent="0.25">
      <c r="A32884" t="s">
        <v>48657</v>
      </c>
      <c r="B32884" t="s">
        <v>48660</v>
      </c>
      <c r="C32884">
        <v>0</v>
      </c>
      <c r="D32884">
        <v>0</v>
      </c>
    </row>
    <row r="32885" spans="1:4" x14ac:dyDescent="0.25">
      <c r="A32885" t="s">
        <v>48657</v>
      </c>
      <c r="B32885" t="s">
        <v>48661</v>
      </c>
      <c r="C32885">
        <v>0</v>
      </c>
      <c r="D32885">
        <v>0</v>
      </c>
    </row>
    <row r="32886" spans="1:4" x14ac:dyDescent="0.25">
      <c r="A32886" t="s">
        <v>48662</v>
      </c>
      <c r="B32886" t="s">
        <v>48663</v>
      </c>
      <c r="C32886">
        <v>1</v>
      </c>
      <c r="D32886">
        <v>0</v>
      </c>
    </row>
    <row r="32887" spans="1:4" x14ac:dyDescent="0.25">
      <c r="A32887" t="s">
        <v>48662</v>
      </c>
      <c r="B32887" t="s">
        <v>48664</v>
      </c>
      <c r="C32887">
        <v>1</v>
      </c>
      <c r="D32887">
        <v>0</v>
      </c>
    </row>
    <row r="32888" spans="1:4" x14ac:dyDescent="0.25">
      <c r="A32888" t="s">
        <v>48665</v>
      </c>
      <c r="B32888" t="s">
        <v>48666</v>
      </c>
      <c r="C32888">
        <v>1</v>
      </c>
      <c r="D32888">
        <v>0</v>
      </c>
    </row>
    <row r="32889" spans="1:4" x14ac:dyDescent="0.25">
      <c r="A32889" t="s">
        <v>48665</v>
      </c>
      <c r="B32889" t="s">
        <v>48667</v>
      </c>
      <c r="C32889">
        <v>1</v>
      </c>
      <c r="D32889">
        <v>0</v>
      </c>
    </row>
    <row r="32890" spans="1:4" x14ac:dyDescent="0.25">
      <c r="A32890" t="s">
        <v>48665</v>
      </c>
      <c r="B32890" t="s">
        <v>48668</v>
      </c>
      <c r="C32890">
        <v>1</v>
      </c>
      <c r="D32890">
        <v>0</v>
      </c>
    </row>
    <row r="32891" spans="1:4" x14ac:dyDescent="0.25">
      <c r="A32891" t="s">
        <v>48665</v>
      </c>
      <c r="B32891" t="s">
        <v>22326</v>
      </c>
      <c r="C32891">
        <v>1</v>
      </c>
      <c r="D32891">
        <v>0</v>
      </c>
    </row>
    <row r="32892" spans="1:4" x14ac:dyDescent="0.25">
      <c r="A32892" t="s">
        <v>48665</v>
      </c>
      <c r="B32892" t="s">
        <v>48669</v>
      </c>
      <c r="C32892">
        <v>1</v>
      </c>
      <c r="D32892">
        <v>0</v>
      </c>
    </row>
    <row r="32893" spans="1:4" x14ac:dyDescent="0.25">
      <c r="A32893" t="s">
        <v>48670</v>
      </c>
      <c r="B32893" t="s">
        <v>48671</v>
      </c>
      <c r="C32893">
        <v>1</v>
      </c>
      <c r="D32893">
        <v>0</v>
      </c>
    </row>
    <row r="32894" spans="1:4" x14ac:dyDescent="0.25">
      <c r="A32894" t="s">
        <v>48670</v>
      </c>
      <c r="B32894" t="s">
        <v>48672</v>
      </c>
      <c r="C32894">
        <v>1</v>
      </c>
      <c r="D32894">
        <v>0</v>
      </c>
    </row>
    <row r="32895" spans="1:4" x14ac:dyDescent="0.25">
      <c r="A32895" t="s">
        <v>48670</v>
      </c>
      <c r="B32895" t="s">
        <v>11075</v>
      </c>
      <c r="C32895">
        <v>1</v>
      </c>
      <c r="D32895">
        <v>0</v>
      </c>
    </row>
    <row r="32896" spans="1:4" x14ac:dyDescent="0.25">
      <c r="A32896" t="s">
        <v>48670</v>
      </c>
      <c r="B32896" t="s">
        <v>48673</v>
      </c>
      <c r="C32896">
        <v>1</v>
      </c>
      <c r="D32896">
        <v>0</v>
      </c>
    </row>
    <row r="32897" spans="1:4" x14ac:dyDescent="0.25">
      <c r="A32897" t="s">
        <v>48674</v>
      </c>
      <c r="B32897" t="s">
        <v>5434</v>
      </c>
      <c r="C32897">
        <v>1</v>
      </c>
      <c r="D32897">
        <v>0</v>
      </c>
    </row>
    <row r="32898" spans="1:4" x14ac:dyDescent="0.25">
      <c r="A32898" t="s">
        <v>48674</v>
      </c>
      <c r="B32898" t="s">
        <v>48675</v>
      </c>
      <c r="C32898">
        <v>1</v>
      </c>
      <c r="D32898">
        <v>0</v>
      </c>
    </row>
    <row r="32899" spans="1:4" x14ac:dyDescent="0.25">
      <c r="A32899" t="s">
        <v>48674</v>
      </c>
      <c r="B32899" t="s">
        <v>48676</v>
      </c>
      <c r="C32899">
        <v>0</v>
      </c>
      <c r="D32899">
        <v>0</v>
      </c>
    </row>
    <row r="32900" spans="1:4" x14ac:dyDescent="0.25">
      <c r="A32900" t="s">
        <v>48674</v>
      </c>
      <c r="B32900" t="s">
        <v>48677</v>
      </c>
      <c r="C32900">
        <v>2</v>
      </c>
      <c r="D32900">
        <v>0</v>
      </c>
    </row>
    <row r="32901" spans="1:4" x14ac:dyDescent="0.25">
      <c r="A32901" t="s">
        <v>48674</v>
      </c>
      <c r="B32901" t="s">
        <v>48678</v>
      </c>
      <c r="C32901">
        <v>2</v>
      </c>
      <c r="D32901">
        <v>0</v>
      </c>
    </row>
    <row r="32902" spans="1:4" x14ac:dyDescent="0.25">
      <c r="A32902" t="s">
        <v>48674</v>
      </c>
      <c r="B32902" t="s">
        <v>48679</v>
      </c>
      <c r="C32902">
        <v>2</v>
      </c>
      <c r="D32902">
        <v>0</v>
      </c>
    </row>
    <row r="32903" spans="1:4" x14ac:dyDescent="0.25">
      <c r="A32903" t="s">
        <v>48680</v>
      </c>
      <c r="B32903" t="s">
        <v>48681</v>
      </c>
      <c r="C32903">
        <v>1</v>
      </c>
      <c r="D32903">
        <v>0</v>
      </c>
    </row>
    <row r="32904" spans="1:4" x14ac:dyDescent="0.25">
      <c r="A32904" t="s">
        <v>48680</v>
      </c>
      <c r="B32904" t="s">
        <v>48682</v>
      </c>
      <c r="C32904">
        <v>1</v>
      </c>
      <c r="D32904">
        <v>0</v>
      </c>
    </row>
    <row r="32905" spans="1:4" x14ac:dyDescent="0.25">
      <c r="A32905" t="s">
        <v>48680</v>
      </c>
      <c r="B32905" t="s">
        <v>48683</v>
      </c>
      <c r="C32905">
        <v>1</v>
      </c>
      <c r="D32905">
        <v>0</v>
      </c>
    </row>
    <row r="32906" spans="1:4" x14ac:dyDescent="0.25">
      <c r="A32906" t="s">
        <v>48680</v>
      </c>
      <c r="B32906" t="s">
        <v>48684</v>
      </c>
      <c r="C32906">
        <v>1</v>
      </c>
      <c r="D32906">
        <v>0</v>
      </c>
    </row>
    <row r="32907" spans="1:4" x14ac:dyDescent="0.25">
      <c r="A32907" t="s">
        <v>48685</v>
      </c>
      <c r="B32907" t="s">
        <v>48686</v>
      </c>
      <c r="C32907">
        <v>1</v>
      </c>
      <c r="D32907">
        <v>0</v>
      </c>
    </row>
    <row r="32908" spans="1:4" x14ac:dyDescent="0.25">
      <c r="A32908" t="s">
        <v>48685</v>
      </c>
      <c r="B32908" t="s">
        <v>48687</v>
      </c>
      <c r="C32908">
        <v>1</v>
      </c>
      <c r="D32908">
        <v>0</v>
      </c>
    </row>
    <row r="32909" spans="1:4" x14ac:dyDescent="0.25">
      <c r="A32909" t="s">
        <v>48685</v>
      </c>
      <c r="B32909" t="s">
        <v>46889</v>
      </c>
      <c r="C32909">
        <v>0</v>
      </c>
      <c r="D32909">
        <v>0</v>
      </c>
    </row>
    <row r="32910" spans="1:4" x14ac:dyDescent="0.25">
      <c r="A32910" t="s">
        <v>48688</v>
      </c>
      <c r="B32910" t="s">
        <v>48689</v>
      </c>
      <c r="C32910">
        <v>1</v>
      </c>
      <c r="D32910">
        <v>0</v>
      </c>
    </row>
    <row r="32911" spans="1:4" x14ac:dyDescent="0.25">
      <c r="A32911" t="s">
        <v>48688</v>
      </c>
      <c r="B32911" t="s">
        <v>48690</v>
      </c>
      <c r="C32911">
        <v>2</v>
      </c>
      <c r="D32911">
        <v>0</v>
      </c>
    </row>
    <row r="32912" spans="1:4" x14ac:dyDescent="0.25">
      <c r="A32912" t="s">
        <v>48688</v>
      </c>
      <c r="B32912" t="s">
        <v>48691</v>
      </c>
      <c r="C32912">
        <v>0</v>
      </c>
      <c r="D32912">
        <v>0</v>
      </c>
    </row>
    <row r="32913" spans="1:4" x14ac:dyDescent="0.25">
      <c r="A32913" t="s">
        <v>48688</v>
      </c>
      <c r="B32913" t="s">
        <v>48692</v>
      </c>
      <c r="C32913">
        <v>1</v>
      </c>
      <c r="D32913">
        <v>0</v>
      </c>
    </row>
    <row r="32914" spans="1:4" x14ac:dyDescent="0.25">
      <c r="A32914" t="s">
        <v>48688</v>
      </c>
      <c r="B32914" t="s">
        <v>48693</v>
      </c>
      <c r="C32914">
        <v>2</v>
      </c>
      <c r="D32914">
        <v>0</v>
      </c>
    </row>
    <row r="32915" spans="1:4" x14ac:dyDescent="0.25">
      <c r="A32915" t="s">
        <v>48688</v>
      </c>
      <c r="B32915" t="s">
        <v>48694</v>
      </c>
      <c r="C32915">
        <v>1</v>
      </c>
      <c r="D32915">
        <v>0</v>
      </c>
    </row>
    <row r="32916" spans="1:4" x14ac:dyDescent="0.25">
      <c r="A32916" t="s">
        <v>48688</v>
      </c>
      <c r="B32916" t="s">
        <v>48695</v>
      </c>
      <c r="C32916">
        <v>1</v>
      </c>
      <c r="D32916">
        <v>0</v>
      </c>
    </row>
    <row r="32917" spans="1:4" x14ac:dyDescent="0.25">
      <c r="A32917" t="s">
        <v>48696</v>
      </c>
      <c r="B32917" t="s">
        <v>48697</v>
      </c>
      <c r="C32917">
        <v>0</v>
      </c>
      <c r="D32917">
        <v>0</v>
      </c>
    </row>
    <row r="32918" spans="1:4" x14ac:dyDescent="0.25">
      <c r="A32918" t="s">
        <v>48696</v>
      </c>
      <c r="B32918" t="s">
        <v>48698</v>
      </c>
      <c r="C32918">
        <v>2</v>
      </c>
      <c r="D32918">
        <v>0</v>
      </c>
    </row>
    <row r="32919" spans="1:4" x14ac:dyDescent="0.25">
      <c r="A32919" t="s">
        <v>48696</v>
      </c>
      <c r="B32919" t="s">
        <v>48699</v>
      </c>
      <c r="C32919">
        <v>1</v>
      </c>
      <c r="D32919">
        <v>0</v>
      </c>
    </row>
    <row r="32920" spans="1:4" x14ac:dyDescent="0.25">
      <c r="A32920" t="s">
        <v>48700</v>
      </c>
      <c r="B32920" t="s">
        <v>48701</v>
      </c>
      <c r="C32920">
        <v>1</v>
      </c>
      <c r="D32920">
        <v>0</v>
      </c>
    </row>
    <row r="32921" spans="1:4" x14ac:dyDescent="0.25">
      <c r="A32921" t="s">
        <v>48700</v>
      </c>
      <c r="B32921" t="s">
        <v>48702</v>
      </c>
      <c r="C32921">
        <v>1</v>
      </c>
      <c r="D32921">
        <v>0</v>
      </c>
    </row>
    <row r="32922" spans="1:4" x14ac:dyDescent="0.25">
      <c r="A32922" t="s">
        <v>48700</v>
      </c>
      <c r="B32922" t="s">
        <v>48703</v>
      </c>
      <c r="C32922">
        <v>1</v>
      </c>
      <c r="D32922">
        <v>0</v>
      </c>
    </row>
    <row r="32923" spans="1:4" x14ac:dyDescent="0.25">
      <c r="A32923" t="s">
        <v>48704</v>
      </c>
      <c r="B32923" t="s">
        <v>48705</v>
      </c>
      <c r="C32923">
        <v>0</v>
      </c>
      <c r="D32923">
        <v>0</v>
      </c>
    </row>
    <row r="32924" spans="1:4" x14ac:dyDescent="0.25">
      <c r="A32924" t="s">
        <v>48704</v>
      </c>
      <c r="B32924" t="s">
        <v>2865</v>
      </c>
      <c r="C32924">
        <v>0</v>
      </c>
      <c r="D32924">
        <v>0</v>
      </c>
    </row>
    <row r="32925" spans="1:4" x14ac:dyDescent="0.25">
      <c r="A32925" t="s">
        <v>48704</v>
      </c>
      <c r="B32925" t="s">
        <v>17479</v>
      </c>
      <c r="C32925">
        <v>0</v>
      </c>
      <c r="D32925">
        <v>0</v>
      </c>
    </row>
    <row r="32926" spans="1:4" x14ac:dyDescent="0.25">
      <c r="A32926" t="s">
        <v>48704</v>
      </c>
      <c r="B32926" t="s">
        <v>48706</v>
      </c>
      <c r="C32926">
        <v>2</v>
      </c>
      <c r="D32926">
        <v>0</v>
      </c>
    </row>
    <row r="32927" spans="1:4" x14ac:dyDescent="0.25">
      <c r="A32927" t="s">
        <v>48704</v>
      </c>
      <c r="B32927" t="s">
        <v>48707</v>
      </c>
      <c r="C32927">
        <v>2</v>
      </c>
      <c r="D32927">
        <v>0</v>
      </c>
    </row>
    <row r="32928" spans="1:4" x14ac:dyDescent="0.25">
      <c r="A32928" t="s">
        <v>48704</v>
      </c>
      <c r="B32928" t="s">
        <v>2865</v>
      </c>
      <c r="C32928">
        <v>0</v>
      </c>
      <c r="D32928">
        <v>0</v>
      </c>
    </row>
    <row r="32929" spans="1:4" x14ac:dyDescent="0.25">
      <c r="A32929" t="s">
        <v>48708</v>
      </c>
      <c r="B32929" t="s">
        <v>48709</v>
      </c>
      <c r="C32929">
        <v>0</v>
      </c>
      <c r="D32929">
        <v>0</v>
      </c>
    </row>
    <row r="32930" spans="1:4" x14ac:dyDescent="0.25">
      <c r="A32930" t="s">
        <v>48708</v>
      </c>
      <c r="B32930" t="s">
        <v>48710</v>
      </c>
      <c r="C32930">
        <v>2</v>
      </c>
      <c r="D32930">
        <v>0</v>
      </c>
    </row>
    <row r="32931" spans="1:4" x14ac:dyDescent="0.25">
      <c r="A32931" t="s">
        <v>48708</v>
      </c>
      <c r="B32931" t="s">
        <v>48711</v>
      </c>
      <c r="C32931">
        <v>2</v>
      </c>
      <c r="D32931">
        <v>0</v>
      </c>
    </row>
    <row r="32932" spans="1:4" x14ac:dyDescent="0.25">
      <c r="A32932" t="s">
        <v>48708</v>
      </c>
      <c r="B32932" t="s">
        <v>48712</v>
      </c>
      <c r="C32932">
        <v>2</v>
      </c>
      <c r="D32932">
        <v>0</v>
      </c>
    </row>
    <row r="32933" spans="1:4" x14ac:dyDescent="0.25">
      <c r="A32933" t="s">
        <v>48708</v>
      </c>
      <c r="B32933" t="s">
        <v>48713</v>
      </c>
      <c r="C32933">
        <v>1</v>
      </c>
      <c r="D32933">
        <v>0</v>
      </c>
    </row>
    <row r="32934" spans="1:4" x14ac:dyDescent="0.25">
      <c r="A32934" t="s">
        <v>48708</v>
      </c>
      <c r="B32934" t="s">
        <v>48714</v>
      </c>
      <c r="C32934">
        <v>0</v>
      </c>
      <c r="D32934">
        <v>0</v>
      </c>
    </row>
    <row r="32935" spans="1:4" x14ac:dyDescent="0.25">
      <c r="A32935" t="s">
        <v>48715</v>
      </c>
      <c r="B32935" t="s">
        <v>398</v>
      </c>
      <c r="C32935">
        <v>0</v>
      </c>
      <c r="D32935">
        <v>0</v>
      </c>
    </row>
    <row r="32936" spans="1:4" x14ac:dyDescent="0.25">
      <c r="A32936" t="s">
        <v>48716</v>
      </c>
      <c r="B32936" t="s">
        <v>48717</v>
      </c>
      <c r="C32936">
        <v>1</v>
      </c>
      <c r="D32936">
        <v>0</v>
      </c>
    </row>
    <row r="32937" spans="1:4" x14ac:dyDescent="0.25">
      <c r="A32937" t="s">
        <v>48716</v>
      </c>
      <c r="B32937" t="s">
        <v>48718</v>
      </c>
      <c r="C32937">
        <v>1</v>
      </c>
      <c r="D32937">
        <v>0</v>
      </c>
    </row>
    <row r="32938" spans="1:4" x14ac:dyDescent="0.25">
      <c r="A32938" t="s">
        <v>48716</v>
      </c>
      <c r="B32938" t="s">
        <v>48719</v>
      </c>
      <c r="C32938">
        <v>0</v>
      </c>
      <c r="D32938">
        <v>0</v>
      </c>
    </row>
    <row r="32939" spans="1:4" x14ac:dyDescent="0.25">
      <c r="A32939" t="s">
        <v>48716</v>
      </c>
      <c r="B32939" t="s">
        <v>48720</v>
      </c>
      <c r="C32939">
        <v>0</v>
      </c>
      <c r="D32939">
        <v>0</v>
      </c>
    </row>
    <row r="32940" spans="1:4" x14ac:dyDescent="0.25">
      <c r="A32940" t="s">
        <v>48716</v>
      </c>
      <c r="B32940" t="s">
        <v>48721</v>
      </c>
      <c r="C32940">
        <v>2</v>
      </c>
      <c r="D32940">
        <v>0</v>
      </c>
    </row>
    <row r="32941" spans="1:4" x14ac:dyDescent="0.25">
      <c r="A32941" t="s">
        <v>48716</v>
      </c>
      <c r="B32941" t="s">
        <v>48722</v>
      </c>
      <c r="C32941">
        <v>1</v>
      </c>
      <c r="D32941">
        <v>0</v>
      </c>
    </row>
    <row r="32942" spans="1:4" x14ac:dyDescent="0.25">
      <c r="A32942" t="s">
        <v>48716</v>
      </c>
      <c r="B32942" t="s">
        <v>48723</v>
      </c>
      <c r="C32942">
        <v>2</v>
      </c>
      <c r="D32942">
        <v>0</v>
      </c>
    </row>
    <row r="32943" spans="1:4" x14ac:dyDescent="0.25">
      <c r="A32943" t="s">
        <v>48724</v>
      </c>
      <c r="B32943" t="s">
        <v>48725</v>
      </c>
      <c r="C32943">
        <v>1</v>
      </c>
      <c r="D32943">
        <v>0</v>
      </c>
    </row>
    <row r="32944" spans="1:4" x14ac:dyDescent="0.25">
      <c r="A32944" t="s">
        <v>48724</v>
      </c>
      <c r="B32944" t="s">
        <v>48726</v>
      </c>
      <c r="C32944">
        <v>1</v>
      </c>
      <c r="D32944">
        <v>0</v>
      </c>
    </row>
    <row r="32945" spans="1:4" x14ac:dyDescent="0.25">
      <c r="A32945" t="s">
        <v>48724</v>
      </c>
      <c r="B32945" t="s">
        <v>398</v>
      </c>
      <c r="C32945">
        <v>0</v>
      </c>
      <c r="D32945">
        <v>0</v>
      </c>
    </row>
    <row r="32946" spans="1:4" x14ac:dyDescent="0.25">
      <c r="A32946" t="s">
        <v>48724</v>
      </c>
      <c r="B32946" t="s">
        <v>48727</v>
      </c>
      <c r="C32946">
        <v>2</v>
      </c>
      <c r="D32946">
        <v>0</v>
      </c>
    </row>
    <row r="32947" spans="1:4" x14ac:dyDescent="0.25">
      <c r="A32947" t="s">
        <v>48728</v>
      </c>
      <c r="B32947" t="s">
        <v>48729</v>
      </c>
      <c r="C32947">
        <v>0</v>
      </c>
      <c r="D32947">
        <v>0</v>
      </c>
    </row>
    <row r="32948" spans="1:4" x14ac:dyDescent="0.25">
      <c r="A32948" t="s">
        <v>48728</v>
      </c>
      <c r="B32948" t="s">
        <v>48730</v>
      </c>
      <c r="C32948">
        <v>0</v>
      </c>
      <c r="D32948">
        <v>0</v>
      </c>
    </row>
    <row r="32949" spans="1:4" x14ac:dyDescent="0.25">
      <c r="A32949" t="s">
        <v>48728</v>
      </c>
      <c r="B32949" t="s">
        <v>48731</v>
      </c>
      <c r="C32949">
        <v>0</v>
      </c>
      <c r="D32949">
        <v>0</v>
      </c>
    </row>
    <row r="32950" spans="1:4" x14ac:dyDescent="0.25">
      <c r="A32950" t="s">
        <v>48728</v>
      </c>
      <c r="B32950" t="s">
        <v>48732</v>
      </c>
      <c r="C32950">
        <v>0</v>
      </c>
      <c r="D32950">
        <v>0</v>
      </c>
    </row>
    <row r="32951" spans="1:4" x14ac:dyDescent="0.25">
      <c r="A32951" t="s">
        <v>48728</v>
      </c>
      <c r="B32951" t="s">
        <v>48733</v>
      </c>
      <c r="C32951">
        <v>1</v>
      </c>
      <c r="D32951">
        <v>0</v>
      </c>
    </row>
    <row r="32952" spans="1:4" x14ac:dyDescent="0.25">
      <c r="A32952" t="s">
        <v>48734</v>
      </c>
      <c r="B32952" t="s">
        <v>48735</v>
      </c>
      <c r="C32952">
        <v>1</v>
      </c>
      <c r="D32952">
        <v>0</v>
      </c>
    </row>
    <row r="32953" spans="1:4" x14ac:dyDescent="0.25">
      <c r="A32953" t="s">
        <v>48734</v>
      </c>
      <c r="B32953" t="s">
        <v>48736</v>
      </c>
      <c r="C32953">
        <v>1</v>
      </c>
      <c r="D32953">
        <v>0</v>
      </c>
    </row>
    <row r="32954" spans="1:4" x14ac:dyDescent="0.25">
      <c r="A32954" t="s">
        <v>48734</v>
      </c>
      <c r="B32954" t="s">
        <v>48737</v>
      </c>
      <c r="C32954">
        <v>1</v>
      </c>
      <c r="D32954">
        <v>0</v>
      </c>
    </row>
    <row r="32955" spans="1:4" x14ac:dyDescent="0.25">
      <c r="A32955" t="s">
        <v>48734</v>
      </c>
      <c r="B32955" t="s">
        <v>48738</v>
      </c>
      <c r="C32955">
        <v>1</v>
      </c>
      <c r="D32955">
        <v>0</v>
      </c>
    </row>
    <row r="32956" spans="1:4" x14ac:dyDescent="0.25">
      <c r="A32956" t="s">
        <v>48734</v>
      </c>
      <c r="B32956" t="s">
        <v>48739</v>
      </c>
      <c r="C32956">
        <v>0</v>
      </c>
      <c r="D32956">
        <v>0</v>
      </c>
    </row>
    <row r="32957" spans="1:4" x14ac:dyDescent="0.25">
      <c r="A32957" t="s">
        <v>48734</v>
      </c>
      <c r="B32957" t="s">
        <v>48740</v>
      </c>
      <c r="C32957">
        <v>1</v>
      </c>
      <c r="D32957">
        <v>0</v>
      </c>
    </row>
    <row r="32958" spans="1:4" x14ac:dyDescent="0.25">
      <c r="A32958" t="s">
        <v>48741</v>
      </c>
      <c r="B32958" t="s">
        <v>48742</v>
      </c>
      <c r="C32958">
        <v>1</v>
      </c>
      <c r="D32958">
        <v>0</v>
      </c>
    </row>
    <row r="32959" spans="1:4" x14ac:dyDescent="0.25">
      <c r="A32959" t="s">
        <v>48741</v>
      </c>
      <c r="B32959" t="s">
        <v>48743</v>
      </c>
      <c r="C32959">
        <v>1</v>
      </c>
      <c r="D32959">
        <v>0</v>
      </c>
    </row>
    <row r="32960" spans="1:4" x14ac:dyDescent="0.25">
      <c r="A32960" t="s">
        <v>48741</v>
      </c>
      <c r="B32960" t="s">
        <v>48744</v>
      </c>
      <c r="C32960">
        <v>1</v>
      </c>
      <c r="D32960">
        <v>0</v>
      </c>
    </row>
    <row r="32961" spans="1:4" x14ac:dyDescent="0.25">
      <c r="A32961" t="s">
        <v>48741</v>
      </c>
      <c r="B32961" t="s">
        <v>48745</v>
      </c>
      <c r="C32961">
        <v>1</v>
      </c>
      <c r="D32961">
        <v>0</v>
      </c>
    </row>
    <row r="32962" spans="1:4" x14ac:dyDescent="0.25">
      <c r="A32962" t="s">
        <v>48741</v>
      </c>
      <c r="B32962" t="s">
        <v>48746</v>
      </c>
      <c r="C32962">
        <v>1</v>
      </c>
      <c r="D32962">
        <v>0</v>
      </c>
    </row>
    <row r="32963" spans="1:4" x14ac:dyDescent="0.25">
      <c r="A32963" t="s">
        <v>48747</v>
      </c>
      <c r="B32963" t="s">
        <v>48748</v>
      </c>
      <c r="C32963">
        <v>0</v>
      </c>
      <c r="D32963">
        <v>0</v>
      </c>
    </row>
    <row r="32964" spans="1:4" x14ac:dyDescent="0.25">
      <c r="A32964" t="s">
        <v>48747</v>
      </c>
      <c r="B32964" t="s">
        <v>48749</v>
      </c>
      <c r="C32964">
        <v>2</v>
      </c>
      <c r="D32964">
        <v>0</v>
      </c>
    </row>
    <row r="32965" spans="1:4" x14ac:dyDescent="0.25">
      <c r="A32965" t="s">
        <v>48750</v>
      </c>
      <c r="B32965" t="s">
        <v>48751</v>
      </c>
      <c r="C32965">
        <v>0</v>
      </c>
      <c r="D32965">
        <v>0</v>
      </c>
    </row>
    <row r="32966" spans="1:4" x14ac:dyDescent="0.25">
      <c r="A32966" t="s">
        <v>48752</v>
      </c>
      <c r="B32966" t="s">
        <v>48753</v>
      </c>
      <c r="C32966">
        <v>1</v>
      </c>
      <c r="D32966">
        <v>0</v>
      </c>
    </row>
    <row r="32967" spans="1:4" x14ac:dyDescent="0.25">
      <c r="A32967" t="s">
        <v>48752</v>
      </c>
      <c r="B32967" t="s">
        <v>48754</v>
      </c>
      <c r="C32967">
        <v>0</v>
      </c>
      <c r="D32967">
        <v>0</v>
      </c>
    </row>
    <row r="32968" spans="1:4" x14ac:dyDescent="0.25">
      <c r="A32968" t="s">
        <v>48752</v>
      </c>
      <c r="B32968" t="s">
        <v>48755</v>
      </c>
      <c r="C32968">
        <v>0</v>
      </c>
      <c r="D32968">
        <v>0</v>
      </c>
    </row>
    <row r="32969" spans="1:4" x14ac:dyDescent="0.25">
      <c r="A32969" t="s">
        <v>48752</v>
      </c>
      <c r="B32969" t="s">
        <v>48756</v>
      </c>
      <c r="C32969">
        <v>0</v>
      </c>
      <c r="D32969">
        <v>0</v>
      </c>
    </row>
    <row r="32970" spans="1:4" x14ac:dyDescent="0.25">
      <c r="A32970" t="s">
        <v>48752</v>
      </c>
      <c r="B32970" t="s">
        <v>48757</v>
      </c>
      <c r="C32970">
        <v>0</v>
      </c>
      <c r="D32970">
        <v>0</v>
      </c>
    </row>
    <row r="32971" spans="1:4" x14ac:dyDescent="0.25">
      <c r="A32971" t="s">
        <v>48758</v>
      </c>
      <c r="B32971" t="s">
        <v>48759</v>
      </c>
      <c r="C32971">
        <v>2</v>
      </c>
      <c r="D32971">
        <v>0</v>
      </c>
    </row>
    <row r="32972" spans="1:4" x14ac:dyDescent="0.25">
      <c r="A32972" t="s">
        <v>48758</v>
      </c>
      <c r="B32972" t="s">
        <v>48760</v>
      </c>
      <c r="C32972">
        <v>1</v>
      </c>
      <c r="D32972">
        <v>0</v>
      </c>
    </row>
    <row r="32973" spans="1:4" x14ac:dyDescent="0.25">
      <c r="A32973" t="s">
        <v>48761</v>
      </c>
      <c r="B32973" t="s">
        <v>48762</v>
      </c>
      <c r="C32973">
        <v>1</v>
      </c>
      <c r="D32973">
        <v>0</v>
      </c>
    </row>
    <row r="32974" spans="1:4" x14ac:dyDescent="0.25">
      <c r="A32974" t="s">
        <v>48761</v>
      </c>
      <c r="B32974" t="s">
        <v>48763</v>
      </c>
      <c r="C32974">
        <v>1</v>
      </c>
      <c r="D32974">
        <v>0</v>
      </c>
    </row>
    <row r="32975" spans="1:4" x14ac:dyDescent="0.25">
      <c r="A32975" t="s">
        <v>48761</v>
      </c>
      <c r="B32975" t="s">
        <v>48764</v>
      </c>
      <c r="C32975">
        <v>2</v>
      </c>
      <c r="D32975">
        <v>0</v>
      </c>
    </row>
    <row r="32976" spans="1:4" x14ac:dyDescent="0.25">
      <c r="A32976" t="s">
        <v>48761</v>
      </c>
      <c r="B32976" t="s">
        <v>48765</v>
      </c>
      <c r="C32976">
        <v>2</v>
      </c>
      <c r="D32976">
        <v>0</v>
      </c>
    </row>
    <row r="32977" spans="1:4" x14ac:dyDescent="0.25">
      <c r="A32977" t="s">
        <v>48761</v>
      </c>
      <c r="B32977" t="s">
        <v>48766</v>
      </c>
      <c r="C32977">
        <v>2</v>
      </c>
      <c r="D32977">
        <v>0</v>
      </c>
    </row>
    <row r="32978" spans="1:4" x14ac:dyDescent="0.25">
      <c r="A32978" t="s">
        <v>48761</v>
      </c>
      <c r="B32978" t="s">
        <v>48767</v>
      </c>
      <c r="C32978">
        <v>2</v>
      </c>
      <c r="D32978">
        <v>0</v>
      </c>
    </row>
    <row r="32979" spans="1:4" x14ac:dyDescent="0.25">
      <c r="A32979" t="s">
        <v>48761</v>
      </c>
      <c r="B32979" t="s">
        <v>5864</v>
      </c>
      <c r="C32979">
        <v>1</v>
      </c>
      <c r="D32979">
        <v>0</v>
      </c>
    </row>
    <row r="32980" spans="1:4" x14ac:dyDescent="0.25">
      <c r="A32980" t="s">
        <v>48761</v>
      </c>
      <c r="B32980" t="s">
        <v>48768</v>
      </c>
      <c r="C32980">
        <v>0</v>
      </c>
      <c r="D32980">
        <v>0</v>
      </c>
    </row>
    <row r="32981" spans="1:4" x14ac:dyDescent="0.25">
      <c r="A32981" t="s">
        <v>48761</v>
      </c>
      <c r="B32981" t="s">
        <v>48769</v>
      </c>
      <c r="C32981">
        <v>2</v>
      </c>
      <c r="D32981">
        <v>0</v>
      </c>
    </row>
    <row r="32982" spans="1:4" x14ac:dyDescent="0.25">
      <c r="A32982" t="s">
        <v>48761</v>
      </c>
      <c r="B32982" t="s">
        <v>48770</v>
      </c>
      <c r="C32982">
        <v>1</v>
      </c>
      <c r="D32982">
        <v>0</v>
      </c>
    </row>
    <row r="32983" spans="1:4" x14ac:dyDescent="0.25">
      <c r="A32983" t="s">
        <v>48771</v>
      </c>
      <c r="B32983" t="s">
        <v>48772</v>
      </c>
      <c r="C32983">
        <v>1</v>
      </c>
      <c r="D32983">
        <v>0</v>
      </c>
    </row>
    <row r="32984" spans="1:4" x14ac:dyDescent="0.25">
      <c r="A32984" t="s">
        <v>48773</v>
      </c>
      <c r="B32984" t="s">
        <v>48774</v>
      </c>
      <c r="C32984">
        <v>1</v>
      </c>
      <c r="D32984">
        <v>0</v>
      </c>
    </row>
    <row r="32985" spans="1:4" x14ac:dyDescent="0.25">
      <c r="A32985" t="s">
        <v>48773</v>
      </c>
      <c r="B32985" t="s">
        <v>48775</v>
      </c>
      <c r="C32985">
        <v>2</v>
      </c>
      <c r="D32985">
        <v>0</v>
      </c>
    </row>
    <row r="32986" spans="1:4" x14ac:dyDescent="0.25">
      <c r="A32986" t="s">
        <v>48773</v>
      </c>
      <c r="B32986" t="s">
        <v>48776</v>
      </c>
      <c r="C32986">
        <v>1</v>
      </c>
      <c r="D32986">
        <v>0</v>
      </c>
    </row>
    <row r="32987" spans="1:4" x14ac:dyDescent="0.25">
      <c r="A32987" t="s">
        <v>48773</v>
      </c>
      <c r="B32987" t="s">
        <v>48777</v>
      </c>
      <c r="C32987">
        <v>1</v>
      </c>
      <c r="D32987">
        <v>0</v>
      </c>
    </row>
    <row r="32988" spans="1:4" x14ac:dyDescent="0.25">
      <c r="A32988" t="s">
        <v>48773</v>
      </c>
      <c r="B32988" t="s">
        <v>48778</v>
      </c>
      <c r="C32988">
        <v>1</v>
      </c>
      <c r="D32988">
        <v>0</v>
      </c>
    </row>
    <row r="32989" spans="1:4" x14ac:dyDescent="0.25">
      <c r="A32989" t="s">
        <v>48773</v>
      </c>
      <c r="B32989" t="s">
        <v>4637</v>
      </c>
      <c r="C32989">
        <v>1</v>
      </c>
      <c r="D32989">
        <v>0</v>
      </c>
    </row>
    <row r="32990" spans="1:4" x14ac:dyDescent="0.25">
      <c r="A32990" t="s">
        <v>48779</v>
      </c>
      <c r="B32990" t="s">
        <v>48780</v>
      </c>
      <c r="C32990">
        <v>1</v>
      </c>
      <c r="D32990">
        <v>0</v>
      </c>
    </row>
    <row r="32991" spans="1:4" x14ac:dyDescent="0.25">
      <c r="A32991" t="s">
        <v>48779</v>
      </c>
      <c r="B32991" t="s">
        <v>48781</v>
      </c>
      <c r="C32991">
        <v>1</v>
      </c>
      <c r="D32991">
        <v>0</v>
      </c>
    </row>
    <row r="32992" spans="1:4" x14ac:dyDescent="0.25">
      <c r="A32992" t="s">
        <v>48782</v>
      </c>
      <c r="B32992" t="s">
        <v>48783</v>
      </c>
      <c r="C32992">
        <v>1</v>
      </c>
      <c r="D32992">
        <v>0</v>
      </c>
    </row>
    <row r="32993" spans="1:4" x14ac:dyDescent="0.25">
      <c r="A32993" t="s">
        <v>48782</v>
      </c>
      <c r="B32993" t="s">
        <v>48784</v>
      </c>
      <c r="C32993">
        <v>1</v>
      </c>
      <c r="D32993">
        <v>0</v>
      </c>
    </row>
    <row r="32994" spans="1:4" x14ac:dyDescent="0.25">
      <c r="A32994" t="s">
        <v>48782</v>
      </c>
      <c r="B32994" t="s">
        <v>48785</v>
      </c>
      <c r="C32994">
        <v>1</v>
      </c>
      <c r="D32994">
        <v>0</v>
      </c>
    </row>
    <row r="32995" spans="1:4" x14ac:dyDescent="0.25">
      <c r="A32995" t="s">
        <v>48782</v>
      </c>
      <c r="B32995" t="s">
        <v>48786</v>
      </c>
      <c r="C32995">
        <v>0</v>
      </c>
      <c r="D32995">
        <v>0</v>
      </c>
    </row>
    <row r="32996" spans="1:4" x14ac:dyDescent="0.25">
      <c r="A32996" t="s">
        <v>48782</v>
      </c>
      <c r="B32996" t="s">
        <v>48787</v>
      </c>
      <c r="C32996">
        <v>1</v>
      </c>
      <c r="D32996">
        <v>0</v>
      </c>
    </row>
    <row r="32997" spans="1:4" x14ac:dyDescent="0.25">
      <c r="A32997" t="s">
        <v>48782</v>
      </c>
      <c r="B32997" t="s">
        <v>2651</v>
      </c>
      <c r="C32997">
        <v>0</v>
      </c>
      <c r="D32997">
        <v>0</v>
      </c>
    </row>
    <row r="32998" spans="1:4" x14ac:dyDescent="0.25">
      <c r="A32998" t="s">
        <v>48788</v>
      </c>
      <c r="B32998" t="s">
        <v>816</v>
      </c>
      <c r="C32998">
        <v>1</v>
      </c>
      <c r="D32998">
        <v>0</v>
      </c>
    </row>
    <row r="32999" spans="1:4" x14ac:dyDescent="0.25">
      <c r="A32999" t="s">
        <v>48788</v>
      </c>
      <c r="B32999" t="s">
        <v>48789</v>
      </c>
      <c r="C32999">
        <v>1</v>
      </c>
      <c r="D32999">
        <v>0</v>
      </c>
    </row>
    <row r="33000" spans="1:4" x14ac:dyDescent="0.25">
      <c r="A33000" t="s">
        <v>48788</v>
      </c>
      <c r="B33000" t="s">
        <v>48790</v>
      </c>
      <c r="C33000">
        <v>1</v>
      </c>
      <c r="D33000">
        <v>0</v>
      </c>
    </row>
    <row r="33001" spans="1:4" x14ac:dyDescent="0.25">
      <c r="A33001" t="s">
        <v>48788</v>
      </c>
      <c r="B33001" t="s">
        <v>48791</v>
      </c>
      <c r="C33001">
        <v>1</v>
      </c>
      <c r="D33001">
        <v>0</v>
      </c>
    </row>
    <row r="33002" spans="1:4" x14ac:dyDescent="0.25">
      <c r="A33002" t="s">
        <v>48788</v>
      </c>
      <c r="B33002" t="s">
        <v>48792</v>
      </c>
      <c r="C33002">
        <v>1</v>
      </c>
      <c r="D33002">
        <v>0</v>
      </c>
    </row>
    <row r="33003" spans="1:4" x14ac:dyDescent="0.25">
      <c r="A33003" t="s">
        <v>48793</v>
      </c>
      <c r="B33003" t="s">
        <v>48794</v>
      </c>
      <c r="C33003">
        <v>1</v>
      </c>
      <c r="D33003">
        <v>0</v>
      </c>
    </row>
    <row r="33004" spans="1:4" x14ac:dyDescent="0.25">
      <c r="A33004" t="s">
        <v>48793</v>
      </c>
      <c r="B33004" t="s">
        <v>48795</v>
      </c>
      <c r="C33004">
        <v>1</v>
      </c>
      <c r="D33004">
        <v>0</v>
      </c>
    </row>
    <row r="33005" spans="1:4" x14ac:dyDescent="0.25">
      <c r="A33005" t="s">
        <v>48793</v>
      </c>
      <c r="B33005" t="s">
        <v>48796</v>
      </c>
      <c r="C33005">
        <v>1</v>
      </c>
      <c r="D33005">
        <v>0</v>
      </c>
    </row>
    <row r="33006" spans="1:4" x14ac:dyDescent="0.25">
      <c r="A33006" t="s">
        <v>48793</v>
      </c>
      <c r="B33006" t="s">
        <v>48797</v>
      </c>
      <c r="C33006">
        <v>1</v>
      </c>
      <c r="D33006">
        <v>0</v>
      </c>
    </row>
    <row r="33007" spans="1:4" x14ac:dyDescent="0.25">
      <c r="A33007" t="s">
        <v>48793</v>
      </c>
      <c r="B33007" t="s">
        <v>48798</v>
      </c>
      <c r="C33007">
        <v>1</v>
      </c>
      <c r="D33007">
        <v>0</v>
      </c>
    </row>
    <row r="33008" spans="1:4" x14ac:dyDescent="0.25">
      <c r="A33008" t="s">
        <v>48799</v>
      </c>
      <c r="B33008" t="s">
        <v>48800</v>
      </c>
      <c r="C33008">
        <v>1</v>
      </c>
      <c r="D33008">
        <v>0</v>
      </c>
    </row>
    <row r="33009" spans="1:4" x14ac:dyDescent="0.25">
      <c r="A33009" t="s">
        <v>48801</v>
      </c>
      <c r="B33009" t="s">
        <v>48802</v>
      </c>
      <c r="C33009">
        <v>1</v>
      </c>
      <c r="D33009">
        <v>0</v>
      </c>
    </row>
    <row r="33010" spans="1:4" x14ac:dyDescent="0.25">
      <c r="A33010" t="s">
        <v>48801</v>
      </c>
      <c r="B33010" t="s">
        <v>48803</v>
      </c>
      <c r="C33010">
        <v>1</v>
      </c>
      <c r="D33010">
        <v>0</v>
      </c>
    </row>
    <row r="33011" spans="1:4" x14ac:dyDescent="0.25">
      <c r="A33011" t="s">
        <v>48801</v>
      </c>
      <c r="B33011" t="s">
        <v>48804</v>
      </c>
      <c r="C33011">
        <v>1</v>
      </c>
      <c r="D33011">
        <v>0</v>
      </c>
    </row>
    <row r="33012" spans="1:4" x14ac:dyDescent="0.25">
      <c r="A33012" t="s">
        <v>48805</v>
      </c>
      <c r="B33012" t="s">
        <v>48806</v>
      </c>
      <c r="C33012">
        <v>1</v>
      </c>
      <c r="D33012">
        <v>0</v>
      </c>
    </row>
    <row r="33013" spans="1:4" x14ac:dyDescent="0.25">
      <c r="A33013" t="s">
        <v>48805</v>
      </c>
      <c r="B33013" t="s">
        <v>5809</v>
      </c>
      <c r="C33013">
        <v>0</v>
      </c>
      <c r="D33013">
        <v>0</v>
      </c>
    </row>
    <row r="33014" spans="1:4" x14ac:dyDescent="0.25">
      <c r="A33014" t="s">
        <v>48805</v>
      </c>
      <c r="B33014" t="s">
        <v>48807</v>
      </c>
      <c r="C33014">
        <v>2</v>
      </c>
      <c r="D33014">
        <v>0</v>
      </c>
    </row>
    <row r="33015" spans="1:4" x14ac:dyDescent="0.25">
      <c r="A33015" t="s">
        <v>48808</v>
      </c>
      <c r="B33015" t="s">
        <v>48809</v>
      </c>
      <c r="C33015">
        <v>2</v>
      </c>
      <c r="D33015">
        <v>0</v>
      </c>
    </row>
    <row r="33016" spans="1:4" x14ac:dyDescent="0.25">
      <c r="A33016" t="s">
        <v>48808</v>
      </c>
      <c r="B33016" t="s">
        <v>48810</v>
      </c>
      <c r="C33016">
        <v>1</v>
      </c>
      <c r="D33016">
        <v>0</v>
      </c>
    </row>
    <row r="33017" spans="1:4" x14ac:dyDescent="0.25">
      <c r="A33017" t="s">
        <v>48811</v>
      </c>
      <c r="B33017" t="s">
        <v>48812</v>
      </c>
      <c r="C33017">
        <v>1</v>
      </c>
      <c r="D33017">
        <v>0</v>
      </c>
    </row>
    <row r="33018" spans="1:4" x14ac:dyDescent="0.25">
      <c r="A33018" t="s">
        <v>48813</v>
      </c>
      <c r="B33018" t="s">
        <v>48814</v>
      </c>
      <c r="C33018">
        <v>2</v>
      </c>
      <c r="D33018">
        <v>0</v>
      </c>
    </row>
    <row r="33019" spans="1:4" x14ac:dyDescent="0.25">
      <c r="A33019" t="s">
        <v>48813</v>
      </c>
      <c r="B33019" t="s">
        <v>48815</v>
      </c>
      <c r="C33019">
        <v>0</v>
      </c>
      <c r="D33019">
        <v>0</v>
      </c>
    </row>
    <row r="33020" spans="1:4" x14ac:dyDescent="0.25">
      <c r="A33020" t="s">
        <v>48813</v>
      </c>
      <c r="B33020" t="s">
        <v>48816</v>
      </c>
      <c r="C33020">
        <v>1</v>
      </c>
      <c r="D33020">
        <v>0</v>
      </c>
    </row>
    <row r="33021" spans="1:4" x14ac:dyDescent="0.25">
      <c r="A33021" t="s">
        <v>48817</v>
      </c>
      <c r="B33021" t="s">
        <v>48818</v>
      </c>
      <c r="C33021">
        <v>1</v>
      </c>
      <c r="D33021">
        <v>0</v>
      </c>
    </row>
    <row r="33022" spans="1:4" x14ac:dyDescent="0.25">
      <c r="A33022" t="s">
        <v>48817</v>
      </c>
      <c r="B33022" t="s">
        <v>48819</v>
      </c>
      <c r="C33022">
        <v>1</v>
      </c>
      <c r="D33022">
        <v>0</v>
      </c>
    </row>
    <row r="33023" spans="1:4" x14ac:dyDescent="0.25">
      <c r="A33023" t="s">
        <v>48817</v>
      </c>
      <c r="B33023" t="s">
        <v>48820</v>
      </c>
      <c r="C33023">
        <v>1</v>
      </c>
      <c r="D33023">
        <v>0</v>
      </c>
    </row>
    <row r="33024" spans="1:4" x14ac:dyDescent="0.25">
      <c r="A33024" t="s">
        <v>48817</v>
      </c>
      <c r="B33024" t="s">
        <v>48821</v>
      </c>
      <c r="C33024">
        <v>1</v>
      </c>
      <c r="D33024">
        <v>0</v>
      </c>
    </row>
    <row r="33025" spans="1:4" x14ac:dyDescent="0.25">
      <c r="A33025" t="s">
        <v>48817</v>
      </c>
      <c r="B33025" t="s">
        <v>48822</v>
      </c>
      <c r="C33025">
        <v>1</v>
      </c>
      <c r="D33025">
        <v>0</v>
      </c>
    </row>
    <row r="33026" spans="1:4" x14ac:dyDescent="0.25">
      <c r="A33026" t="s">
        <v>48823</v>
      </c>
      <c r="B33026" t="s">
        <v>48824</v>
      </c>
      <c r="C33026">
        <v>1</v>
      </c>
      <c r="D33026">
        <v>0</v>
      </c>
    </row>
    <row r="33027" spans="1:4" x14ac:dyDescent="0.25">
      <c r="A33027" t="s">
        <v>48823</v>
      </c>
      <c r="B33027" t="s">
        <v>48825</v>
      </c>
      <c r="C33027">
        <v>1</v>
      </c>
      <c r="D33027">
        <v>0</v>
      </c>
    </row>
    <row r="33028" spans="1:4" x14ac:dyDescent="0.25">
      <c r="A33028" t="s">
        <v>48823</v>
      </c>
      <c r="B33028" t="s">
        <v>48826</v>
      </c>
      <c r="C33028">
        <v>1</v>
      </c>
      <c r="D33028">
        <v>0</v>
      </c>
    </row>
    <row r="33029" spans="1:4" x14ac:dyDescent="0.25">
      <c r="A33029" t="s">
        <v>48823</v>
      </c>
      <c r="B33029" t="s">
        <v>48827</v>
      </c>
      <c r="C33029">
        <v>1</v>
      </c>
      <c r="D33029">
        <v>0</v>
      </c>
    </row>
    <row r="33030" spans="1:4" x14ac:dyDescent="0.25">
      <c r="A33030" t="s">
        <v>48828</v>
      </c>
      <c r="B33030" t="s">
        <v>48829</v>
      </c>
      <c r="C33030">
        <v>1</v>
      </c>
      <c r="D33030">
        <v>0</v>
      </c>
    </row>
    <row r="33031" spans="1:4" x14ac:dyDescent="0.25">
      <c r="A33031" t="s">
        <v>48828</v>
      </c>
      <c r="B33031" t="s">
        <v>48830</v>
      </c>
      <c r="C33031">
        <v>1</v>
      </c>
      <c r="D33031">
        <v>0</v>
      </c>
    </row>
    <row r="33032" spans="1:4" x14ac:dyDescent="0.25">
      <c r="A33032" t="s">
        <v>48828</v>
      </c>
      <c r="B33032" t="s">
        <v>5864</v>
      </c>
      <c r="C33032">
        <v>1</v>
      </c>
      <c r="D33032">
        <v>0</v>
      </c>
    </row>
    <row r="33033" spans="1:4" x14ac:dyDescent="0.25">
      <c r="A33033" t="s">
        <v>48828</v>
      </c>
      <c r="B33033" t="s">
        <v>48831</v>
      </c>
      <c r="C33033">
        <v>2</v>
      </c>
      <c r="D33033">
        <v>0</v>
      </c>
    </row>
    <row r="33034" spans="1:4" x14ac:dyDescent="0.25">
      <c r="A33034" t="s">
        <v>48828</v>
      </c>
      <c r="B33034" t="s">
        <v>48832</v>
      </c>
      <c r="C33034">
        <v>1</v>
      </c>
      <c r="D33034">
        <v>0</v>
      </c>
    </row>
    <row r="33035" spans="1:4" x14ac:dyDescent="0.25">
      <c r="A33035" t="s">
        <v>48828</v>
      </c>
      <c r="B33035" t="s">
        <v>48833</v>
      </c>
      <c r="C33035">
        <v>1</v>
      </c>
      <c r="D33035">
        <v>0</v>
      </c>
    </row>
    <row r="33036" spans="1:4" x14ac:dyDescent="0.25">
      <c r="A33036" t="s">
        <v>48834</v>
      </c>
      <c r="B33036" t="s">
        <v>48835</v>
      </c>
      <c r="C33036">
        <v>2</v>
      </c>
      <c r="D33036">
        <v>0</v>
      </c>
    </row>
    <row r="33037" spans="1:4" x14ac:dyDescent="0.25">
      <c r="A33037" t="s">
        <v>48834</v>
      </c>
      <c r="B33037" t="s">
        <v>48836</v>
      </c>
      <c r="C33037">
        <v>2</v>
      </c>
      <c r="D33037">
        <v>0</v>
      </c>
    </row>
    <row r="33038" spans="1:4" x14ac:dyDescent="0.25">
      <c r="A33038" t="s">
        <v>48834</v>
      </c>
      <c r="B33038" t="s">
        <v>48837</v>
      </c>
      <c r="C33038">
        <v>1</v>
      </c>
      <c r="D33038">
        <v>0</v>
      </c>
    </row>
    <row r="33039" spans="1:4" x14ac:dyDescent="0.25">
      <c r="A33039" t="s">
        <v>48834</v>
      </c>
      <c r="B33039" t="s">
        <v>48838</v>
      </c>
      <c r="C33039">
        <v>1</v>
      </c>
      <c r="D33039">
        <v>0</v>
      </c>
    </row>
    <row r="33040" spans="1:4" x14ac:dyDescent="0.25">
      <c r="A33040" t="s">
        <v>48839</v>
      </c>
      <c r="B33040" t="s">
        <v>5047</v>
      </c>
      <c r="C33040">
        <v>0</v>
      </c>
      <c r="D33040">
        <v>0</v>
      </c>
    </row>
    <row r="33041" spans="1:4" x14ac:dyDescent="0.25">
      <c r="A33041" t="s">
        <v>48839</v>
      </c>
      <c r="B33041" t="s">
        <v>48840</v>
      </c>
      <c r="C33041">
        <v>0</v>
      </c>
      <c r="D33041">
        <v>0</v>
      </c>
    </row>
    <row r="33042" spans="1:4" x14ac:dyDescent="0.25">
      <c r="A33042" t="s">
        <v>48841</v>
      </c>
      <c r="B33042" t="s">
        <v>48842</v>
      </c>
      <c r="C33042">
        <v>1</v>
      </c>
      <c r="D33042">
        <v>0</v>
      </c>
    </row>
    <row r="33043" spans="1:4" x14ac:dyDescent="0.25">
      <c r="A33043" t="s">
        <v>48841</v>
      </c>
      <c r="B33043" t="s">
        <v>48043</v>
      </c>
      <c r="C33043">
        <v>0</v>
      </c>
      <c r="D33043">
        <v>0</v>
      </c>
    </row>
    <row r="33044" spans="1:4" x14ac:dyDescent="0.25">
      <c r="A33044" t="s">
        <v>48841</v>
      </c>
      <c r="B33044" t="s">
        <v>48843</v>
      </c>
      <c r="C33044">
        <v>2</v>
      </c>
      <c r="D33044">
        <v>0</v>
      </c>
    </row>
    <row r="33045" spans="1:4" x14ac:dyDescent="0.25">
      <c r="A33045" t="s">
        <v>48841</v>
      </c>
      <c r="B33045" t="s">
        <v>48844</v>
      </c>
      <c r="C33045">
        <v>1</v>
      </c>
      <c r="D33045">
        <v>0</v>
      </c>
    </row>
    <row r="33046" spans="1:4" x14ac:dyDescent="0.25">
      <c r="A33046" t="s">
        <v>48845</v>
      </c>
      <c r="B33046" t="s">
        <v>48846</v>
      </c>
      <c r="C33046">
        <v>1</v>
      </c>
      <c r="D33046">
        <v>0</v>
      </c>
    </row>
    <row r="33047" spans="1:4" x14ac:dyDescent="0.25">
      <c r="A33047" t="s">
        <v>48845</v>
      </c>
      <c r="B33047" t="s">
        <v>48847</v>
      </c>
      <c r="C33047">
        <v>0</v>
      </c>
      <c r="D33047">
        <v>0</v>
      </c>
    </row>
    <row r="33048" spans="1:4" x14ac:dyDescent="0.25">
      <c r="A33048" t="s">
        <v>48845</v>
      </c>
      <c r="B33048" t="s">
        <v>48848</v>
      </c>
      <c r="C33048">
        <v>0</v>
      </c>
      <c r="D33048">
        <v>0</v>
      </c>
    </row>
    <row r="33049" spans="1:4" x14ac:dyDescent="0.25">
      <c r="A33049" t="s">
        <v>48849</v>
      </c>
      <c r="B33049" t="s">
        <v>48850</v>
      </c>
      <c r="C33049">
        <v>1</v>
      </c>
      <c r="D33049">
        <v>0</v>
      </c>
    </row>
    <row r="33050" spans="1:4" x14ac:dyDescent="0.25">
      <c r="A33050" t="s">
        <v>48849</v>
      </c>
      <c r="B33050" t="s">
        <v>48851</v>
      </c>
      <c r="C33050">
        <v>1</v>
      </c>
      <c r="D33050">
        <v>0</v>
      </c>
    </row>
    <row r="33051" spans="1:4" x14ac:dyDescent="0.25">
      <c r="A33051" t="s">
        <v>48849</v>
      </c>
      <c r="B33051" t="s">
        <v>48852</v>
      </c>
      <c r="C33051">
        <v>0</v>
      </c>
      <c r="D33051">
        <v>0</v>
      </c>
    </row>
    <row r="33052" spans="1:4" x14ac:dyDescent="0.25">
      <c r="A33052" t="s">
        <v>48853</v>
      </c>
      <c r="B33052" t="s">
        <v>48854</v>
      </c>
      <c r="C33052">
        <v>0</v>
      </c>
      <c r="D33052">
        <v>0</v>
      </c>
    </row>
    <row r="33053" spans="1:4" x14ac:dyDescent="0.25">
      <c r="A33053" t="s">
        <v>48853</v>
      </c>
      <c r="B33053" t="s">
        <v>48855</v>
      </c>
      <c r="C33053">
        <v>0</v>
      </c>
      <c r="D33053">
        <v>0</v>
      </c>
    </row>
    <row r="33054" spans="1:4" x14ac:dyDescent="0.25">
      <c r="A33054" t="s">
        <v>48853</v>
      </c>
      <c r="B33054" t="s">
        <v>48856</v>
      </c>
      <c r="C33054">
        <v>0</v>
      </c>
      <c r="D33054">
        <v>0</v>
      </c>
    </row>
    <row r="33055" spans="1:4" x14ac:dyDescent="0.25">
      <c r="A33055" t="s">
        <v>48853</v>
      </c>
      <c r="B33055" t="s">
        <v>48857</v>
      </c>
      <c r="C33055">
        <v>1</v>
      </c>
      <c r="D33055">
        <v>0</v>
      </c>
    </row>
    <row r="33056" spans="1:4" x14ac:dyDescent="0.25">
      <c r="A33056" t="s">
        <v>48853</v>
      </c>
      <c r="B33056" t="s">
        <v>48858</v>
      </c>
      <c r="C33056">
        <v>2</v>
      </c>
      <c r="D33056">
        <v>0</v>
      </c>
    </row>
    <row r="33057" spans="1:4" x14ac:dyDescent="0.25">
      <c r="A33057" t="s">
        <v>48859</v>
      </c>
      <c r="B33057" t="s">
        <v>48860</v>
      </c>
      <c r="C33057">
        <v>1</v>
      </c>
      <c r="D33057">
        <v>0</v>
      </c>
    </row>
    <row r="33058" spans="1:4" x14ac:dyDescent="0.25">
      <c r="A33058" t="s">
        <v>48859</v>
      </c>
      <c r="B33058" t="s">
        <v>48861</v>
      </c>
      <c r="C33058">
        <v>2</v>
      </c>
      <c r="D33058">
        <v>0</v>
      </c>
    </row>
    <row r="33059" spans="1:4" x14ac:dyDescent="0.25">
      <c r="A33059" t="s">
        <v>48859</v>
      </c>
      <c r="B33059" t="s">
        <v>48862</v>
      </c>
      <c r="C33059">
        <v>0</v>
      </c>
      <c r="D33059">
        <v>0</v>
      </c>
    </row>
    <row r="33060" spans="1:4" x14ac:dyDescent="0.25">
      <c r="A33060" t="s">
        <v>48859</v>
      </c>
      <c r="B33060" t="s">
        <v>48863</v>
      </c>
      <c r="C33060">
        <v>1</v>
      </c>
      <c r="D33060">
        <v>0</v>
      </c>
    </row>
    <row r="33061" spans="1:4" x14ac:dyDescent="0.25">
      <c r="A33061" t="s">
        <v>48859</v>
      </c>
      <c r="B33061" t="s">
        <v>48864</v>
      </c>
      <c r="C33061">
        <v>0</v>
      </c>
      <c r="D33061">
        <v>0</v>
      </c>
    </row>
    <row r="33062" spans="1:4" x14ac:dyDescent="0.25">
      <c r="A33062" t="s">
        <v>48865</v>
      </c>
      <c r="B33062" t="s">
        <v>48866</v>
      </c>
      <c r="C33062">
        <v>2</v>
      </c>
      <c r="D33062">
        <v>0</v>
      </c>
    </row>
    <row r="33063" spans="1:4" x14ac:dyDescent="0.25">
      <c r="A33063" t="s">
        <v>48865</v>
      </c>
      <c r="B33063" t="s">
        <v>48867</v>
      </c>
      <c r="C33063">
        <v>0</v>
      </c>
      <c r="D33063">
        <v>0</v>
      </c>
    </row>
    <row r="33064" spans="1:4" x14ac:dyDescent="0.25">
      <c r="A33064" t="s">
        <v>48865</v>
      </c>
      <c r="B33064" t="s">
        <v>48868</v>
      </c>
      <c r="C33064">
        <v>1</v>
      </c>
      <c r="D33064">
        <v>0</v>
      </c>
    </row>
    <row r="33065" spans="1:4" x14ac:dyDescent="0.25">
      <c r="A33065" t="s">
        <v>48865</v>
      </c>
      <c r="B33065" t="s">
        <v>48869</v>
      </c>
      <c r="C33065">
        <v>0</v>
      </c>
      <c r="D33065">
        <v>0</v>
      </c>
    </row>
    <row r="33066" spans="1:4" x14ac:dyDescent="0.25">
      <c r="A33066" t="s">
        <v>48870</v>
      </c>
      <c r="B33066" t="s">
        <v>48871</v>
      </c>
      <c r="C33066">
        <v>1</v>
      </c>
      <c r="D33066">
        <v>0</v>
      </c>
    </row>
    <row r="33067" spans="1:4" x14ac:dyDescent="0.25">
      <c r="A33067" t="s">
        <v>48870</v>
      </c>
      <c r="B33067" t="s">
        <v>48872</v>
      </c>
      <c r="C33067">
        <v>1</v>
      </c>
      <c r="D33067">
        <v>0</v>
      </c>
    </row>
    <row r="33068" spans="1:4" x14ac:dyDescent="0.25">
      <c r="A33068" t="s">
        <v>48870</v>
      </c>
      <c r="B33068" t="s">
        <v>48873</v>
      </c>
      <c r="C33068">
        <v>1</v>
      </c>
      <c r="D33068">
        <v>0</v>
      </c>
    </row>
    <row r="33069" spans="1:4" x14ac:dyDescent="0.25">
      <c r="A33069" t="s">
        <v>48870</v>
      </c>
      <c r="B33069" t="s">
        <v>2651</v>
      </c>
      <c r="C33069">
        <v>0</v>
      </c>
      <c r="D33069">
        <v>0</v>
      </c>
    </row>
    <row r="33070" spans="1:4" x14ac:dyDescent="0.25">
      <c r="A33070" t="s">
        <v>48870</v>
      </c>
      <c r="B33070" t="s">
        <v>48874</v>
      </c>
      <c r="C33070">
        <v>1</v>
      </c>
      <c r="D33070">
        <v>0</v>
      </c>
    </row>
    <row r="33071" spans="1:4" x14ac:dyDescent="0.25">
      <c r="A33071" t="s">
        <v>48870</v>
      </c>
      <c r="B33071" t="s">
        <v>48875</v>
      </c>
      <c r="C33071">
        <v>2</v>
      </c>
      <c r="D33071">
        <v>0</v>
      </c>
    </row>
    <row r="33072" spans="1:4" x14ac:dyDescent="0.25">
      <c r="A33072" t="s">
        <v>48876</v>
      </c>
      <c r="B33072" t="s">
        <v>48877</v>
      </c>
      <c r="C33072">
        <v>2</v>
      </c>
      <c r="D33072">
        <v>0</v>
      </c>
    </row>
    <row r="33073" spans="1:4" x14ac:dyDescent="0.25">
      <c r="A33073" t="s">
        <v>48876</v>
      </c>
      <c r="B33073" t="s">
        <v>48878</v>
      </c>
      <c r="C33073">
        <v>1</v>
      </c>
      <c r="D33073">
        <v>0</v>
      </c>
    </row>
    <row r="33074" spans="1:4" x14ac:dyDescent="0.25">
      <c r="A33074" t="s">
        <v>48876</v>
      </c>
      <c r="B33074" t="s">
        <v>48879</v>
      </c>
      <c r="C33074">
        <v>1</v>
      </c>
      <c r="D33074">
        <v>0</v>
      </c>
    </row>
    <row r="33075" spans="1:4" x14ac:dyDescent="0.25">
      <c r="A33075" t="s">
        <v>48876</v>
      </c>
      <c r="B33075" t="s">
        <v>48880</v>
      </c>
      <c r="C33075">
        <v>0</v>
      </c>
      <c r="D33075">
        <v>0</v>
      </c>
    </row>
    <row r="33076" spans="1:4" x14ac:dyDescent="0.25">
      <c r="A33076" t="s">
        <v>48876</v>
      </c>
      <c r="B33076" t="s">
        <v>48881</v>
      </c>
      <c r="C33076">
        <v>1</v>
      </c>
      <c r="D33076">
        <v>0</v>
      </c>
    </row>
    <row r="33077" spans="1:4" x14ac:dyDescent="0.25">
      <c r="A33077" t="s">
        <v>48876</v>
      </c>
      <c r="B33077" t="s">
        <v>48882</v>
      </c>
      <c r="C33077">
        <v>0</v>
      </c>
      <c r="D33077">
        <v>0</v>
      </c>
    </row>
    <row r="33078" spans="1:4" x14ac:dyDescent="0.25">
      <c r="A33078" t="s">
        <v>48883</v>
      </c>
      <c r="B33078" t="s">
        <v>48884</v>
      </c>
      <c r="C33078">
        <v>1</v>
      </c>
      <c r="D33078">
        <v>0</v>
      </c>
    </row>
    <row r="33079" spans="1:4" x14ac:dyDescent="0.25">
      <c r="A33079" t="s">
        <v>48883</v>
      </c>
      <c r="B33079" t="s">
        <v>48885</v>
      </c>
      <c r="C33079">
        <v>1</v>
      </c>
      <c r="D33079">
        <v>0</v>
      </c>
    </row>
    <row r="33080" spans="1:4" x14ac:dyDescent="0.25">
      <c r="A33080" t="s">
        <v>48883</v>
      </c>
      <c r="B33080" t="s">
        <v>12472</v>
      </c>
      <c r="C33080">
        <v>1</v>
      </c>
      <c r="D33080">
        <v>0</v>
      </c>
    </row>
    <row r="33081" spans="1:4" x14ac:dyDescent="0.25">
      <c r="A33081" t="s">
        <v>48883</v>
      </c>
      <c r="B33081" t="s">
        <v>48886</v>
      </c>
      <c r="C33081">
        <v>1</v>
      </c>
      <c r="D33081">
        <v>0</v>
      </c>
    </row>
    <row r="33082" spans="1:4" x14ac:dyDescent="0.25">
      <c r="A33082" t="s">
        <v>48887</v>
      </c>
      <c r="B33082" t="s">
        <v>48888</v>
      </c>
      <c r="C33082">
        <v>2</v>
      </c>
      <c r="D33082">
        <v>0</v>
      </c>
    </row>
    <row r="33083" spans="1:4" x14ac:dyDescent="0.25">
      <c r="A33083" t="s">
        <v>48887</v>
      </c>
      <c r="B33083" t="s">
        <v>48889</v>
      </c>
      <c r="C33083">
        <v>1</v>
      </c>
      <c r="D33083">
        <v>0</v>
      </c>
    </row>
    <row r="33084" spans="1:4" x14ac:dyDescent="0.25">
      <c r="A33084" t="s">
        <v>48887</v>
      </c>
      <c r="B33084" t="s">
        <v>1101</v>
      </c>
      <c r="C33084">
        <v>1</v>
      </c>
      <c r="D33084">
        <v>0</v>
      </c>
    </row>
    <row r="33085" spans="1:4" x14ac:dyDescent="0.25">
      <c r="A33085" t="s">
        <v>48887</v>
      </c>
      <c r="B33085" t="s">
        <v>48890</v>
      </c>
      <c r="C33085">
        <v>2</v>
      </c>
      <c r="D33085">
        <v>0</v>
      </c>
    </row>
    <row r="33086" spans="1:4" x14ac:dyDescent="0.25">
      <c r="A33086" t="s">
        <v>48887</v>
      </c>
      <c r="B33086" t="s">
        <v>48891</v>
      </c>
      <c r="C33086">
        <v>1</v>
      </c>
      <c r="D33086">
        <v>0</v>
      </c>
    </row>
    <row r="33087" spans="1:4" x14ac:dyDescent="0.25">
      <c r="A33087" t="s">
        <v>48887</v>
      </c>
      <c r="B33087" t="s">
        <v>48892</v>
      </c>
      <c r="C33087">
        <v>1</v>
      </c>
      <c r="D33087">
        <v>0</v>
      </c>
    </row>
    <row r="33088" spans="1:4" x14ac:dyDescent="0.25">
      <c r="A33088" t="s">
        <v>48893</v>
      </c>
      <c r="B33088" t="s">
        <v>48894</v>
      </c>
      <c r="C33088">
        <v>1</v>
      </c>
      <c r="D33088">
        <v>0</v>
      </c>
    </row>
    <row r="33089" spans="1:4" x14ac:dyDescent="0.25">
      <c r="A33089" t="s">
        <v>48893</v>
      </c>
      <c r="B33089" t="s">
        <v>48895</v>
      </c>
      <c r="C33089">
        <v>1</v>
      </c>
      <c r="D33089">
        <v>0</v>
      </c>
    </row>
    <row r="33090" spans="1:4" x14ac:dyDescent="0.25">
      <c r="A33090" t="s">
        <v>48893</v>
      </c>
      <c r="B33090" t="s">
        <v>48896</v>
      </c>
      <c r="C33090">
        <v>0</v>
      </c>
      <c r="D33090">
        <v>0</v>
      </c>
    </row>
    <row r="33091" spans="1:4" x14ac:dyDescent="0.25">
      <c r="A33091" t="s">
        <v>48897</v>
      </c>
      <c r="B33091" t="s">
        <v>48898</v>
      </c>
      <c r="C33091">
        <v>1</v>
      </c>
      <c r="D33091">
        <v>0</v>
      </c>
    </row>
    <row r="33092" spans="1:4" x14ac:dyDescent="0.25">
      <c r="A33092" t="s">
        <v>48899</v>
      </c>
      <c r="B33092" t="s">
        <v>48900</v>
      </c>
      <c r="C33092">
        <v>1</v>
      </c>
      <c r="D33092">
        <v>0</v>
      </c>
    </row>
    <row r="33093" spans="1:4" x14ac:dyDescent="0.25">
      <c r="A33093" t="s">
        <v>48899</v>
      </c>
      <c r="B33093" t="s">
        <v>48901</v>
      </c>
      <c r="C33093">
        <v>2</v>
      </c>
      <c r="D33093">
        <v>0</v>
      </c>
    </row>
    <row r="33094" spans="1:4" x14ac:dyDescent="0.25">
      <c r="A33094" t="s">
        <v>48899</v>
      </c>
      <c r="B33094" t="s">
        <v>48902</v>
      </c>
      <c r="C33094">
        <v>2</v>
      </c>
      <c r="D33094">
        <v>0</v>
      </c>
    </row>
    <row r="33095" spans="1:4" x14ac:dyDescent="0.25">
      <c r="A33095" t="s">
        <v>48899</v>
      </c>
      <c r="B33095" t="s">
        <v>48903</v>
      </c>
      <c r="C33095">
        <v>2</v>
      </c>
      <c r="D33095">
        <v>0</v>
      </c>
    </row>
    <row r="33096" spans="1:4" x14ac:dyDescent="0.25">
      <c r="A33096" t="s">
        <v>48899</v>
      </c>
      <c r="B33096" t="s">
        <v>48904</v>
      </c>
      <c r="C33096">
        <v>1</v>
      </c>
      <c r="D33096">
        <v>0</v>
      </c>
    </row>
    <row r="33097" spans="1:4" x14ac:dyDescent="0.25">
      <c r="A33097" t="s">
        <v>48899</v>
      </c>
      <c r="B33097" t="s">
        <v>48905</v>
      </c>
      <c r="C33097">
        <v>0</v>
      </c>
      <c r="D33097">
        <v>0</v>
      </c>
    </row>
    <row r="33098" spans="1:4" x14ac:dyDescent="0.25">
      <c r="A33098" t="s">
        <v>48899</v>
      </c>
      <c r="B33098" t="s">
        <v>48906</v>
      </c>
      <c r="C33098">
        <v>2</v>
      </c>
      <c r="D33098">
        <v>0</v>
      </c>
    </row>
    <row r="33099" spans="1:4" x14ac:dyDescent="0.25">
      <c r="A33099" t="s">
        <v>48907</v>
      </c>
      <c r="B33099" t="s">
        <v>48908</v>
      </c>
      <c r="C33099">
        <v>1</v>
      </c>
      <c r="D33099">
        <v>0</v>
      </c>
    </row>
    <row r="33100" spans="1:4" x14ac:dyDescent="0.25">
      <c r="A33100" t="s">
        <v>48909</v>
      </c>
      <c r="B33100" t="s">
        <v>48910</v>
      </c>
      <c r="C33100">
        <v>1</v>
      </c>
      <c r="D33100">
        <v>0</v>
      </c>
    </row>
    <row r="33101" spans="1:4" x14ac:dyDescent="0.25">
      <c r="A33101" t="s">
        <v>48909</v>
      </c>
      <c r="B33101" t="s">
        <v>48911</v>
      </c>
      <c r="C33101">
        <v>2</v>
      </c>
      <c r="D33101">
        <v>0</v>
      </c>
    </row>
    <row r="33102" spans="1:4" x14ac:dyDescent="0.25">
      <c r="A33102" t="s">
        <v>48912</v>
      </c>
      <c r="B33102" t="s">
        <v>48913</v>
      </c>
      <c r="C33102">
        <v>1</v>
      </c>
      <c r="D33102">
        <v>0</v>
      </c>
    </row>
    <row r="33103" spans="1:4" x14ac:dyDescent="0.25">
      <c r="A33103" t="s">
        <v>48912</v>
      </c>
      <c r="B33103" t="s">
        <v>48914</v>
      </c>
      <c r="C33103">
        <v>1</v>
      </c>
      <c r="D33103">
        <v>0</v>
      </c>
    </row>
    <row r="33104" spans="1:4" x14ac:dyDescent="0.25">
      <c r="A33104" t="s">
        <v>48912</v>
      </c>
      <c r="B33104" t="s">
        <v>48915</v>
      </c>
      <c r="C33104">
        <v>2</v>
      </c>
      <c r="D33104">
        <v>0</v>
      </c>
    </row>
    <row r="33105" spans="1:4" x14ac:dyDescent="0.25">
      <c r="A33105" t="s">
        <v>48912</v>
      </c>
      <c r="B33105" t="s">
        <v>48916</v>
      </c>
      <c r="C33105">
        <v>2</v>
      </c>
      <c r="D33105">
        <v>0</v>
      </c>
    </row>
    <row r="33106" spans="1:4" x14ac:dyDescent="0.25">
      <c r="A33106" t="s">
        <v>48917</v>
      </c>
      <c r="B33106" t="s">
        <v>48918</v>
      </c>
      <c r="C33106">
        <v>1</v>
      </c>
      <c r="D33106">
        <v>0</v>
      </c>
    </row>
    <row r="33107" spans="1:4" x14ac:dyDescent="0.25">
      <c r="A33107" t="s">
        <v>48917</v>
      </c>
      <c r="B33107" t="s">
        <v>48919</v>
      </c>
      <c r="C33107">
        <v>0</v>
      </c>
      <c r="D33107">
        <v>0</v>
      </c>
    </row>
    <row r="33108" spans="1:4" x14ac:dyDescent="0.25">
      <c r="A33108" t="s">
        <v>48917</v>
      </c>
      <c r="B33108" t="s">
        <v>48920</v>
      </c>
      <c r="C33108">
        <v>1</v>
      </c>
      <c r="D33108">
        <v>0</v>
      </c>
    </row>
    <row r="33109" spans="1:4" x14ac:dyDescent="0.25">
      <c r="A33109" t="s">
        <v>48917</v>
      </c>
      <c r="B33109" t="s">
        <v>48921</v>
      </c>
      <c r="C33109">
        <v>0</v>
      </c>
      <c r="D33109">
        <v>0</v>
      </c>
    </row>
    <row r="33110" spans="1:4" x14ac:dyDescent="0.25">
      <c r="A33110" t="s">
        <v>48917</v>
      </c>
      <c r="B33110" t="s">
        <v>48922</v>
      </c>
      <c r="C33110">
        <v>1</v>
      </c>
      <c r="D33110">
        <v>0</v>
      </c>
    </row>
    <row r="33111" spans="1:4" x14ac:dyDescent="0.25">
      <c r="A33111" t="s">
        <v>48917</v>
      </c>
      <c r="B33111" t="s">
        <v>48923</v>
      </c>
      <c r="C33111">
        <v>1</v>
      </c>
      <c r="D33111">
        <v>0</v>
      </c>
    </row>
    <row r="33112" spans="1:4" x14ac:dyDescent="0.25">
      <c r="A33112" t="s">
        <v>48917</v>
      </c>
      <c r="B33112" t="s">
        <v>48924</v>
      </c>
      <c r="C33112">
        <v>0</v>
      </c>
      <c r="D33112">
        <v>0</v>
      </c>
    </row>
    <row r="33113" spans="1:4" x14ac:dyDescent="0.25">
      <c r="A33113" t="s">
        <v>48925</v>
      </c>
      <c r="B33113" t="s">
        <v>48926</v>
      </c>
      <c r="C33113">
        <v>0</v>
      </c>
      <c r="D33113">
        <v>0</v>
      </c>
    </row>
    <row r="33114" spans="1:4" x14ac:dyDescent="0.25">
      <c r="A33114" t="s">
        <v>48925</v>
      </c>
      <c r="B33114" t="s">
        <v>48927</v>
      </c>
      <c r="C33114">
        <v>0</v>
      </c>
      <c r="D33114">
        <v>0</v>
      </c>
    </row>
    <row r="33115" spans="1:4" x14ac:dyDescent="0.25">
      <c r="A33115" t="s">
        <v>48925</v>
      </c>
      <c r="B33115" t="s">
        <v>48928</v>
      </c>
      <c r="C33115">
        <v>2</v>
      </c>
      <c r="D33115">
        <v>0</v>
      </c>
    </row>
    <row r="33116" spans="1:4" x14ac:dyDescent="0.25">
      <c r="A33116" t="s">
        <v>48925</v>
      </c>
      <c r="B33116" t="s">
        <v>48929</v>
      </c>
      <c r="C33116">
        <v>0</v>
      </c>
      <c r="D33116">
        <v>0</v>
      </c>
    </row>
    <row r="33117" spans="1:4" x14ac:dyDescent="0.25">
      <c r="A33117" t="s">
        <v>48925</v>
      </c>
      <c r="B33117" t="s">
        <v>48930</v>
      </c>
      <c r="C33117">
        <v>0</v>
      </c>
      <c r="D33117">
        <v>0</v>
      </c>
    </row>
    <row r="33118" spans="1:4" x14ac:dyDescent="0.25">
      <c r="A33118" t="s">
        <v>48931</v>
      </c>
      <c r="B33118" t="s">
        <v>48932</v>
      </c>
      <c r="C33118">
        <v>1</v>
      </c>
      <c r="D33118">
        <v>0</v>
      </c>
    </row>
    <row r="33119" spans="1:4" x14ac:dyDescent="0.25">
      <c r="A33119" t="s">
        <v>48931</v>
      </c>
      <c r="B33119" t="s">
        <v>48933</v>
      </c>
      <c r="C33119">
        <v>1</v>
      </c>
      <c r="D33119">
        <v>0</v>
      </c>
    </row>
    <row r="33120" spans="1:4" x14ac:dyDescent="0.25">
      <c r="A33120" t="s">
        <v>48931</v>
      </c>
      <c r="B33120" t="s">
        <v>5434</v>
      </c>
      <c r="C33120">
        <v>1</v>
      </c>
      <c r="D33120">
        <v>0</v>
      </c>
    </row>
    <row r="33121" spans="1:4" x14ac:dyDescent="0.25">
      <c r="A33121" t="s">
        <v>48931</v>
      </c>
      <c r="B33121" t="s">
        <v>48934</v>
      </c>
      <c r="C33121">
        <v>1</v>
      </c>
      <c r="D33121">
        <v>0</v>
      </c>
    </row>
    <row r="33122" spans="1:4" x14ac:dyDescent="0.25">
      <c r="A33122" t="s">
        <v>48931</v>
      </c>
      <c r="B33122" t="s">
        <v>48935</v>
      </c>
      <c r="C33122">
        <v>1</v>
      </c>
      <c r="D33122">
        <v>0</v>
      </c>
    </row>
    <row r="33123" spans="1:4" x14ac:dyDescent="0.25">
      <c r="A33123" t="s">
        <v>48931</v>
      </c>
      <c r="B33123" t="s">
        <v>48936</v>
      </c>
      <c r="C33123">
        <v>1</v>
      </c>
      <c r="D33123">
        <v>0</v>
      </c>
    </row>
    <row r="33124" spans="1:4" x14ac:dyDescent="0.25">
      <c r="A33124" t="s">
        <v>48931</v>
      </c>
      <c r="B33124" t="s">
        <v>48937</v>
      </c>
      <c r="C33124">
        <v>1</v>
      </c>
      <c r="D33124">
        <v>0</v>
      </c>
    </row>
    <row r="33125" spans="1:4" x14ac:dyDescent="0.25">
      <c r="A33125" t="s">
        <v>48938</v>
      </c>
      <c r="B33125" t="s">
        <v>48939</v>
      </c>
      <c r="C33125">
        <v>0</v>
      </c>
      <c r="D33125">
        <v>0</v>
      </c>
    </row>
    <row r="33126" spans="1:4" x14ac:dyDescent="0.25">
      <c r="A33126" t="s">
        <v>48938</v>
      </c>
      <c r="B33126" t="s">
        <v>398</v>
      </c>
      <c r="C33126">
        <v>0</v>
      </c>
      <c r="D33126">
        <v>0</v>
      </c>
    </row>
    <row r="33127" spans="1:4" x14ac:dyDescent="0.25">
      <c r="A33127" t="s">
        <v>48938</v>
      </c>
      <c r="B33127" t="s">
        <v>48940</v>
      </c>
      <c r="C33127">
        <v>0</v>
      </c>
      <c r="D33127">
        <v>0</v>
      </c>
    </row>
    <row r="33128" spans="1:4" x14ac:dyDescent="0.25">
      <c r="A33128" t="s">
        <v>48938</v>
      </c>
      <c r="B33128" t="s">
        <v>48941</v>
      </c>
      <c r="C33128">
        <v>0</v>
      </c>
      <c r="D33128">
        <v>0</v>
      </c>
    </row>
    <row r="33129" spans="1:4" x14ac:dyDescent="0.25">
      <c r="A33129" t="s">
        <v>48942</v>
      </c>
      <c r="B33129" t="s">
        <v>48943</v>
      </c>
      <c r="C33129">
        <v>1</v>
      </c>
      <c r="D33129">
        <v>0</v>
      </c>
    </row>
    <row r="33130" spans="1:4" x14ac:dyDescent="0.25">
      <c r="A33130" t="s">
        <v>48942</v>
      </c>
      <c r="B33130" t="s">
        <v>48944</v>
      </c>
      <c r="C33130">
        <v>1</v>
      </c>
      <c r="D33130">
        <v>0</v>
      </c>
    </row>
    <row r="33131" spans="1:4" x14ac:dyDescent="0.25">
      <c r="A33131" t="s">
        <v>48942</v>
      </c>
      <c r="B33131" t="s">
        <v>48945</v>
      </c>
      <c r="C33131">
        <v>1</v>
      </c>
      <c r="D33131">
        <v>0</v>
      </c>
    </row>
    <row r="33132" spans="1:4" x14ac:dyDescent="0.25">
      <c r="A33132" t="s">
        <v>48942</v>
      </c>
      <c r="B33132" t="s">
        <v>48946</v>
      </c>
      <c r="C33132">
        <v>2</v>
      </c>
      <c r="D33132">
        <v>0</v>
      </c>
    </row>
    <row r="33133" spans="1:4" x14ac:dyDescent="0.25">
      <c r="A33133" t="s">
        <v>48947</v>
      </c>
      <c r="B33133" t="s">
        <v>42932</v>
      </c>
      <c r="C33133">
        <v>1</v>
      </c>
      <c r="D33133">
        <v>0</v>
      </c>
    </row>
    <row r="33134" spans="1:4" x14ac:dyDescent="0.25">
      <c r="A33134" t="s">
        <v>48947</v>
      </c>
      <c r="B33134" t="s">
        <v>48948</v>
      </c>
      <c r="C33134">
        <v>1</v>
      </c>
      <c r="D33134">
        <v>0</v>
      </c>
    </row>
    <row r="33135" spans="1:4" x14ac:dyDescent="0.25">
      <c r="A33135" t="s">
        <v>48947</v>
      </c>
      <c r="B33135" t="s">
        <v>48949</v>
      </c>
      <c r="C33135">
        <v>0</v>
      </c>
      <c r="D33135">
        <v>0</v>
      </c>
    </row>
    <row r="33136" spans="1:4" x14ac:dyDescent="0.25">
      <c r="A33136" t="s">
        <v>48947</v>
      </c>
      <c r="B33136" t="s">
        <v>48950</v>
      </c>
      <c r="C33136">
        <v>1</v>
      </c>
      <c r="D33136">
        <v>0</v>
      </c>
    </row>
    <row r="33137" spans="1:4" x14ac:dyDescent="0.25">
      <c r="A33137" t="s">
        <v>48947</v>
      </c>
      <c r="B33137" t="s">
        <v>48951</v>
      </c>
      <c r="C33137">
        <v>2</v>
      </c>
      <c r="D33137">
        <v>0</v>
      </c>
    </row>
    <row r="33138" spans="1:4" x14ac:dyDescent="0.25">
      <c r="A33138" t="s">
        <v>48947</v>
      </c>
      <c r="B33138" t="s">
        <v>48952</v>
      </c>
      <c r="C33138">
        <v>0</v>
      </c>
      <c r="D33138">
        <v>0</v>
      </c>
    </row>
    <row r="33139" spans="1:4" x14ac:dyDescent="0.25">
      <c r="A33139" t="s">
        <v>48947</v>
      </c>
      <c r="B33139" t="s">
        <v>48953</v>
      </c>
      <c r="C33139">
        <v>1</v>
      </c>
      <c r="D33139">
        <v>0</v>
      </c>
    </row>
    <row r="33140" spans="1:4" x14ac:dyDescent="0.25">
      <c r="A33140" t="s">
        <v>48954</v>
      </c>
      <c r="B33140" t="s">
        <v>48955</v>
      </c>
      <c r="C33140">
        <v>1</v>
      </c>
      <c r="D33140">
        <v>0</v>
      </c>
    </row>
    <row r="33141" spans="1:4" x14ac:dyDescent="0.25">
      <c r="A33141" t="s">
        <v>48956</v>
      </c>
      <c r="B33141" t="s">
        <v>48957</v>
      </c>
      <c r="C33141">
        <v>0</v>
      </c>
      <c r="D33141">
        <v>0</v>
      </c>
    </row>
    <row r="33142" spans="1:4" x14ac:dyDescent="0.25">
      <c r="A33142" t="s">
        <v>48956</v>
      </c>
      <c r="B33142" t="s">
        <v>48958</v>
      </c>
      <c r="C33142">
        <v>1</v>
      </c>
      <c r="D33142">
        <v>0</v>
      </c>
    </row>
    <row r="33143" spans="1:4" x14ac:dyDescent="0.25">
      <c r="A33143" t="s">
        <v>48959</v>
      </c>
      <c r="B33143" t="s">
        <v>48960</v>
      </c>
      <c r="C33143">
        <v>2</v>
      </c>
      <c r="D33143">
        <v>0</v>
      </c>
    </row>
    <row r="33144" spans="1:4" x14ac:dyDescent="0.25">
      <c r="A33144" t="s">
        <v>48961</v>
      </c>
      <c r="B33144" t="s">
        <v>48962</v>
      </c>
      <c r="C33144">
        <v>1</v>
      </c>
      <c r="D33144">
        <v>0</v>
      </c>
    </row>
    <row r="33145" spans="1:4" x14ac:dyDescent="0.25">
      <c r="A33145" t="s">
        <v>48963</v>
      </c>
      <c r="B33145" t="s">
        <v>48964</v>
      </c>
      <c r="C33145">
        <v>1</v>
      </c>
      <c r="D33145">
        <v>0</v>
      </c>
    </row>
    <row r="33146" spans="1:4" x14ac:dyDescent="0.25">
      <c r="A33146" t="s">
        <v>48963</v>
      </c>
      <c r="B33146" t="s">
        <v>48965</v>
      </c>
      <c r="C33146">
        <v>2</v>
      </c>
      <c r="D33146">
        <v>0</v>
      </c>
    </row>
    <row r="33147" spans="1:4" x14ac:dyDescent="0.25">
      <c r="A33147" t="s">
        <v>48963</v>
      </c>
      <c r="B33147" t="s">
        <v>48966</v>
      </c>
      <c r="C33147">
        <v>1</v>
      </c>
      <c r="D33147">
        <v>0</v>
      </c>
    </row>
    <row r="33148" spans="1:4" x14ac:dyDescent="0.25">
      <c r="A33148" t="s">
        <v>48963</v>
      </c>
      <c r="B33148" t="s">
        <v>48967</v>
      </c>
      <c r="C33148">
        <v>2</v>
      </c>
      <c r="D33148">
        <v>0</v>
      </c>
    </row>
    <row r="33149" spans="1:4" x14ac:dyDescent="0.25">
      <c r="A33149" t="s">
        <v>48963</v>
      </c>
      <c r="B33149" t="s">
        <v>48968</v>
      </c>
      <c r="C33149">
        <v>2</v>
      </c>
      <c r="D33149">
        <v>0</v>
      </c>
    </row>
    <row r="33150" spans="1:4" x14ac:dyDescent="0.25">
      <c r="A33150" t="s">
        <v>48969</v>
      </c>
      <c r="B33150" t="s">
        <v>48970</v>
      </c>
      <c r="C33150">
        <v>1</v>
      </c>
      <c r="D33150">
        <v>0</v>
      </c>
    </row>
    <row r="33151" spans="1:4" x14ac:dyDescent="0.25">
      <c r="A33151" t="s">
        <v>48969</v>
      </c>
      <c r="B33151" t="s">
        <v>48971</v>
      </c>
      <c r="C33151">
        <v>1</v>
      </c>
      <c r="D33151">
        <v>0</v>
      </c>
    </row>
    <row r="33152" spans="1:4" x14ac:dyDescent="0.25">
      <c r="A33152" t="s">
        <v>48969</v>
      </c>
      <c r="B33152" t="s">
        <v>48972</v>
      </c>
      <c r="C33152">
        <v>1</v>
      </c>
      <c r="D33152">
        <v>0</v>
      </c>
    </row>
    <row r="33153" spans="1:4" x14ac:dyDescent="0.25">
      <c r="A33153" t="s">
        <v>48969</v>
      </c>
      <c r="B33153" t="s">
        <v>48973</v>
      </c>
      <c r="C33153">
        <v>1</v>
      </c>
      <c r="D33153">
        <v>0</v>
      </c>
    </row>
    <row r="33154" spans="1:4" x14ac:dyDescent="0.25">
      <c r="A33154" t="s">
        <v>48969</v>
      </c>
      <c r="B33154" t="s">
        <v>48974</v>
      </c>
      <c r="C33154">
        <v>1</v>
      </c>
      <c r="D33154">
        <v>0</v>
      </c>
    </row>
    <row r="33155" spans="1:4" x14ac:dyDescent="0.25">
      <c r="A33155" t="s">
        <v>48975</v>
      </c>
      <c r="B33155" t="s">
        <v>48976</v>
      </c>
      <c r="C33155">
        <v>1</v>
      </c>
      <c r="D33155">
        <v>0</v>
      </c>
    </row>
    <row r="33156" spans="1:4" x14ac:dyDescent="0.25">
      <c r="A33156" t="s">
        <v>48975</v>
      </c>
      <c r="B33156" t="s">
        <v>48977</v>
      </c>
      <c r="C33156">
        <v>2</v>
      </c>
      <c r="D33156">
        <v>0</v>
      </c>
    </row>
    <row r="33157" spans="1:4" x14ac:dyDescent="0.25">
      <c r="A33157" t="s">
        <v>48975</v>
      </c>
      <c r="B33157" t="s">
        <v>48978</v>
      </c>
      <c r="C33157">
        <v>1</v>
      </c>
      <c r="D33157">
        <v>0</v>
      </c>
    </row>
    <row r="33158" spans="1:4" x14ac:dyDescent="0.25">
      <c r="A33158" t="s">
        <v>48975</v>
      </c>
      <c r="B33158" t="s">
        <v>48979</v>
      </c>
      <c r="C33158">
        <v>2</v>
      </c>
      <c r="D33158">
        <v>0</v>
      </c>
    </row>
    <row r="33159" spans="1:4" x14ac:dyDescent="0.25">
      <c r="A33159" t="s">
        <v>48980</v>
      </c>
      <c r="B33159" t="s">
        <v>1001</v>
      </c>
      <c r="C33159">
        <v>1</v>
      </c>
      <c r="D33159">
        <v>0</v>
      </c>
    </row>
    <row r="33160" spans="1:4" x14ac:dyDescent="0.25">
      <c r="A33160" t="s">
        <v>48980</v>
      </c>
      <c r="B33160" t="s">
        <v>39414</v>
      </c>
      <c r="C33160">
        <v>0</v>
      </c>
      <c r="D33160">
        <v>0</v>
      </c>
    </row>
    <row r="33161" spans="1:4" x14ac:dyDescent="0.25">
      <c r="A33161" t="s">
        <v>48980</v>
      </c>
      <c r="B33161" t="s">
        <v>48981</v>
      </c>
      <c r="C33161">
        <v>1</v>
      </c>
      <c r="D33161">
        <v>0</v>
      </c>
    </row>
    <row r="33162" spans="1:4" x14ac:dyDescent="0.25">
      <c r="A33162" t="s">
        <v>48982</v>
      </c>
      <c r="B33162" t="s">
        <v>48983</v>
      </c>
      <c r="C33162">
        <v>0</v>
      </c>
      <c r="D33162">
        <v>0</v>
      </c>
    </row>
    <row r="33163" spans="1:4" x14ac:dyDescent="0.25">
      <c r="A33163" t="s">
        <v>48982</v>
      </c>
      <c r="B33163" t="s">
        <v>48984</v>
      </c>
      <c r="C33163">
        <v>2</v>
      </c>
      <c r="D33163">
        <v>0</v>
      </c>
    </row>
    <row r="33164" spans="1:4" x14ac:dyDescent="0.25">
      <c r="A33164" t="s">
        <v>48982</v>
      </c>
      <c r="B33164" t="s">
        <v>48985</v>
      </c>
      <c r="C33164">
        <v>1</v>
      </c>
      <c r="D33164">
        <v>0</v>
      </c>
    </row>
    <row r="33165" spans="1:4" x14ac:dyDescent="0.25">
      <c r="A33165" t="s">
        <v>48982</v>
      </c>
      <c r="B33165" t="s">
        <v>48986</v>
      </c>
      <c r="C33165">
        <v>1</v>
      </c>
      <c r="D33165">
        <v>0</v>
      </c>
    </row>
    <row r="33166" spans="1:4" x14ac:dyDescent="0.25">
      <c r="A33166" t="s">
        <v>48987</v>
      </c>
      <c r="B33166" t="s">
        <v>48988</v>
      </c>
      <c r="C33166">
        <v>0</v>
      </c>
      <c r="D33166">
        <v>0</v>
      </c>
    </row>
    <row r="33167" spans="1:4" x14ac:dyDescent="0.25">
      <c r="A33167" t="s">
        <v>48987</v>
      </c>
      <c r="B33167" t="s">
        <v>48989</v>
      </c>
      <c r="C33167">
        <v>1</v>
      </c>
      <c r="D33167">
        <v>0</v>
      </c>
    </row>
    <row r="33168" spans="1:4" x14ac:dyDescent="0.25">
      <c r="A33168" t="s">
        <v>48987</v>
      </c>
      <c r="B33168" t="s">
        <v>48990</v>
      </c>
      <c r="C33168">
        <v>1</v>
      </c>
      <c r="D33168">
        <v>0</v>
      </c>
    </row>
    <row r="33169" spans="1:4" x14ac:dyDescent="0.25">
      <c r="A33169" t="s">
        <v>48987</v>
      </c>
      <c r="B33169" t="s">
        <v>48991</v>
      </c>
      <c r="C33169">
        <v>0</v>
      </c>
      <c r="D33169">
        <v>0</v>
      </c>
    </row>
    <row r="33170" spans="1:4" x14ac:dyDescent="0.25">
      <c r="A33170" t="s">
        <v>48987</v>
      </c>
      <c r="B33170" t="s">
        <v>48992</v>
      </c>
      <c r="C33170">
        <v>0</v>
      </c>
      <c r="D33170">
        <v>0</v>
      </c>
    </row>
    <row r="33171" spans="1:4" x14ac:dyDescent="0.25">
      <c r="A33171" t="s">
        <v>48987</v>
      </c>
      <c r="B33171" t="s">
        <v>48993</v>
      </c>
      <c r="C33171">
        <v>1</v>
      </c>
      <c r="D33171">
        <v>0</v>
      </c>
    </row>
    <row r="33172" spans="1:4" x14ac:dyDescent="0.25">
      <c r="A33172" t="s">
        <v>48994</v>
      </c>
      <c r="B33172" t="s">
        <v>48995</v>
      </c>
      <c r="C33172">
        <v>0</v>
      </c>
      <c r="D33172">
        <v>0</v>
      </c>
    </row>
    <row r="33173" spans="1:4" x14ac:dyDescent="0.25">
      <c r="A33173" t="s">
        <v>48994</v>
      </c>
      <c r="B33173" t="s">
        <v>48996</v>
      </c>
      <c r="C33173">
        <v>1</v>
      </c>
      <c r="D33173">
        <v>0</v>
      </c>
    </row>
    <row r="33174" spans="1:4" x14ac:dyDescent="0.25">
      <c r="A33174" t="s">
        <v>48997</v>
      </c>
      <c r="B33174" t="s">
        <v>48998</v>
      </c>
      <c r="C33174">
        <v>1</v>
      </c>
      <c r="D33174">
        <v>0</v>
      </c>
    </row>
    <row r="33175" spans="1:4" x14ac:dyDescent="0.25">
      <c r="A33175" t="s">
        <v>48997</v>
      </c>
      <c r="B33175" t="s">
        <v>48999</v>
      </c>
      <c r="C33175">
        <v>2</v>
      </c>
      <c r="D33175">
        <v>0</v>
      </c>
    </row>
    <row r="33176" spans="1:4" x14ac:dyDescent="0.25">
      <c r="A33176" t="s">
        <v>48997</v>
      </c>
      <c r="B33176" t="s">
        <v>49000</v>
      </c>
      <c r="C33176">
        <v>1</v>
      </c>
      <c r="D33176">
        <v>0</v>
      </c>
    </row>
    <row r="33177" spans="1:4" x14ac:dyDescent="0.25">
      <c r="A33177" t="s">
        <v>48997</v>
      </c>
      <c r="B33177" t="s">
        <v>49001</v>
      </c>
      <c r="C33177">
        <v>1</v>
      </c>
      <c r="D33177">
        <v>0</v>
      </c>
    </row>
    <row r="33178" spans="1:4" x14ac:dyDescent="0.25">
      <c r="A33178" t="s">
        <v>49002</v>
      </c>
      <c r="B33178" t="s">
        <v>49003</v>
      </c>
      <c r="C33178">
        <v>1</v>
      </c>
      <c r="D33178">
        <v>0</v>
      </c>
    </row>
    <row r="33179" spans="1:4" x14ac:dyDescent="0.25">
      <c r="A33179" t="s">
        <v>49002</v>
      </c>
      <c r="B33179" t="s">
        <v>49004</v>
      </c>
      <c r="C33179">
        <v>0</v>
      </c>
      <c r="D33179">
        <v>0</v>
      </c>
    </row>
    <row r="33180" spans="1:4" x14ac:dyDescent="0.25">
      <c r="A33180" t="s">
        <v>49002</v>
      </c>
      <c r="B33180" t="s">
        <v>49005</v>
      </c>
      <c r="C33180">
        <v>0</v>
      </c>
      <c r="D33180">
        <v>0</v>
      </c>
    </row>
    <row r="33181" spans="1:4" x14ac:dyDescent="0.25">
      <c r="A33181" t="s">
        <v>49002</v>
      </c>
      <c r="B33181" t="s">
        <v>49006</v>
      </c>
      <c r="C33181">
        <v>0</v>
      </c>
      <c r="D33181">
        <v>0</v>
      </c>
    </row>
    <row r="33182" spans="1:4" x14ac:dyDescent="0.25">
      <c r="A33182" t="s">
        <v>49007</v>
      </c>
      <c r="B33182" t="s">
        <v>49008</v>
      </c>
      <c r="C33182">
        <v>1</v>
      </c>
      <c r="D33182">
        <v>0</v>
      </c>
    </row>
    <row r="33183" spans="1:4" x14ac:dyDescent="0.25">
      <c r="A33183" t="s">
        <v>49007</v>
      </c>
      <c r="B33183" t="s">
        <v>49009</v>
      </c>
      <c r="C33183">
        <v>1</v>
      </c>
      <c r="D33183">
        <v>0</v>
      </c>
    </row>
    <row r="33184" spans="1:4" x14ac:dyDescent="0.25">
      <c r="A33184" t="s">
        <v>49007</v>
      </c>
      <c r="B33184" t="s">
        <v>49010</v>
      </c>
      <c r="C33184">
        <v>0</v>
      </c>
      <c r="D33184">
        <v>0</v>
      </c>
    </row>
    <row r="33185" spans="1:4" x14ac:dyDescent="0.25">
      <c r="A33185" t="s">
        <v>49011</v>
      </c>
      <c r="B33185" t="s">
        <v>49012</v>
      </c>
      <c r="C33185">
        <v>1</v>
      </c>
      <c r="D33185">
        <v>0</v>
      </c>
    </row>
    <row r="33186" spans="1:4" x14ac:dyDescent="0.25">
      <c r="A33186" t="s">
        <v>49011</v>
      </c>
      <c r="B33186" t="s">
        <v>49013</v>
      </c>
      <c r="C33186">
        <v>2</v>
      </c>
      <c r="D33186">
        <v>0</v>
      </c>
    </row>
    <row r="33187" spans="1:4" x14ac:dyDescent="0.25">
      <c r="A33187" t="s">
        <v>49011</v>
      </c>
      <c r="B33187" t="s">
        <v>49014</v>
      </c>
      <c r="C33187">
        <v>1</v>
      </c>
      <c r="D33187">
        <v>0</v>
      </c>
    </row>
    <row r="33188" spans="1:4" x14ac:dyDescent="0.25">
      <c r="A33188" t="s">
        <v>49011</v>
      </c>
      <c r="B33188" t="s">
        <v>49015</v>
      </c>
      <c r="C33188">
        <v>1</v>
      </c>
      <c r="D33188">
        <v>0</v>
      </c>
    </row>
    <row r="33189" spans="1:4" x14ac:dyDescent="0.25">
      <c r="A33189" t="s">
        <v>49011</v>
      </c>
      <c r="B33189" t="s">
        <v>49016</v>
      </c>
      <c r="C33189">
        <v>1</v>
      </c>
      <c r="D33189">
        <v>0</v>
      </c>
    </row>
    <row r="33190" spans="1:4" x14ac:dyDescent="0.25">
      <c r="A33190" t="s">
        <v>49011</v>
      </c>
      <c r="B33190" t="s">
        <v>49017</v>
      </c>
      <c r="C33190">
        <v>1</v>
      </c>
      <c r="D33190">
        <v>0</v>
      </c>
    </row>
    <row r="33191" spans="1:4" x14ac:dyDescent="0.25">
      <c r="A33191" t="s">
        <v>49011</v>
      </c>
      <c r="B33191" t="s">
        <v>49018</v>
      </c>
      <c r="C33191">
        <v>1</v>
      </c>
      <c r="D33191">
        <v>0</v>
      </c>
    </row>
    <row r="33192" spans="1:4" x14ac:dyDescent="0.25">
      <c r="A33192" t="s">
        <v>49011</v>
      </c>
      <c r="B33192" t="s">
        <v>49019</v>
      </c>
      <c r="C33192">
        <v>1</v>
      </c>
      <c r="D33192">
        <v>0</v>
      </c>
    </row>
    <row r="33193" spans="1:4" x14ac:dyDescent="0.25">
      <c r="A33193" t="s">
        <v>49020</v>
      </c>
      <c r="B33193" t="s">
        <v>49021</v>
      </c>
      <c r="C33193">
        <v>1</v>
      </c>
      <c r="D33193">
        <v>0</v>
      </c>
    </row>
    <row r="33194" spans="1:4" x14ac:dyDescent="0.25">
      <c r="A33194" t="s">
        <v>49020</v>
      </c>
      <c r="B33194" t="s">
        <v>49022</v>
      </c>
      <c r="C33194">
        <v>0</v>
      </c>
      <c r="D33194">
        <v>0</v>
      </c>
    </row>
    <row r="33195" spans="1:4" x14ac:dyDescent="0.25">
      <c r="A33195" t="s">
        <v>49020</v>
      </c>
      <c r="B33195" t="s">
        <v>49023</v>
      </c>
      <c r="C33195">
        <v>0</v>
      </c>
      <c r="D33195">
        <v>0</v>
      </c>
    </row>
    <row r="33196" spans="1:4" x14ac:dyDescent="0.25">
      <c r="A33196" t="s">
        <v>49020</v>
      </c>
      <c r="B33196" t="s">
        <v>49024</v>
      </c>
      <c r="C33196">
        <v>2</v>
      </c>
      <c r="D33196">
        <v>0</v>
      </c>
    </row>
    <row r="33197" spans="1:4" x14ac:dyDescent="0.25">
      <c r="A33197" t="s">
        <v>49020</v>
      </c>
      <c r="B33197" t="s">
        <v>49025</v>
      </c>
      <c r="C33197">
        <v>1</v>
      </c>
      <c r="D33197">
        <v>0</v>
      </c>
    </row>
    <row r="33198" spans="1:4" x14ac:dyDescent="0.25">
      <c r="A33198" t="s">
        <v>49020</v>
      </c>
      <c r="B33198" t="s">
        <v>49026</v>
      </c>
      <c r="C33198">
        <v>1</v>
      </c>
      <c r="D33198">
        <v>0</v>
      </c>
    </row>
    <row r="33199" spans="1:4" x14ac:dyDescent="0.25">
      <c r="A33199" t="s">
        <v>49027</v>
      </c>
      <c r="B33199" t="s">
        <v>49028</v>
      </c>
      <c r="C33199">
        <v>2</v>
      </c>
      <c r="D33199">
        <v>0</v>
      </c>
    </row>
    <row r="33200" spans="1:4" x14ac:dyDescent="0.25">
      <c r="A33200" t="s">
        <v>49027</v>
      </c>
      <c r="B33200" t="s">
        <v>49029</v>
      </c>
      <c r="C33200">
        <v>1</v>
      </c>
      <c r="D33200">
        <v>0</v>
      </c>
    </row>
    <row r="33201" spans="1:4" x14ac:dyDescent="0.25">
      <c r="A33201" t="s">
        <v>49027</v>
      </c>
      <c r="B33201" t="s">
        <v>27699</v>
      </c>
      <c r="C33201">
        <v>0</v>
      </c>
      <c r="D33201">
        <v>0</v>
      </c>
    </row>
    <row r="33202" spans="1:4" x14ac:dyDescent="0.25">
      <c r="A33202" t="s">
        <v>49027</v>
      </c>
      <c r="B33202" t="s">
        <v>49030</v>
      </c>
      <c r="C33202">
        <v>1</v>
      </c>
      <c r="D33202">
        <v>0</v>
      </c>
    </row>
    <row r="33203" spans="1:4" x14ac:dyDescent="0.25">
      <c r="A33203" t="s">
        <v>49031</v>
      </c>
      <c r="B33203" t="s">
        <v>49032</v>
      </c>
      <c r="C33203">
        <v>2</v>
      </c>
      <c r="D33203">
        <v>0</v>
      </c>
    </row>
    <row r="33204" spans="1:4" x14ac:dyDescent="0.25">
      <c r="A33204" t="s">
        <v>49031</v>
      </c>
      <c r="B33204" t="s">
        <v>49033</v>
      </c>
      <c r="C33204">
        <v>2</v>
      </c>
      <c r="D33204">
        <v>0</v>
      </c>
    </row>
    <row r="33205" spans="1:4" x14ac:dyDescent="0.25">
      <c r="A33205" t="s">
        <v>49034</v>
      </c>
      <c r="B33205" t="s">
        <v>49035</v>
      </c>
      <c r="C33205">
        <v>0</v>
      </c>
      <c r="D33205">
        <v>0</v>
      </c>
    </row>
    <row r="33206" spans="1:4" x14ac:dyDescent="0.25">
      <c r="A33206" t="s">
        <v>49034</v>
      </c>
      <c r="B33206" t="s">
        <v>49036</v>
      </c>
      <c r="C33206">
        <v>2</v>
      </c>
      <c r="D33206">
        <v>0</v>
      </c>
    </row>
    <row r="33207" spans="1:4" x14ac:dyDescent="0.25">
      <c r="A33207" t="s">
        <v>49034</v>
      </c>
      <c r="B33207" t="s">
        <v>49037</v>
      </c>
      <c r="C33207">
        <v>1</v>
      </c>
      <c r="D33207">
        <v>0</v>
      </c>
    </row>
    <row r="33208" spans="1:4" x14ac:dyDescent="0.25">
      <c r="A33208" t="s">
        <v>49038</v>
      </c>
      <c r="B33208" t="s">
        <v>49039</v>
      </c>
      <c r="C33208">
        <v>1</v>
      </c>
      <c r="D33208">
        <v>0</v>
      </c>
    </row>
    <row r="33209" spans="1:4" x14ac:dyDescent="0.25">
      <c r="A33209" t="s">
        <v>49038</v>
      </c>
      <c r="B33209" t="s">
        <v>49040</v>
      </c>
      <c r="C33209">
        <v>2</v>
      </c>
      <c r="D33209">
        <v>0</v>
      </c>
    </row>
    <row r="33210" spans="1:4" x14ac:dyDescent="0.25">
      <c r="A33210" t="s">
        <v>49038</v>
      </c>
      <c r="B33210" t="s">
        <v>49041</v>
      </c>
      <c r="C33210">
        <v>1</v>
      </c>
      <c r="D33210">
        <v>0</v>
      </c>
    </row>
    <row r="33211" spans="1:4" x14ac:dyDescent="0.25">
      <c r="A33211" t="s">
        <v>49038</v>
      </c>
      <c r="B33211" t="s">
        <v>49042</v>
      </c>
      <c r="C33211">
        <v>1</v>
      </c>
      <c r="D33211">
        <v>0</v>
      </c>
    </row>
    <row r="33212" spans="1:4" x14ac:dyDescent="0.25">
      <c r="A33212" t="s">
        <v>49038</v>
      </c>
      <c r="B33212" t="s">
        <v>49043</v>
      </c>
      <c r="C33212">
        <v>2</v>
      </c>
      <c r="D33212">
        <v>0</v>
      </c>
    </row>
    <row r="33213" spans="1:4" x14ac:dyDescent="0.25">
      <c r="A33213" t="s">
        <v>49038</v>
      </c>
      <c r="B33213" t="s">
        <v>49044</v>
      </c>
      <c r="C33213">
        <v>1</v>
      </c>
      <c r="D33213">
        <v>0</v>
      </c>
    </row>
    <row r="33214" spans="1:4" x14ac:dyDescent="0.25">
      <c r="A33214" t="s">
        <v>49038</v>
      </c>
      <c r="B33214" t="s">
        <v>49045</v>
      </c>
      <c r="C33214">
        <v>2</v>
      </c>
      <c r="D33214">
        <v>0</v>
      </c>
    </row>
    <row r="33215" spans="1:4" x14ac:dyDescent="0.25">
      <c r="A33215" t="s">
        <v>49046</v>
      </c>
      <c r="B33215" t="s">
        <v>49047</v>
      </c>
      <c r="C33215">
        <v>1</v>
      </c>
      <c r="D33215">
        <v>0</v>
      </c>
    </row>
    <row r="33216" spans="1:4" x14ac:dyDescent="0.25">
      <c r="A33216" t="s">
        <v>49046</v>
      </c>
      <c r="B33216" t="s">
        <v>49048</v>
      </c>
      <c r="C33216">
        <v>1</v>
      </c>
      <c r="D33216">
        <v>0</v>
      </c>
    </row>
    <row r="33217" spans="1:4" x14ac:dyDescent="0.25">
      <c r="A33217" t="s">
        <v>49046</v>
      </c>
      <c r="B33217" t="s">
        <v>49049</v>
      </c>
      <c r="C33217">
        <v>1</v>
      </c>
      <c r="D33217">
        <v>0</v>
      </c>
    </row>
    <row r="33218" spans="1:4" x14ac:dyDescent="0.25">
      <c r="A33218" t="s">
        <v>49050</v>
      </c>
      <c r="B33218" t="s">
        <v>49051</v>
      </c>
      <c r="C33218">
        <v>1</v>
      </c>
      <c r="D33218">
        <v>0</v>
      </c>
    </row>
    <row r="33219" spans="1:4" x14ac:dyDescent="0.25">
      <c r="A33219" t="s">
        <v>49050</v>
      </c>
      <c r="B33219" t="s">
        <v>49052</v>
      </c>
      <c r="C33219">
        <v>1</v>
      </c>
      <c r="D33219">
        <v>0</v>
      </c>
    </row>
    <row r="33220" spans="1:4" x14ac:dyDescent="0.25">
      <c r="A33220" t="s">
        <v>49050</v>
      </c>
      <c r="B33220" t="s">
        <v>49053</v>
      </c>
      <c r="C33220">
        <v>0</v>
      </c>
      <c r="D33220">
        <v>0</v>
      </c>
    </row>
    <row r="33221" spans="1:4" x14ac:dyDescent="0.25">
      <c r="A33221" t="s">
        <v>49050</v>
      </c>
      <c r="B33221" t="s">
        <v>49054</v>
      </c>
      <c r="C33221">
        <v>1</v>
      </c>
      <c r="D33221">
        <v>0</v>
      </c>
    </row>
    <row r="33222" spans="1:4" x14ac:dyDescent="0.25">
      <c r="A33222" t="s">
        <v>49050</v>
      </c>
      <c r="B33222" t="s">
        <v>5713</v>
      </c>
      <c r="C33222">
        <v>1</v>
      </c>
      <c r="D33222">
        <v>0</v>
      </c>
    </row>
    <row r="33223" spans="1:4" x14ac:dyDescent="0.25">
      <c r="A33223" t="s">
        <v>49050</v>
      </c>
      <c r="B33223" t="s">
        <v>49055</v>
      </c>
      <c r="C33223">
        <v>0</v>
      </c>
      <c r="D33223">
        <v>0</v>
      </c>
    </row>
    <row r="33224" spans="1:4" x14ac:dyDescent="0.25">
      <c r="A33224" t="s">
        <v>49050</v>
      </c>
      <c r="B33224" t="s">
        <v>49056</v>
      </c>
      <c r="C33224">
        <v>2</v>
      </c>
      <c r="D33224">
        <v>0</v>
      </c>
    </row>
    <row r="33225" spans="1:4" x14ac:dyDescent="0.25">
      <c r="A33225" t="s">
        <v>49057</v>
      </c>
      <c r="B33225" t="s">
        <v>49058</v>
      </c>
      <c r="C33225">
        <v>1</v>
      </c>
      <c r="D33225">
        <v>0</v>
      </c>
    </row>
    <row r="33226" spans="1:4" x14ac:dyDescent="0.25">
      <c r="A33226" t="s">
        <v>49057</v>
      </c>
      <c r="B33226" t="s">
        <v>49059</v>
      </c>
      <c r="C33226">
        <v>1</v>
      </c>
      <c r="D33226">
        <v>0</v>
      </c>
    </row>
    <row r="33227" spans="1:4" x14ac:dyDescent="0.25">
      <c r="A33227" t="s">
        <v>49057</v>
      </c>
      <c r="B33227" t="s">
        <v>49060</v>
      </c>
      <c r="C33227">
        <v>1</v>
      </c>
      <c r="D33227">
        <v>0</v>
      </c>
    </row>
    <row r="33228" spans="1:4" x14ac:dyDescent="0.25">
      <c r="A33228" t="s">
        <v>49057</v>
      </c>
      <c r="B33228" t="s">
        <v>49061</v>
      </c>
      <c r="C33228">
        <v>1</v>
      </c>
      <c r="D33228">
        <v>0</v>
      </c>
    </row>
    <row r="33229" spans="1:4" x14ac:dyDescent="0.25">
      <c r="A33229" t="s">
        <v>49062</v>
      </c>
      <c r="B33229" t="s">
        <v>49063</v>
      </c>
      <c r="C33229">
        <v>1</v>
      </c>
      <c r="D33229">
        <v>0</v>
      </c>
    </row>
    <row r="33230" spans="1:4" x14ac:dyDescent="0.25">
      <c r="A33230" t="s">
        <v>49062</v>
      </c>
      <c r="B33230" t="s">
        <v>49064</v>
      </c>
      <c r="C33230">
        <v>0</v>
      </c>
      <c r="D33230">
        <v>0</v>
      </c>
    </row>
    <row r="33231" spans="1:4" x14ac:dyDescent="0.25">
      <c r="A33231" t="s">
        <v>49062</v>
      </c>
      <c r="B33231" t="s">
        <v>49065</v>
      </c>
      <c r="C33231">
        <v>1</v>
      </c>
      <c r="D33231">
        <v>0</v>
      </c>
    </row>
    <row r="33232" spans="1:4" x14ac:dyDescent="0.25">
      <c r="A33232" t="s">
        <v>49062</v>
      </c>
      <c r="B33232" t="s">
        <v>49066</v>
      </c>
      <c r="C33232">
        <v>2</v>
      </c>
      <c r="D33232">
        <v>0</v>
      </c>
    </row>
    <row r="33233" spans="1:4" x14ac:dyDescent="0.25">
      <c r="A33233" t="s">
        <v>49062</v>
      </c>
      <c r="B33233" t="s">
        <v>49067</v>
      </c>
      <c r="C33233">
        <v>1</v>
      </c>
      <c r="D33233">
        <v>0</v>
      </c>
    </row>
    <row r="33234" spans="1:4" x14ac:dyDescent="0.25">
      <c r="A33234" t="s">
        <v>49062</v>
      </c>
      <c r="B33234" t="s">
        <v>49068</v>
      </c>
      <c r="C33234">
        <v>2</v>
      </c>
      <c r="D33234">
        <v>0</v>
      </c>
    </row>
    <row r="33235" spans="1:4" x14ac:dyDescent="0.25">
      <c r="A33235" t="s">
        <v>49062</v>
      </c>
      <c r="B33235" t="s">
        <v>49069</v>
      </c>
      <c r="C33235">
        <v>1</v>
      </c>
      <c r="D33235">
        <v>0</v>
      </c>
    </row>
    <row r="33236" spans="1:4" x14ac:dyDescent="0.25">
      <c r="A33236" t="s">
        <v>49062</v>
      </c>
      <c r="B33236" t="s">
        <v>49070</v>
      </c>
      <c r="C33236">
        <v>1</v>
      </c>
      <c r="D33236">
        <v>0</v>
      </c>
    </row>
    <row r="33237" spans="1:4" x14ac:dyDescent="0.25">
      <c r="A33237" t="s">
        <v>49062</v>
      </c>
      <c r="B33237" t="s">
        <v>49071</v>
      </c>
      <c r="C33237">
        <v>2</v>
      </c>
      <c r="D33237">
        <v>0</v>
      </c>
    </row>
    <row r="33238" spans="1:4" x14ac:dyDescent="0.25">
      <c r="A33238" t="s">
        <v>49072</v>
      </c>
      <c r="B33238" t="s">
        <v>49073</v>
      </c>
      <c r="C33238">
        <v>1</v>
      </c>
      <c r="D33238">
        <v>0</v>
      </c>
    </row>
    <row r="33239" spans="1:4" x14ac:dyDescent="0.25">
      <c r="A33239" t="s">
        <v>49072</v>
      </c>
      <c r="B33239" t="s">
        <v>49074</v>
      </c>
      <c r="C33239">
        <v>1</v>
      </c>
      <c r="D33239">
        <v>0</v>
      </c>
    </row>
    <row r="33240" spans="1:4" x14ac:dyDescent="0.25">
      <c r="A33240" t="s">
        <v>49072</v>
      </c>
      <c r="B33240" t="s">
        <v>49075</v>
      </c>
      <c r="C33240">
        <v>0</v>
      </c>
      <c r="D33240">
        <v>0</v>
      </c>
    </row>
    <row r="33241" spans="1:4" x14ac:dyDescent="0.25">
      <c r="A33241" t="s">
        <v>49072</v>
      </c>
      <c r="B33241" t="s">
        <v>49076</v>
      </c>
      <c r="C33241">
        <v>1</v>
      </c>
      <c r="D33241">
        <v>0</v>
      </c>
    </row>
    <row r="33242" spans="1:4" x14ac:dyDescent="0.25">
      <c r="A33242" t="s">
        <v>49072</v>
      </c>
      <c r="B33242" t="s">
        <v>49077</v>
      </c>
      <c r="C33242">
        <v>1</v>
      </c>
      <c r="D33242">
        <v>0</v>
      </c>
    </row>
    <row r="33243" spans="1:4" x14ac:dyDescent="0.25">
      <c r="A33243" t="s">
        <v>49078</v>
      </c>
      <c r="B33243" t="s">
        <v>49079</v>
      </c>
      <c r="C33243">
        <v>0</v>
      </c>
      <c r="D33243">
        <v>0</v>
      </c>
    </row>
    <row r="33244" spans="1:4" x14ac:dyDescent="0.25">
      <c r="A33244" t="s">
        <v>49078</v>
      </c>
      <c r="B33244" t="s">
        <v>49080</v>
      </c>
      <c r="C33244">
        <v>0</v>
      </c>
      <c r="D33244">
        <v>0</v>
      </c>
    </row>
    <row r="33245" spans="1:4" x14ac:dyDescent="0.25">
      <c r="A33245" t="s">
        <v>49078</v>
      </c>
      <c r="B33245" t="s">
        <v>49081</v>
      </c>
      <c r="C33245">
        <v>1</v>
      </c>
      <c r="D33245">
        <v>0</v>
      </c>
    </row>
    <row r="33246" spans="1:4" x14ac:dyDescent="0.25">
      <c r="A33246" t="s">
        <v>49078</v>
      </c>
      <c r="B33246" t="s">
        <v>49082</v>
      </c>
      <c r="C33246">
        <v>1</v>
      </c>
      <c r="D33246">
        <v>0</v>
      </c>
    </row>
    <row r="33247" spans="1:4" x14ac:dyDescent="0.25">
      <c r="A33247" t="s">
        <v>49083</v>
      </c>
      <c r="B33247" t="s">
        <v>49084</v>
      </c>
      <c r="C33247">
        <v>1</v>
      </c>
      <c r="D33247">
        <v>0</v>
      </c>
    </row>
    <row r="33248" spans="1:4" x14ac:dyDescent="0.25">
      <c r="A33248" t="s">
        <v>49083</v>
      </c>
      <c r="B33248" t="s">
        <v>49085</v>
      </c>
      <c r="C33248">
        <v>1</v>
      </c>
      <c r="D33248">
        <v>0</v>
      </c>
    </row>
    <row r="33249" spans="1:4" x14ac:dyDescent="0.25">
      <c r="A33249" t="s">
        <v>49083</v>
      </c>
      <c r="B33249" t="s">
        <v>49086</v>
      </c>
      <c r="C33249">
        <v>1</v>
      </c>
      <c r="D33249">
        <v>0</v>
      </c>
    </row>
    <row r="33250" spans="1:4" x14ac:dyDescent="0.25">
      <c r="A33250" t="s">
        <v>49083</v>
      </c>
      <c r="B33250" t="s">
        <v>49087</v>
      </c>
      <c r="C33250">
        <v>1</v>
      </c>
      <c r="D33250">
        <v>0</v>
      </c>
    </row>
    <row r="33251" spans="1:4" x14ac:dyDescent="0.25">
      <c r="A33251" t="s">
        <v>49083</v>
      </c>
      <c r="B33251" t="s">
        <v>49088</v>
      </c>
      <c r="C33251">
        <v>1</v>
      </c>
      <c r="D33251">
        <v>0</v>
      </c>
    </row>
    <row r="33252" spans="1:4" x14ac:dyDescent="0.25">
      <c r="A33252" t="s">
        <v>49089</v>
      </c>
      <c r="B33252" t="s">
        <v>6837</v>
      </c>
      <c r="C33252">
        <v>1</v>
      </c>
      <c r="D33252">
        <v>0</v>
      </c>
    </row>
    <row r="33253" spans="1:4" x14ac:dyDescent="0.25">
      <c r="A33253" t="s">
        <v>49089</v>
      </c>
      <c r="B33253" t="s">
        <v>5047</v>
      </c>
      <c r="C33253">
        <v>0</v>
      </c>
      <c r="D33253">
        <v>0</v>
      </c>
    </row>
    <row r="33254" spans="1:4" x14ac:dyDescent="0.25">
      <c r="A33254" t="s">
        <v>49089</v>
      </c>
      <c r="B33254" t="s">
        <v>49090</v>
      </c>
      <c r="C33254">
        <v>2</v>
      </c>
      <c r="D33254">
        <v>0</v>
      </c>
    </row>
    <row r="33255" spans="1:4" x14ac:dyDescent="0.25">
      <c r="A33255" t="s">
        <v>49091</v>
      </c>
      <c r="B33255" t="s">
        <v>49092</v>
      </c>
      <c r="C33255">
        <v>1</v>
      </c>
      <c r="D33255">
        <v>0</v>
      </c>
    </row>
    <row r="33256" spans="1:4" x14ac:dyDescent="0.25">
      <c r="A33256" t="s">
        <v>49091</v>
      </c>
      <c r="B33256" t="s">
        <v>49093</v>
      </c>
      <c r="C33256">
        <v>1</v>
      </c>
      <c r="D33256">
        <v>0</v>
      </c>
    </row>
    <row r="33257" spans="1:4" x14ac:dyDescent="0.25">
      <c r="A33257" t="s">
        <v>49091</v>
      </c>
      <c r="B33257" t="s">
        <v>49094</v>
      </c>
      <c r="C33257">
        <v>1</v>
      </c>
      <c r="D33257">
        <v>0</v>
      </c>
    </row>
    <row r="33258" spans="1:4" x14ac:dyDescent="0.25">
      <c r="A33258" t="s">
        <v>49091</v>
      </c>
      <c r="B33258" t="s">
        <v>49095</v>
      </c>
      <c r="C33258">
        <v>2</v>
      </c>
      <c r="D33258">
        <v>0</v>
      </c>
    </row>
    <row r="33259" spans="1:4" x14ac:dyDescent="0.25">
      <c r="A33259" t="s">
        <v>49091</v>
      </c>
      <c r="B33259" t="s">
        <v>49096</v>
      </c>
      <c r="C33259">
        <v>1</v>
      </c>
      <c r="D33259">
        <v>0</v>
      </c>
    </row>
    <row r="33260" spans="1:4" x14ac:dyDescent="0.25">
      <c r="A33260" t="s">
        <v>49091</v>
      </c>
      <c r="B33260" t="s">
        <v>49097</v>
      </c>
      <c r="C33260">
        <v>1</v>
      </c>
      <c r="D33260">
        <v>0</v>
      </c>
    </row>
    <row r="33261" spans="1:4" x14ac:dyDescent="0.25">
      <c r="A33261" t="s">
        <v>49091</v>
      </c>
      <c r="B33261" t="s">
        <v>49098</v>
      </c>
      <c r="C33261">
        <v>2</v>
      </c>
      <c r="D33261">
        <v>0</v>
      </c>
    </row>
    <row r="33262" spans="1:4" x14ac:dyDescent="0.25">
      <c r="A33262" t="s">
        <v>49091</v>
      </c>
      <c r="B33262" t="s">
        <v>49099</v>
      </c>
      <c r="C33262">
        <v>2</v>
      </c>
      <c r="D33262">
        <v>0</v>
      </c>
    </row>
    <row r="33263" spans="1:4" x14ac:dyDescent="0.25">
      <c r="A33263" t="s">
        <v>49100</v>
      </c>
      <c r="B33263" t="s">
        <v>49101</v>
      </c>
      <c r="C33263">
        <v>1</v>
      </c>
      <c r="D33263">
        <v>0</v>
      </c>
    </row>
    <row r="33264" spans="1:4" x14ac:dyDescent="0.25">
      <c r="A33264" t="s">
        <v>49100</v>
      </c>
      <c r="B33264" t="s">
        <v>5713</v>
      </c>
      <c r="C33264">
        <v>1</v>
      </c>
      <c r="D33264">
        <v>0</v>
      </c>
    </row>
    <row r="33265" spans="1:4" x14ac:dyDescent="0.25">
      <c r="A33265" t="s">
        <v>49102</v>
      </c>
      <c r="B33265" t="s">
        <v>48934</v>
      </c>
      <c r="C33265">
        <v>1</v>
      </c>
      <c r="D33265">
        <v>0</v>
      </c>
    </row>
    <row r="33266" spans="1:4" x14ac:dyDescent="0.25">
      <c r="A33266" t="s">
        <v>49103</v>
      </c>
      <c r="B33266" t="s">
        <v>49104</v>
      </c>
      <c r="C33266">
        <v>0</v>
      </c>
      <c r="D33266">
        <v>0</v>
      </c>
    </row>
    <row r="33267" spans="1:4" x14ac:dyDescent="0.25">
      <c r="A33267" t="s">
        <v>49103</v>
      </c>
      <c r="B33267" t="s">
        <v>49105</v>
      </c>
      <c r="C33267">
        <v>1</v>
      </c>
      <c r="D33267">
        <v>0</v>
      </c>
    </row>
    <row r="33268" spans="1:4" x14ac:dyDescent="0.25">
      <c r="A33268" t="s">
        <v>49103</v>
      </c>
      <c r="B33268" t="s">
        <v>49106</v>
      </c>
      <c r="C33268">
        <v>2</v>
      </c>
      <c r="D33268">
        <v>0</v>
      </c>
    </row>
    <row r="33269" spans="1:4" x14ac:dyDescent="0.25">
      <c r="A33269" t="s">
        <v>49103</v>
      </c>
      <c r="B33269" t="s">
        <v>49107</v>
      </c>
      <c r="C33269">
        <v>0</v>
      </c>
      <c r="D33269">
        <v>0</v>
      </c>
    </row>
    <row r="33270" spans="1:4" x14ac:dyDescent="0.25">
      <c r="A33270" t="s">
        <v>49103</v>
      </c>
      <c r="B33270" t="s">
        <v>49108</v>
      </c>
      <c r="C33270">
        <v>1</v>
      </c>
      <c r="D33270">
        <v>0</v>
      </c>
    </row>
    <row r="33271" spans="1:4" x14ac:dyDescent="0.25">
      <c r="A33271" t="s">
        <v>49109</v>
      </c>
      <c r="B33271" t="s">
        <v>49110</v>
      </c>
      <c r="C33271">
        <v>0</v>
      </c>
      <c r="D33271">
        <v>0</v>
      </c>
    </row>
    <row r="33272" spans="1:4" x14ac:dyDescent="0.25">
      <c r="A33272" t="s">
        <v>49109</v>
      </c>
      <c r="B33272" t="s">
        <v>49111</v>
      </c>
      <c r="C33272">
        <v>0</v>
      </c>
      <c r="D33272">
        <v>0</v>
      </c>
    </row>
    <row r="33273" spans="1:4" x14ac:dyDescent="0.25">
      <c r="A33273" t="s">
        <v>49109</v>
      </c>
      <c r="B33273" t="s">
        <v>49112</v>
      </c>
      <c r="C33273">
        <v>0</v>
      </c>
      <c r="D33273">
        <v>0</v>
      </c>
    </row>
    <row r="33274" spans="1:4" x14ac:dyDescent="0.25">
      <c r="A33274" t="s">
        <v>49113</v>
      </c>
      <c r="B33274" t="s">
        <v>49114</v>
      </c>
      <c r="C33274">
        <v>0</v>
      </c>
      <c r="D33274">
        <v>0</v>
      </c>
    </row>
    <row r="33275" spans="1:4" x14ac:dyDescent="0.25">
      <c r="A33275" t="s">
        <v>49113</v>
      </c>
      <c r="B33275" t="s">
        <v>49115</v>
      </c>
      <c r="C33275">
        <v>2</v>
      </c>
      <c r="D33275">
        <v>0</v>
      </c>
    </row>
    <row r="33276" spans="1:4" x14ac:dyDescent="0.25">
      <c r="A33276" t="s">
        <v>49113</v>
      </c>
      <c r="B33276" t="s">
        <v>49116</v>
      </c>
      <c r="C33276">
        <v>2</v>
      </c>
      <c r="D33276">
        <v>0</v>
      </c>
    </row>
    <row r="33277" spans="1:4" x14ac:dyDescent="0.25">
      <c r="A33277" t="s">
        <v>49113</v>
      </c>
      <c r="B33277" t="s">
        <v>49117</v>
      </c>
      <c r="C33277">
        <v>0</v>
      </c>
      <c r="D33277">
        <v>0</v>
      </c>
    </row>
    <row r="33278" spans="1:4" x14ac:dyDescent="0.25">
      <c r="A33278" t="s">
        <v>49113</v>
      </c>
      <c r="B33278" t="s">
        <v>49118</v>
      </c>
      <c r="C33278">
        <v>2</v>
      </c>
      <c r="D33278">
        <v>0</v>
      </c>
    </row>
    <row r="33279" spans="1:4" x14ac:dyDescent="0.25">
      <c r="A33279" t="s">
        <v>49119</v>
      </c>
      <c r="B33279" t="s">
        <v>49120</v>
      </c>
      <c r="C33279">
        <v>0</v>
      </c>
      <c r="D33279">
        <v>0</v>
      </c>
    </row>
    <row r="33280" spans="1:4" x14ac:dyDescent="0.25">
      <c r="A33280" t="s">
        <v>49119</v>
      </c>
      <c r="B33280" t="s">
        <v>49121</v>
      </c>
      <c r="C33280">
        <v>1</v>
      </c>
      <c r="D33280">
        <v>0</v>
      </c>
    </row>
    <row r="33281" spans="1:4" x14ac:dyDescent="0.25">
      <c r="A33281" t="s">
        <v>49119</v>
      </c>
      <c r="B33281" t="s">
        <v>49122</v>
      </c>
      <c r="C33281">
        <v>0</v>
      </c>
      <c r="D33281">
        <v>0</v>
      </c>
    </row>
    <row r="33282" spans="1:4" x14ac:dyDescent="0.25">
      <c r="A33282" t="s">
        <v>49119</v>
      </c>
      <c r="B33282" t="s">
        <v>49123</v>
      </c>
      <c r="C33282">
        <v>0</v>
      </c>
      <c r="D33282">
        <v>0</v>
      </c>
    </row>
    <row r="33283" spans="1:4" x14ac:dyDescent="0.25">
      <c r="A33283" t="s">
        <v>49119</v>
      </c>
      <c r="B33283" t="s">
        <v>49124</v>
      </c>
      <c r="C33283">
        <v>0</v>
      </c>
      <c r="D33283">
        <v>0</v>
      </c>
    </row>
    <row r="33284" spans="1:4" x14ac:dyDescent="0.25">
      <c r="A33284" t="s">
        <v>49119</v>
      </c>
      <c r="B33284" t="s">
        <v>49125</v>
      </c>
      <c r="C33284">
        <v>0</v>
      </c>
      <c r="D33284">
        <v>0</v>
      </c>
    </row>
    <row r="33285" spans="1:4" x14ac:dyDescent="0.25">
      <c r="A33285" t="s">
        <v>49126</v>
      </c>
      <c r="B33285" t="s">
        <v>49127</v>
      </c>
      <c r="C33285">
        <v>1</v>
      </c>
      <c r="D33285">
        <v>0</v>
      </c>
    </row>
    <row r="33286" spans="1:4" x14ac:dyDescent="0.25">
      <c r="A33286" t="s">
        <v>49126</v>
      </c>
      <c r="B33286" t="s">
        <v>49127</v>
      </c>
      <c r="C33286">
        <v>1</v>
      </c>
      <c r="D33286">
        <v>0</v>
      </c>
    </row>
    <row r="33287" spans="1:4" x14ac:dyDescent="0.25">
      <c r="A33287" t="s">
        <v>49126</v>
      </c>
      <c r="B33287" t="s">
        <v>49128</v>
      </c>
      <c r="C33287">
        <v>0</v>
      </c>
      <c r="D33287">
        <v>0</v>
      </c>
    </row>
    <row r="33288" spans="1:4" x14ac:dyDescent="0.25">
      <c r="A33288" t="s">
        <v>49126</v>
      </c>
      <c r="B33288" t="s">
        <v>49129</v>
      </c>
      <c r="C33288">
        <v>2</v>
      </c>
      <c r="D33288">
        <v>0</v>
      </c>
    </row>
    <row r="33289" spans="1:4" x14ac:dyDescent="0.25">
      <c r="A33289" t="s">
        <v>49126</v>
      </c>
      <c r="B33289" t="s">
        <v>49130</v>
      </c>
      <c r="C33289">
        <v>0</v>
      </c>
      <c r="D33289">
        <v>0</v>
      </c>
    </row>
    <row r="33290" spans="1:4" x14ac:dyDescent="0.25">
      <c r="A33290" t="s">
        <v>49131</v>
      </c>
      <c r="B33290" t="s">
        <v>49132</v>
      </c>
      <c r="C33290">
        <v>1</v>
      </c>
      <c r="D33290">
        <v>0</v>
      </c>
    </row>
    <row r="33291" spans="1:4" x14ac:dyDescent="0.25">
      <c r="A33291" t="s">
        <v>49131</v>
      </c>
      <c r="B33291" t="s">
        <v>49133</v>
      </c>
      <c r="C33291">
        <v>1</v>
      </c>
      <c r="D33291">
        <v>0</v>
      </c>
    </row>
    <row r="33292" spans="1:4" x14ac:dyDescent="0.25">
      <c r="A33292" t="s">
        <v>49131</v>
      </c>
      <c r="B33292" t="s">
        <v>49134</v>
      </c>
      <c r="C33292">
        <v>1</v>
      </c>
      <c r="D33292">
        <v>0</v>
      </c>
    </row>
    <row r="33293" spans="1:4" x14ac:dyDescent="0.25">
      <c r="A33293" t="s">
        <v>49131</v>
      </c>
      <c r="B33293" t="s">
        <v>49135</v>
      </c>
      <c r="C33293">
        <v>1</v>
      </c>
      <c r="D33293">
        <v>0</v>
      </c>
    </row>
    <row r="33294" spans="1:4" x14ac:dyDescent="0.25">
      <c r="A33294" t="s">
        <v>49136</v>
      </c>
      <c r="B33294" t="s">
        <v>49137</v>
      </c>
      <c r="C33294">
        <v>1</v>
      </c>
      <c r="D33294">
        <v>0</v>
      </c>
    </row>
    <row r="33295" spans="1:4" x14ac:dyDescent="0.25">
      <c r="A33295" t="s">
        <v>49136</v>
      </c>
      <c r="B33295" t="s">
        <v>49138</v>
      </c>
      <c r="C33295">
        <v>1</v>
      </c>
      <c r="D33295">
        <v>0</v>
      </c>
    </row>
    <row r="33296" spans="1:4" x14ac:dyDescent="0.25">
      <c r="A33296" t="s">
        <v>49136</v>
      </c>
      <c r="B33296" t="s">
        <v>49139</v>
      </c>
      <c r="C33296">
        <v>1</v>
      </c>
      <c r="D33296">
        <v>0</v>
      </c>
    </row>
    <row r="33297" spans="1:4" x14ac:dyDescent="0.25">
      <c r="A33297" t="s">
        <v>49136</v>
      </c>
      <c r="B33297" t="s">
        <v>49140</v>
      </c>
      <c r="C33297">
        <v>1</v>
      </c>
      <c r="D33297">
        <v>0</v>
      </c>
    </row>
    <row r="33298" spans="1:4" x14ac:dyDescent="0.25">
      <c r="A33298" t="s">
        <v>49141</v>
      </c>
      <c r="B33298" t="s">
        <v>49142</v>
      </c>
      <c r="C33298">
        <v>1</v>
      </c>
      <c r="D33298">
        <v>0</v>
      </c>
    </row>
    <row r="33299" spans="1:4" x14ac:dyDescent="0.25">
      <c r="A33299" t="s">
        <v>49141</v>
      </c>
      <c r="B33299" t="s">
        <v>49143</v>
      </c>
      <c r="C33299">
        <v>0</v>
      </c>
      <c r="D33299">
        <v>0</v>
      </c>
    </row>
    <row r="33300" spans="1:4" x14ac:dyDescent="0.25">
      <c r="A33300" t="s">
        <v>49141</v>
      </c>
      <c r="B33300" t="s">
        <v>49144</v>
      </c>
      <c r="C33300">
        <v>0</v>
      </c>
      <c r="D33300">
        <v>0</v>
      </c>
    </row>
    <row r="33301" spans="1:4" x14ac:dyDescent="0.25">
      <c r="A33301" t="s">
        <v>49145</v>
      </c>
      <c r="B33301" t="s">
        <v>49146</v>
      </c>
      <c r="C33301">
        <v>1</v>
      </c>
      <c r="D33301">
        <v>0</v>
      </c>
    </row>
    <row r="33302" spans="1:4" x14ac:dyDescent="0.25">
      <c r="A33302" t="s">
        <v>49147</v>
      </c>
      <c r="B33302" t="s">
        <v>49148</v>
      </c>
      <c r="C33302">
        <v>1</v>
      </c>
      <c r="D33302">
        <v>0</v>
      </c>
    </row>
    <row r="33303" spans="1:4" x14ac:dyDescent="0.25">
      <c r="A33303" t="s">
        <v>49147</v>
      </c>
      <c r="B33303" t="s">
        <v>49149</v>
      </c>
      <c r="C33303">
        <v>1</v>
      </c>
      <c r="D33303">
        <v>0</v>
      </c>
    </row>
    <row r="33304" spans="1:4" x14ac:dyDescent="0.25">
      <c r="A33304" t="s">
        <v>49147</v>
      </c>
      <c r="B33304" t="s">
        <v>49150</v>
      </c>
      <c r="C33304">
        <v>1</v>
      </c>
      <c r="D33304">
        <v>0</v>
      </c>
    </row>
    <row r="33305" spans="1:4" x14ac:dyDescent="0.25">
      <c r="A33305" t="s">
        <v>49151</v>
      </c>
      <c r="B33305" t="s">
        <v>49152</v>
      </c>
      <c r="C33305">
        <v>1</v>
      </c>
      <c r="D33305">
        <v>0</v>
      </c>
    </row>
    <row r="33306" spans="1:4" x14ac:dyDescent="0.25">
      <c r="A33306" t="s">
        <v>49151</v>
      </c>
      <c r="B33306" t="s">
        <v>49153</v>
      </c>
      <c r="C33306">
        <v>2</v>
      </c>
      <c r="D33306">
        <v>0</v>
      </c>
    </row>
    <row r="33307" spans="1:4" x14ac:dyDescent="0.25">
      <c r="A33307" t="s">
        <v>49151</v>
      </c>
      <c r="B33307" t="s">
        <v>49154</v>
      </c>
      <c r="C33307">
        <v>1</v>
      </c>
      <c r="D33307">
        <v>0</v>
      </c>
    </row>
    <row r="33308" spans="1:4" x14ac:dyDescent="0.25">
      <c r="A33308" t="s">
        <v>49155</v>
      </c>
      <c r="B33308" t="s">
        <v>49156</v>
      </c>
      <c r="C33308">
        <v>1</v>
      </c>
      <c r="D33308">
        <v>0</v>
      </c>
    </row>
    <row r="33309" spans="1:4" x14ac:dyDescent="0.25">
      <c r="A33309" t="s">
        <v>49155</v>
      </c>
      <c r="B33309" t="s">
        <v>49157</v>
      </c>
      <c r="C33309">
        <v>1</v>
      </c>
      <c r="D33309">
        <v>0</v>
      </c>
    </row>
    <row r="33310" spans="1:4" x14ac:dyDescent="0.25">
      <c r="A33310" t="s">
        <v>49155</v>
      </c>
      <c r="B33310" t="s">
        <v>49158</v>
      </c>
      <c r="C33310">
        <v>0</v>
      </c>
      <c r="D33310">
        <v>0</v>
      </c>
    </row>
    <row r="33311" spans="1:4" x14ac:dyDescent="0.25">
      <c r="A33311" t="s">
        <v>49155</v>
      </c>
      <c r="B33311" t="s">
        <v>49159</v>
      </c>
      <c r="C33311">
        <v>1</v>
      </c>
      <c r="D33311">
        <v>0</v>
      </c>
    </row>
    <row r="33312" spans="1:4" x14ac:dyDescent="0.25">
      <c r="A33312" t="s">
        <v>49155</v>
      </c>
      <c r="B33312" t="s">
        <v>49160</v>
      </c>
      <c r="C33312">
        <v>1</v>
      </c>
      <c r="D33312">
        <v>0</v>
      </c>
    </row>
    <row r="33313" spans="1:4" x14ac:dyDescent="0.25">
      <c r="A33313" t="s">
        <v>49161</v>
      </c>
      <c r="B33313" t="s">
        <v>49162</v>
      </c>
      <c r="C33313">
        <v>0</v>
      </c>
      <c r="D33313">
        <v>0</v>
      </c>
    </row>
    <row r="33314" spans="1:4" x14ac:dyDescent="0.25">
      <c r="A33314" t="s">
        <v>49161</v>
      </c>
      <c r="B33314" t="s">
        <v>49163</v>
      </c>
      <c r="C33314">
        <v>1</v>
      </c>
      <c r="D33314">
        <v>0</v>
      </c>
    </row>
    <row r="33315" spans="1:4" x14ac:dyDescent="0.25">
      <c r="A33315" t="s">
        <v>49161</v>
      </c>
      <c r="B33315" t="s">
        <v>49164</v>
      </c>
      <c r="C33315">
        <v>0</v>
      </c>
      <c r="D33315">
        <v>0</v>
      </c>
    </row>
    <row r="33316" spans="1:4" x14ac:dyDescent="0.25">
      <c r="A33316" t="s">
        <v>49161</v>
      </c>
      <c r="B33316" t="s">
        <v>49162</v>
      </c>
      <c r="C33316">
        <v>0</v>
      </c>
      <c r="D33316">
        <v>0</v>
      </c>
    </row>
    <row r="33317" spans="1:4" x14ac:dyDescent="0.25">
      <c r="A33317" t="s">
        <v>49161</v>
      </c>
      <c r="B33317" t="s">
        <v>49165</v>
      </c>
      <c r="C33317">
        <v>1</v>
      </c>
      <c r="D33317">
        <v>0</v>
      </c>
    </row>
    <row r="33318" spans="1:4" x14ac:dyDescent="0.25">
      <c r="A33318" t="s">
        <v>49161</v>
      </c>
      <c r="B33318" t="s">
        <v>49166</v>
      </c>
      <c r="C33318">
        <v>0</v>
      </c>
      <c r="D33318">
        <v>0</v>
      </c>
    </row>
    <row r="33319" spans="1:4" x14ac:dyDescent="0.25">
      <c r="A33319" t="s">
        <v>49167</v>
      </c>
      <c r="B33319" t="s">
        <v>49168</v>
      </c>
      <c r="C33319">
        <v>1</v>
      </c>
      <c r="D33319">
        <v>0</v>
      </c>
    </row>
    <row r="33320" spans="1:4" x14ac:dyDescent="0.25">
      <c r="A33320" t="s">
        <v>49167</v>
      </c>
      <c r="B33320" t="s">
        <v>49169</v>
      </c>
      <c r="C33320">
        <v>1</v>
      </c>
      <c r="D33320">
        <v>0</v>
      </c>
    </row>
    <row r="33321" spans="1:4" x14ac:dyDescent="0.25">
      <c r="A33321" t="s">
        <v>49167</v>
      </c>
      <c r="B33321" t="s">
        <v>49170</v>
      </c>
      <c r="C33321">
        <v>1</v>
      </c>
      <c r="D33321">
        <v>0</v>
      </c>
    </row>
    <row r="33322" spans="1:4" x14ac:dyDescent="0.25">
      <c r="A33322" t="s">
        <v>49167</v>
      </c>
      <c r="B33322" t="s">
        <v>49171</v>
      </c>
      <c r="C33322">
        <v>1</v>
      </c>
      <c r="D33322">
        <v>0</v>
      </c>
    </row>
    <row r="33323" spans="1:4" x14ac:dyDescent="0.25">
      <c r="A33323" t="s">
        <v>49172</v>
      </c>
      <c r="B33323" t="s">
        <v>49173</v>
      </c>
      <c r="C33323">
        <v>1</v>
      </c>
      <c r="D33323">
        <v>0</v>
      </c>
    </row>
    <row r="33324" spans="1:4" x14ac:dyDescent="0.25">
      <c r="A33324" t="s">
        <v>49172</v>
      </c>
      <c r="B33324" t="s">
        <v>49174</v>
      </c>
      <c r="C33324">
        <v>2</v>
      </c>
      <c r="D33324">
        <v>0</v>
      </c>
    </row>
    <row r="33325" spans="1:4" x14ac:dyDescent="0.25">
      <c r="A33325" t="s">
        <v>49172</v>
      </c>
      <c r="B33325" t="s">
        <v>49175</v>
      </c>
      <c r="C33325">
        <v>2</v>
      </c>
      <c r="D33325">
        <v>0</v>
      </c>
    </row>
    <row r="33326" spans="1:4" x14ac:dyDescent="0.25">
      <c r="A33326" t="s">
        <v>49176</v>
      </c>
      <c r="B33326" t="s">
        <v>49177</v>
      </c>
      <c r="C33326">
        <v>2</v>
      </c>
      <c r="D33326">
        <v>0</v>
      </c>
    </row>
    <row r="33327" spans="1:4" x14ac:dyDescent="0.25">
      <c r="A33327" t="s">
        <v>49176</v>
      </c>
      <c r="B33327" t="s">
        <v>49178</v>
      </c>
      <c r="C33327">
        <v>1</v>
      </c>
      <c r="D33327">
        <v>0</v>
      </c>
    </row>
    <row r="33328" spans="1:4" x14ac:dyDescent="0.25">
      <c r="A33328" t="s">
        <v>49176</v>
      </c>
      <c r="B33328" t="s">
        <v>49179</v>
      </c>
      <c r="C33328">
        <v>2</v>
      </c>
      <c r="D33328">
        <v>0</v>
      </c>
    </row>
    <row r="33329" spans="1:4" x14ac:dyDescent="0.25">
      <c r="A33329" t="s">
        <v>49176</v>
      </c>
      <c r="B33329" t="s">
        <v>49180</v>
      </c>
      <c r="C33329">
        <v>1</v>
      </c>
      <c r="D33329">
        <v>0</v>
      </c>
    </row>
    <row r="33330" spans="1:4" x14ac:dyDescent="0.25">
      <c r="A33330" t="s">
        <v>49176</v>
      </c>
      <c r="B33330" t="s">
        <v>49181</v>
      </c>
      <c r="C33330">
        <v>1</v>
      </c>
      <c r="D33330">
        <v>0</v>
      </c>
    </row>
    <row r="33331" spans="1:4" x14ac:dyDescent="0.25">
      <c r="A33331" t="s">
        <v>49176</v>
      </c>
      <c r="B33331" t="s">
        <v>49182</v>
      </c>
      <c r="C33331">
        <v>1</v>
      </c>
      <c r="D33331">
        <v>0</v>
      </c>
    </row>
    <row r="33332" spans="1:4" x14ac:dyDescent="0.25">
      <c r="A33332" t="s">
        <v>49183</v>
      </c>
      <c r="B33332" t="s">
        <v>49184</v>
      </c>
      <c r="C33332">
        <v>1</v>
      </c>
      <c r="D33332">
        <v>0</v>
      </c>
    </row>
    <row r="33333" spans="1:4" x14ac:dyDescent="0.25">
      <c r="A33333" t="s">
        <v>49183</v>
      </c>
      <c r="B33333" t="s">
        <v>49185</v>
      </c>
      <c r="C33333">
        <v>1</v>
      </c>
      <c r="D33333">
        <v>0</v>
      </c>
    </row>
    <row r="33334" spans="1:4" x14ac:dyDescent="0.25">
      <c r="A33334" t="s">
        <v>49183</v>
      </c>
      <c r="B33334" t="s">
        <v>49186</v>
      </c>
      <c r="C33334">
        <v>0</v>
      </c>
      <c r="D33334">
        <v>0</v>
      </c>
    </row>
    <row r="33335" spans="1:4" x14ac:dyDescent="0.25">
      <c r="A33335" t="s">
        <v>49183</v>
      </c>
      <c r="B33335" t="s">
        <v>49187</v>
      </c>
      <c r="C33335">
        <v>1</v>
      </c>
      <c r="D33335">
        <v>0</v>
      </c>
    </row>
    <row r="33336" spans="1:4" x14ac:dyDescent="0.25">
      <c r="A33336" t="s">
        <v>49183</v>
      </c>
      <c r="B33336" t="s">
        <v>49188</v>
      </c>
      <c r="C33336">
        <v>0</v>
      </c>
      <c r="D33336">
        <v>0</v>
      </c>
    </row>
    <row r="33337" spans="1:4" x14ac:dyDescent="0.25">
      <c r="A33337" t="s">
        <v>49189</v>
      </c>
      <c r="B33337" t="s">
        <v>49190</v>
      </c>
      <c r="C33337">
        <v>1</v>
      </c>
      <c r="D33337">
        <v>0</v>
      </c>
    </row>
    <row r="33338" spans="1:4" x14ac:dyDescent="0.25">
      <c r="A33338" t="s">
        <v>49189</v>
      </c>
      <c r="B33338" t="s">
        <v>49191</v>
      </c>
      <c r="C33338">
        <v>0</v>
      </c>
      <c r="D33338">
        <v>0</v>
      </c>
    </row>
    <row r="33339" spans="1:4" x14ac:dyDescent="0.25">
      <c r="A33339" t="s">
        <v>49189</v>
      </c>
      <c r="B33339" t="s">
        <v>49192</v>
      </c>
      <c r="C33339">
        <v>2</v>
      </c>
      <c r="D33339">
        <v>0</v>
      </c>
    </row>
    <row r="33340" spans="1:4" x14ac:dyDescent="0.25">
      <c r="A33340" t="s">
        <v>49189</v>
      </c>
      <c r="B33340" t="s">
        <v>49193</v>
      </c>
      <c r="C33340">
        <v>1</v>
      </c>
      <c r="D33340">
        <v>0</v>
      </c>
    </row>
    <row r="33341" spans="1:4" x14ac:dyDescent="0.25">
      <c r="A33341" t="s">
        <v>49189</v>
      </c>
      <c r="B33341" t="s">
        <v>49194</v>
      </c>
      <c r="C33341">
        <v>1</v>
      </c>
      <c r="D33341">
        <v>0</v>
      </c>
    </row>
    <row r="33342" spans="1:4" x14ac:dyDescent="0.25">
      <c r="A33342" t="s">
        <v>49189</v>
      </c>
      <c r="B33342" t="s">
        <v>49195</v>
      </c>
      <c r="C33342">
        <v>1</v>
      </c>
      <c r="D33342">
        <v>0</v>
      </c>
    </row>
    <row r="33343" spans="1:4" x14ac:dyDescent="0.25">
      <c r="A33343" t="s">
        <v>49189</v>
      </c>
      <c r="B33343" t="s">
        <v>49196</v>
      </c>
      <c r="C33343">
        <v>2</v>
      </c>
      <c r="D33343">
        <v>0</v>
      </c>
    </row>
    <row r="33344" spans="1:4" x14ac:dyDescent="0.25">
      <c r="A33344" t="s">
        <v>49197</v>
      </c>
      <c r="B33344" t="s">
        <v>5713</v>
      </c>
      <c r="C33344">
        <v>1</v>
      </c>
      <c r="D33344">
        <v>0</v>
      </c>
    </row>
    <row r="33345" spans="1:4" x14ac:dyDescent="0.25">
      <c r="A33345" t="s">
        <v>49197</v>
      </c>
      <c r="B33345" t="s">
        <v>49198</v>
      </c>
      <c r="C33345">
        <v>0</v>
      </c>
      <c r="D33345">
        <v>0</v>
      </c>
    </row>
    <row r="33346" spans="1:4" x14ac:dyDescent="0.25">
      <c r="A33346" t="s">
        <v>49197</v>
      </c>
      <c r="B33346" t="s">
        <v>49199</v>
      </c>
      <c r="C33346">
        <v>0</v>
      </c>
      <c r="D33346">
        <v>0</v>
      </c>
    </row>
    <row r="33347" spans="1:4" x14ac:dyDescent="0.25">
      <c r="A33347" t="s">
        <v>49197</v>
      </c>
      <c r="B33347" t="s">
        <v>49200</v>
      </c>
      <c r="C33347">
        <v>2</v>
      </c>
      <c r="D33347">
        <v>0</v>
      </c>
    </row>
    <row r="33348" spans="1:4" x14ac:dyDescent="0.25">
      <c r="A33348" t="s">
        <v>49197</v>
      </c>
      <c r="B33348" t="s">
        <v>49201</v>
      </c>
      <c r="C33348">
        <v>1</v>
      </c>
      <c r="D33348">
        <v>0</v>
      </c>
    </row>
    <row r="33349" spans="1:4" x14ac:dyDescent="0.25">
      <c r="A33349" t="s">
        <v>49197</v>
      </c>
      <c r="B33349" t="s">
        <v>49202</v>
      </c>
      <c r="C33349">
        <v>0</v>
      </c>
      <c r="D33349">
        <v>0</v>
      </c>
    </row>
    <row r="33350" spans="1:4" x14ac:dyDescent="0.25">
      <c r="A33350" t="s">
        <v>49203</v>
      </c>
      <c r="B33350" t="s">
        <v>49204</v>
      </c>
      <c r="C33350">
        <v>1</v>
      </c>
      <c r="D33350">
        <v>0</v>
      </c>
    </row>
    <row r="33351" spans="1:4" x14ac:dyDescent="0.25">
      <c r="A33351" t="s">
        <v>49203</v>
      </c>
      <c r="B33351" t="s">
        <v>49205</v>
      </c>
      <c r="C33351">
        <v>1</v>
      </c>
      <c r="D33351">
        <v>0</v>
      </c>
    </row>
    <row r="33352" spans="1:4" x14ac:dyDescent="0.25">
      <c r="A33352" t="s">
        <v>49203</v>
      </c>
      <c r="B33352" t="s">
        <v>49206</v>
      </c>
      <c r="C33352">
        <v>1</v>
      </c>
      <c r="D33352">
        <v>0</v>
      </c>
    </row>
    <row r="33353" spans="1:4" x14ac:dyDescent="0.25">
      <c r="A33353" t="s">
        <v>49203</v>
      </c>
      <c r="B33353" t="s">
        <v>49207</v>
      </c>
      <c r="C33353">
        <v>1</v>
      </c>
      <c r="D33353">
        <v>0</v>
      </c>
    </row>
    <row r="33354" spans="1:4" x14ac:dyDescent="0.25">
      <c r="A33354" t="s">
        <v>49203</v>
      </c>
      <c r="B33354" t="s">
        <v>49208</v>
      </c>
      <c r="C33354">
        <v>1</v>
      </c>
      <c r="D33354">
        <v>0</v>
      </c>
    </row>
    <row r="33355" spans="1:4" x14ac:dyDescent="0.25">
      <c r="A33355" t="s">
        <v>49203</v>
      </c>
      <c r="B33355" t="s">
        <v>49209</v>
      </c>
      <c r="C33355">
        <v>1</v>
      </c>
      <c r="D33355">
        <v>0</v>
      </c>
    </row>
    <row r="33356" spans="1:4" x14ac:dyDescent="0.25">
      <c r="A33356" t="s">
        <v>49210</v>
      </c>
      <c r="B33356" t="s">
        <v>49211</v>
      </c>
      <c r="C33356">
        <v>0</v>
      </c>
      <c r="D33356">
        <v>0</v>
      </c>
    </row>
    <row r="33357" spans="1:4" x14ac:dyDescent="0.25">
      <c r="A33357" t="s">
        <v>49210</v>
      </c>
      <c r="B33357" t="s">
        <v>49212</v>
      </c>
      <c r="C33357">
        <v>2</v>
      </c>
      <c r="D33357">
        <v>0</v>
      </c>
    </row>
    <row r="33358" spans="1:4" x14ac:dyDescent="0.25">
      <c r="A33358" t="s">
        <v>49210</v>
      </c>
      <c r="B33358" t="s">
        <v>49213</v>
      </c>
      <c r="C33358">
        <v>2</v>
      </c>
      <c r="D33358">
        <v>0</v>
      </c>
    </row>
    <row r="33359" spans="1:4" x14ac:dyDescent="0.25">
      <c r="A33359" t="s">
        <v>49214</v>
      </c>
      <c r="B33359" t="s">
        <v>49215</v>
      </c>
      <c r="C33359">
        <v>1</v>
      </c>
      <c r="D33359">
        <v>0</v>
      </c>
    </row>
    <row r="33360" spans="1:4" x14ac:dyDescent="0.25">
      <c r="A33360" t="s">
        <v>49214</v>
      </c>
      <c r="B33360" t="s">
        <v>49216</v>
      </c>
      <c r="C33360">
        <v>1</v>
      </c>
      <c r="D33360">
        <v>0</v>
      </c>
    </row>
    <row r="33361" spans="1:4" x14ac:dyDescent="0.25">
      <c r="A33361" t="s">
        <v>49214</v>
      </c>
      <c r="B33361" t="s">
        <v>49217</v>
      </c>
      <c r="C33361">
        <v>1</v>
      </c>
      <c r="D33361">
        <v>0</v>
      </c>
    </row>
    <row r="33362" spans="1:4" x14ac:dyDescent="0.25">
      <c r="A33362" t="s">
        <v>49218</v>
      </c>
      <c r="B33362" t="s">
        <v>49219</v>
      </c>
      <c r="C33362">
        <v>0</v>
      </c>
      <c r="D33362">
        <v>0</v>
      </c>
    </row>
    <row r="33363" spans="1:4" x14ac:dyDescent="0.25">
      <c r="A33363" t="s">
        <v>49218</v>
      </c>
      <c r="B33363" t="s">
        <v>49220</v>
      </c>
      <c r="C33363">
        <v>0</v>
      </c>
      <c r="D33363">
        <v>0</v>
      </c>
    </row>
    <row r="33364" spans="1:4" x14ac:dyDescent="0.25">
      <c r="A33364" t="s">
        <v>49221</v>
      </c>
      <c r="B33364" t="s">
        <v>49222</v>
      </c>
      <c r="C33364">
        <v>1</v>
      </c>
      <c r="D33364">
        <v>0</v>
      </c>
    </row>
    <row r="33365" spans="1:4" x14ac:dyDescent="0.25">
      <c r="A33365" t="s">
        <v>49223</v>
      </c>
      <c r="B33365" t="s">
        <v>49224</v>
      </c>
      <c r="C33365">
        <v>0</v>
      </c>
      <c r="D33365">
        <v>0</v>
      </c>
    </row>
    <row r="33366" spans="1:4" x14ac:dyDescent="0.25">
      <c r="A33366" t="s">
        <v>49225</v>
      </c>
      <c r="B33366" t="s">
        <v>49226</v>
      </c>
      <c r="C33366">
        <v>1</v>
      </c>
      <c r="D33366">
        <v>0</v>
      </c>
    </row>
    <row r="33367" spans="1:4" x14ac:dyDescent="0.25">
      <c r="A33367" t="s">
        <v>49225</v>
      </c>
      <c r="B33367" t="s">
        <v>49227</v>
      </c>
      <c r="C33367">
        <v>1</v>
      </c>
      <c r="D33367">
        <v>0</v>
      </c>
    </row>
    <row r="33368" spans="1:4" x14ac:dyDescent="0.25">
      <c r="A33368" t="s">
        <v>49225</v>
      </c>
      <c r="B33368" t="s">
        <v>49228</v>
      </c>
      <c r="C33368">
        <v>1</v>
      </c>
      <c r="D33368">
        <v>0</v>
      </c>
    </row>
    <row r="33369" spans="1:4" x14ac:dyDescent="0.25">
      <c r="A33369" t="s">
        <v>49225</v>
      </c>
      <c r="B33369" t="s">
        <v>49229</v>
      </c>
      <c r="C33369">
        <v>1</v>
      </c>
      <c r="D33369">
        <v>0</v>
      </c>
    </row>
    <row r="33370" spans="1:4" x14ac:dyDescent="0.25">
      <c r="A33370" t="s">
        <v>49230</v>
      </c>
      <c r="B33370" t="s">
        <v>49231</v>
      </c>
      <c r="C33370">
        <v>1</v>
      </c>
      <c r="D33370">
        <v>0</v>
      </c>
    </row>
    <row r="33371" spans="1:4" x14ac:dyDescent="0.25">
      <c r="A33371" t="s">
        <v>49232</v>
      </c>
      <c r="B33371" t="s">
        <v>49233</v>
      </c>
      <c r="C33371">
        <v>2</v>
      </c>
      <c r="D33371">
        <v>0</v>
      </c>
    </row>
    <row r="33372" spans="1:4" x14ac:dyDescent="0.25">
      <c r="A33372" t="s">
        <v>49232</v>
      </c>
      <c r="B33372" t="s">
        <v>49234</v>
      </c>
      <c r="C33372">
        <v>1</v>
      </c>
      <c r="D33372">
        <v>0</v>
      </c>
    </row>
    <row r="33373" spans="1:4" x14ac:dyDescent="0.25">
      <c r="A33373" t="s">
        <v>49232</v>
      </c>
      <c r="B33373" t="s">
        <v>49235</v>
      </c>
      <c r="C33373">
        <v>2</v>
      </c>
      <c r="D33373">
        <v>0</v>
      </c>
    </row>
    <row r="33374" spans="1:4" x14ac:dyDescent="0.25">
      <c r="A33374" t="s">
        <v>49232</v>
      </c>
      <c r="B33374" t="s">
        <v>49236</v>
      </c>
      <c r="C33374">
        <v>2</v>
      </c>
      <c r="D33374">
        <v>0</v>
      </c>
    </row>
    <row r="33375" spans="1:4" x14ac:dyDescent="0.25">
      <c r="A33375" t="s">
        <v>49232</v>
      </c>
      <c r="B33375" t="s">
        <v>49237</v>
      </c>
      <c r="C33375">
        <v>1</v>
      </c>
      <c r="D33375">
        <v>0</v>
      </c>
    </row>
    <row r="33376" spans="1:4" x14ac:dyDescent="0.25">
      <c r="A33376" t="s">
        <v>49238</v>
      </c>
      <c r="B33376" t="s">
        <v>49239</v>
      </c>
      <c r="C33376">
        <v>1</v>
      </c>
      <c r="D33376">
        <v>0</v>
      </c>
    </row>
    <row r="33377" spans="1:4" x14ac:dyDescent="0.25">
      <c r="A33377" t="s">
        <v>49238</v>
      </c>
      <c r="B33377" t="s">
        <v>49240</v>
      </c>
      <c r="C33377">
        <v>1</v>
      </c>
      <c r="D33377">
        <v>0</v>
      </c>
    </row>
    <row r="33378" spans="1:4" x14ac:dyDescent="0.25">
      <c r="A33378" t="s">
        <v>49238</v>
      </c>
      <c r="B33378" t="s">
        <v>49241</v>
      </c>
      <c r="C33378">
        <v>0</v>
      </c>
      <c r="D33378">
        <v>0</v>
      </c>
    </row>
    <row r="33379" spans="1:4" x14ac:dyDescent="0.25">
      <c r="A33379" t="s">
        <v>49238</v>
      </c>
      <c r="B33379" t="s">
        <v>11948</v>
      </c>
      <c r="C33379">
        <v>0</v>
      </c>
      <c r="D33379">
        <v>0</v>
      </c>
    </row>
    <row r="33380" spans="1:4" x14ac:dyDescent="0.25">
      <c r="A33380" t="s">
        <v>49238</v>
      </c>
      <c r="B33380" t="s">
        <v>49242</v>
      </c>
      <c r="C33380">
        <v>0</v>
      </c>
      <c r="D33380">
        <v>0</v>
      </c>
    </row>
    <row r="33381" spans="1:4" x14ac:dyDescent="0.25">
      <c r="A33381" t="s">
        <v>49243</v>
      </c>
      <c r="B33381" t="s">
        <v>49244</v>
      </c>
      <c r="C33381">
        <v>0</v>
      </c>
      <c r="D33381">
        <v>0</v>
      </c>
    </row>
    <row r="33382" spans="1:4" x14ac:dyDescent="0.25">
      <c r="A33382" t="s">
        <v>49245</v>
      </c>
      <c r="B33382" t="s">
        <v>49246</v>
      </c>
      <c r="C33382">
        <v>2</v>
      </c>
      <c r="D33382">
        <v>0</v>
      </c>
    </row>
    <row r="33383" spans="1:4" x14ac:dyDescent="0.25">
      <c r="A33383" t="s">
        <v>49245</v>
      </c>
      <c r="B33383" t="s">
        <v>49247</v>
      </c>
      <c r="C33383">
        <v>2</v>
      </c>
      <c r="D33383">
        <v>0</v>
      </c>
    </row>
    <row r="33384" spans="1:4" x14ac:dyDescent="0.25">
      <c r="A33384" t="s">
        <v>49245</v>
      </c>
      <c r="B33384" t="s">
        <v>49248</v>
      </c>
      <c r="C33384">
        <v>2</v>
      </c>
      <c r="D33384">
        <v>0</v>
      </c>
    </row>
    <row r="33385" spans="1:4" x14ac:dyDescent="0.25">
      <c r="A33385" t="s">
        <v>49249</v>
      </c>
      <c r="B33385" t="s">
        <v>49250</v>
      </c>
      <c r="C33385">
        <v>0</v>
      </c>
      <c r="D33385">
        <v>0</v>
      </c>
    </row>
    <row r="33386" spans="1:4" x14ac:dyDescent="0.25">
      <c r="A33386" t="s">
        <v>49249</v>
      </c>
      <c r="B33386" t="s">
        <v>49251</v>
      </c>
      <c r="C33386">
        <v>2</v>
      </c>
      <c r="D33386">
        <v>0</v>
      </c>
    </row>
    <row r="33387" spans="1:4" x14ac:dyDescent="0.25">
      <c r="A33387" t="s">
        <v>49249</v>
      </c>
      <c r="B33387" t="s">
        <v>49252</v>
      </c>
      <c r="C33387">
        <v>0</v>
      </c>
      <c r="D33387">
        <v>0</v>
      </c>
    </row>
    <row r="33388" spans="1:4" x14ac:dyDescent="0.25">
      <c r="A33388" t="s">
        <v>49249</v>
      </c>
      <c r="B33388" t="s">
        <v>49253</v>
      </c>
      <c r="C33388">
        <v>1</v>
      </c>
      <c r="D33388">
        <v>0</v>
      </c>
    </row>
    <row r="33389" spans="1:4" x14ac:dyDescent="0.25">
      <c r="A33389" t="s">
        <v>49254</v>
      </c>
      <c r="B33389" t="s">
        <v>49255</v>
      </c>
      <c r="C33389">
        <v>2</v>
      </c>
      <c r="D33389">
        <v>0</v>
      </c>
    </row>
    <row r="33390" spans="1:4" x14ac:dyDescent="0.25">
      <c r="A33390" t="s">
        <v>49254</v>
      </c>
      <c r="B33390" t="s">
        <v>49256</v>
      </c>
      <c r="C33390">
        <v>1</v>
      </c>
      <c r="D33390">
        <v>0</v>
      </c>
    </row>
    <row r="33391" spans="1:4" x14ac:dyDescent="0.25">
      <c r="A33391" t="s">
        <v>49257</v>
      </c>
      <c r="B33391" t="s">
        <v>49258</v>
      </c>
      <c r="C33391">
        <v>1</v>
      </c>
      <c r="D33391">
        <v>0</v>
      </c>
    </row>
    <row r="33392" spans="1:4" x14ac:dyDescent="0.25">
      <c r="A33392" t="s">
        <v>49257</v>
      </c>
      <c r="B33392" t="s">
        <v>49259</v>
      </c>
      <c r="C33392">
        <v>1</v>
      </c>
      <c r="D33392">
        <v>0</v>
      </c>
    </row>
    <row r="33393" spans="1:4" x14ac:dyDescent="0.25">
      <c r="A33393" t="s">
        <v>49257</v>
      </c>
      <c r="B33393" t="s">
        <v>49260</v>
      </c>
      <c r="C33393">
        <v>1</v>
      </c>
      <c r="D33393">
        <v>0</v>
      </c>
    </row>
    <row r="33394" spans="1:4" x14ac:dyDescent="0.25">
      <c r="A33394" t="s">
        <v>49257</v>
      </c>
      <c r="B33394" t="s">
        <v>49261</v>
      </c>
      <c r="C33394">
        <v>1</v>
      </c>
      <c r="D33394">
        <v>0</v>
      </c>
    </row>
    <row r="33395" spans="1:4" x14ac:dyDescent="0.25">
      <c r="A33395" t="s">
        <v>49257</v>
      </c>
      <c r="B33395" t="s">
        <v>49262</v>
      </c>
      <c r="C33395">
        <v>1</v>
      </c>
      <c r="D33395">
        <v>0</v>
      </c>
    </row>
    <row r="33396" spans="1:4" x14ac:dyDescent="0.25">
      <c r="A33396" t="s">
        <v>49263</v>
      </c>
      <c r="B33396" t="s">
        <v>49264</v>
      </c>
      <c r="C33396">
        <v>1</v>
      </c>
      <c r="D33396">
        <v>0</v>
      </c>
    </row>
    <row r="33397" spans="1:4" x14ac:dyDescent="0.25">
      <c r="A33397" t="s">
        <v>49265</v>
      </c>
      <c r="B33397" t="s">
        <v>49266</v>
      </c>
      <c r="C33397">
        <v>1</v>
      </c>
      <c r="D33397">
        <v>0</v>
      </c>
    </row>
    <row r="33398" spans="1:4" x14ac:dyDescent="0.25">
      <c r="A33398" t="s">
        <v>49265</v>
      </c>
      <c r="B33398" t="s">
        <v>49267</v>
      </c>
      <c r="C33398">
        <v>2</v>
      </c>
      <c r="D33398">
        <v>0</v>
      </c>
    </row>
    <row r="33399" spans="1:4" x14ac:dyDescent="0.25">
      <c r="A33399" t="s">
        <v>49268</v>
      </c>
      <c r="B33399" t="s">
        <v>49269</v>
      </c>
      <c r="C33399">
        <v>1</v>
      </c>
      <c r="D33399">
        <v>0</v>
      </c>
    </row>
    <row r="33400" spans="1:4" x14ac:dyDescent="0.25">
      <c r="A33400" t="s">
        <v>49268</v>
      </c>
      <c r="B33400" t="s">
        <v>49270</v>
      </c>
      <c r="C33400">
        <v>1</v>
      </c>
      <c r="D33400">
        <v>0</v>
      </c>
    </row>
    <row r="33401" spans="1:4" x14ac:dyDescent="0.25">
      <c r="A33401" t="s">
        <v>49268</v>
      </c>
      <c r="B33401" t="s">
        <v>49271</v>
      </c>
      <c r="C33401">
        <v>1</v>
      </c>
      <c r="D33401">
        <v>0</v>
      </c>
    </row>
    <row r="33402" spans="1:4" x14ac:dyDescent="0.25">
      <c r="A33402" t="s">
        <v>49272</v>
      </c>
      <c r="B33402" t="s">
        <v>49273</v>
      </c>
      <c r="C33402">
        <v>0</v>
      </c>
      <c r="D33402">
        <v>0</v>
      </c>
    </row>
    <row r="33403" spans="1:4" x14ac:dyDescent="0.25">
      <c r="A33403" t="s">
        <v>49272</v>
      </c>
      <c r="B33403" t="s">
        <v>49274</v>
      </c>
      <c r="C33403">
        <v>1</v>
      </c>
      <c r="D33403">
        <v>0</v>
      </c>
    </row>
    <row r="33404" spans="1:4" x14ac:dyDescent="0.25">
      <c r="A33404" t="s">
        <v>49272</v>
      </c>
      <c r="B33404" t="s">
        <v>49275</v>
      </c>
      <c r="C33404">
        <v>1</v>
      </c>
      <c r="D33404">
        <v>0</v>
      </c>
    </row>
    <row r="33405" spans="1:4" x14ac:dyDescent="0.25">
      <c r="A33405" t="s">
        <v>49276</v>
      </c>
      <c r="B33405" t="s">
        <v>49277</v>
      </c>
      <c r="C33405">
        <v>1</v>
      </c>
      <c r="D33405">
        <v>0</v>
      </c>
    </row>
    <row r="33406" spans="1:4" x14ac:dyDescent="0.25">
      <c r="A33406" t="s">
        <v>49276</v>
      </c>
      <c r="B33406" t="s">
        <v>49278</v>
      </c>
      <c r="C33406">
        <v>0</v>
      </c>
      <c r="D33406">
        <v>0</v>
      </c>
    </row>
    <row r="33407" spans="1:4" x14ac:dyDescent="0.25">
      <c r="A33407" t="s">
        <v>49276</v>
      </c>
      <c r="B33407" t="s">
        <v>5713</v>
      </c>
      <c r="C33407">
        <v>1</v>
      </c>
      <c r="D33407">
        <v>0</v>
      </c>
    </row>
    <row r="33408" spans="1:4" x14ac:dyDescent="0.25">
      <c r="A33408" t="s">
        <v>49276</v>
      </c>
      <c r="B33408" t="s">
        <v>49279</v>
      </c>
      <c r="C33408">
        <v>0</v>
      </c>
      <c r="D33408">
        <v>0</v>
      </c>
    </row>
    <row r="33409" spans="1:4" x14ac:dyDescent="0.25">
      <c r="A33409" t="s">
        <v>49276</v>
      </c>
      <c r="B33409" t="s">
        <v>49280</v>
      </c>
      <c r="C33409">
        <v>0</v>
      </c>
      <c r="D33409">
        <v>0</v>
      </c>
    </row>
    <row r="33410" spans="1:4" x14ac:dyDescent="0.25">
      <c r="A33410" t="s">
        <v>49281</v>
      </c>
      <c r="B33410" t="s">
        <v>49282</v>
      </c>
      <c r="C33410">
        <v>1</v>
      </c>
      <c r="D33410">
        <v>0</v>
      </c>
    </row>
    <row r="33411" spans="1:4" x14ac:dyDescent="0.25">
      <c r="A33411" t="s">
        <v>49281</v>
      </c>
      <c r="B33411" t="s">
        <v>49283</v>
      </c>
      <c r="C33411">
        <v>2</v>
      </c>
      <c r="D33411">
        <v>0</v>
      </c>
    </row>
    <row r="33412" spans="1:4" x14ac:dyDescent="0.25">
      <c r="A33412" t="s">
        <v>49281</v>
      </c>
      <c r="B33412" t="s">
        <v>49284</v>
      </c>
      <c r="C33412">
        <v>0</v>
      </c>
      <c r="D33412">
        <v>0</v>
      </c>
    </row>
    <row r="33413" spans="1:4" x14ac:dyDescent="0.25">
      <c r="A33413" t="s">
        <v>49281</v>
      </c>
      <c r="B33413" t="s">
        <v>49285</v>
      </c>
      <c r="C33413">
        <v>2</v>
      </c>
      <c r="D33413">
        <v>0</v>
      </c>
    </row>
    <row r="33414" spans="1:4" x14ac:dyDescent="0.25">
      <c r="A33414" t="s">
        <v>49281</v>
      </c>
      <c r="B33414" t="s">
        <v>49286</v>
      </c>
      <c r="C33414">
        <v>1</v>
      </c>
      <c r="D33414">
        <v>0</v>
      </c>
    </row>
    <row r="33415" spans="1:4" x14ac:dyDescent="0.25">
      <c r="A33415" t="s">
        <v>49281</v>
      </c>
      <c r="B33415" t="s">
        <v>49287</v>
      </c>
      <c r="C33415">
        <v>0</v>
      </c>
      <c r="D33415">
        <v>0</v>
      </c>
    </row>
    <row r="33416" spans="1:4" x14ac:dyDescent="0.25">
      <c r="A33416" t="s">
        <v>49288</v>
      </c>
      <c r="B33416" t="s">
        <v>49289</v>
      </c>
      <c r="C33416">
        <v>1</v>
      </c>
      <c r="D33416">
        <v>0</v>
      </c>
    </row>
    <row r="33417" spans="1:4" x14ac:dyDescent="0.25">
      <c r="A33417" t="s">
        <v>49288</v>
      </c>
      <c r="B33417" t="s">
        <v>49290</v>
      </c>
      <c r="C33417">
        <v>1</v>
      </c>
      <c r="D33417">
        <v>0</v>
      </c>
    </row>
    <row r="33418" spans="1:4" x14ac:dyDescent="0.25">
      <c r="A33418" t="s">
        <v>49288</v>
      </c>
      <c r="B33418" t="s">
        <v>49291</v>
      </c>
      <c r="C33418">
        <v>1</v>
      </c>
      <c r="D33418">
        <v>0</v>
      </c>
    </row>
    <row r="33419" spans="1:4" x14ac:dyDescent="0.25">
      <c r="A33419" t="s">
        <v>49292</v>
      </c>
      <c r="B33419" t="s">
        <v>49293</v>
      </c>
      <c r="C33419">
        <v>1</v>
      </c>
      <c r="D33419">
        <v>0</v>
      </c>
    </row>
    <row r="33420" spans="1:4" x14ac:dyDescent="0.25">
      <c r="A33420" t="s">
        <v>49294</v>
      </c>
      <c r="B33420" t="s">
        <v>49295</v>
      </c>
      <c r="C33420">
        <v>1</v>
      </c>
      <c r="D33420">
        <v>0</v>
      </c>
    </row>
    <row r="33421" spans="1:4" x14ac:dyDescent="0.25">
      <c r="A33421" t="s">
        <v>49294</v>
      </c>
      <c r="B33421" t="s">
        <v>49296</v>
      </c>
      <c r="C33421">
        <v>1</v>
      </c>
      <c r="D33421">
        <v>0</v>
      </c>
    </row>
    <row r="33422" spans="1:4" x14ac:dyDescent="0.25">
      <c r="A33422" t="s">
        <v>49297</v>
      </c>
      <c r="B33422" t="s">
        <v>49298</v>
      </c>
      <c r="C33422">
        <v>0</v>
      </c>
      <c r="D33422">
        <v>0</v>
      </c>
    </row>
    <row r="33423" spans="1:4" x14ac:dyDescent="0.25">
      <c r="A33423" t="s">
        <v>49299</v>
      </c>
      <c r="B33423" t="s">
        <v>49300</v>
      </c>
      <c r="C33423">
        <v>0</v>
      </c>
      <c r="D33423">
        <v>0</v>
      </c>
    </row>
    <row r="33424" spans="1:4" x14ac:dyDescent="0.25">
      <c r="A33424" t="s">
        <v>49299</v>
      </c>
      <c r="B33424" t="s">
        <v>49301</v>
      </c>
      <c r="C33424">
        <v>2</v>
      </c>
      <c r="D33424">
        <v>0</v>
      </c>
    </row>
    <row r="33425" spans="1:4" x14ac:dyDescent="0.25">
      <c r="A33425" t="s">
        <v>49299</v>
      </c>
      <c r="B33425" t="s">
        <v>49302</v>
      </c>
      <c r="C33425">
        <v>2</v>
      </c>
      <c r="D33425">
        <v>0</v>
      </c>
    </row>
    <row r="33426" spans="1:4" x14ac:dyDescent="0.25">
      <c r="A33426" t="s">
        <v>49299</v>
      </c>
      <c r="B33426" t="s">
        <v>49303</v>
      </c>
      <c r="C33426">
        <v>0</v>
      </c>
      <c r="D33426">
        <v>0</v>
      </c>
    </row>
    <row r="33427" spans="1:4" x14ac:dyDescent="0.25">
      <c r="A33427" t="s">
        <v>49299</v>
      </c>
      <c r="B33427" t="s">
        <v>49304</v>
      </c>
      <c r="C33427">
        <v>0</v>
      </c>
      <c r="D33427">
        <v>0</v>
      </c>
    </row>
    <row r="33428" spans="1:4" x14ac:dyDescent="0.25">
      <c r="A33428" t="s">
        <v>49299</v>
      </c>
      <c r="B33428" t="s">
        <v>49305</v>
      </c>
      <c r="C33428">
        <v>0</v>
      </c>
      <c r="D33428">
        <v>0</v>
      </c>
    </row>
    <row r="33429" spans="1:4" x14ac:dyDescent="0.25">
      <c r="A33429" t="s">
        <v>49306</v>
      </c>
      <c r="B33429" t="s">
        <v>49307</v>
      </c>
      <c r="C33429">
        <v>2</v>
      </c>
      <c r="D33429">
        <v>0</v>
      </c>
    </row>
    <row r="33430" spans="1:4" x14ac:dyDescent="0.25">
      <c r="A33430" t="s">
        <v>49306</v>
      </c>
      <c r="B33430" t="s">
        <v>49308</v>
      </c>
      <c r="C33430">
        <v>2</v>
      </c>
      <c r="D33430">
        <v>0</v>
      </c>
    </row>
    <row r="33431" spans="1:4" x14ac:dyDescent="0.25">
      <c r="A33431" t="s">
        <v>49309</v>
      </c>
      <c r="B33431" t="s">
        <v>49310</v>
      </c>
      <c r="C33431">
        <v>0</v>
      </c>
      <c r="D33431">
        <v>0</v>
      </c>
    </row>
    <row r="33432" spans="1:4" x14ac:dyDescent="0.25">
      <c r="A33432" t="s">
        <v>49309</v>
      </c>
      <c r="B33432" t="s">
        <v>49311</v>
      </c>
      <c r="C33432">
        <v>1</v>
      </c>
      <c r="D33432">
        <v>0</v>
      </c>
    </row>
    <row r="33433" spans="1:4" x14ac:dyDescent="0.25">
      <c r="A33433" t="s">
        <v>49309</v>
      </c>
      <c r="B33433" t="s">
        <v>49312</v>
      </c>
      <c r="C33433">
        <v>1</v>
      </c>
      <c r="D33433">
        <v>0</v>
      </c>
    </row>
    <row r="33434" spans="1:4" x14ac:dyDescent="0.25">
      <c r="A33434" t="s">
        <v>49309</v>
      </c>
      <c r="B33434" t="s">
        <v>49313</v>
      </c>
      <c r="C33434">
        <v>0</v>
      </c>
      <c r="D33434">
        <v>0</v>
      </c>
    </row>
    <row r="33435" spans="1:4" x14ac:dyDescent="0.25">
      <c r="A33435" t="s">
        <v>49309</v>
      </c>
      <c r="B33435" t="s">
        <v>49314</v>
      </c>
      <c r="C33435">
        <v>1</v>
      </c>
      <c r="D33435">
        <v>0</v>
      </c>
    </row>
    <row r="33436" spans="1:4" x14ac:dyDescent="0.25">
      <c r="A33436" t="s">
        <v>49309</v>
      </c>
      <c r="B33436" t="s">
        <v>49315</v>
      </c>
      <c r="C33436">
        <v>0</v>
      </c>
      <c r="D33436">
        <v>0</v>
      </c>
    </row>
    <row r="33437" spans="1:4" x14ac:dyDescent="0.25">
      <c r="A33437" t="s">
        <v>49316</v>
      </c>
      <c r="B33437" t="s">
        <v>49317</v>
      </c>
      <c r="C33437">
        <v>0</v>
      </c>
      <c r="D33437">
        <v>0</v>
      </c>
    </row>
    <row r="33438" spans="1:4" x14ac:dyDescent="0.25">
      <c r="A33438" t="s">
        <v>49316</v>
      </c>
      <c r="B33438" t="s">
        <v>49318</v>
      </c>
      <c r="C33438">
        <v>1</v>
      </c>
      <c r="D33438">
        <v>0</v>
      </c>
    </row>
    <row r="33439" spans="1:4" x14ac:dyDescent="0.25">
      <c r="A33439" t="s">
        <v>49316</v>
      </c>
      <c r="B33439" t="s">
        <v>49319</v>
      </c>
      <c r="C33439">
        <v>1</v>
      </c>
      <c r="D33439">
        <v>0</v>
      </c>
    </row>
    <row r="33440" spans="1:4" x14ac:dyDescent="0.25">
      <c r="A33440" t="s">
        <v>49316</v>
      </c>
      <c r="B33440" t="s">
        <v>49320</v>
      </c>
      <c r="C33440">
        <v>0</v>
      </c>
      <c r="D33440">
        <v>0</v>
      </c>
    </row>
    <row r="33441" spans="1:4" x14ac:dyDescent="0.25">
      <c r="A33441" t="s">
        <v>49316</v>
      </c>
      <c r="B33441" t="s">
        <v>49321</v>
      </c>
      <c r="C33441">
        <v>2</v>
      </c>
      <c r="D33441">
        <v>0</v>
      </c>
    </row>
    <row r="33442" spans="1:4" x14ac:dyDescent="0.25">
      <c r="A33442" t="s">
        <v>49316</v>
      </c>
      <c r="B33442" t="s">
        <v>49322</v>
      </c>
      <c r="C33442">
        <v>1</v>
      </c>
      <c r="D33442">
        <v>0</v>
      </c>
    </row>
    <row r="33443" spans="1:4" x14ac:dyDescent="0.25">
      <c r="A33443" t="s">
        <v>49323</v>
      </c>
      <c r="B33443" t="s">
        <v>49324</v>
      </c>
      <c r="C33443">
        <v>1</v>
      </c>
      <c r="D33443">
        <v>0</v>
      </c>
    </row>
    <row r="33444" spans="1:4" x14ac:dyDescent="0.25">
      <c r="A33444" t="s">
        <v>49323</v>
      </c>
      <c r="B33444" t="s">
        <v>49325</v>
      </c>
      <c r="C33444">
        <v>1</v>
      </c>
      <c r="D33444">
        <v>0</v>
      </c>
    </row>
    <row r="33445" spans="1:4" x14ac:dyDescent="0.25">
      <c r="A33445" t="s">
        <v>49326</v>
      </c>
      <c r="B33445" t="s">
        <v>49327</v>
      </c>
      <c r="C33445">
        <v>1</v>
      </c>
      <c r="D33445">
        <v>0</v>
      </c>
    </row>
    <row r="33446" spans="1:4" x14ac:dyDescent="0.25">
      <c r="A33446" t="s">
        <v>49326</v>
      </c>
      <c r="B33446" t="s">
        <v>49328</v>
      </c>
      <c r="C33446">
        <v>1</v>
      </c>
      <c r="D33446">
        <v>0</v>
      </c>
    </row>
    <row r="33447" spans="1:4" x14ac:dyDescent="0.25">
      <c r="A33447" t="s">
        <v>49326</v>
      </c>
      <c r="B33447" t="s">
        <v>49329</v>
      </c>
      <c r="C33447">
        <v>1</v>
      </c>
      <c r="D33447">
        <v>0</v>
      </c>
    </row>
    <row r="33448" spans="1:4" x14ac:dyDescent="0.25">
      <c r="A33448" t="s">
        <v>49330</v>
      </c>
      <c r="B33448" t="s">
        <v>49331</v>
      </c>
      <c r="C33448">
        <v>2</v>
      </c>
      <c r="D33448">
        <v>0</v>
      </c>
    </row>
    <row r="33449" spans="1:4" x14ac:dyDescent="0.25">
      <c r="A33449" t="s">
        <v>49330</v>
      </c>
      <c r="B33449" t="s">
        <v>49332</v>
      </c>
      <c r="C33449">
        <v>2</v>
      </c>
      <c r="D33449">
        <v>0</v>
      </c>
    </row>
    <row r="33450" spans="1:4" x14ac:dyDescent="0.25">
      <c r="A33450" t="s">
        <v>49330</v>
      </c>
      <c r="B33450" t="s">
        <v>49333</v>
      </c>
      <c r="C33450">
        <v>1</v>
      </c>
      <c r="D33450">
        <v>0</v>
      </c>
    </row>
    <row r="33451" spans="1:4" x14ac:dyDescent="0.25">
      <c r="A33451" t="s">
        <v>49330</v>
      </c>
      <c r="B33451" t="s">
        <v>49334</v>
      </c>
      <c r="C33451">
        <v>2</v>
      </c>
      <c r="D33451">
        <v>0</v>
      </c>
    </row>
    <row r="33452" spans="1:4" x14ac:dyDescent="0.25">
      <c r="A33452" t="s">
        <v>49330</v>
      </c>
      <c r="B33452" t="s">
        <v>49335</v>
      </c>
      <c r="C33452">
        <v>1</v>
      </c>
      <c r="D33452">
        <v>0</v>
      </c>
    </row>
    <row r="33453" spans="1:4" x14ac:dyDescent="0.25">
      <c r="A33453" t="s">
        <v>49336</v>
      </c>
      <c r="B33453" t="s">
        <v>49337</v>
      </c>
      <c r="C33453">
        <v>0</v>
      </c>
      <c r="D33453">
        <v>0</v>
      </c>
    </row>
    <row r="33454" spans="1:4" x14ac:dyDescent="0.25">
      <c r="A33454" t="s">
        <v>49336</v>
      </c>
      <c r="B33454" t="s">
        <v>49338</v>
      </c>
      <c r="C33454">
        <v>2</v>
      </c>
      <c r="D33454">
        <v>0</v>
      </c>
    </row>
    <row r="33455" spans="1:4" x14ac:dyDescent="0.25">
      <c r="A33455" t="s">
        <v>49336</v>
      </c>
      <c r="B33455" t="s">
        <v>49339</v>
      </c>
      <c r="C33455">
        <v>1</v>
      </c>
      <c r="D33455">
        <v>0</v>
      </c>
    </row>
    <row r="33456" spans="1:4" x14ac:dyDescent="0.25">
      <c r="A33456" t="s">
        <v>49336</v>
      </c>
      <c r="B33456" t="s">
        <v>49340</v>
      </c>
      <c r="C33456">
        <v>1</v>
      </c>
      <c r="D33456">
        <v>0</v>
      </c>
    </row>
    <row r="33457" spans="1:4" x14ac:dyDescent="0.25">
      <c r="A33457" t="s">
        <v>49341</v>
      </c>
      <c r="B33457" t="s">
        <v>49342</v>
      </c>
      <c r="C33457">
        <v>1</v>
      </c>
      <c r="D33457">
        <v>0</v>
      </c>
    </row>
    <row r="33458" spans="1:4" x14ac:dyDescent="0.25">
      <c r="A33458" t="s">
        <v>49341</v>
      </c>
      <c r="B33458" t="s">
        <v>49343</v>
      </c>
      <c r="C33458">
        <v>0</v>
      </c>
      <c r="D33458">
        <v>0</v>
      </c>
    </row>
    <row r="33459" spans="1:4" x14ac:dyDescent="0.25">
      <c r="A33459" t="s">
        <v>49341</v>
      </c>
      <c r="B33459" t="s">
        <v>49344</v>
      </c>
      <c r="C33459">
        <v>2</v>
      </c>
      <c r="D33459">
        <v>0</v>
      </c>
    </row>
    <row r="33460" spans="1:4" x14ac:dyDescent="0.25">
      <c r="A33460" t="s">
        <v>49345</v>
      </c>
      <c r="B33460" t="s">
        <v>49346</v>
      </c>
      <c r="C33460">
        <v>0</v>
      </c>
      <c r="D33460">
        <v>0</v>
      </c>
    </row>
    <row r="33461" spans="1:4" x14ac:dyDescent="0.25">
      <c r="A33461" t="s">
        <v>49345</v>
      </c>
      <c r="B33461" t="s">
        <v>49347</v>
      </c>
      <c r="C33461">
        <v>0</v>
      </c>
      <c r="D33461">
        <v>0</v>
      </c>
    </row>
    <row r="33462" spans="1:4" x14ac:dyDescent="0.25">
      <c r="A33462" t="s">
        <v>49345</v>
      </c>
      <c r="B33462" t="s">
        <v>49348</v>
      </c>
      <c r="C33462">
        <v>2</v>
      </c>
      <c r="D33462">
        <v>0</v>
      </c>
    </row>
    <row r="33463" spans="1:4" x14ac:dyDescent="0.25">
      <c r="A33463" t="s">
        <v>49345</v>
      </c>
      <c r="B33463" t="s">
        <v>49349</v>
      </c>
      <c r="C33463">
        <v>1</v>
      </c>
      <c r="D33463">
        <v>0</v>
      </c>
    </row>
    <row r="33464" spans="1:4" x14ac:dyDescent="0.25">
      <c r="A33464" t="s">
        <v>49345</v>
      </c>
      <c r="B33464" t="s">
        <v>49350</v>
      </c>
      <c r="C33464">
        <v>0</v>
      </c>
      <c r="D33464">
        <v>0</v>
      </c>
    </row>
    <row r="33465" spans="1:4" x14ac:dyDescent="0.25">
      <c r="A33465" t="s">
        <v>49345</v>
      </c>
      <c r="B33465" t="s">
        <v>49351</v>
      </c>
      <c r="C33465">
        <v>2</v>
      </c>
      <c r="D33465">
        <v>0</v>
      </c>
    </row>
    <row r="33466" spans="1:4" x14ac:dyDescent="0.25">
      <c r="A33466" t="s">
        <v>49345</v>
      </c>
      <c r="B33466" t="s">
        <v>49352</v>
      </c>
      <c r="C33466">
        <v>1</v>
      </c>
      <c r="D33466">
        <v>0</v>
      </c>
    </row>
    <row r="33467" spans="1:4" x14ac:dyDescent="0.25">
      <c r="A33467" t="s">
        <v>49345</v>
      </c>
      <c r="B33467" t="s">
        <v>49353</v>
      </c>
      <c r="C33467">
        <v>1</v>
      </c>
      <c r="D33467">
        <v>0</v>
      </c>
    </row>
    <row r="33468" spans="1:4" x14ac:dyDescent="0.25">
      <c r="A33468" t="s">
        <v>49345</v>
      </c>
      <c r="B33468" t="s">
        <v>49354</v>
      </c>
      <c r="C33468">
        <v>1</v>
      </c>
      <c r="D33468">
        <v>0</v>
      </c>
    </row>
    <row r="33469" spans="1:4" x14ac:dyDescent="0.25">
      <c r="A33469" t="s">
        <v>49345</v>
      </c>
      <c r="B33469" t="s">
        <v>49355</v>
      </c>
      <c r="C33469">
        <v>1</v>
      </c>
      <c r="D33469">
        <v>0</v>
      </c>
    </row>
    <row r="33470" spans="1:4" x14ac:dyDescent="0.25">
      <c r="A33470" t="s">
        <v>49356</v>
      </c>
      <c r="B33470" t="s">
        <v>49357</v>
      </c>
      <c r="C33470">
        <v>0</v>
      </c>
      <c r="D33470">
        <v>0</v>
      </c>
    </row>
    <row r="33471" spans="1:4" x14ac:dyDescent="0.25">
      <c r="A33471" t="s">
        <v>49356</v>
      </c>
      <c r="B33471" t="s">
        <v>49358</v>
      </c>
      <c r="C33471">
        <v>0</v>
      </c>
      <c r="D33471">
        <v>0</v>
      </c>
    </row>
    <row r="33472" spans="1:4" x14ac:dyDescent="0.25">
      <c r="A33472" t="s">
        <v>49356</v>
      </c>
      <c r="B33472" t="s">
        <v>49359</v>
      </c>
      <c r="C33472">
        <v>0</v>
      </c>
      <c r="D33472">
        <v>0</v>
      </c>
    </row>
    <row r="33473" spans="1:4" x14ac:dyDescent="0.25">
      <c r="A33473" t="s">
        <v>49356</v>
      </c>
      <c r="B33473" t="s">
        <v>49360</v>
      </c>
      <c r="C33473">
        <v>1</v>
      </c>
      <c r="D33473">
        <v>0</v>
      </c>
    </row>
    <row r="33474" spans="1:4" x14ac:dyDescent="0.25">
      <c r="A33474" t="s">
        <v>49356</v>
      </c>
      <c r="B33474" t="s">
        <v>49361</v>
      </c>
      <c r="C33474">
        <v>0</v>
      </c>
      <c r="D33474">
        <v>0</v>
      </c>
    </row>
    <row r="33475" spans="1:4" x14ac:dyDescent="0.25">
      <c r="A33475" t="s">
        <v>49362</v>
      </c>
      <c r="B33475" t="s">
        <v>49363</v>
      </c>
      <c r="C33475">
        <v>1</v>
      </c>
      <c r="D33475">
        <v>0</v>
      </c>
    </row>
    <row r="33476" spans="1:4" x14ac:dyDescent="0.25">
      <c r="A33476" t="s">
        <v>49362</v>
      </c>
      <c r="B33476" t="s">
        <v>49364</v>
      </c>
      <c r="C33476">
        <v>0</v>
      </c>
      <c r="D33476">
        <v>0</v>
      </c>
    </row>
    <row r="33477" spans="1:4" x14ac:dyDescent="0.25">
      <c r="A33477" t="s">
        <v>49362</v>
      </c>
      <c r="B33477" t="s">
        <v>49365</v>
      </c>
      <c r="C33477">
        <v>0</v>
      </c>
      <c r="D33477">
        <v>0</v>
      </c>
    </row>
    <row r="33478" spans="1:4" x14ac:dyDescent="0.25">
      <c r="A33478" t="s">
        <v>49362</v>
      </c>
      <c r="B33478" t="s">
        <v>49366</v>
      </c>
      <c r="C33478">
        <v>1</v>
      </c>
      <c r="D33478">
        <v>0</v>
      </c>
    </row>
    <row r="33479" spans="1:4" x14ac:dyDescent="0.25">
      <c r="A33479" t="s">
        <v>49362</v>
      </c>
      <c r="B33479" t="s">
        <v>49367</v>
      </c>
      <c r="C33479">
        <v>0</v>
      </c>
      <c r="D33479">
        <v>0</v>
      </c>
    </row>
    <row r="33480" spans="1:4" x14ac:dyDescent="0.25">
      <c r="A33480" t="s">
        <v>49362</v>
      </c>
      <c r="B33480" t="s">
        <v>49368</v>
      </c>
      <c r="C33480">
        <v>2</v>
      </c>
      <c r="D33480">
        <v>0</v>
      </c>
    </row>
    <row r="33481" spans="1:4" x14ac:dyDescent="0.25">
      <c r="A33481" t="s">
        <v>49362</v>
      </c>
      <c r="B33481" t="s">
        <v>2061</v>
      </c>
      <c r="C33481">
        <v>1</v>
      </c>
      <c r="D33481">
        <v>0</v>
      </c>
    </row>
    <row r="33482" spans="1:4" x14ac:dyDescent="0.25">
      <c r="A33482" t="s">
        <v>49362</v>
      </c>
      <c r="B33482" t="s">
        <v>49369</v>
      </c>
      <c r="C33482">
        <v>1</v>
      </c>
      <c r="D33482">
        <v>0</v>
      </c>
    </row>
    <row r="33483" spans="1:4" x14ac:dyDescent="0.25">
      <c r="A33483" t="s">
        <v>49370</v>
      </c>
      <c r="B33483" t="s">
        <v>49371</v>
      </c>
      <c r="C33483">
        <v>2</v>
      </c>
      <c r="D33483">
        <v>0</v>
      </c>
    </row>
    <row r="33484" spans="1:4" x14ac:dyDescent="0.25">
      <c r="A33484" t="s">
        <v>49370</v>
      </c>
      <c r="B33484" t="s">
        <v>49372</v>
      </c>
      <c r="C33484">
        <v>2</v>
      </c>
      <c r="D33484">
        <v>0</v>
      </c>
    </row>
    <row r="33485" spans="1:4" x14ac:dyDescent="0.25">
      <c r="A33485" t="s">
        <v>49370</v>
      </c>
      <c r="B33485" t="s">
        <v>49373</v>
      </c>
      <c r="C33485">
        <v>1</v>
      </c>
      <c r="D33485">
        <v>0</v>
      </c>
    </row>
    <row r="33486" spans="1:4" x14ac:dyDescent="0.25">
      <c r="A33486" t="s">
        <v>49374</v>
      </c>
      <c r="B33486" t="s">
        <v>49375</v>
      </c>
      <c r="C33486">
        <v>1</v>
      </c>
      <c r="D33486">
        <v>0</v>
      </c>
    </row>
    <row r="33487" spans="1:4" x14ac:dyDescent="0.25">
      <c r="A33487" t="s">
        <v>49374</v>
      </c>
      <c r="B33487" t="s">
        <v>49376</v>
      </c>
      <c r="C33487">
        <v>1</v>
      </c>
      <c r="D33487">
        <v>0</v>
      </c>
    </row>
    <row r="33488" spans="1:4" x14ac:dyDescent="0.25">
      <c r="A33488" t="s">
        <v>49374</v>
      </c>
      <c r="B33488" t="s">
        <v>49377</v>
      </c>
      <c r="C33488">
        <v>1</v>
      </c>
      <c r="D33488">
        <v>0</v>
      </c>
    </row>
    <row r="33489" spans="1:4" x14ac:dyDescent="0.25">
      <c r="A33489" t="s">
        <v>49374</v>
      </c>
      <c r="B33489" t="s">
        <v>49378</v>
      </c>
      <c r="C33489">
        <v>0</v>
      </c>
      <c r="D33489">
        <v>0</v>
      </c>
    </row>
    <row r="33490" spans="1:4" x14ac:dyDescent="0.25">
      <c r="A33490" t="s">
        <v>49374</v>
      </c>
      <c r="B33490" t="s">
        <v>49379</v>
      </c>
      <c r="C33490">
        <v>2</v>
      </c>
      <c r="D33490">
        <v>0</v>
      </c>
    </row>
    <row r="33491" spans="1:4" x14ac:dyDescent="0.25">
      <c r="A33491" t="s">
        <v>49380</v>
      </c>
      <c r="B33491" t="s">
        <v>49381</v>
      </c>
      <c r="C33491">
        <v>1</v>
      </c>
      <c r="D33491">
        <v>0</v>
      </c>
    </row>
    <row r="33492" spans="1:4" x14ac:dyDescent="0.25">
      <c r="A33492" t="s">
        <v>49380</v>
      </c>
      <c r="B33492" t="s">
        <v>49382</v>
      </c>
      <c r="C33492">
        <v>1</v>
      </c>
      <c r="D33492">
        <v>0</v>
      </c>
    </row>
    <row r="33493" spans="1:4" x14ac:dyDescent="0.25">
      <c r="A33493" t="s">
        <v>49380</v>
      </c>
      <c r="B33493" t="s">
        <v>49383</v>
      </c>
      <c r="C33493">
        <v>1</v>
      </c>
      <c r="D33493">
        <v>0</v>
      </c>
    </row>
    <row r="33494" spans="1:4" x14ac:dyDescent="0.25">
      <c r="A33494" t="s">
        <v>49380</v>
      </c>
      <c r="B33494" t="s">
        <v>49384</v>
      </c>
      <c r="C33494">
        <v>1</v>
      </c>
      <c r="D33494">
        <v>0</v>
      </c>
    </row>
    <row r="33495" spans="1:4" x14ac:dyDescent="0.25">
      <c r="A33495" t="s">
        <v>49380</v>
      </c>
      <c r="B33495" t="s">
        <v>49385</v>
      </c>
      <c r="C33495">
        <v>1</v>
      </c>
      <c r="D33495">
        <v>0</v>
      </c>
    </row>
    <row r="33496" spans="1:4" x14ac:dyDescent="0.25">
      <c r="A33496" t="s">
        <v>49386</v>
      </c>
      <c r="B33496" t="s">
        <v>49387</v>
      </c>
      <c r="C33496">
        <v>1</v>
      </c>
      <c r="D33496">
        <v>0</v>
      </c>
    </row>
    <row r="33497" spans="1:4" x14ac:dyDescent="0.25">
      <c r="A33497" t="s">
        <v>49386</v>
      </c>
      <c r="B33497" t="s">
        <v>49388</v>
      </c>
      <c r="C33497">
        <v>2</v>
      </c>
      <c r="D33497">
        <v>0</v>
      </c>
    </row>
    <row r="33498" spans="1:4" x14ac:dyDescent="0.25">
      <c r="A33498" t="s">
        <v>49386</v>
      </c>
      <c r="B33498" t="s">
        <v>49389</v>
      </c>
      <c r="C33498">
        <v>0</v>
      </c>
      <c r="D33498">
        <v>0</v>
      </c>
    </row>
    <row r="33499" spans="1:4" x14ac:dyDescent="0.25">
      <c r="A33499" t="s">
        <v>49386</v>
      </c>
      <c r="B33499" t="s">
        <v>49390</v>
      </c>
      <c r="C33499">
        <v>0</v>
      </c>
      <c r="D33499">
        <v>0</v>
      </c>
    </row>
    <row r="33500" spans="1:4" x14ac:dyDescent="0.25">
      <c r="A33500" t="s">
        <v>49386</v>
      </c>
      <c r="B33500" t="s">
        <v>49391</v>
      </c>
      <c r="C33500">
        <v>2</v>
      </c>
      <c r="D33500">
        <v>0</v>
      </c>
    </row>
    <row r="33501" spans="1:4" x14ac:dyDescent="0.25">
      <c r="A33501" t="s">
        <v>49392</v>
      </c>
      <c r="B33501" t="s">
        <v>49393</v>
      </c>
      <c r="C33501">
        <v>1</v>
      </c>
      <c r="D33501">
        <v>0</v>
      </c>
    </row>
    <row r="33502" spans="1:4" x14ac:dyDescent="0.25">
      <c r="A33502" t="s">
        <v>49392</v>
      </c>
      <c r="B33502" t="s">
        <v>49394</v>
      </c>
      <c r="C33502">
        <v>1</v>
      </c>
      <c r="D33502">
        <v>0</v>
      </c>
    </row>
    <row r="33503" spans="1:4" x14ac:dyDescent="0.25">
      <c r="A33503" t="s">
        <v>49392</v>
      </c>
      <c r="B33503" t="s">
        <v>49395</v>
      </c>
      <c r="C33503">
        <v>1</v>
      </c>
      <c r="D33503">
        <v>0</v>
      </c>
    </row>
    <row r="33504" spans="1:4" x14ac:dyDescent="0.25">
      <c r="A33504" t="s">
        <v>49392</v>
      </c>
      <c r="B33504" t="s">
        <v>49396</v>
      </c>
      <c r="C33504">
        <v>2</v>
      </c>
      <c r="D33504">
        <v>0</v>
      </c>
    </row>
    <row r="33505" spans="1:4" x14ac:dyDescent="0.25">
      <c r="A33505" t="s">
        <v>49392</v>
      </c>
      <c r="B33505" t="s">
        <v>49397</v>
      </c>
      <c r="C33505">
        <v>1</v>
      </c>
      <c r="D33505">
        <v>0</v>
      </c>
    </row>
    <row r="33506" spans="1:4" x14ac:dyDescent="0.25">
      <c r="A33506" t="s">
        <v>49392</v>
      </c>
      <c r="B33506" t="s">
        <v>49398</v>
      </c>
      <c r="C33506">
        <v>1</v>
      </c>
      <c r="D33506">
        <v>0</v>
      </c>
    </row>
    <row r="33507" spans="1:4" x14ac:dyDescent="0.25">
      <c r="A33507" t="s">
        <v>49392</v>
      </c>
      <c r="B33507" t="s">
        <v>49399</v>
      </c>
      <c r="C33507">
        <v>2</v>
      </c>
      <c r="D33507">
        <v>0</v>
      </c>
    </row>
    <row r="33508" spans="1:4" x14ac:dyDescent="0.25">
      <c r="A33508" t="s">
        <v>49392</v>
      </c>
      <c r="B33508" t="s">
        <v>49400</v>
      </c>
      <c r="C33508">
        <v>1</v>
      </c>
      <c r="D33508">
        <v>0</v>
      </c>
    </row>
    <row r="33509" spans="1:4" x14ac:dyDescent="0.25">
      <c r="A33509" t="s">
        <v>49392</v>
      </c>
      <c r="B33509" t="s">
        <v>49401</v>
      </c>
      <c r="C33509">
        <v>2</v>
      </c>
      <c r="D33509">
        <v>0</v>
      </c>
    </row>
    <row r="33510" spans="1:4" x14ac:dyDescent="0.25">
      <c r="A33510" t="s">
        <v>49402</v>
      </c>
      <c r="B33510" t="s">
        <v>23996</v>
      </c>
      <c r="C33510">
        <v>0</v>
      </c>
      <c r="D33510">
        <v>0</v>
      </c>
    </row>
    <row r="33511" spans="1:4" x14ac:dyDescent="0.25">
      <c r="A33511" t="s">
        <v>49402</v>
      </c>
      <c r="B33511" t="s">
        <v>49403</v>
      </c>
      <c r="C33511">
        <v>0</v>
      </c>
      <c r="D33511">
        <v>0</v>
      </c>
    </row>
    <row r="33512" spans="1:4" x14ac:dyDescent="0.25">
      <c r="A33512" t="s">
        <v>49404</v>
      </c>
      <c r="B33512" t="s">
        <v>49405</v>
      </c>
      <c r="C33512">
        <v>0</v>
      </c>
      <c r="D33512">
        <v>0</v>
      </c>
    </row>
    <row r="33513" spans="1:4" x14ac:dyDescent="0.25">
      <c r="A33513" t="s">
        <v>49404</v>
      </c>
      <c r="B33513" t="s">
        <v>49406</v>
      </c>
      <c r="C33513">
        <v>0</v>
      </c>
      <c r="D33513">
        <v>0</v>
      </c>
    </row>
    <row r="33514" spans="1:4" x14ac:dyDescent="0.25">
      <c r="A33514" t="s">
        <v>49404</v>
      </c>
      <c r="B33514" t="s">
        <v>49407</v>
      </c>
      <c r="C33514">
        <v>1</v>
      </c>
      <c r="D33514">
        <v>0</v>
      </c>
    </row>
    <row r="33515" spans="1:4" x14ac:dyDescent="0.25">
      <c r="A33515" t="s">
        <v>49408</v>
      </c>
      <c r="B33515" t="s">
        <v>49409</v>
      </c>
      <c r="C33515">
        <v>0</v>
      </c>
      <c r="D33515">
        <v>0</v>
      </c>
    </row>
    <row r="33516" spans="1:4" x14ac:dyDescent="0.25">
      <c r="A33516" t="s">
        <v>49408</v>
      </c>
      <c r="B33516" t="s">
        <v>49410</v>
      </c>
      <c r="C33516">
        <v>1</v>
      </c>
      <c r="D33516">
        <v>0</v>
      </c>
    </row>
    <row r="33517" spans="1:4" x14ac:dyDescent="0.25">
      <c r="A33517" t="s">
        <v>49408</v>
      </c>
      <c r="B33517" t="s">
        <v>49411</v>
      </c>
      <c r="C33517">
        <v>1</v>
      </c>
      <c r="D33517">
        <v>0</v>
      </c>
    </row>
    <row r="33518" spans="1:4" x14ac:dyDescent="0.25">
      <c r="A33518" t="s">
        <v>49412</v>
      </c>
      <c r="B33518" t="s">
        <v>49413</v>
      </c>
      <c r="C33518">
        <v>1</v>
      </c>
      <c r="D33518">
        <v>0</v>
      </c>
    </row>
    <row r="33519" spans="1:4" x14ac:dyDescent="0.25">
      <c r="A33519" t="s">
        <v>49412</v>
      </c>
      <c r="B33519" t="s">
        <v>49414</v>
      </c>
      <c r="C33519">
        <v>1</v>
      </c>
      <c r="D33519">
        <v>0</v>
      </c>
    </row>
    <row r="33520" spans="1:4" x14ac:dyDescent="0.25">
      <c r="A33520" t="s">
        <v>49412</v>
      </c>
      <c r="B33520" t="s">
        <v>49415</v>
      </c>
      <c r="C33520">
        <v>2</v>
      </c>
      <c r="D33520">
        <v>0</v>
      </c>
    </row>
    <row r="33521" spans="1:4" x14ac:dyDescent="0.25">
      <c r="A33521" t="s">
        <v>49412</v>
      </c>
      <c r="B33521" t="s">
        <v>49416</v>
      </c>
      <c r="C33521">
        <v>1</v>
      </c>
      <c r="D33521">
        <v>0</v>
      </c>
    </row>
    <row r="33522" spans="1:4" x14ac:dyDescent="0.25">
      <c r="A33522" t="s">
        <v>49412</v>
      </c>
      <c r="B33522" t="s">
        <v>49417</v>
      </c>
      <c r="C33522">
        <v>2</v>
      </c>
      <c r="D33522">
        <v>0</v>
      </c>
    </row>
    <row r="33523" spans="1:4" x14ac:dyDescent="0.25">
      <c r="A33523" t="s">
        <v>49418</v>
      </c>
      <c r="B33523" t="s">
        <v>49419</v>
      </c>
      <c r="C33523">
        <v>1</v>
      </c>
      <c r="D33523">
        <v>0</v>
      </c>
    </row>
    <row r="33524" spans="1:4" x14ac:dyDescent="0.25">
      <c r="A33524" t="s">
        <v>49418</v>
      </c>
      <c r="B33524" t="s">
        <v>49420</v>
      </c>
      <c r="C33524">
        <v>0</v>
      </c>
      <c r="D33524">
        <v>0</v>
      </c>
    </row>
    <row r="33525" spans="1:4" x14ac:dyDescent="0.25">
      <c r="A33525" t="s">
        <v>49418</v>
      </c>
      <c r="B33525" t="s">
        <v>49421</v>
      </c>
      <c r="C33525">
        <v>0</v>
      </c>
      <c r="D33525">
        <v>0</v>
      </c>
    </row>
    <row r="33526" spans="1:4" x14ac:dyDescent="0.25">
      <c r="A33526" t="s">
        <v>49418</v>
      </c>
      <c r="B33526" t="s">
        <v>49422</v>
      </c>
      <c r="C33526">
        <v>0</v>
      </c>
      <c r="D33526">
        <v>0</v>
      </c>
    </row>
    <row r="33527" spans="1:4" x14ac:dyDescent="0.25">
      <c r="A33527" t="s">
        <v>49418</v>
      </c>
      <c r="B33527" t="s">
        <v>49423</v>
      </c>
      <c r="C33527">
        <v>1</v>
      </c>
      <c r="D33527">
        <v>0</v>
      </c>
    </row>
    <row r="33528" spans="1:4" x14ac:dyDescent="0.25">
      <c r="A33528" t="s">
        <v>49424</v>
      </c>
      <c r="B33528" t="s">
        <v>49425</v>
      </c>
      <c r="C33528">
        <v>1</v>
      </c>
      <c r="D33528">
        <v>0</v>
      </c>
    </row>
    <row r="33529" spans="1:4" x14ac:dyDescent="0.25">
      <c r="A33529" t="s">
        <v>49424</v>
      </c>
      <c r="B33529" t="s">
        <v>49426</v>
      </c>
      <c r="C33529">
        <v>1</v>
      </c>
      <c r="D33529">
        <v>0</v>
      </c>
    </row>
    <row r="33530" spans="1:4" x14ac:dyDescent="0.25">
      <c r="A33530" t="s">
        <v>49424</v>
      </c>
      <c r="B33530" t="s">
        <v>49427</v>
      </c>
      <c r="C33530">
        <v>1</v>
      </c>
      <c r="D33530">
        <v>0</v>
      </c>
    </row>
    <row r="33531" spans="1:4" x14ac:dyDescent="0.25">
      <c r="A33531" t="s">
        <v>49424</v>
      </c>
      <c r="B33531" t="s">
        <v>49428</v>
      </c>
      <c r="C33531">
        <v>0</v>
      </c>
      <c r="D33531">
        <v>0</v>
      </c>
    </row>
    <row r="33532" spans="1:4" x14ac:dyDescent="0.25">
      <c r="A33532" t="s">
        <v>49429</v>
      </c>
      <c r="B33532" t="s">
        <v>49430</v>
      </c>
      <c r="C33532">
        <v>2</v>
      </c>
      <c r="D33532">
        <v>0</v>
      </c>
    </row>
    <row r="33533" spans="1:4" x14ac:dyDescent="0.25">
      <c r="A33533" t="s">
        <v>49429</v>
      </c>
      <c r="B33533" t="s">
        <v>49431</v>
      </c>
      <c r="C33533">
        <v>1</v>
      </c>
      <c r="D33533">
        <v>0</v>
      </c>
    </row>
    <row r="33534" spans="1:4" x14ac:dyDescent="0.25">
      <c r="A33534" t="s">
        <v>49429</v>
      </c>
      <c r="B33534" t="s">
        <v>49432</v>
      </c>
      <c r="C33534">
        <v>0</v>
      </c>
      <c r="D33534">
        <v>0</v>
      </c>
    </row>
    <row r="33535" spans="1:4" x14ac:dyDescent="0.25">
      <c r="A33535" t="s">
        <v>49429</v>
      </c>
      <c r="B33535" t="s">
        <v>49433</v>
      </c>
      <c r="C33535">
        <v>1</v>
      </c>
      <c r="D33535">
        <v>0</v>
      </c>
    </row>
    <row r="33536" spans="1:4" x14ac:dyDescent="0.25">
      <c r="A33536" t="s">
        <v>49429</v>
      </c>
      <c r="B33536" t="s">
        <v>49434</v>
      </c>
      <c r="C33536">
        <v>1</v>
      </c>
      <c r="D33536">
        <v>0</v>
      </c>
    </row>
    <row r="33537" spans="1:4" x14ac:dyDescent="0.25">
      <c r="A33537" t="s">
        <v>49429</v>
      </c>
      <c r="B33537" t="s">
        <v>49435</v>
      </c>
      <c r="C33537">
        <v>1</v>
      </c>
      <c r="D33537">
        <v>0</v>
      </c>
    </row>
    <row r="33538" spans="1:4" x14ac:dyDescent="0.25">
      <c r="A33538" t="s">
        <v>49429</v>
      </c>
      <c r="B33538" t="s">
        <v>49436</v>
      </c>
      <c r="C33538">
        <v>1</v>
      </c>
      <c r="D33538">
        <v>0</v>
      </c>
    </row>
    <row r="33539" spans="1:4" x14ac:dyDescent="0.25">
      <c r="A33539" t="s">
        <v>49429</v>
      </c>
      <c r="B33539" t="s">
        <v>49437</v>
      </c>
      <c r="C33539">
        <v>1</v>
      </c>
      <c r="D33539">
        <v>0</v>
      </c>
    </row>
    <row r="33540" spans="1:4" x14ac:dyDescent="0.25">
      <c r="A33540" t="s">
        <v>49438</v>
      </c>
      <c r="B33540" t="s">
        <v>49439</v>
      </c>
      <c r="C33540">
        <v>0</v>
      </c>
      <c r="D33540">
        <v>0</v>
      </c>
    </row>
    <row r="33541" spans="1:4" x14ac:dyDescent="0.25">
      <c r="A33541" t="s">
        <v>49438</v>
      </c>
      <c r="B33541" t="s">
        <v>5713</v>
      </c>
      <c r="C33541">
        <v>1</v>
      </c>
      <c r="D33541">
        <v>0</v>
      </c>
    </row>
    <row r="33542" spans="1:4" x14ac:dyDescent="0.25">
      <c r="A33542" t="s">
        <v>49438</v>
      </c>
      <c r="B33542" t="s">
        <v>49440</v>
      </c>
      <c r="C33542">
        <v>1</v>
      </c>
      <c r="D33542">
        <v>0</v>
      </c>
    </row>
    <row r="33543" spans="1:4" x14ac:dyDescent="0.25">
      <c r="A33543" t="s">
        <v>49438</v>
      </c>
      <c r="B33543" t="s">
        <v>49441</v>
      </c>
      <c r="C33543">
        <v>2</v>
      </c>
      <c r="D33543">
        <v>0</v>
      </c>
    </row>
    <row r="33544" spans="1:4" x14ac:dyDescent="0.25">
      <c r="A33544" t="s">
        <v>49438</v>
      </c>
      <c r="B33544" t="s">
        <v>49442</v>
      </c>
      <c r="C33544">
        <v>1</v>
      </c>
      <c r="D33544">
        <v>0</v>
      </c>
    </row>
    <row r="33545" spans="1:4" x14ac:dyDescent="0.25">
      <c r="A33545" t="s">
        <v>49438</v>
      </c>
      <c r="B33545" t="s">
        <v>49443</v>
      </c>
      <c r="C33545">
        <v>1</v>
      </c>
      <c r="D33545">
        <v>0</v>
      </c>
    </row>
    <row r="33546" spans="1:4" x14ac:dyDescent="0.25">
      <c r="A33546" t="s">
        <v>49444</v>
      </c>
      <c r="B33546" t="s">
        <v>49445</v>
      </c>
      <c r="C33546">
        <v>1</v>
      </c>
      <c r="D33546">
        <v>0</v>
      </c>
    </row>
    <row r="33547" spans="1:4" x14ac:dyDescent="0.25">
      <c r="A33547" t="s">
        <v>49444</v>
      </c>
      <c r="B33547" t="s">
        <v>49446</v>
      </c>
      <c r="C33547">
        <v>2</v>
      </c>
      <c r="D33547">
        <v>0</v>
      </c>
    </row>
    <row r="33548" spans="1:4" x14ac:dyDescent="0.25">
      <c r="A33548" t="s">
        <v>49444</v>
      </c>
      <c r="B33548" t="s">
        <v>49447</v>
      </c>
      <c r="C33548">
        <v>1</v>
      </c>
      <c r="D33548">
        <v>0</v>
      </c>
    </row>
    <row r="33549" spans="1:4" x14ac:dyDescent="0.25">
      <c r="A33549" t="s">
        <v>49444</v>
      </c>
      <c r="B33549" t="s">
        <v>49448</v>
      </c>
      <c r="C33549">
        <v>0</v>
      </c>
      <c r="D33549">
        <v>0</v>
      </c>
    </row>
    <row r="33550" spans="1:4" x14ac:dyDescent="0.25">
      <c r="A33550" t="s">
        <v>49444</v>
      </c>
      <c r="B33550" t="s">
        <v>49449</v>
      </c>
      <c r="C33550">
        <v>1</v>
      </c>
      <c r="D33550">
        <v>0</v>
      </c>
    </row>
    <row r="33551" spans="1:4" x14ac:dyDescent="0.25">
      <c r="A33551" t="s">
        <v>49444</v>
      </c>
      <c r="B33551" t="s">
        <v>49450</v>
      </c>
      <c r="C33551">
        <v>1</v>
      </c>
      <c r="D33551">
        <v>0</v>
      </c>
    </row>
    <row r="33552" spans="1:4" x14ac:dyDescent="0.25">
      <c r="A33552" t="s">
        <v>49444</v>
      </c>
      <c r="B33552" t="s">
        <v>49451</v>
      </c>
      <c r="C33552">
        <v>1</v>
      </c>
      <c r="D33552">
        <v>0</v>
      </c>
    </row>
    <row r="33553" spans="1:4" x14ac:dyDescent="0.25">
      <c r="A33553" t="s">
        <v>49444</v>
      </c>
      <c r="B33553" t="s">
        <v>49452</v>
      </c>
      <c r="C33553">
        <v>0</v>
      </c>
      <c r="D33553">
        <v>0</v>
      </c>
    </row>
    <row r="33554" spans="1:4" x14ac:dyDescent="0.25">
      <c r="A33554" t="s">
        <v>49453</v>
      </c>
      <c r="B33554" t="s">
        <v>49454</v>
      </c>
      <c r="C33554">
        <v>1</v>
      </c>
      <c r="D33554">
        <v>0</v>
      </c>
    </row>
    <row r="33555" spans="1:4" x14ac:dyDescent="0.25">
      <c r="A33555" t="s">
        <v>49453</v>
      </c>
      <c r="B33555" t="s">
        <v>49455</v>
      </c>
      <c r="C33555">
        <v>1</v>
      </c>
      <c r="D33555">
        <v>0</v>
      </c>
    </row>
    <row r="33556" spans="1:4" x14ac:dyDescent="0.25">
      <c r="A33556" t="s">
        <v>49453</v>
      </c>
      <c r="B33556" t="s">
        <v>49456</v>
      </c>
      <c r="C33556">
        <v>1</v>
      </c>
      <c r="D33556">
        <v>0</v>
      </c>
    </row>
    <row r="33557" spans="1:4" x14ac:dyDescent="0.25">
      <c r="A33557" t="s">
        <v>49453</v>
      </c>
      <c r="B33557" t="s">
        <v>49457</v>
      </c>
      <c r="C33557">
        <v>0</v>
      </c>
      <c r="D33557">
        <v>0</v>
      </c>
    </row>
    <row r="33558" spans="1:4" x14ac:dyDescent="0.25">
      <c r="A33558" t="s">
        <v>49453</v>
      </c>
      <c r="B33558" t="s">
        <v>49458</v>
      </c>
      <c r="C33558">
        <v>2</v>
      </c>
      <c r="D33558">
        <v>0</v>
      </c>
    </row>
    <row r="33559" spans="1:4" x14ac:dyDescent="0.25">
      <c r="A33559" t="s">
        <v>49459</v>
      </c>
      <c r="B33559" t="s">
        <v>49460</v>
      </c>
      <c r="C33559">
        <v>2</v>
      </c>
      <c r="D33559">
        <v>0</v>
      </c>
    </row>
    <row r="33560" spans="1:4" x14ac:dyDescent="0.25">
      <c r="A33560" t="s">
        <v>49459</v>
      </c>
      <c r="B33560" t="s">
        <v>49461</v>
      </c>
      <c r="C33560">
        <v>0</v>
      </c>
      <c r="D33560">
        <v>0</v>
      </c>
    </row>
    <row r="33561" spans="1:4" x14ac:dyDescent="0.25">
      <c r="A33561" t="s">
        <v>49462</v>
      </c>
      <c r="B33561" t="s">
        <v>49463</v>
      </c>
      <c r="C33561">
        <v>0</v>
      </c>
      <c r="D33561">
        <v>0</v>
      </c>
    </row>
    <row r="33562" spans="1:4" x14ac:dyDescent="0.25">
      <c r="A33562" t="s">
        <v>49462</v>
      </c>
      <c r="B33562" t="s">
        <v>49464</v>
      </c>
      <c r="C33562">
        <v>1</v>
      </c>
      <c r="D33562">
        <v>0</v>
      </c>
    </row>
    <row r="33563" spans="1:4" x14ac:dyDescent="0.25">
      <c r="A33563" t="s">
        <v>49462</v>
      </c>
      <c r="B33563" t="s">
        <v>49465</v>
      </c>
      <c r="C33563">
        <v>0</v>
      </c>
      <c r="D33563">
        <v>0</v>
      </c>
    </row>
    <row r="33564" spans="1:4" x14ac:dyDescent="0.25">
      <c r="A33564" t="s">
        <v>49462</v>
      </c>
      <c r="B33564" t="s">
        <v>49466</v>
      </c>
      <c r="C33564">
        <v>1</v>
      </c>
      <c r="D33564">
        <v>0</v>
      </c>
    </row>
    <row r="33565" spans="1:4" x14ac:dyDescent="0.25">
      <c r="A33565" t="s">
        <v>49462</v>
      </c>
      <c r="B33565" t="s">
        <v>49467</v>
      </c>
      <c r="C33565">
        <v>2</v>
      </c>
      <c r="D33565">
        <v>0</v>
      </c>
    </row>
    <row r="33566" spans="1:4" x14ac:dyDescent="0.25">
      <c r="A33566" t="s">
        <v>49468</v>
      </c>
      <c r="B33566" t="s">
        <v>49469</v>
      </c>
      <c r="C33566">
        <v>1</v>
      </c>
      <c r="D33566">
        <v>0</v>
      </c>
    </row>
    <row r="33567" spans="1:4" x14ac:dyDescent="0.25">
      <c r="A33567" t="s">
        <v>49468</v>
      </c>
      <c r="B33567" t="s">
        <v>49470</v>
      </c>
      <c r="C33567">
        <v>0</v>
      </c>
      <c r="D33567">
        <v>0</v>
      </c>
    </row>
    <row r="33568" spans="1:4" x14ac:dyDescent="0.25">
      <c r="A33568" t="s">
        <v>49468</v>
      </c>
      <c r="B33568" t="s">
        <v>49471</v>
      </c>
      <c r="C33568">
        <v>2</v>
      </c>
      <c r="D33568">
        <v>0</v>
      </c>
    </row>
    <row r="33569" spans="1:4" x14ac:dyDescent="0.25">
      <c r="A33569" t="s">
        <v>49468</v>
      </c>
      <c r="B33569" t="s">
        <v>49472</v>
      </c>
      <c r="C33569">
        <v>2</v>
      </c>
      <c r="D33569">
        <v>0</v>
      </c>
    </row>
    <row r="33570" spans="1:4" x14ac:dyDescent="0.25">
      <c r="A33570" t="s">
        <v>49473</v>
      </c>
      <c r="B33570" t="s">
        <v>49474</v>
      </c>
      <c r="C33570">
        <v>2</v>
      </c>
      <c r="D33570">
        <v>0</v>
      </c>
    </row>
    <row r="33571" spans="1:4" x14ac:dyDescent="0.25">
      <c r="A33571" t="s">
        <v>49473</v>
      </c>
      <c r="B33571" t="s">
        <v>49475</v>
      </c>
      <c r="C33571">
        <v>1</v>
      </c>
      <c r="D33571">
        <v>0</v>
      </c>
    </row>
    <row r="33572" spans="1:4" x14ac:dyDescent="0.25">
      <c r="A33572" t="s">
        <v>49473</v>
      </c>
      <c r="B33572" t="s">
        <v>2651</v>
      </c>
      <c r="C33572">
        <v>0</v>
      </c>
      <c r="D33572">
        <v>0</v>
      </c>
    </row>
    <row r="33573" spans="1:4" x14ac:dyDescent="0.25">
      <c r="A33573" t="s">
        <v>49473</v>
      </c>
      <c r="B33573" t="s">
        <v>49476</v>
      </c>
      <c r="C33573">
        <v>2</v>
      </c>
      <c r="D33573">
        <v>0</v>
      </c>
    </row>
    <row r="33574" spans="1:4" x14ac:dyDescent="0.25">
      <c r="A33574" t="s">
        <v>49473</v>
      </c>
      <c r="B33574" t="s">
        <v>5713</v>
      </c>
      <c r="C33574">
        <v>1</v>
      </c>
      <c r="D33574">
        <v>0</v>
      </c>
    </row>
    <row r="33575" spans="1:4" x14ac:dyDescent="0.25">
      <c r="A33575" t="s">
        <v>49477</v>
      </c>
      <c r="B33575" t="s">
        <v>35545</v>
      </c>
      <c r="C33575">
        <v>1</v>
      </c>
      <c r="D33575">
        <v>0</v>
      </c>
    </row>
    <row r="33576" spans="1:4" x14ac:dyDescent="0.25">
      <c r="A33576" t="s">
        <v>49477</v>
      </c>
      <c r="B33576" t="s">
        <v>49478</v>
      </c>
      <c r="C33576">
        <v>0</v>
      </c>
      <c r="D33576">
        <v>0</v>
      </c>
    </row>
    <row r="33577" spans="1:4" x14ac:dyDescent="0.25">
      <c r="A33577" t="s">
        <v>49477</v>
      </c>
      <c r="B33577" t="s">
        <v>49479</v>
      </c>
      <c r="C33577">
        <v>1</v>
      </c>
      <c r="D33577">
        <v>0</v>
      </c>
    </row>
    <row r="33578" spans="1:4" x14ac:dyDescent="0.25">
      <c r="A33578" t="s">
        <v>49477</v>
      </c>
      <c r="B33578" t="s">
        <v>49480</v>
      </c>
      <c r="C33578">
        <v>1</v>
      </c>
      <c r="D33578">
        <v>0</v>
      </c>
    </row>
    <row r="33579" spans="1:4" x14ac:dyDescent="0.25">
      <c r="A33579" t="s">
        <v>49477</v>
      </c>
      <c r="B33579" t="s">
        <v>49481</v>
      </c>
      <c r="C33579">
        <v>2</v>
      </c>
      <c r="D33579">
        <v>0</v>
      </c>
    </row>
    <row r="33580" spans="1:4" x14ac:dyDescent="0.25">
      <c r="A33580" t="s">
        <v>49477</v>
      </c>
      <c r="B33580" t="s">
        <v>49482</v>
      </c>
      <c r="C33580">
        <v>1</v>
      </c>
      <c r="D33580">
        <v>0</v>
      </c>
    </row>
    <row r="33581" spans="1:4" x14ac:dyDescent="0.25">
      <c r="A33581" t="s">
        <v>49483</v>
      </c>
      <c r="B33581" t="s">
        <v>49484</v>
      </c>
      <c r="C33581">
        <v>1</v>
      </c>
      <c r="D33581">
        <v>0</v>
      </c>
    </row>
    <row r="33582" spans="1:4" x14ac:dyDescent="0.25">
      <c r="A33582" t="s">
        <v>49483</v>
      </c>
      <c r="B33582" t="s">
        <v>49485</v>
      </c>
      <c r="C33582">
        <v>1</v>
      </c>
      <c r="D33582">
        <v>0</v>
      </c>
    </row>
    <row r="33583" spans="1:4" x14ac:dyDescent="0.25">
      <c r="A33583" t="s">
        <v>49483</v>
      </c>
      <c r="B33583" t="s">
        <v>49486</v>
      </c>
      <c r="C33583">
        <v>2</v>
      </c>
      <c r="D33583">
        <v>0</v>
      </c>
    </row>
    <row r="33584" spans="1:4" x14ac:dyDescent="0.25">
      <c r="A33584" t="s">
        <v>49483</v>
      </c>
      <c r="B33584" t="s">
        <v>49487</v>
      </c>
      <c r="C33584">
        <v>1</v>
      </c>
      <c r="D33584">
        <v>0</v>
      </c>
    </row>
    <row r="33585" spans="1:4" x14ac:dyDescent="0.25">
      <c r="A33585" t="s">
        <v>49488</v>
      </c>
      <c r="B33585" t="s">
        <v>49489</v>
      </c>
      <c r="C33585">
        <v>1</v>
      </c>
      <c r="D33585">
        <v>0</v>
      </c>
    </row>
    <row r="33586" spans="1:4" x14ac:dyDescent="0.25">
      <c r="A33586" t="s">
        <v>49488</v>
      </c>
      <c r="B33586" t="s">
        <v>46241</v>
      </c>
      <c r="C33586">
        <v>2</v>
      </c>
      <c r="D33586">
        <v>0</v>
      </c>
    </row>
    <row r="33587" spans="1:4" x14ac:dyDescent="0.25">
      <c r="A33587" t="s">
        <v>49488</v>
      </c>
      <c r="B33587" t="s">
        <v>48470</v>
      </c>
      <c r="C33587">
        <v>0</v>
      </c>
      <c r="D33587">
        <v>0</v>
      </c>
    </row>
    <row r="33588" spans="1:4" x14ac:dyDescent="0.25">
      <c r="A33588" t="s">
        <v>49488</v>
      </c>
      <c r="B33588" t="s">
        <v>49490</v>
      </c>
      <c r="C33588">
        <v>1</v>
      </c>
      <c r="D33588">
        <v>0</v>
      </c>
    </row>
    <row r="33589" spans="1:4" x14ac:dyDescent="0.25">
      <c r="A33589" t="s">
        <v>49491</v>
      </c>
      <c r="B33589" t="s">
        <v>49492</v>
      </c>
      <c r="C33589">
        <v>1</v>
      </c>
      <c r="D33589">
        <v>0</v>
      </c>
    </row>
    <row r="33590" spans="1:4" x14ac:dyDescent="0.25">
      <c r="A33590" t="s">
        <v>49491</v>
      </c>
      <c r="B33590" t="s">
        <v>49493</v>
      </c>
      <c r="C33590">
        <v>1</v>
      </c>
      <c r="D33590">
        <v>0</v>
      </c>
    </row>
    <row r="33591" spans="1:4" x14ac:dyDescent="0.25">
      <c r="A33591" t="s">
        <v>49491</v>
      </c>
      <c r="B33591" t="s">
        <v>49494</v>
      </c>
      <c r="C33591">
        <v>1</v>
      </c>
      <c r="D33591">
        <v>0</v>
      </c>
    </row>
    <row r="33592" spans="1:4" x14ac:dyDescent="0.25">
      <c r="A33592" t="s">
        <v>49495</v>
      </c>
      <c r="B33592" t="s">
        <v>49496</v>
      </c>
      <c r="C33592">
        <v>2</v>
      </c>
      <c r="D33592">
        <v>0</v>
      </c>
    </row>
    <row r="33593" spans="1:4" x14ac:dyDescent="0.25">
      <c r="A33593" t="s">
        <v>49495</v>
      </c>
      <c r="B33593" t="s">
        <v>49497</v>
      </c>
      <c r="C33593">
        <v>2</v>
      </c>
      <c r="D33593">
        <v>0</v>
      </c>
    </row>
    <row r="33594" spans="1:4" x14ac:dyDescent="0.25">
      <c r="A33594" t="s">
        <v>49495</v>
      </c>
      <c r="B33594" t="s">
        <v>49498</v>
      </c>
      <c r="C33594">
        <v>2</v>
      </c>
      <c r="D33594">
        <v>0</v>
      </c>
    </row>
    <row r="33595" spans="1:4" x14ac:dyDescent="0.25">
      <c r="A33595" t="s">
        <v>49499</v>
      </c>
      <c r="B33595" t="s">
        <v>49500</v>
      </c>
      <c r="C33595">
        <v>1</v>
      </c>
      <c r="D33595">
        <v>0</v>
      </c>
    </row>
    <row r="33596" spans="1:4" x14ac:dyDescent="0.25">
      <c r="A33596" t="s">
        <v>49499</v>
      </c>
      <c r="B33596" t="s">
        <v>49501</v>
      </c>
      <c r="C33596">
        <v>1</v>
      </c>
      <c r="D33596">
        <v>0</v>
      </c>
    </row>
    <row r="33597" spans="1:4" x14ac:dyDescent="0.25">
      <c r="A33597" t="s">
        <v>49499</v>
      </c>
      <c r="B33597" t="s">
        <v>49502</v>
      </c>
      <c r="C33597">
        <v>1</v>
      </c>
      <c r="D33597">
        <v>0</v>
      </c>
    </row>
    <row r="33598" spans="1:4" x14ac:dyDescent="0.25">
      <c r="A33598" t="s">
        <v>49499</v>
      </c>
      <c r="B33598" t="s">
        <v>49503</v>
      </c>
      <c r="C33598">
        <v>1</v>
      </c>
      <c r="D33598">
        <v>0</v>
      </c>
    </row>
    <row r="33599" spans="1:4" x14ac:dyDescent="0.25">
      <c r="A33599" t="s">
        <v>49504</v>
      </c>
      <c r="B33599" t="s">
        <v>49505</v>
      </c>
      <c r="C33599">
        <v>1</v>
      </c>
      <c r="D33599">
        <v>0</v>
      </c>
    </row>
    <row r="33600" spans="1:4" x14ac:dyDescent="0.25">
      <c r="A33600" t="s">
        <v>49504</v>
      </c>
      <c r="B33600" t="s">
        <v>49506</v>
      </c>
      <c r="C33600">
        <v>1</v>
      </c>
      <c r="D33600">
        <v>0</v>
      </c>
    </row>
    <row r="33601" spans="1:4" x14ac:dyDescent="0.25">
      <c r="A33601" t="s">
        <v>49504</v>
      </c>
      <c r="B33601" t="s">
        <v>49507</v>
      </c>
      <c r="C33601">
        <v>1</v>
      </c>
      <c r="D33601">
        <v>0</v>
      </c>
    </row>
    <row r="33602" spans="1:4" x14ac:dyDescent="0.25">
      <c r="A33602" t="s">
        <v>49504</v>
      </c>
      <c r="B33602" t="s">
        <v>49508</v>
      </c>
      <c r="C33602">
        <v>1</v>
      </c>
      <c r="D33602">
        <v>0</v>
      </c>
    </row>
    <row r="33603" spans="1:4" x14ac:dyDescent="0.25">
      <c r="A33603" t="s">
        <v>49504</v>
      </c>
      <c r="B33603" t="s">
        <v>49509</v>
      </c>
      <c r="C33603">
        <v>1</v>
      </c>
      <c r="D33603">
        <v>0</v>
      </c>
    </row>
    <row r="33604" spans="1:4" x14ac:dyDescent="0.25">
      <c r="A33604" t="s">
        <v>49510</v>
      </c>
      <c r="B33604" t="s">
        <v>49511</v>
      </c>
      <c r="C33604">
        <v>0</v>
      </c>
      <c r="D33604">
        <v>0</v>
      </c>
    </row>
    <row r="33605" spans="1:4" x14ac:dyDescent="0.25">
      <c r="A33605" t="s">
        <v>49510</v>
      </c>
      <c r="B33605" t="s">
        <v>2267</v>
      </c>
      <c r="C33605">
        <v>0</v>
      </c>
      <c r="D33605">
        <v>0</v>
      </c>
    </row>
    <row r="33606" spans="1:4" x14ac:dyDescent="0.25">
      <c r="A33606" t="s">
        <v>49512</v>
      </c>
      <c r="B33606" t="s">
        <v>49513</v>
      </c>
      <c r="C33606">
        <v>1</v>
      </c>
      <c r="D33606">
        <v>0</v>
      </c>
    </row>
    <row r="33607" spans="1:4" x14ac:dyDescent="0.25">
      <c r="A33607" t="s">
        <v>49512</v>
      </c>
      <c r="B33607" t="s">
        <v>49514</v>
      </c>
      <c r="C33607">
        <v>1</v>
      </c>
      <c r="D33607">
        <v>0</v>
      </c>
    </row>
    <row r="33608" spans="1:4" x14ac:dyDescent="0.25">
      <c r="A33608" t="s">
        <v>49512</v>
      </c>
      <c r="B33608" t="s">
        <v>49515</v>
      </c>
      <c r="C33608">
        <v>0</v>
      </c>
      <c r="D33608">
        <v>0</v>
      </c>
    </row>
    <row r="33609" spans="1:4" x14ac:dyDescent="0.25">
      <c r="A33609" t="s">
        <v>49512</v>
      </c>
      <c r="B33609" t="s">
        <v>49516</v>
      </c>
      <c r="C33609">
        <v>1</v>
      </c>
      <c r="D33609">
        <v>0</v>
      </c>
    </row>
    <row r="33610" spans="1:4" x14ac:dyDescent="0.25">
      <c r="A33610" t="s">
        <v>49512</v>
      </c>
      <c r="B33610" t="s">
        <v>49517</v>
      </c>
      <c r="C33610">
        <v>1</v>
      </c>
      <c r="D33610">
        <v>0</v>
      </c>
    </row>
    <row r="33611" spans="1:4" x14ac:dyDescent="0.25">
      <c r="A33611" t="s">
        <v>49512</v>
      </c>
      <c r="B33611" t="s">
        <v>49518</v>
      </c>
      <c r="C33611">
        <v>0</v>
      </c>
      <c r="D33611">
        <v>0</v>
      </c>
    </row>
    <row r="33612" spans="1:4" x14ac:dyDescent="0.25">
      <c r="A33612" t="s">
        <v>49519</v>
      </c>
      <c r="B33612" t="s">
        <v>49520</v>
      </c>
      <c r="C33612">
        <v>0</v>
      </c>
      <c r="D33612">
        <v>0</v>
      </c>
    </row>
    <row r="33613" spans="1:4" x14ac:dyDescent="0.25">
      <c r="A33613" t="s">
        <v>49519</v>
      </c>
      <c r="B33613" t="s">
        <v>49521</v>
      </c>
      <c r="C33613">
        <v>1</v>
      </c>
      <c r="D33613">
        <v>0</v>
      </c>
    </row>
    <row r="33614" spans="1:4" x14ac:dyDescent="0.25">
      <c r="A33614" t="s">
        <v>49519</v>
      </c>
      <c r="B33614" t="s">
        <v>49522</v>
      </c>
      <c r="C33614">
        <v>0</v>
      </c>
      <c r="D33614">
        <v>0</v>
      </c>
    </row>
    <row r="33615" spans="1:4" x14ac:dyDescent="0.25">
      <c r="A33615" t="s">
        <v>49519</v>
      </c>
      <c r="B33615" t="s">
        <v>49523</v>
      </c>
      <c r="C33615">
        <v>1</v>
      </c>
      <c r="D33615">
        <v>0</v>
      </c>
    </row>
    <row r="33616" spans="1:4" x14ac:dyDescent="0.25">
      <c r="A33616" t="s">
        <v>49519</v>
      </c>
      <c r="B33616" t="s">
        <v>49524</v>
      </c>
      <c r="C33616">
        <v>0</v>
      </c>
      <c r="D33616">
        <v>0</v>
      </c>
    </row>
    <row r="33617" spans="1:4" x14ac:dyDescent="0.25">
      <c r="A33617" t="s">
        <v>49525</v>
      </c>
      <c r="B33617" t="s">
        <v>49526</v>
      </c>
      <c r="C33617">
        <v>1</v>
      </c>
      <c r="D33617">
        <v>0</v>
      </c>
    </row>
    <row r="33618" spans="1:4" x14ac:dyDescent="0.25">
      <c r="A33618" t="s">
        <v>49527</v>
      </c>
      <c r="B33618" t="s">
        <v>49528</v>
      </c>
      <c r="C33618">
        <v>1</v>
      </c>
      <c r="D33618">
        <v>0</v>
      </c>
    </row>
    <row r="33619" spans="1:4" x14ac:dyDescent="0.25">
      <c r="A33619" t="s">
        <v>49527</v>
      </c>
      <c r="B33619" t="s">
        <v>49529</v>
      </c>
      <c r="C33619">
        <v>0</v>
      </c>
      <c r="D33619">
        <v>0</v>
      </c>
    </row>
    <row r="33620" spans="1:4" x14ac:dyDescent="0.25">
      <c r="A33620" t="s">
        <v>49527</v>
      </c>
      <c r="B33620" t="s">
        <v>49530</v>
      </c>
      <c r="C33620">
        <v>0</v>
      </c>
      <c r="D33620">
        <v>0</v>
      </c>
    </row>
    <row r="33621" spans="1:4" x14ac:dyDescent="0.25">
      <c r="A33621" t="s">
        <v>49527</v>
      </c>
      <c r="B33621" t="s">
        <v>49531</v>
      </c>
      <c r="C33621">
        <v>0</v>
      </c>
      <c r="D33621">
        <v>0</v>
      </c>
    </row>
    <row r="33622" spans="1:4" x14ac:dyDescent="0.25">
      <c r="A33622" t="s">
        <v>49532</v>
      </c>
      <c r="B33622" t="s">
        <v>49533</v>
      </c>
      <c r="C33622">
        <v>0</v>
      </c>
      <c r="D33622">
        <v>0</v>
      </c>
    </row>
    <row r="33623" spans="1:4" x14ac:dyDescent="0.25">
      <c r="A33623" t="s">
        <v>49532</v>
      </c>
      <c r="B33623" t="s">
        <v>49534</v>
      </c>
      <c r="C33623">
        <v>0</v>
      </c>
      <c r="D33623">
        <v>0</v>
      </c>
    </row>
    <row r="33624" spans="1:4" x14ac:dyDescent="0.25">
      <c r="A33624" t="s">
        <v>49532</v>
      </c>
      <c r="B33624" t="s">
        <v>49535</v>
      </c>
      <c r="C33624">
        <v>0</v>
      </c>
      <c r="D33624">
        <v>0</v>
      </c>
    </row>
    <row r="33625" spans="1:4" x14ac:dyDescent="0.25">
      <c r="A33625" t="s">
        <v>49532</v>
      </c>
      <c r="B33625" t="s">
        <v>49536</v>
      </c>
      <c r="C33625">
        <v>0</v>
      </c>
      <c r="D33625">
        <v>0</v>
      </c>
    </row>
    <row r="33626" spans="1:4" x14ac:dyDescent="0.25">
      <c r="A33626" t="s">
        <v>49537</v>
      </c>
      <c r="B33626" t="s">
        <v>5713</v>
      </c>
      <c r="C33626">
        <v>1</v>
      </c>
      <c r="D33626">
        <v>0</v>
      </c>
    </row>
    <row r="33627" spans="1:4" x14ac:dyDescent="0.25">
      <c r="A33627" t="s">
        <v>49537</v>
      </c>
      <c r="B33627" t="s">
        <v>49538</v>
      </c>
      <c r="C33627">
        <v>0</v>
      </c>
      <c r="D33627">
        <v>0</v>
      </c>
    </row>
    <row r="33628" spans="1:4" x14ac:dyDescent="0.25">
      <c r="A33628" t="s">
        <v>49537</v>
      </c>
      <c r="B33628" t="s">
        <v>49539</v>
      </c>
      <c r="C33628">
        <v>2</v>
      </c>
      <c r="D33628">
        <v>0</v>
      </c>
    </row>
    <row r="33629" spans="1:4" x14ac:dyDescent="0.25">
      <c r="A33629" t="s">
        <v>49537</v>
      </c>
      <c r="B33629" t="s">
        <v>49540</v>
      </c>
      <c r="C33629">
        <v>1</v>
      </c>
      <c r="D33629">
        <v>0</v>
      </c>
    </row>
    <row r="33630" spans="1:4" x14ac:dyDescent="0.25">
      <c r="A33630" t="s">
        <v>49537</v>
      </c>
      <c r="B33630" t="s">
        <v>49541</v>
      </c>
      <c r="C33630">
        <v>0</v>
      </c>
      <c r="D33630">
        <v>0</v>
      </c>
    </row>
    <row r="33631" spans="1:4" x14ac:dyDescent="0.25">
      <c r="A33631" t="s">
        <v>49542</v>
      </c>
      <c r="B33631" t="s">
        <v>49543</v>
      </c>
      <c r="C33631">
        <v>1</v>
      </c>
      <c r="D33631">
        <v>0</v>
      </c>
    </row>
    <row r="33632" spans="1:4" x14ac:dyDescent="0.25">
      <c r="A33632" t="s">
        <v>49542</v>
      </c>
      <c r="B33632" t="s">
        <v>49544</v>
      </c>
      <c r="C33632">
        <v>1</v>
      </c>
      <c r="D33632">
        <v>0</v>
      </c>
    </row>
    <row r="33633" spans="1:4" x14ac:dyDescent="0.25">
      <c r="A33633" t="s">
        <v>49542</v>
      </c>
      <c r="B33633" t="s">
        <v>49545</v>
      </c>
      <c r="C33633">
        <v>1</v>
      </c>
      <c r="D33633">
        <v>0</v>
      </c>
    </row>
    <row r="33634" spans="1:4" x14ac:dyDescent="0.25">
      <c r="A33634" t="s">
        <v>49542</v>
      </c>
      <c r="B33634" t="s">
        <v>49546</v>
      </c>
      <c r="C33634">
        <v>1</v>
      </c>
      <c r="D33634">
        <v>0</v>
      </c>
    </row>
    <row r="33635" spans="1:4" x14ac:dyDescent="0.25">
      <c r="A33635" t="s">
        <v>49542</v>
      </c>
      <c r="B33635" t="s">
        <v>49547</v>
      </c>
      <c r="C33635">
        <v>0</v>
      </c>
      <c r="D33635">
        <v>0</v>
      </c>
    </row>
    <row r="33636" spans="1:4" x14ac:dyDescent="0.25">
      <c r="A33636" t="s">
        <v>49542</v>
      </c>
      <c r="B33636" t="s">
        <v>49548</v>
      </c>
      <c r="C33636">
        <v>1</v>
      </c>
      <c r="D33636">
        <v>0</v>
      </c>
    </row>
    <row r="33637" spans="1:4" x14ac:dyDescent="0.25">
      <c r="A33637" t="s">
        <v>49542</v>
      </c>
      <c r="B33637" t="s">
        <v>49549</v>
      </c>
      <c r="C33637">
        <v>2</v>
      </c>
      <c r="D33637">
        <v>0</v>
      </c>
    </row>
    <row r="33638" spans="1:4" x14ac:dyDescent="0.25">
      <c r="A33638" t="s">
        <v>49550</v>
      </c>
      <c r="B33638" t="s">
        <v>49551</v>
      </c>
      <c r="C33638">
        <v>0</v>
      </c>
      <c r="D33638">
        <v>0</v>
      </c>
    </row>
    <row r="33639" spans="1:4" x14ac:dyDescent="0.25">
      <c r="A33639" t="s">
        <v>49550</v>
      </c>
      <c r="B33639" t="s">
        <v>49552</v>
      </c>
      <c r="C33639">
        <v>0</v>
      </c>
      <c r="D33639">
        <v>0</v>
      </c>
    </row>
    <row r="33640" spans="1:4" x14ac:dyDescent="0.25">
      <c r="A33640" t="s">
        <v>49550</v>
      </c>
      <c r="B33640" t="s">
        <v>49553</v>
      </c>
      <c r="C33640">
        <v>1</v>
      </c>
      <c r="D33640">
        <v>0</v>
      </c>
    </row>
    <row r="33641" spans="1:4" x14ac:dyDescent="0.25">
      <c r="A33641" t="s">
        <v>49550</v>
      </c>
      <c r="B33641" t="s">
        <v>49554</v>
      </c>
      <c r="C33641">
        <v>0</v>
      </c>
      <c r="D33641">
        <v>0</v>
      </c>
    </row>
    <row r="33642" spans="1:4" x14ac:dyDescent="0.25">
      <c r="A33642" t="s">
        <v>49550</v>
      </c>
      <c r="B33642" t="s">
        <v>46223</v>
      </c>
      <c r="C33642">
        <v>1</v>
      </c>
      <c r="D33642">
        <v>0</v>
      </c>
    </row>
    <row r="33643" spans="1:4" x14ac:dyDescent="0.25">
      <c r="A33643" t="s">
        <v>49555</v>
      </c>
      <c r="B33643" t="s">
        <v>49556</v>
      </c>
      <c r="C33643">
        <v>0</v>
      </c>
      <c r="D33643">
        <v>0</v>
      </c>
    </row>
    <row r="33644" spans="1:4" x14ac:dyDescent="0.25">
      <c r="A33644" t="s">
        <v>49555</v>
      </c>
      <c r="B33644" t="s">
        <v>49557</v>
      </c>
      <c r="C33644">
        <v>0</v>
      </c>
      <c r="D33644">
        <v>0</v>
      </c>
    </row>
    <row r="33645" spans="1:4" x14ac:dyDescent="0.25">
      <c r="A33645" t="s">
        <v>49555</v>
      </c>
      <c r="B33645" t="s">
        <v>49558</v>
      </c>
      <c r="C33645">
        <v>0</v>
      </c>
      <c r="D33645">
        <v>0</v>
      </c>
    </row>
    <row r="33646" spans="1:4" x14ac:dyDescent="0.25">
      <c r="A33646" t="s">
        <v>49555</v>
      </c>
      <c r="B33646" t="s">
        <v>49559</v>
      </c>
      <c r="C33646">
        <v>0</v>
      </c>
      <c r="D33646">
        <v>0</v>
      </c>
    </row>
    <row r="33647" spans="1:4" x14ac:dyDescent="0.25">
      <c r="A33647" t="s">
        <v>49560</v>
      </c>
      <c r="B33647" t="s">
        <v>49561</v>
      </c>
      <c r="C33647">
        <v>0</v>
      </c>
      <c r="D33647">
        <v>0</v>
      </c>
    </row>
    <row r="33648" spans="1:4" x14ac:dyDescent="0.25">
      <c r="A33648" t="s">
        <v>49560</v>
      </c>
      <c r="B33648" t="s">
        <v>49562</v>
      </c>
      <c r="C33648">
        <v>0</v>
      </c>
      <c r="D33648">
        <v>0</v>
      </c>
    </row>
    <row r="33649" spans="1:4" x14ac:dyDescent="0.25">
      <c r="A33649" t="s">
        <v>49563</v>
      </c>
      <c r="B33649" t="s">
        <v>49564</v>
      </c>
      <c r="C33649">
        <v>0</v>
      </c>
      <c r="D33649">
        <v>0</v>
      </c>
    </row>
    <row r="33650" spans="1:4" x14ac:dyDescent="0.25">
      <c r="A33650" t="s">
        <v>49563</v>
      </c>
      <c r="B33650" t="s">
        <v>49565</v>
      </c>
      <c r="C33650">
        <v>2</v>
      </c>
      <c r="D33650">
        <v>0</v>
      </c>
    </row>
    <row r="33651" spans="1:4" x14ac:dyDescent="0.25">
      <c r="A33651" t="s">
        <v>49563</v>
      </c>
      <c r="B33651" t="s">
        <v>49566</v>
      </c>
      <c r="C33651">
        <v>1</v>
      </c>
      <c r="D33651">
        <v>0</v>
      </c>
    </row>
    <row r="33652" spans="1:4" x14ac:dyDescent="0.25">
      <c r="A33652" t="s">
        <v>49563</v>
      </c>
      <c r="B33652" t="s">
        <v>49567</v>
      </c>
      <c r="C33652">
        <v>1</v>
      </c>
      <c r="D33652">
        <v>0</v>
      </c>
    </row>
    <row r="33653" spans="1:4" x14ac:dyDescent="0.25">
      <c r="A33653" t="s">
        <v>49563</v>
      </c>
      <c r="B33653" t="s">
        <v>49568</v>
      </c>
      <c r="C33653">
        <v>0</v>
      </c>
      <c r="D33653">
        <v>0</v>
      </c>
    </row>
    <row r="33654" spans="1:4" x14ac:dyDescent="0.25">
      <c r="A33654" t="s">
        <v>49563</v>
      </c>
      <c r="B33654" t="s">
        <v>49569</v>
      </c>
      <c r="C33654">
        <v>1</v>
      </c>
      <c r="D33654">
        <v>0</v>
      </c>
    </row>
    <row r="33655" spans="1:4" x14ac:dyDescent="0.25">
      <c r="A33655" t="s">
        <v>49563</v>
      </c>
      <c r="B33655" t="s">
        <v>42873</v>
      </c>
      <c r="C33655">
        <v>0</v>
      </c>
      <c r="D33655">
        <v>0</v>
      </c>
    </row>
    <row r="33656" spans="1:4" x14ac:dyDescent="0.25">
      <c r="A33656" t="s">
        <v>49570</v>
      </c>
      <c r="B33656" t="s">
        <v>49571</v>
      </c>
      <c r="C33656">
        <v>0</v>
      </c>
      <c r="D33656">
        <v>0</v>
      </c>
    </row>
    <row r="33657" spans="1:4" x14ac:dyDescent="0.25">
      <c r="A33657" t="s">
        <v>49570</v>
      </c>
      <c r="B33657" t="s">
        <v>49572</v>
      </c>
      <c r="C33657">
        <v>0</v>
      </c>
      <c r="D33657">
        <v>0</v>
      </c>
    </row>
    <row r="33658" spans="1:4" x14ac:dyDescent="0.25">
      <c r="A33658" t="s">
        <v>49573</v>
      </c>
      <c r="B33658" t="s">
        <v>49574</v>
      </c>
      <c r="C33658">
        <v>0</v>
      </c>
      <c r="D33658">
        <v>0</v>
      </c>
    </row>
    <row r="33659" spans="1:4" x14ac:dyDescent="0.25">
      <c r="A33659" t="s">
        <v>49573</v>
      </c>
      <c r="B33659" t="s">
        <v>49575</v>
      </c>
      <c r="C33659">
        <v>1</v>
      </c>
      <c r="D33659">
        <v>0</v>
      </c>
    </row>
    <row r="33660" spans="1:4" x14ac:dyDescent="0.25">
      <c r="A33660" t="s">
        <v>49573</v>
      </c>
      <c r="B33660" t="s">
        <v>49576</v>
      </c>
      <c r="C33660">
        <v>0</v>
      </c>
      <c r="D33660">
        <v>0</v>
      </c>
    </row>
    <row r="33661" spans="1:4" x14ac:dyDescent="0.25">
      <c r="A33661" t="s">
        <v>49577</v>
      </c>
      <c r="B33661" t="s">
        <v>49578</v>
      </c>
      <c r="C33661">
        <v>1</v>
      </c>
      <c r="D33661">
        <v>0</v>
      </c>
    </row>
    <row r="33662" spans="1:4" x14ac:dyDescent="0.25">
      <c r="A33662" t="s">
        <v>49577</v>
      </c>
      <c r="B33662" t="s">
        <v>49579</v>
      </c>
      <c r="C33662">
        <v>2</v>
      </c>
      <c r="D33662">
        <v>0</v>
      </c>
    </row>
    <row r="33663" spans="1:4" x14ac:dyDescent="0.25">
      <c r="A33663" t="s">
        <v>49577</v>
      </c>
      <c r="B33663" t="s">
        <v>49580</v>
      </c>
      <c r="C33663">
        <v>1</v>
      </c>
      <c r="D33663">
        <v>0</v>
      </c>
    </row>
    <row r="33664" spans="1:4" x14ac:dyDescent="0.25">
      <c r="A33664" t="s">
        <v>49577</v>
      </c>
      <c r="B33664" t="s">
        <v>49581</v>
      </c>
      <c r="C33664">
        <v>1</v>
      </c>
      <c r="D33664">
        <v>0</v>
      </c>
    </row>
    <row r="33665" spans="1:4" x14ac:dyDescent="0.25">
      <c r="A33665" t="s">
        <v>49577</v>
      </c>
      <c r="B33665" t="s">
        <v>49582</v>
      </c>
      <c r="C33665">
        <v>1</v>
      </c>
      <c r="D33665">
        <v>0</v>
      </c>
    </row>
    <row r="33666" spans="1:4" x14ac:dyDescent="0.25">
      <c r="A33666" t="s">
        <v>49577</v>
      </c>
      <c r="B33666" t="s">
        <v>49583</v>
      </c>
      <c r="C33666">
        <v>0</v>
      </c>
      <c r="D33666">
        <v>0</v>
      </c>
    </row>
    <row r="33667" spans="1:4" x14ac:dyDescent="0.25">
      <c r="A33667" t="s">
        <v>49584</v>
      </c>
      <c r="B33667" t="s">
        <v>49585</v>
      </c>
      <c r="C33667">
        <v>0</v>
      </c>
      <c r="D33667">
        <v>0</v>
      </c>
    </row>
    <row r="33668" spans="1:4" x14ac:dyDescent="0.25">
      <c r="A33668" t="s">
        <v>49586</v>
      </c>
      <c r="B33668" t="s">
        <v>49587</v>
      </c>
      <c r="C33668">
        <v>2</v>
      </c>
      <c r="D33668">
        <v>0</v>
      </c>
    </row>
    <row r="33669" spans="1:4" x14ac:dyDescent="0.25">
      <c r="A33669" t="s">
        <v>49586</v>
      </c>
      <c r="B33669" t="s">
        <v>49588</v>
      </c>
      <c r="C33669">
        <v>2</v>
      </c>
      <c r="D33669">
        <v>0</v>
      </c>
    </row>
    <row r="33670" spans="1:4" x14ac:dyDescent="0.25">
      <c r="A33670" t="s">
        <v>49586</v>
      </c>
      <c r="B33670" t="s">
        <v>49589</v>
      </c>
      <c r="C33670">
        <v>1</v>
      </c>
      <c r="D33670">
        <v>0</v>
      </c>
    </row>
    <row r="33671" spans="1:4" x14ac:dyDescent="0.25">
      <c r="A33671" t="s">
        <v>49590</v>
      </c>
      <c r="B33671" t="s">
        <v>49591</v>
      </c>
      <c r="C33671">
        <v>1</v>
      </c>
      <c r="D33671">
        <v>0</v>
      </c>
    </row>
    <row r="33672" spans="1:4" x14ac:dyDescent="0.25">
      <c r="A33672" t="s">
        <v>49590</v>
      </c>
      <c r="B33672" t="s">
        <v>49592</v>
      </c>
      <c r="C33672">
        <v>0</v>
      </c>
      <c r="D33672">
        <v>0</v>
      </c>
    </row>
    <row r="33673" spans="1:4" x14ac:dyDescent="0.25">
      <c r="A33673" t="s">
        <v>49590</v>
      </c>
      <c r="B33673" t="s">
        <v>49593</v>
      </c>
      <c r="C33673">
        <v>2</v>
      </c>
      <c r="D33673">
        <v>0</v>
      </c>
    </row>
    <row r="33674" spans="1:4" x14ac:dyDescent="0.25">
      <c r="A33674" t="s">
        <v>49590</v>
      </c>
      <c r="B33674" t="s">
        <v>49594</v>
      </c>
      <c r="C33674">
        <v>1</v>
      </c>
      <c r="D33674">
        <v>0</v>
      </c>
    </row>
    <row r="33675" spans="1:4" x14ac:dyDescent="0.25">
      <c r="A33675" t="s">
        <v>49590</v>
      </c>
      <c r="B33675" t="s">
        <v>49595</v>
      </c>
      <c r="C33675">
        <v>0</v>
      </c>
      <c r="D33675">
        <v>0</v>
      </c>
    </row>
    <row r="33676" spans="1:4" x14ac:dyDescent="0.25">
      <c r="A33676" t="s">
        <v>49590</v>
      </c>
      <c r="B33676" t="s">
        <v>49596</v>
      </c>
      <c r="C33676">
        <v>1</v>
      </c>
      <c r="D33676">
        <v>0</v>
      </c>
    </row>
    <row r="33677" spans="1:4" x14ac:dyDescent="0.25">
      <c r="A33677" t="s">
        <v>49597</v>
      </c>
      <c r="B33677" t="s">
        <v>49598</v>
      </c>
      <c r="C33677">
        <v>1</v>
      </c>
      <c r="D33677">
        <v>0</v>
      </c>
    </row>
    <row r="33678" spans="1:4" x14ac:dyDescent="0.25">
      <c r="A33678" t="s">
        <v>49597</v>
      </c>
      <c r="B33678" t="s">
        <v>49599</v>
      </c>
      <c r="C33678">
        <v>1</v>
      </c>
      <c r="D33678">
        <v>0</v>
      </c>
    </row>
    <row r="33679" spans="1:4" x14ac:dyDescent="0.25">
      <c r="A33679" t="s">
        <v>49600</v>
      </c>
      <c r="B33679" t="s">
        <v>49601</v>
      </c>
      <c r="C33679">
        <v>0</v>
      </c>
      <c r="D33679">
        <v>0</v>
      </c>
    </row>
    <row r="33680" spans="1:4" x14ac:dyDescent="0.25">
      <c r="A33680" t="s">
        <v>49600</v>
      </c>
      <c r="B33680" t="s">
        <v>49602</v>
      </c>
      <c r="C33680">
        <v>2</v>
      </c>
      <c r="D33680">
        <v>0</v>
      </c>
    </row>
    <row r="33681" spans="1:4" x14ac:dyDescent="0.25">
      <c r="A33681" t="s">
        <v>49603</v>
      </c>
      <c r="B33681" t="s">
        <v>49604</v>
      </c>
      <c r="C33681">
        <v>0</v>
      </c>
      <c r="D33681">
        <v>0</v>
      </c>
    </row>
    <row r="33682" spans="1:4" x14ac:dyDescent="0.25">
      <c r="A33682" t="s">
        <v>49603</v>
      </c>
      <c r="B33682" t="s">
        <v>49605</v>
      </c>
      <c r="C33682">
        <v>1</v>
      </c>
      <c r="D33682">
        <v>0</v>
      </c>
    </row>
    <row r="33683" spans="1:4" x14ac:dyDescent="0.25">
      <c r="A33683" t="s">
        <v>49603</v>
      </c>
      <c r="B33683" t="s">
        <v>49606</v>
      </c>
      <c r="C33683">
        <v>1</v>
      </c>
      <c r="D33683">
        <v>0</v>
      </c>
    </row>
    <row r="33684" spans="1:4" x14ac:dyDescent="0.25">
      <c r="A33684" t="s">
        <v>49603</v>
      </c>
      <c r="B33684" t="s">
        <v>22326</v>
      </c>
      <c r="C33684">
        <v>1</v>
      </c>
      <c r="D33684">
        <v>0</v>
      </c>
    </row>
    <row r="33685" spans="1:4" x14ac:dyDescent="0.25">
      <c r="A33685" t="s">
        <v>49603</v>
      </c>
      <c r="B33685" t="s">
        <v>49607</v>
      </c>
      <c r="C33685">
        <v>0</v>
      </c>
      <c r="D33685">
        <v>0</v>
      </c>
    </row>
    <row r="33686" spans="1:4" x14ac:dyDescent="0.25">
      <c r="A33686" t="s">
        <v>49603</v>
      </c>
      <c r="B33686" t="s">
        <v>49608</v>
      </c>
      <c r="C33686">
        <v>1</v>
      </c>
      <c r="D33686">
        <v>0</v>
      </c>
    </row>
    <row r="33687" spans="1:4" x14ac:dyDescent="0.25">
      <c r="A33687" t="s">
        <v>49609</v>
      </c>
      <c r="B33687" t="s">
        <v>49610</v>
      </c>
      <c r="C33687">
        <v>1</v>
      </c>
      <c r="D33687">
        <v>0</v>
      </c>
    </row>
    <row r="33688" spans="1:4" x14ac:dyDescent="0.25">
      <c r="A33688" t="s">
        <v>49609</v>
      </c>
      <c r="B33688" t="s">
        <v>49611</v>
      </c>
      <c r="C33688">
        <v>0</v>
      </c>
      <c r="D33688">
        <v>0</v>
      </c>
    </row>
    <row r="33689" spans="1:4" x14ac:dyDescent="0.25">
      <c r="A33689" t="s">
        <v>49609</v>
      </c>
      <c r="B33689" t="s">
        <v>49612</v>
      </c>
      <c r="C33689">
        <v>0</v>
      </c>
      <c r="D33689">
        <v>0</v>
      </c>
    </row>
    <row r="33690" spans="1:4" x14ac:dyDescent="0.25">
      <c r="A33690" t="s">
        <v>49609</v>
      </c>
      <c r="B33690" t="s">
        <v>49613</v>
      </c>
      <c r="C33690">
        <v>1</v>
      </c>
      <c r="D33690">
        <v>0</v>
      </c>
    </row>
    <row r="33691" spans="1:4" x14ac:dyDescent="0.25">
      <c r="A33691" t="s">
        <v>49609</v>
      </c>
      <c r="B33691" t="s">
        <v>49614</v>
      </c>
      <c r="C33691">
        <v>0</v>
      </c>
      <c r="D33691">
        <v>0</v>
      </c>
    </row>
    <row r="33692" spans="1:4" x14ac:dyDescent="0.25">
      <c r="A33692" t="s">
        <v>49609</v>
      </c>
      <c r="B33692" t="s">
        <v>49615</v>
      </c>
      <c r="C33692">
        <v>2</v>
      </c>
      <c r="D33692">
        <v>0</v>
      </c>
    </row>
    <row r="33693" spans="1:4" x14ac:dyDescent="0.25">
      <c r="A33693" t="s">
        <v>49609</v>
      </c>
      <c r="B33693" t="s">
        <v>49616</v>
      </c>
      <c r="C33693">
        <v>1</v>
      </c>
      <c r="D33693">
        <v>0</v>
      </c>
    </row>
    <row r="33694" spans="1:4" x14ac:dyDescent="0.25">
      <c r="A33694" t="s">
        <v>49609</v>
      </c>
      <c r="B33694" t="s">
        <v>49614</v>
      </c>
      <c r="C33694">
        <v>0</v>
      </c>
      <c r="D33694">
        <v>0</v>
      </c>
    </row>
    <row r="33695" spans="1:4" x14ac:dyDescent="0.25">
      <c r="A33695" t="s">
        <v>49609</v>
      </c>
      <c r="B33695" t="s">
        <v>2061</v>
      </c>
      <c r="C33695">
        <v>0</v>
      </c>
      <c r="D33695">
        <v>0</v>
      </c>
    </row>
    <row r="33696" spans="1:4" x14ac:dyDescent="0.25">
      <c r="A33696" t="s">
        <v>49617</v>
      </c>
      <c r="B33696" t="s">
        <v>10120</v>
      </c>
      <c r="C33696">
        <v>1</v>
      </c>
      <c r="D33696">
        <v>0</v>
      </c>
    </row>
    <row r="33697" spans="1:4" x14ac:dyDescent="0.25">
      <c r="A33697" t="s">
        <v>49618</v>
      </c>
      <c r="B33697" t="s">
        <v>49619</v>
      </c>
      <c r="C33697">
        <v>1</v>
      </c>
      <c r="D33697">
        <v>0</v>
      </c>
    </row>
    <row r="33698" spans="1:4" x14ac:dyDescent="0.25">
      <c r="A33698" t="s">
        <v>49618</v>
      </c>
      <c r="B33698" t="s">
        <v>49620</v>
      </c>
      <c r="C33698">
        <v>1</v>
      </c>
      <c r="D33698">
        <v>0</v>
      </c>
    </row>
    <row r="33699" spans="1:4" x14ac:dyDescent="0.25">
      <c r="A33699" t="s">
        <v>49618</v>
      </c>
      <c r="B33699" t="s">
        <v>49621</v>
      </c>
      <c r="C33699">
        <v>1</v>
      </c>
      <c r="D33699">
        <v>0</v>
      </c>
    </row>
    <row r="33700" spans="1:4" x14ac:dyDescent="0.25">
      <c r="A33700" t="s">
        <v>49618</v>
      </c>
      <c r="B33700" t="s">
        <v>49622</v>
      </c>
      <c r="C33700">
        <v>2</v>
      </c>
      <c r="D33700">
        <v>0</v>
      </c>
    </row>
    <row r="33701" spans="1:4" x14ac:dyDescent="0.25">
      <c r="A33701" t="s">
        <v>49618</v>
      </c>
      <c r="B33701" t="s">
        <v>49623</v>
      </c>
      <c r="C33701">
        <v>2</v>
      </c>
      <c r="D33701">
        <v>0</v>
      </c>
    </row>
    <row r="33702" spans="1:4" x14ac:dyDescent="0.25">
      <c r="A33702" t="s">
        <v>49624</v>
      </c>
      <c r="B33702" t="s">
        <v>49625</v>
      </c>
      <c r="C33702">
        <v>0</v>
      </c>
      <c r="D33702">
        <v>0</v>
      </c>
    </row>
    <row r="33703" spans="1:4" x14ac:dyDescent="0.25">
      <c r="A33703" t="s">
        <v>49624</v>
      </c>
      <c r="B33703" t="s">
        <v>49626</v>
      </c>
      <c r="C33703">
        <v>0</v>
      </c>
      <c r="D33703">
        <v>0</v>
      </c>
    </row>
    <row r="33704" spans="1:4" x14ac:dyDescent="0.25">
      <c r="A33704" t="s">
        <v>49624</v>
      </c>
      <c r="B33704" t="s">
        <v>49627</v>
      </c>
      <c r="C33704">
        <v>0</v>
      </c>
      <c r="D33704">
        <v>0</v>
      </c>
    </row>
    <row r="33705" spans="1:4" x14ac:dyDescent="0.25">
      <c r="A33705" t="s">
        <v>49624</v>
      </c>
      <c r="B33705" t="s">
        <v>49628</v>
      </c>
      <c r="C33705">
        <v>2</v>
      </c>
      <c r="D33705">
        <v>0</v>
      </c>
    </row>
    <row r="33706" spans="1:4" x14ac:dyDescent="0.25">
      <c r="A33706" t="s">
        <v>49629</v>
      </c>
      <c r="B33706" t="s">
        <v>49630</v>
      </c>
      <c r="C33706">
        <v>1</v>
      </c>
      <c r="D33706">
        <v>0</v>
      </c>
    </row>
    <row r="33707" spans="1:4" x14ac:dyDescent="0.25">
      <c r="A33707" t="s">
        <v>49629</v>
      </c>
      <c r="B33707" t="s">
        <v>49631</v>
      </c>
      <c r="C33707">
        <v>1</v>
      </c>
      <c r="D33707">
        <v>0</v>
      </c>
    </row>
    <row r="33708" spans="1:4" x14ac:dyDescent="0.25">
      <c r="A33708" t="s">
        <v>49632</v>
      </c>
      <c r="B33708" t="s">
        <v>49633</v>
      </c>
      <c r="C33708">
        <v>1</v>
      </c>
      <c r="D33708">
        <v>0</v>
      </c>
    </row>
    <row r="33709" spans="1:4" x14ac:dyDescent="0.25">
      <c r="A33709" t="s">
        <v>49632</v>
      </c>
      <c r="B33709" t="s">
        <v>49634</v>
      </c>
      <c r="C33709">
        <v>1</v>
      </c>
      <c r="D33709">
        <v>0</v>
      </c>
    </row>
    <row r="33710" spans="1:4" x14ac:dyDescent="0.25">
      <c r="A33710" t="s">
        <v>49632</v>
      </c>
      <c r="B33710" t="s">
        <v>49635</v>
      </c>
      <c r="C33710">
        <v>1</v>
      </c>
      <c r="D33710">
        <v>0</v>
      </c>
    </row>
    <row r="33711" spans="1:4" x14ac:dyDescent="0.25">
      <c r="A33711" t="s">
        <v>49632</v>
      </c>
      <c r="B33711" t="s">
        <v>49636</v>
      </c>
      <c r="C33711">
        <v>1</v>
      </c>
      <c r="D33711">
        <v>0</v>
      </c>
    </row>
    <row r="33712" spans="1:4" x14ac:dyDescent="0.25">
      <c r="A33712" t="s">
        <v>49632</v>
      </c>
      <c r="B33712" t="s">
        <v>49637</v>
      </c>
      <c r="C33712">
        <v>1</v>
      </c>
      <c r="D33712">
        <v>0</v>
      </c>
    </row>
    <row r="33713" spans="1:4" x14ac:dyDescent="0.25">
      <c r="A33713" t="s">
        <v>49632</v>
      </c>
      <c r="B33713" t="s">
        <v>49638</v>
      </c>
      <c r="C33713">
        <v>0</v>
      </c>
      <c r="D33713">
        <v>0</v>
      </c>
    </row>
    <row r="33714" spans="1:4" x14ac:dyDescent="0.25">
      <c r="A33714" t="s">
        <v>49639</v>
      </c>
      <c r="B33714" t="s">
        <v>49640</v>
      </c>
      <c r="C33714">
        <v>0</v>
      </c>
      <c r="D33714">
        <v>0</v>
      </c>
    </row>
    <row r="33715" spans="1:4" x14ac:dyDescent="0.25">
      <c r="A33715" t="s">
        <v>49639</v>
      </c>
      <c r="B33715" t="s">
        <v>49641</v>
      </c>
      <c r="C33715">
        <v>0</v>
      </c>
      <c r="D33715">
        <v>0</v>
      </c>
    </row>
    <row r="33716" spans="1:4" x14ac:dyDescent="0.25">
      <c r="A33716" t="s">
        <v>49639</v>
      </c>
      <c r="B33716" t="s">
        <v>49642</v>
      </c>
      <c r="C33716">
        <v>0</v>
      </c>
      <c r="D33716">
        <v>0</v>
      </c>
    </row>
    <row r="33717" spans="1:4" x14ac:dyDescent="0.25">
      <c r="A33717" t="s">
        <v>49639</v>
      </c>
      <c r="B33717" t="s">
        <v>49643</v>
      </c>
      <c r="C33717">
        <v>0</v>
      </c>
      <c r="D33717">
        <v>0</v>
      </c>
    </row>
    <row r="33718" spans="1:4" x14ac:dyDescent="0.25">
      <c r="A33718" t="s">
        <v>49639</v>
      </c>
      <c r="B33718" t="s">
        <v>49644</v>
      </c>
      <c r="C33718">
        <v>0</v>
      </c>
      <c r="D33718">
        <v>0</v>
      </c>
    </row>
    <row r="33719" spans="1:4" x14ac:dyDescent="0.25">
      <c r="A33719" t="s">
        <v>49639</v>
      </c>
      <c r="B33719" t="s">
        <v>49645</v>
      </c>
      <c r="C33719">
        <v>1</v>
      </c>
      <c r="D33719">
        <v>0</v>
      </c>
    </row>
    <row r="33720" spans="1:4" x14ac:dyDescent="0.25">
      <c r="A33720" t="s">
        <v>49646</v>
      </c>
      <c r="B33720" t="s">
        <v>49037</v>
      </c>
      <c r="C33720">
        <v>1</v>
      </c>
      <c r="D33720">
        <v>0</v>
      </c>
    </row>
    <row r="33721" spans="1:4" x14ac:dyDescent="0.25">
      <c r="A33721" t="s">
        <v>49646</v>
      </c>
      <c r="B33721" t="s">
        <v>49647</v>
      </c>
      <c r="C33721">
        <v>0</v>
      </c>
      <c r="D33721">
        <v>0</v>
      </c>
    </row>
    <row r="33722" spans="1:4" x14ac:dyDescent="0.25">
      <c r="A33722" t="s">
        <v>49646</v>
      </c>
      <c r="B33722" t="s">
        <v>49648</v>
      </c>
      <c r="C33722">
        <v>1</v>
      </c>
      <c r="D33722">
        <v>0</v>
      </c>
    </row>
    <row r="33723" spans="1:4" x14ac:dyDescent="0.25">
      <c r="A33723" t="s">
        <v>49646</v>
      </c>
      <c r="B33723" t="s">
        <v>49649</v>
      </c>
      <c r="C33723">
        <v>0</v>
      </c>
      <c r="D33723">
        <v>0</v>
      </c>
    </row>
    <row r="33724" spans="1:4" x14ac:dyDescent="0.25">
      <c r="A33724" t="s">
        <v>49650</v>
      </c>
      <c r="B33724" t="s">
        <v>49651</v>
      </c>
      <c r="C33724">
        <v>0</v>
      </c>
      <c r="D33724">
        <v>0</v>
      </c>
    </row>
    <row r="33725" spans="1:4" x14ac:dyDescent="0.25">
      <c r="A33725" t="s">
        <v>49650</v>
      </c>
      <c r="B33725" t="s">
        <v>49652</v>
      </c>
      <c r="C33725">
        <v>0</v>
      </c>
      <c r="D33725">
        <v>0</v>
      </c>
    </row>
    <row r="33726" spans="1:4" x14ac:dyDescent="0.25">
      <c r="A33726" t="s">
        <v>49650</v>
      </c>
      <c r="B33726" t="s">
        <v>49653</v>
      </c>
      <c r="C33726">
        <v>1</v>
      </c>
      <c r="D33726">
        <v>0</v>
      </c>
    </row>
    <row r="33727" spans="1:4" x14ac:dyDescent="0.25">
      <c r="A33727" t="s">
        <v>49650</v>
      </c>
      <c r="B33727" t="s">
        <v>49654</v>
      </c>
      <c r="C33727">
        <v>1</v>
      </c>
      <c r="D33727">
        <v>0</v>
      </c>
    </row>
    <row r="33728" spans="1:4" x14ac:dyDescent="0.25">
      <c r="A33728" t="s">
        <v>49655</v>
      </c>
      <c r="B33728" t="s">
        <v>49656</v>
      </c>
      <c r="C33728">
        <v>1</v>
      </c>
      <c r="D33728">
        <v>0</v>
      </c>
    </row>
    <row r="33729" spans="1:4" x14ac:dyDescent="0.25">
      <c r="A33729" t="s">
        <v>49655</v>
      </c>
      <c r="B33729" t="s">
        <v>49657</v>
      </c>
      <c r="C33729">
        <v>0</v>
      </c>
      <c r="D33729">
        <v>0</v>
      </c>
    </row>
    <row r="33730" spans="1:4" x14ac:dyDescent="0.25">
      <c r="A33730" t="s">
        <v>49655</v>
      </c>
      <c r="B33730" t="s">
        <v>12472</v>
      </c>
      <c r="C33730">
        <v>1</v>
      </c>
      <c r="D33730">
        <v>0</v>
      </c>
    </row>
    <row r="33731" spans="1:4" x14ac:dyDescent="0.25">
      <c r="A33731" t="s">
        <v>49655</v>
      </c>
      <c r="B33731" t="s">
        <v>49658</v>
      </c>
      <c r="C33731">
        <v>0</v>
      </c>
      <c r="D33731">
        <v>0</v>
      </c>
    </row>
    <row r="33732" spans="1:4" x14ac:dyDescent="0.25">
      <c r="A33732" t="s">
        <v>49655</v>
      </c>
      <c r="B33732" t="s">
        <v>49659</v>
      </c>
      <c r="C33732">
        <v>1</v>
      </c>
      <c r="D33732">
        <v>0</v>
      </c>
    </row>
    <row r="33733" spans="1:4" x14ac:dyDescent="0.25">
      <c r="A33733" t="s">
        <v>49655</v>
      </c>
      <c r="B33733" t="s">
        <v>47634</v>
      </c>
      <c r="C33733">
        <v>2</v>
      </c>
      <c r="D33733">
        <v>0</v>
      </c>
    </row>
    <row r="33734" spans="1:4" x14ac:dyDescent="0.25">
      <c r="A33734" t="s">
        <v>49660</v>
      </c>
      <c r="B33734" t="s">
        <v>5434</v>
      </c>
      <c r="C33734">
        <v>1</v>
      </c>
      <c r="D33734">
        <v>0</v>
      </c>
    </row>
    <row r="33735" spans="1:4" x14ac:dyDescent="0.25">
      <c r="A33735" t="s">
        <v>49661</v>
      </c>
      <c r="B33735" t="s">
        <v>49662</v>
      </c>
      <c r="C33735">
        <v>1</v>
      </c>
      <c r="D33735">
        <v>0</v>
      </c>
    </row>
    <row r="33736" spans="1:4" x14ac:dyDescent="0.25">
      <c r="A33736" t="s">
        <v>49661</v>
      </c>
      <c r="B33736" t="s">
        <v>49663</v>
      </c>
      <c r="C33736">
        <v>1</v>
      </c>
      <c r="D33736">
        <v>0</v>
      </c>
    </row>
    <row r="33737" spans="1:4" x14ac:dyDescent="0.25">
      <c r="A33737" t="s">
        <v>49661</v>
      </c>
      <c r="B33737" t="s">
        <v>49664</v>
      </c>
      <c r="C33737">
        <v>1</v>
      </c>
      <c r="D33737">
        <v>0</v>
      </c>
    </row>
    <row r="33738" spans="1:4" x14ac:dyDescent="0.25">
      <c r="A33738" t="s">
        <v>49665</v>
      </c>
      <c r="B33738" t="s">
        <v>49666</v>
      </c>
      <c r="C33738">
        <v>1</v>
      </c>
      <c r="D33738">
        <v>0</v>
      </c>
    </row>
    <row r="33739" spans="1:4" x14ac:dyDescent="0.25">
      <c r="A33739" t="s">
        <v>49665</v>
      </c>
      <c r="B33739" t="s">
        <v>49667</v>
      </c>
      <c r="C33739">
        <v>1</v>
      </c>
      <c r="D33739">
        <v>0</v>
      </c>
    </row>
    <row r="33740" spans="1:4" x14ac:dyDescent="0.25">
      <c r="A33740" t="s">
        <v>49665</v>
      </c>
      <c r="B33740" t="s">
        <v>49668</v>
      </c>
      <c r="C33740">
        <v>2</v>
      </c>
      <c r="D33740">
        <v>0</v>
      </c>
    </row>
    <row r="33741" spans="1:4" x14ac:dyDescent="0.25">
      <c r="A33741" t="s">
        <v>49665</v>
      </c>
      <c r="B33741" t="s">
        <v>49669</v>
      </c>
      <c r="C33741">
        <v>1</v>
      </c>
      <c r="D33741">
        <v>0</v>
      </c>
    </row>
    <row r="33742" spans="1:4" x14ac:dyDescent="0.25">
      <c r="A33742" t="s">
        <v>49665</v>
      </c>
      <c r="B33742" t="s">
        <v>49670</v>
      </c>
      <c r="C33742">
        <v>1</v>
      </c>
      <c r="D33742">
        <v>0</v>
      </c>
    </row>
    <row r="33743" spans="1:4" x14ac:dyDescent="0.25">
      <c r="A33743" t="s">
        <v>49665</v>
      </c>
      <c r="B33743" t="s">
        <v>49671</v>
      </c>
      <c r="C33743">
        <v>2</v>
      </c>
      <c r="D33743">
        <v>0</v>
      </c>
    </row>
    <row r="33744" spans="1:4" x14ac:dyDescent="0.25">
      <c r="A33744" t="s">
        <v>49665</v>
      </c>
      <c r="B33744" t="s">
        <v>49672</v>
      </c>
      <c r="C33744">
        <v>1</v>
      </c>
      <c r="D33744">
        <v>0</v>
      </c>
    </row>
    <row r="33745" spans="1:4" x14ac:dyDescent="0.25">
      <c r="A33745" t="s">
        <v>49673</v>
      </c>
      <c r="B33745" t="s">
        <v>49674</v>
      </c>
      <c r="C33745">
        <v>1</v>
      </c>
      <c r="D33745">
        <v>0</v>
      </c>
    </row>
    <row r="33746" spans="1:4" x14ac:dyDescent="0.25">
      <c r="A33746" t="s">
        <v>49673</v>
      </c>
      <c r="B33746" t="s">
        <v>49675</v>
      </c>
      <c r="C33746">
        <v>1</v>
      </c>
      <c r="D33746">
        <v>0</v>
      </c>
    </row>
    <row r="33747" spans="1:4" x14ac:dyDescent="0.25">
      <c r="A33747" t="s">
        <v>49676</v>
      </c>
      <c r="B33747" t="s">
        <v>49677</v>
      </c>
      <c r="C33747">
        <v>1</v>
      </c>
      <c r="D33747">
        <v>0</v>
      </c>
    </row>
    <row r="33748" spans="1:4" x14ac:dyDescent="0.25">
      <c r="A33748" t="s">
        <v>49676</v>
      </c>
      <c r="B33748" t="s">
        <v>49678</v>
      </c>
      <c r="C33748">
        <v>1</v>
      </c>
      <c r="D33748">
        <v>0</v>
      </c>
    </row>
    <row r="33749" spans="1:4" x14ac:dyDescent="0.25">
      <c r="A33749" t="s">
        <v>49676</v>
      </c>
      <c r="B33749" t="s">
        <v>49679</v>
      </c>
      <c r="C33749">
        <v>2</v>
      </c>
      <c r="D33749">
        <v>0</v>
      </c>
    </row>
    <row r="33750" spans="1:4" x14ac:dyDescent="0.25">
      <c r="A33750" t="s">
        <v>49676</v>
      </c>
      <c r="B33750" t="s">
        <v>49680</v>
      </c>
      <c r="C33750">
        <v>1</v>
      </c>
      <c r="D33750">
        <v>0</v>
      </c>
    </row>
    <row r="33751" spans="1:4" x14ac:dyDescent="0.25">
      <c r="A33751" t="s">
        <v>49676</v>
      </c>
      <c r="B33751" t="s">
        <v>49681</v>
      </c>
      <c r="C33751">
        <v>2</v>
      </c>
      <c r="D33751">
        <v>0</v>
      </c>
    </row>
    <row r="33752" spans="1:4" x14ac:dyDescent="0.25">
      <c r="A33752" t="s">
        <v>49682</v>
      </c>
      <c r="B33752" t="s">
        <v>49683</v>
      </c>
      <c r="C33752">
        <v>1</v>
      </c>
      <c r="D33752">
        <v>0</v>
      </c>
    </row>
    <row r="33753" spans="1:4" x14ac:dyDescent="0.25">
      <c r="A33753" t="s">
        <v>49682</v>
      </c>
      <c r="B33753" t="s">
        <v>49684</v>
      </c>
      <c r="C33753">
        <v>1</v>
      </c>
      <c r="D33753">
        <v>0</v>
      </c>
    </row>
    <row r="33754" spans="1:4" x14ac:dyDescent="0.25">
      <c r="A33754" t="s">
        <v>49682</v>
      </c>
      <c r="B33754" t="s">
        <v>49685</v>
      </c>
      <c r="C33754">
        <v>1</v>
      </c>
      <c r="D33754">
        <v>0</v>
      </c>
    </row>
    <row r="33755" spans="1:4" x14ac:dyDescent="0.25">
      <c r="A33755" t="s">
        <v>49682</v>
      </c>
      <c r="B33755" t="s">
        <v>49686</v>
      </c>
      <c r="C33755">
        <v>2</v>
      </c>
      <c r="D33755">
        <v>0</v>
      </c>
    </row>
    <row r="33756" spans="1:4" x14ac:dyDescent="0.25">
      <c r="A33756" t="s">
        <v>49682</v>
      </c>
      <c r="B33756" t="s">
        <v>49687</v>
      </c>
      <c r="C33756">
        <v>2</v>
      </c>
      <c r="D33756">
        <v>0</v>
      </c>
    </row>
    <row r="33757" spans="1:4" x14ac:dyDescent="0.25">
      <c r="A33757" t="s">
        <v>49688</v>
      </c>
      <c r="B33757" t="s">
        <v>49689</v>
      </c>
      <c r="C33757">
        <v>1</v>
      </c>
      <c r="D33757">
        <v>0</v>
      </c>
    </row>
    <row r="33758" spans="1:4" x14ac:dyDescent="0.25">
      <c r="A33758" t="s">
        <v>49688</v>
      </c>
      <c r="B33758" t="s">
        <v>49690</v>
      </c>
      <c r="C33758">
        <v>1</v>
      </c>
      <c r="D33758">
        <v>0</v>
      </c>
    </row>
    <row r="33759" spans="1:4" x14ac:dyDescent="0.25">
      <c r="A33759" t="s">
        <v>49688</v>
      </c>
      <c r="B33759" t="s">
        <v>49691</v>
      </c>
      <c r="C33759">
        <v>1</v>
      </c>
      <c r="D33759">
        <v>0</v>
      </c>
    </row>
    <row r="33760" spans="1:4" x14ac:dyDescent="0.25">
      <c r="A33760" t="s">
        <v>49692</v>
      </c>
      <c r="B33760" t="s">
        <v>49693</v>
      </c>
      <c r="C33760">
        <v>1</v>
      </c>
      <c r="D33760">
        <v>0</v>
      </c>
    </row>
    <row r="33761" spans="1:4" x14ac:dyDescent="0.25">
      <c r="A33761" t="s">
        <v>49694</v>
      </c>
      <c r="B33761" t="s">
        <v>49695</v>
      </c>
      <c r="C33761">
        <v>2</v>
      </c>
      <c r="D33761">
        <v>0</v>
      </c>
    </row>
    <row r="33762" spans="1:4" x14ac:dyDescent="0.25">
      <c r="A33762" t="s">
        <v>49696</v>
      </c>
      <c r="B33762" t="s">
        <v>49697</v>
      </c>
      <c r="C33762">
        <v>0</v>
      </c>
      <c r="D33762">
        <v>0</v>
      </c>
    </row>
    <row r="33763" spans="1:4" x14ac:dyDescent="0.25">
      <c r="A33763" t="s">
        <v>49696</v>
      </c>
      <c r="B33763" t="s">
        <v>49698</v>
      </c>
      <c r="C33763">
        <v>0</v>
      </c>
      <c r="D33763">
        <v>0</v>
      </c>
    </row>
    <row r="33764" spans="1:4" x14ac:dyDescent="0.25">
      <c r="A33764" t="s">
        <v>49696</v>
      </c>
      <c r="B33764" t="s">
        <v>49699</v>
      </c>
      <c r="C33764">
        <v>1</v>
      </c>
      <c r="D33764">
        <v>0</v>
      </c>
    </row>
    <row r="33765" spans="1:4" x14ac:dyDescent="0.25">
      <c r="A33765" t="s">
        <v>49696</v>
      </c>
      <c r="B33765" t="s">
        <v>49700</v>
      </c>
      <c r="C33765">
        <v>1</v>
      </c>
      <c r="D33765">
        <v>0</v>
      </c>
    </row>
    <row r="33766" spans="1:4" x14ac:dyDescent="0.25">
      <c r="A33766" t="s">
        <v>49696</v>
      </c>
      <c r="B33766" t="s">
        <v>49701</v>
      </c>
      <c r="C33766">
        <v>0</v>
      </c>
      <c r="D33766">
        <v>0</v>
      </c>
    </row>
    <row r="33767" spans="1:4" x14ac:dyDescent="0.25">
      <c r="A33767" t="s">
        <v>49702</v>
      </c>
      <c r="B33767" t="s">
        <v>49703</v>
      </c>
      <c r="C33767">
        <v>1</v>
      </c>
      <c r="D33767">
        <v>0</v>
      </c>
    </row>
    <row r="33768" spans="1:4" x14ac:dyDescent="0.25">
      <c r="A33768" t="s">
        <v>49702</v>
      </c>
      <c r="B33768" t="s">
        <v>49704</v>
      </c>
      <c r="C33768">
        <v>2</v>
      </c>
      <c r="D33768">
        <v>0</v>
      </c>
    </row>
    <row r="33769" spans="1:4" x14ac:dyDescent="0.25">
      <c r="A33769" t="s">
        <v>49702</v>
      </c>
      <c r="B33769" t="s">
        <v>49705</v>
      </c>
      <c r="C33769">
        <v>2</v>
      </c>
      <c r="D33769">
        <v>0</v>
      </c>
    </row>
    <row r="33770" spans="1:4" x14ac:dyDescent="0.25">
      <c r="A33770" t="s">
        <v>49702</v>
      </c>
      <c r="B33770" t="s">
        <v>49706</v>
      </c>
      <c r="C33770">
        <v>2</v>
      </c>
      <c r="D33770">
        <v>0</v>
      </c>
    </row>
    <row r="33771" spans="1:4" x14ac:dyDescent="0.25">
      <c r="A33771" t="s">
        <v>49702</v>
      </c>
      <c r="B33771" t="s">
        <v>49707</v>
      </c>
      <c r="C33771">
        <v>0</v>
      </c>
      <c r="D33771">
        <v>0</v>
      </c>
    </row>
    <row r="33772" spans="1:4" x14ac:dyDescent="0.25">
      <c r="A33772" t="s">
        <v>49702</v>
      </c>
      <c r="B33772" t="s">
        <v>49708</v>
      </c>
      <c r="C33772">
        <v>1</v>
      </c>
      <c r="D33772">
        <v>0</v>
      </c>
    </row>
    <row r="33773" spans="1:4" x14ac:dyDescent="0.25">
      <c r="A33773" t="s">
        <v>49702</v>
      </c>
      <c r="B33773" t="s">
        <v>5713</v>
      </c>
      <c r="C33773">
        <v>2</v>
      </c>
      <c r="D33773">
        <v>0</v>
      </c>
    </row>
    <row r="33774" spans="1:4" x14ac:dyDescent="0.25">
      <c r="A33774" t="s">
        <v>49702</v>
      </c>
      <c r="B33774" t="s">
        <v>49709</v>
      </c>
      <c r="C33774">
        <v>2</v>
      </c>
      <c r="D33774">
        <v>0</v>
      </c>
    </row>
    <row r="33775" spans="1:4" x14ac:dyDescent="0.25">
      <c r="A33775" t="s">
        <v>49710</v>
      </c>
      <c r="B33775" t="s">
        <v>49711</v>
      </c>
      <c r="C33775">
        <v>1</v>
      </c>
      <c r="D33775">
        <v>0</v>
      </c>
    </row>
    <row r="33776" spans="1:4" x14ac:dyDescent="0.25">
      <c r="A33776" t="s">
        <v>49710</v>
      </c>
      <c r="B33776" t="s">
        <v>49712</v>
      </c>
      <c r="C33776">
        <v>1</v>
      </c>
      <c r="D33776">
        <v>0</v>
      </c>
    </row>
    <row r="33777" spans="1:4" x14ac:dyDescent="0.25">
      <c r="A33777" t="s">
        <v>49710</v>
      </c>
      <c r="B33777" t="s">
        <v>49713</v>
      </c>
      <c r="C33777">
        <v>1</v>
      </c>
      <c r="D33777">
        <v>0</v>
      </c>
    </row>
    <row r="33778" spans="1:4" x14ac:dyDescent="0.25">
      <c r="A33778" t="s">
        <v>49714</v>
      </c>
      <c r="B33778" t="s">
        <v>49715</v>
      </c>
      <c r="C33778">
        <v>1</v>
      </c>
      <c r="D33778">
        <v>0</v>
      </c>
    </row>
    <row r="33779" spans="1:4" x14ac:dyDescent="0.25">
      <c r="A33779" t="s">
        <v>49714</v>
      </c>
      <c r="B33779" t="s">
        <v>49716</v>
      </c>
      <c r="C33779">
        <v>1</v>
      </c>
      <c r="D33779">
        <v>0</v>
      </c>
    </row>
    <row r="33780" spans="1:4" x14ac:dyDescent="0.25">
      <c r="A33780" t="s">
        <v>49717</v>
      </c>
      <c r="B33780" t="s">
        <v>49718</v>
      </c>
      <c r="C33780">
        <v>1</v>
      </c>
      <c r="D33780">
        <v>0</v>
      </c>
    </row>
    <row r="33781" spans="1:4" x14ac:dyDescent="0.25">
      <c r="A33781" t="s">
        <v>49717</v>
      </c>
      <c r="B33781" t="s">
        <v>49719</v>
      </c>
      <c r="C33781">
        <v>1</v>
      </c>
      <c r="D33781">
        <v>0</v>
      </c>
    </row>
    <row r="33782" spans="1:4" x14ac:dyDescent="0.25">
      <c r="A33782" t="s">
        <v>49717</v>
      </c>
      <c r="B33782" t="s">
        <v>49720</v>
      </c>
      <c r="C33782">
        <v>1</v>
      </c>
      <c r="D33782">
        <v>0</v>
      </c>
    </row>
    <row r="33783" spans="1:4" x14ac:dyDescent="0.25">
      <c r="A33783" t="s">
        <v>49721</v>
      </c>
      <c r="B33783" t="s">
        <v>49722</v>
      </c>
      <c r="C33783">
        <v>1</v>
      </c>
      <c r="D33783">
        <v>0</v>
      </c>
    </row>
    <row r="33784" spans="1:4" x14ac:dyDescent="0.25">
      <c r="A33784" t="s">
        <v>49721</v>
      </c>
      <c r="B33784" t="s">
        <v>49723</v>
      </c>
      <c r="C33784">
        <v>1</v>
      </c>
      <c r="D33784">
        <v>0</v>
      </c>
    </row>
    <row r="33785" spans="1:4" x14ac:dyDescent="0.25">
      <c r="A33785" t="s">
        <v>49721</v>
      </c>
      <c r="B33785" t="s">
        <v>17479</v>
      </c>
      <c r="C33785">
        <v>0</v>
      </c>
      <c r="D33785">
        <v>0</v>
      </c>
    </row>
    <row r="33786" spans="1:4" x14ac:dyDescent="0.25">
      <c r="A33786" t="s">
        <v>49721</v>
      </c>
      <c r="B33786" t="s">
        <v>49724</v>
      </c>
      <c r="C33786">
        <v>0</v>
      </c>
      <c r="D33786">
        <v>0</v>
      </c>
    </row>
    <row r="33787" spans="1:4" x14ac:dyDescent="0.25">
      <c r="A33787" t="s">
        <v>49721</v>
      </c>
      <c r="B33787" t="s">
        <v>49725</v>
      </c>
      <c r="C33787">
        <v>1</v>
      </c>
      <c r="D33787">
        <v>0</v>
      </c>
    </row>
    <row r="33788" spans="1:4" x14ac:dyDescent="0.25">
      <c r="A33788" t="s">
        <v>49721</v>
      </c>
      <c r="B33788" t="s">
        <v>49726</v>
      </c>
      <c r="C33788">
        <v>2</v>
      </c>
      <c r="D33788">
        <v>0</v>
      </c>
    </row>
    <row r="33789" spans="1:4" x14ac:dyDescent="0.25">
      <c r="A33789" t="s">
        <v>49727</v>
      </c>
      <c r="B33789" t="s">
        <v>49728</v>
      </c>
      <c r="C33789">
        <v>1</v>
      </c>
      <c r="D33789">
        <v>0</v>
      </c>
    </row>
    <row r="33790" spans="1:4" x14ac:dyDescent="0.25">
      <c r="A33790" t="s">
        <v>49727</v>
      </c>
      <c r="B33790" t="s">
        <v>49729</v>
      </c>
      <c r="C33790">
        <v>1</v>
      </c>
      <c r="D33790">
        <v>0</v>
      </c>
    </row>
    <row r="33791" spans="1:4" x14ac:dyDescent="0.25">
      <c r="A33791" t="s">
        <v>49727</v>
      </c>
      <c r="B33791" t="s">
        <v>49730</v>
      </c>
      <c r="C33791">
        <v>1</v>
      </c>
      <c r="D33791">
        <v>0</v>
      </c>
    </row>
    <row r="33792" spans="1:4" x14ac:dyDescent="0.25">
      <c r="A33792" t="s">
        <v>49727</v>
      </c>
      <c r="B33792" t="s">
        <v>49731</v>
      </c>
      <c r="C33792">
        <v>1</v>
      </c>
      <c r="D33792">
        <v>0</v>
      </c>
    </row>
    <row r="33793" spans="1:4" x14ac:dyDescent="0.25">
      <c r="A33793" t="s">
        <v>49727</v>
      </c>
      <c r="B33793" t="s">
        <v>49732</v>
      </c>
      <c r="C33793">
        <v>1</v>
      </c>
      <c r="D33793">
        <v>0</v>
      </c>
    </row>
    <row r="33794" spans="1:4" x14ac:dyDescent="0.25">
      <c r="A33794" t="s">
        <v>49733</v>
      </c>
      <c r="B33794" t="s">
        <v>49734</v>
      </c>
      <c r="C33794">
        <v>1</v>
      </c>
      <c r="D33794">
        <v>0</v>
      </c>
    </row>
    <row r="33795" spans="1:4" x14ac:dyDescent="0.25">
      <c r="A33795" t="s">
        <v>49733</v>
      </c>
      <c r="B33795" t="s">
        <v>49735</v>
      </c>
      <c r="C33795">
        <v>1</v>
      </c>
      <c r="D33795">
        <v>0</v>
      </c>
    </row>
    <row r="33796" spans="1:4" x14ac:dyDescent="0.25">
      <c r="A33796" t="s">
        <v>49733</v>
      </c>
      <c r="B33796" t="s">
        <v>49736</v>
      </c>
      <c r="C33796">
        <v>0</v>
      </c>
      <c r="D33796">
        <v>0</v>
      </c>
    </row>
    <row r="33797" spans="1:4" x14ac:dyDescent="0.25">
      <c r="A33797" t="s">
        <v>49733</v>
      </c>
      <c r="B33797" t="s">
        <v>49737</v>
      </c>
      <c r="C33797">
        <v>1</v>
      </c>
      <c r="D33797">
        <v>0</v>
      </c>
    </row>
    <row r="33798" spans="1:4" x14ac:dyDescent="0.25">
      <c r="A33798" t="s">
        <v>49733</v>
      </c>
      <c r="B33798" t="s">
        <v>49738</v>
      </c>
      <c r="C33798">
        <v>1</v>
      </c>
      <c r="D33798">
        <v>0</v>
      </c>
    </row>
    <row r="33799" spans="1:4" x14ac:dyDescent="0.25">
      <c r="A33799" t="s">
        <v>49733</v>
      </c>
      <c r="B33799" t="s">
        <v>49739</v>
      </c>
      <c r="C33799">
        <v>0</v>
      </c>
      <c r="D33799">
        <v>0</v>
      </c>
    </row>
    <row r="33800" spans="1:4" x14ac:dyDescent="0.25">
      <c r="A33800" t="s">
        <v>49733</v>
      </c>
      <c r="B33800" t="s">
        <v>49740</v>
      </c>
      <c r="C33800">
        <v>2</v>
      </c>
      <c r="D33800">
        <v>0</v>
      </c>
    </row>
    <row r="33801" spans="1:4" x14ac:dyDescent="0.25">
      <c r="A33801" t="s">
        <v>49741</v>
      </c>
      <c r="B33801" t="s">
        <v>49742</v>
      </c>
      <c r="C33801">
        <v>1</v>
      </c>
      <c r="D33801">
        <v>0</v>
      </c>
    </row>
    <row r="33802" spans="1:4" x14ac:dyDescent="0.25">
      <c r="A33802" t="s">
        <v>49741</v>
      </c>
      <c r="B33802" t="s">
        <v>49743</v>
      </c>
      <c r="C33802">
        <v>0</v>
      </c>
      <c r="D33802">
        <v>0</v>
      </c>
    </row>
    <row r="33803" spans="1:4" x14ac:dyDescent="0.25">
      <c r="A33803" t="s">
        <v>49741</v>
      </c>
      <c r="B33803" t="s">
        <v>49744</v>
      </c>
      <c r="C33803">
        <v>0</v>
      </c>
      <c r="D33803">
        <v>0</v>
      </c>
    </row>
    <row r="33804" spans="1:4" x14ac:dyDescent="0.25">
      <c r="A33804" t="s">
        <v>49741</v>
      </c>
      <c r="B33804" t="s">
        <v>49745</v>
      </c>
      <c r="C33804">
        <v>0</v>
      </c>
      <c r="D33804">
        <v>0</v>
      </c>
    </row>
    <row r="33805" spans="1:4" x14ac:dyDescent="0.25">
      <c r="A33805" t="s">
        <v>49741</v>
      </c>
      <c r="B33805" t="s">
        <v>49746</v>
      </c>
      <c r="C33805">
        <v>1</v>
      </c>
      <c r="D33805">
        <v>0</v>
      </c>
    </row>
    <row r="33806" spans="1:4" x14ac:dyDescent="0.25">
      <c r="A33806" t="s">
        <v>49741</v>
      </c>
      <c r="B33806" t="s">
        <v>49747</v>
      </c>
      <c r="C33806">
        <v>2</v>
      </c>
      <c r="D33806">
        <v>0</v>
      </c>
    </row>
    <row r="33807" spans="1:4" x14ac:dyDescent="0.25">
      <c r="A33807" t="s">
        <v>49741</v>
      </c>
      <c r="B33807" t="s">
        <v>49748</v>
      </c>
      <c r="C33807">
        <v>1</v>
      </c>
      <c r="D33807">
        <v>0</v>
      </c>
    </row>
    <row r="33808" spans="1:4" x14ac:dyDescent="0.25">
      <c r="A33808" t="s">
        <v>49749</v>
      </c>
      <c r="B33808" t="s">
        <v>49750</v>
      </c>
      <c r="C33808">
        <v>1</v>
      </c>
      <c r="D33808">
        <v>0</v>
      </c>
    </row>
    <row r="33809" spans="1:4" x14ac:dyDescent="0.25">
      <c r="A33809" t="s">
        <v>49749</v>
      </c>
      <c r="B33809" t="s">
        <v>49751</v>
      </c>
      <c r="C33809">
        <v>0</v>
      </c>
      <c r="D33809">
        <v>0</v>
      </c>
    </row>
    <row r="33810" spans="1:4" x14ac:dyDescent="0.25">
      <c r="A33810" t="s">
        <v>49749</v>
      </c>
      <c r="B33810" t="s">
        <v>49752</v>
      </c>
      <c r="C33810">
        <v>1</v>
      </c>
      <c r="D33810">
        <v>0</v>
      </c>
    </row>
    <row r="33811" spans="1:4" x14ac:dyDescent="0.25">
      <c r="A33811" t="s">
        <v>49749</v>
      </c>
      <c r="B33811" t="s">
        <v>49753</v>
      </c>
      <c r="C33811">
        <v>1</v>
      </c>
      <c r="D33811">
        <v>0</v>
      </c>
    </row>
    <row r="33812" spans="1:4" x14ac:dyDescent="0.25">
      <c r="A33812" t="s">
        <v>49749</v>
      </c>
      <c r="B33812" t="s">
        <v>49754</v>
      </c>
      <c r="C33812">
        <v>1</v>
      </c>
      <c r="D33812">
        <v>0</v>
      </c>
    </row>
    <row r="33813" spans="1:4" x14ac:dyDescent="0.25">
      <c r="A33813" t="s">
        <v>49749</v>
      </c>
      <c r="B33813" t="s">
        <v>49755</v>
      </c>
      <c r="C33813">
        <v>1</v>
      </c>
      <c r="D33813">
        <v>0</v>
      </c>
    </row>
    <row r="33814" spans="1:4" x14ac:dyDescent="0.25">
      <c r="A33814" t="s">
        <v>49756</v>
      </c>
      <c r="B33814" t="s">
        <v>49757</v>
      </c>
      <c r="C33814">
        <v>2</v>
      </c>
      <c r="D33814">
        <v>0</v>
      </c>
    </row>
    <row r="33815" spans="1:4" x14ac:dyDescent="0.25">
      <c r="A33815" t="s">
        <v>49756</v>
      </c>
      <c r="B33815" t="s">
        <v>49758</v>
      </c>
      <c r="C33815">
        <v>0</v>
      </c>
      <c r="D33815">
        <v>0</v>
      </c>
    </row>
    <row r="33816" spans="1:4" x14ac:dyDescent="0.25">
      <c r="A33816" t="s">
        <v>49756</v>
      </c>
      <c r="B33816" t="s">
        <v>49759</v>
      </c>
      <c r="C33816">
        <v>1</v>
      </c>
      <c r="D33816">
        <v>0</v>
      </c>
    </row>
    <row r="33817" spans="1:4" x14ac:dyDescent="0.25">
      <c r="A33817" t="s">
        <v>49760</v>
      </c>
      <c r="B33817" t="s">
        <v>49761</v>
      </c>
      <c r="C33817">
        <v>0</v>
      </c>
      <c r="D33817">
        <v>0</v>
      </c>
    </row>
    <row r="33818" spans="1:4" x14ac:dyDescent="0.25">
      <c r="A33818" t="s">
        <v>49760</v>
      </c>
      <c r="B33818" t="s">
        <v>49762</v>
      </c>
      <c r="C33818">
        <v>2</v>
      </c>
      <c r="D33818">
        <v>0</v>
      </c>
    </row>
    <row r="33819" spans="1:4" x14ac:dyDescent="0.25">
      <c r="A33819" t="s">
        <v>49760</v>
      </c>
      <c r="B33819" t="s">
        <v>49763</v>
      </c>
      <c r="C33819">
        <v>1</v>
      </c>
      <c r="D33819">
        <v>0</v>
      </c>
    </row>
    <row r="33820" spans="1:4" x14ac:dyDescent="0.25">
      <c r="A33820" t="s">
        <v>49760</v>
      </c>
      <c r="B33820" t="s">
        <v>49764</v>
      </c>
      <c r="C33820">
        <v>2</v>
      </c>
      <c r="D33820">
        <v>0</v>
      </c>
    </row>
    <row r="33821" spans="1:4" x14ac:dyDescent="0.25">
      <c r="A33821" t="s">
        <v>49760</v>
      </c>
      <c r="B33821" t="s">
        <v>49765</v>
      </c>
      <c r="C33821">
        <v>1</v>
      </c>
      <c r="D33821">
        <v>0</v>
      </c>
    </row>
    <row r="33822" spans="1:4" x14ac:dyDescent="0.25">
      <c r="A33822" t="s">
        <v>49766</v>
      </c>
      <c r="B33822" t="s">
        <v>49767</v>
      </c>
      <c r="C33822">
        <v>1</v>
      </c>
      <c r="D33822">
        <v>0</v>
      </c>
    </row>
    <row r="33823" spans="1:4" x14ac:dyDescent="0.25">
      <c r="A33823" t="s">
        <v>49766</v>
      </c>
      <c r="B33823" t="s">
        <v>49768</v>
      </c>
      <c r="C33823">
        <v>2</v>
      </c>
      <c r="D33823">
        <v>0</v>
      </c>
    </row>
    <row r="33824" spans="1:4" x14ac:dyDescent="0.25">
      <c r="A33824" t="s">
        <v>49766</v>
      </c>
      <c r="B33824" t="s">
        <v>49769</v>
      </c>
      <c r="C33824">
        <v>1</v>
      </c>
      <c r="D33824">
        <v>0</v>
      </c>
    </row>
    <row r="33825" spans="1:4" x14ac:dyDescent="0.25">
      <c r="A33825" t="s">
        <v>49770</v>
      </c>
      <c r="B33825" t="s">
        <v>49771</v>
      </c>
      <c r="C33825">
        <v>0</v>
      </c>
      <c r="D33825">
        <v>0</v>
      </c>
    </row>
    <row r="33826" spans="1:4" x14ac:dyDescent="0.25">
      <c r="A33826" t="s">
        <v>49770</v>
      </c>
      <c r="B33826" t="s">
        <v>1461</v>
      </c>
      <c r="C33826">
        <v>2</v>
      </c>
      <c r="D33826">
        <v>0</v>
      </c>
    </row>
    <row r="33827" spans="1:4" x14ac:dyDescent="0.25">
      <c r="A33827" t="s">
        <v>49770</v>
      </c>
      <c r="B33827" t="s">
        <v>49772</v>
      </c>
      <c r="C33827">
        <v>2</v>
      </c>
      <c r="D33827">
        <v>0</v>
      </c>
    </row>
    <row r="33828" spans="1:4" x14ac:dyDescent="0.25">
      <c r="A33828" t="s">
        <v>49770</v>
      </c>
      <c r="B33828" t="s">
        <v>49773</v>
      </c>
      <c r="C33828">
        <v>1</v>
      </c>
      <c r="D33828">
        <v>0</v>
      </c>
    </row>
    <row r="33829" spans="1:4" x14ac:dyDescent="0.25">
      <c r="A33829" t="s">
        <v>49770</v>
      </c>
      <c r="B33829" t="s">
        <v>49774</v>
      </c>
      <c r="C33829">
        <v>0</v>
      </c>
      <c r="D33829">
        <v>0</v>
      </c>
    </row>
    <row r="33830" spans="1:4" x14ac:dyDescent="0.25">
      <c r="A33830" t="s">
        <v>49770</v>
      </c>
      <c r="B33830" t="s">
        <v>49775</v>
      </c>
      <c r="C33830">
        <v>1</v>
      </c>
      <c r="D33830">
        <v>0</v>
      </c>
    </row>
    <row r="33831" spans="1:4" x14ac:dyDescent="0.25">
      <c r="A33831" t="s">
        <v>49770</v>
      </c>
      <c r="B33831" t="s">
        <v>49776</v>
      </c>
      <c r="C33831">
        <v>0</v>
      </c>
      <c r="D33831">
        <v>0</v>
      </c>
    </row>
    <row r="33832" spans="1:4" x14ac:dyDescent="0.25">
      <c r="A33832" t="s">
        <v>49770</v>
      </c>
      <c r="B33832" t="s">
        <v>49777</v>
      </c>
      <c r="C33832">
        <v>0</v>
      </c>
      <c r="D33832">
        <v>0</v>
      </c>
    </row>
    <row r="33833" spans="1:4" x14ac:dyDescent="0.25">
      <c r="A33833" t="s">
        <v>49778</v>
      </c>
      <c r="B33833" t="s">
        <v>47398</v>
      </c>
      <c r="C33833">
        <v>1</v>
      </c>
      <c r="D33833">
        <v>0</v>
      </c>
    </row>
    <row r="33834" spans="1:4" x14ac:dyDescent="0.25">
      <c r="A33834" t="s">
        <v>49778</v>
      </c>
      <c r="B33834" t="s">
        <v>49779</v>
      </c>
      <c r="C33834">
        <v>1</v>
      </c>
      <c r="D33834">
        <v>0</v>
      </c>
    </row>
    <row r="33835" spans="1:4" x14ac:dyDescent="0.25">
      <c r="A33835" t="s">
        <v>49778</v>
      </c>
      <c r="B33835" t="s">
        <v>49780</v>
      </c>
      <c r="C33835">
        <v>1</v>
      </c>
      <c r="D33835">
        <v>0</v>
      </c>
    </row>
    <row r="33836" spans="1:4" x14ac:dyDescent="0.25">
      <c r="A33836" t="s">
        <v>49778</v>
      </c>
      <c r="B33836" t="s">
        <v>49781</v>
      </c>
      <c r="C33836">
        <v>1</v>
      </c>
      <c r="D33836">
        <v>0</v>
      </c>
    </row>
    <row r="33837" spans="1:4" x14ac:dyDescent="0.25">
      <c r="A33837" t="s">
        <v>49778</v>
      </c>
      <c r="B33837" t="s">
        <v>49782</v>
      </c>
      <c r="C33837">
        <v>1</v>
      </c>
      <c r="D33837">
        <v>0</v>
      </c>
    </row>
    <row r="33838" spans="1:4" x14ac:dyDescent="0.25">
      <c r="A33838" t="s">
        <v>49783</v>
      </c>
      <c r="B33838" t="s">
        <v>49784</v>
      </c>
      <c r="C33838">
        <v>1</v>
      </c>
      <c r="D33838">
        <v>0</v>
      </c>
    </row>
    <row r="33839" spans="1:4" x14ac:dyDescent="0.25">
      <c r="A33839" t="s">
        <v>49783</v>
      </c>
      <c r="B33839" t="s">
        <v>49785</v>
      </c>
      <c r="C33839">
        <v>0</v>
      </c>
      <c r="D33839">
        <v>0</v>
      </c>
    </row>
    <row r="33840" spans="1:4" x14ac:dyDescent="0.25">
      <c r="A33840" t="s">
        <v>49783</v>
      </c>
      <c r="B33840" t="s">
        <v>49786</v>
      </c>
      <c r="C33840">
        <v>1</v>
      </c>
      <c r="D33840">
        <v>0</v>
      </c>
    </row>
    <row r="33841" spans="1:4" x14ac:dyDescent="0.25">
      <c r="A33841" t="s">
        <v>49783</v>
      </c>
      <c r="B33841" t="s">
        <v>49787</v>
      </c>
      <c r="C33841">
        <v>1</v>
      </c>
      <c r="D33841">
        <v>0</v>
      </c>
    </row>
    <row r="33842" spans="1:4" x14ac:dyDescent="0.25">
      <c r="A33842" t="s">
        <v>49783</v>
      </c>
      <c r="B33842" t="s">
        <v>49788</v>
      </c>
      <c r="C33842">
        <v>1</v>
      </c>
      <c r="D33842">
        <v>0</v>
      </c>
    </row>
    <row r="33843" spans="1:4" x14ac:dyDescent="0.25">
      <c r="A33843" t="s">
        <v>49783</v>
      </c>
      <c r="B33843" t="s">
        <v>49789</v>
      </c>
      <c r="C33843">
        <v>1</v>
      </c>
      <c r="D33843">
        <v>0</v>
      </c>
    </row>
    <row r="33844" spans="1:4" x14ac:dyDescent="0.25">
      <c r="A33844" t="s">
        <v>49790</v>
      </c>
      <c r="B33844" t="s">
        <v>49791</v>
      </c>
      <c r="C33844">
        <v>1</v>
      </c>
      <c r="D33844">
        <v>0</v>
      </c>
    </row>
    <row r="33845" spans="1:4" x14ac:dyDescent="0.25">
      <c r="A33845" t="s">
        <v>49790</v>
      </c>
      <c r="B33845" t="s">
        <v>49792</v>
      </c>
      <c r="C33845">
        <v>1</v>
      </c>
      <c r="D33845">
        <v>0</v>
      </c>
    </row>
    <row r="33846" spans="1:4" x14ac:dyDescent="0.25">
      <c r="A33846" t="s">
        <v>49790</v>
      </c>
      <c r="B33846" t="s">
        <v>2704</v>
      </c>
      <c r="C33846">
        <v>1</v>
      </c>
      <c r="D33846">
        <v>0</v>
      </c>
    </row>
    <row r="33847" spans="1:4" x14ac:dyDescent="0.25">
      <c r="A33847" t="s">
        <v>49793</v>
      </c>
      <c r="B33847" t="s">
        <v>49794</v>
      </c>
      <c r="C33847">
        <v>1</v>
      </c>
      <c r="D33847">
        <v>0</v>
      </c>
    </row>
    <row r="33848" spans="1:4" x14ac:dyDescent="0.25">
      <c r="A33848" t="s">
        <v>49793</v>
      </c>
      <c r="B33848" t="s">
        <v>49795</v>
      </c>
      <c r="C33848">
        <v>1</v>
      </c>
      <c r="D33848">
        <v>0</v>
      </c>
    </row>
    <row r="33849" spans="1:4" x14ac:dyDescent="0.25">
      <c r="A33849" t="s">
        <v>49793</v>
      </c>
      <c r="B33849" t="s">
        <v>49796</v>
      </c>
      <c r="C33849">
        <v>1</v>
      </c>
      <c r="D33849">
        <v>0</v>
      </c>
    </row>
    <row r="33850" spans="1:4" x14ac:dyDescent="0.25">
      <c r="A33850" t="s">
        <v>49793</v>
      </c>
      <c r="B33850" t="s">
        <v>49797</v>
      </c>
      <c r="C33850">
        <v>1</v>
      </c>
      <c r="D33850">
        <v>0</v>
      </c>
    </row>
    <row r="33851" spans="1:4" x14ac:dyDescent="0.25">
      <c r="A33851" t="s">
        <v>49793</v>
      </c>
      <c r="B33851" t="s">
        <v>35545</v>
      </c>
      <c r="C33851">
        <v>1</v>
      </c>
      <c r="D33851">
        <v>0</v>
      </c>
    </row>
    <row r="33852" spans="1:4" x14ac:dyDescent="0.25">
      <c r="A33852" t="s">
        <v>49798</v>
      </c>
      <c r="B33852" t="s">
        <v>49799</v>
      </c>
      <c r="C33852">
        <v>1</v>
      </c>
      <c r="D33852">
        <v>0</v>
      </c>
    </row>
    <row r="33853" spans="1:4" x14ac:dyDescent="0.25">
      <c r="A33853" t="s">
        <v>49798</v>
      </c>
      <c r="B33853" t="s">
        <v>49800</v>
      </c>
      <c r="C33853">
        <v>0</v>
      </c>
      <c r="D33853">
        <v>0</v>
      </c>
    </row>
    <row r="33854" spans="1:4" x14ac:dyDescent="0.25">
      <c r="A33854" t="s">
        <v>49798</v>
      </c>
      <c r="B33854" t="s">
        <v>49801</v>
      </c>
      <c r="C33854">
        <v>1</v>
      </c>
      <c r="D33854">
        <v>0</v>
      </c>
    </row>
    <row r="33855" spans="1:4" x14ac:dyDescent="0.25">
      <c r="A33855" t="s">
        <v>49798</v>
      </c>
      <c r="B33855" t="s">
        <v>5713</v>
      </c>
      <c r="C33855">
        <v>1</v>
      </c>
      <c r="D33855">
        <v>0</v>
      </c>
    </row>
    <row r="33856" spans="1:4" x14ac:dyDescent="0.25">
      <c r="A33856" t="s">
        <v>49798</v>
      </c>
      <c r="B33856" t="s">
        <v>49802</v>
      </c>
      <c r="C33856">
        <v>1</v>
      </c>
      <c r="D33856">
        <v>0</v>
      </c>
    </row>
    <row r="33857" spans="1:4" x14ac:dyDescent="0.25">
      <c r="A33857" t="s">
        <v>49798</v>
      </c>
      <c r="B33857" t="s">
        <v>5713</v>
      </c>
      <c r="C33857">
        <v>1</v>
      </c>
      <c r="D33857">
        <v>0</v>
      </c>
    </row>
    <row r="33858" spans="1:4" x14ac:dyDescent="0.25">
      <c r="A33858" t="s">
        <v>49803</v>
      </c>
      <c r="B33858" t="s">
        <v>12472</v>
      </c>
      <c r="C33858">
        <v>1</v>
      </c>
      <c r="D33858">
        <v>0</v>
      </c>
    </row>
    <row r="33859" spans="1:4" x14ac:dyDescent="0.25">
      <c r="A33859" t="s">
        <v>49803</v>
      </c>
      <c r="B33859" t="s">
        <v>12472</v>
      </c>
      <c r="C33859">
        <v>1</v>
      </c>
      <c r="D33859">
        <v>0</v>
      </c>
    </row>
    <row r="33860" spans="1:4" x14ac:dyDescent="0.25">
      <c r="A33860" t="s">
        <v>49803</v>
      </c>
      <c r="B33860" t="s">
        <v>12472</v>
      </c>
      <c r="C33860">
        <v>1</v>
      </c>
      <c r="D33860">
        <v>0</v>
      </c>
    </row>
    <row r="33861" spans="1:4" x14ac:dyDescent="0.25">
      <c r="A33861" t="s">
        <v>49804</v>
      </c>
      <c r="B33861" t="s">
        <v>49805</v>
      </c>
      <c r="C33861">
        <v>2</v>
      </c>
      <c r="D33861">
        <v>0</v>
      </c>
    </row>
    <row r="33862" spans="1:4" x14ac:dyDescent="0.25">
      <c r="A33862" t="s">
        <v>49804</v>
      </c>
      <c r="B33862" t="s">
        <v>49806</v>
      </c>
      <c r="C33862">
        <v>0</v>
      </c>
      <c r="D33862">
        <v>0</v>
      </c>
    </row>
    <row r="33863" spans="1:4" x14ac:dyDescent="0.25">
      <c r="A33863" t="s">
        <v>49804</v>
      </c>
      <c r="B33863" t="s">
        <v>2865</v>
      </c>
      <c r="C33863">
        <v>0</v>
      </c>
      <c r="D33863">
        <v>0</v>
      </c>
    </row>
    <row r="33864" spans="1:4" x14ac:dyDescent="0.25">
      <c r="A33864" t="s">
        <v>49807</v>
      </c>
      <c r="B33864" t="s">
        <v>5864</v>
      </c>
      <c r="C33864">
        <v>1</v>
      </c>
      <c r="D33864">
        <v>0</v>
      </c>
    </row>
    <row r="33865" spans="1:4" x14ac:dyDescent="0.25">
      <c r="A33865" t="s">
        <v>49807</v>
      </c>
      <c r="B33865" t="s">
        <v>42776</v>
      </c>
      <c r="C33865">
        <v>0</v>
      </c>
      <c r="D33865">
        <v>0</v>
      </c>
    </row>
    <row r="33866" spans="1:4" x14ac:dyDescent="0.25">
      <c r="A33866" t="s">
        <v>49807</v>
      </c>
      <c r="B33866" t="s">
        <v>49808</v>
      </c>
      <c r="C33866">
        <v>1</v>
      </c>
      <c r="D33866">
        <v>0</v>
      </c>
    </row>
    <row r="33867" spans="1:4" x14ac:dyDescent="0.25">
      <c r="A33867" t="s">
        <v>49807</v>
      </c>
      <c r="B33867" t="s">
        <v>11948</v>
      </c>
      <c r="C33867">
        <v>0</v>
      </c>
      <c r="D33867">
        <v>0</v>
      </c>
    </row>
    <row r="33868" spans="1:4" x14ac:dyDescent="0.25">
      <c r="A33868" t="s">
        <v>49809</v>
      </c>
      <c r="B33868" t="s">
        <v>49810</v>
      </c>
      <c r="C33868">
        <v>1</v>
      </c>
      <c r="D33868">
        <v>0</v>
      </c>
    </row>
    <row r="33869" spans="1:4" x14ac:dyDescent="0.25">
      <c r="A33869" t="s">
        <v>49809</v>
      </c>
      <c r="B33869" t="s">
        <v>49811</v>
      </c>
      <c r="C33869">
        <v>0</v>
      </c>
      <c r="D33869">
        <v>0</v>
      </c>
    </row>
    <row r="33870" spans="1:4" x14ac:dyDescent="0.25">
      <c r="A33870" t="s">
        <v>49809</v>
      </c>
      <c r="B33870" t="s">
        <v>49812</v>
      </c>
      <c r="C33870">
        <v>1</v>
      </c>
      <c r="D33870">
        <v>0</v>
      </c>
    </row>
    <row r="33871" spans="1:4" x14ac:dyDescent="0.25">
      <c r="A33871" t="s">
        <v>49813</v>
      </c>
      <c r="B33871" t="s">
        <v>49814</v>
      </c>
      <c r="C33871">
        <v>1</v>
      </c>
      <c r="D33871">
        <v>0</v>
      </c>
    </row>
    <row r="33872" spans="1:4" x14ac:dyDescent="0.25">
      <c r="A33872" t="s">
        <v>49813</v>
      </c>
      <c r="B33872" t="s">
        <v>49815</v>
      </c>
      <c r="C33872">
        <v>1</v>
      </c>
      <c r="D33872">
        <v>0</v>
      </c>
    </row>
    <row r="33873" spans="1:4" x14ac:dyDescent="0.25">
      <c r="A33873" t="s">
        <v>49813</v>
      </c>
      <c r="B33873" t="s">
        <v>49816</v>
      </c>
      <c r="C33873">
        <v>1</v>
      </c>
      <c r="D33873">
        <v>0</v>
      </c>
    </row>
    <row r="33874" spans="1:4" x14ac:dyDescent="0.25">
      <c r="A33874" t="s">
        <v>49817</v>
      </c>
      <c r="B33874" t="s">
        <v>49818</v>
      </c>
      <c r="C33874">
        <v>1</v>
      </c>
      <c r="D33874">
        <v>0</v>
      </c>
    </row>
    <row r="33875" spans="1:4" x14ac:dyDescent="0.25">
      <c r="A33875" t="s">
        <v>49819</v>
      </c>
      <c r="B33875" t="s">
        <v>49820</v>
      </c>
      <c r="C33875">
        <v>1</v>
      </c>
      <c r="D33875">
        <v>0</v>
      </c>
    </row>
    <row r="33876" spans="1:4" x14ac:dyDescent="0.25">
      <c r="A33876" t="s">
        <v>49819</v>
      </c>
      <c r="B33876" t="s">
        <v>49821</v>
      </c>
      <c r="C33876">
        <v>1</v>
      </c>
      <c r="D33876">
        <v>0</v>
      </c>
    </row>
    <row r="33877" spans="1:4" x14ac:dyDescent="0.25">
      <c r="A33877" t="s">
        <v>49822</v>
      </c>
      <c r="B33877" t="s">
        <v>49823</v>
      </c>
      <c r="C33877">
        <v>0</v>
      </c>
      <c r="D33877">
        <v>0</v>
      </c>
    </row>
    <row r="33878" spans="1:4" x14ac:dyDescent="0.25">
      <c r="A33878" t="s">
        <v>49822</v>
      </c>
      <c r="B33878" t="s">
        <v>49824</v>
      </c>
      <c r="C33878">
        <v>0</v>
      </c>
      <c r="D33878">
        <v>0</v>
      </c>
    </row>
    <row r="33879" spans="1:4" x14ac:dyDescent="0.25">
      <c r="A33879" t="s">
        <v>49822</v>
      </c>
      <c r="B33879" t="s">
        <v>49825</v>
      </c>
      <c r="C33879">
        <v>1</v>
      </c>
      <c r="D33879">
        <v>0</v>
      </c>
    </row>
    <row r="33880" spans="1:4" x14ac:dyDescent="0.25">
      <c r="A33880" t="s">
        <v>49822</v>
      </c>
      <c r="B33880" t="s">
        <v>49826</v>
      </c>
      <c r="C33880">
        <v>2</v>
      </c>
      <c r="D33880">
        <v>0</v>
      </c>
    </row>
    <row r="33881" spans="1:4" x14ac:dyDescent="0.25">
      <c r="A33881" t="s">
        <v>49822</v>
      </c>
      <c r="B33881" t="s">
        <v>49827</v>
      </c>
      <c r="C33881">
        <v>0</v>
      </c>
      <c r="D33881">
        <v>0</v>
      </c>
    </row>
    <row r="33882" spans="1:4" x14ac:dyDescent="0.25">
      <c r="A33882" t="s">
        <v>49822</v>
      </c>
      <c r="B33882" t="s">
        <v>5434</v>
      </c>
      <c r="C33882">
        <v>1</v>
      </c>
      <c r="D33882">
        <v>0</v>
      </c>
    </row>
    <row r="33883" spans="1:4" x14ac:dyDescent="0.25">
      <c r="A33883" t="s">
        <v>49828</v>
      </c>
      <c r="B33883" t="s">
        <v>49829</v>
      </c>
      <c r="C33883">
        <v>1</v>
      </c>
      <c r="D33883">
        <v>0</v>
      </c>
    </row>
    <row r="33884" spans="1:4" x14ac:dyDescent="0.25">
      <c r="A33884" t="s">
        <v>49830</v>
      </c>
      <c r="B33884" t="s">
        <v>49831</v>
      </c>
      <c r="C33884">
        <v>1</v>
      </c>
      <c r="D33884">
        <v>0</v>
      </c>
    </row>
    <row r="33885" spans="1:4" x14ac:dyDescent="0.25">
      <c r="A33885" t="s">
        <v>49830</v>
      </c>
      <c r="B33885" t="s">
        <v>49832</v>
      </c>
      <c r="C33885">
        <v>0</v>
      </c>
      <c r="D33885">
        <v>0</v>
      </c>
    </row>
    <row r="33886" spans="1:4" x14ac:dyDescent="0.25">
      <c r="A33886" t="s">
        <v>49830</v>
      </c>
      <c r="B33886" t="s">
        <v>49833</v>
      </c>
      <c r="C33886">
        <v>0</v>
      </c>
      <c r="D33886">
        <v>0</v>
      </c>
    </row>
    <row r="33887" spans="1:4" x14ac:dyDescent="0.25">
      <c r="A33887" t="s">
        <v>49830</v>
      </c>
      <c r="B33887" t="s">
        <v>49834</v>
      </c>
      <c r="C33887">
        <v>0</v>
      </c>
      <c r="D33887">
        <v>0</v>
      </c>
    </row>
    <row r="33888" spans="1:4" x14ac:dyDescent="0.25">
      <c r="A33888" t="s">
        <v>49835</v>
      </c>
      <c r="B33888" t="s">
        <v>49836</v>
      </c>
      <c r="C33888">
        <v>1</v>
      </c>
      <c r="D33888">
        <v>0</v>
      </c>
    </row>
    <row r="33889" spans="1:4" x14ac:dyDescent="0.25">
      <c r="A33889" t="s">
        <v>49835</v>
      </c>
      <c r="B33889" t="s">
        <v>49837</v>
      </c>
      <c r="C33889">
        <v>0</v>
      </c>
      <c r="D33889">
        <v>0</v>
      </c>
    </row>
    <row r="33890" spans="1:4" x14ac:dyDescent="0.25">
      <c r="A33890" t="s">
        <v>49835</v>
      </c>
      <c r="B33890" t="s">
        <v>49838</v>
      </c>
      <c r="C33890">
        <v>1</v>
      </c>
      <c r="D33890">
        <v>0</v>
      </c>
    </row>
    <row r="33891" spans="1:4" x14ac:dyDescent="0.25">
      <c r="A33891" t="s">
        <v>49835</v>
      </c>
      <c r="B33891" t="s">
        <v>49839</v>
      </c>
      <c r="C33891">
        <v>0</v>
      </c>
      <c r="D33891">
        <v>0</v>
      </c>
    </row>
    <row r="33892" spans="1:4" x14ac:dyDescent="0.25">
      <c r="A33892" t="s">
        <v>49840</v>
      </c>
      <c r="B33892" t="s">
        <v>49841</v>
      </c>
      <c r="C33892">
        <v>2</v>
      </c>
      <c r="D33892">
        <v>0</v>
      </c>
    </row>
    <row r="33893" spans="1:4" x14ac:dyDescent="0.25">
      <c r="A33893" t="s">
        <v>49840</v>
      </c>
      <c r="B33893" t="s">
        <v>49842</v>
      </c>
      <c r="C33893">
        <v>2</v>
      </c>
      <c r="D33893">
        <v>0</v>
      </c>
    </row>
    <row r="33894" spans="1:4" x14ac:dyDescent="0.25">
      <c r="A33894" t="s">
        <v>49843</v>
      </c>
      <c r="B33894" t="s">
        <v>49844</v>
      </c>
      <c r="C33894">
        <v>1</v>
      </c>
      <c r="D33894">
        <v>0</v>
      </c>
    </row>
    <row r="33895" spans="1:4" x14ac:dyDescent="0.25">
      <c r="A33895" t="s">
        <v>49843</v>
      </c>
      <c r="B33895" t="s">
        <v>49845</v>
      </c>
      <c r="C33895">
        <v>1</v>
      </c>
      <c r="D33895">
        <v>0</v>
      </c>
    </row>
    <row r="33896" spans="1:4" x14ac:dyDescent="0.25">
      <c r="A33896" t="s">
        <v>49843</v>
      </c>
      <c r="B33896" t="s">
        <v>49846</v>
      </c>
      <c r="C33896">
        <v>1</v>
      </c>
      <c r="D33896">
        <v>0</v>
      </c>
    </row>
    <row r="33897" spans="1:4" x14ac:dyDescent="0.25">
      <c r="A33897" t="s">
        <v>49847</v>
      </c>
      <c r="B33897" t="s">
        <v>49848</v>
      </c>
      <c r="C33897">
        <v>1</v>
      </c>
      <c r="D33897">
        <v>0</v>
      </c>
    </row>
    <row r="33898" spans="1:4" x14ac:dyDescent="0.25">
      <c r="A33898" t="s">
        <v>49847</v>
      </c>
      <c r="B33898" t="s">
        <v>49849</v>
      </c>
      <c r="C33898">
        <v>1</v>
      </c>
      <c r="D33898">
        <v>0</v>
      </c>
    </row>
    <row r="33899" spans="1:4" x14ac:dyDescent="0.25">
      <c r="A33899" t="s">
        <v>49847</v>
      </c>
      <c r="B33899" t="s">
        <v>49850</v>
      </c>
      <c r="C33899">
        <v>0</v>
      </c>
      <c r="D33899">
        <v>0</v>
      </c>
    </row>
    <row r="33900" spans="1:4" x14ac:dyDescent="0.25">
      <c r="A33900" t="s">
        <v>49847</v>
      </c>
      <c r="B33900" t="s">
        <v>49851</v>
      </c>
      <c r="C33900">
        <v>0</v>
      </c>
      <c r="D33900">
        <v>0</v>
      </c>
    </row>
    <row r="33901" spans="1:4" x14ac:dyDescent="0.25">
      <c r="A33901" t="s">
        <v>49847</v>
      </c>
      <c r="B33901" t="s">
        <v>49852</v>
      </c>
      <c r="C33901">
        <v>0</v>
      </c>
      <c r="D33901">
        <v>0</v>
      </c>
    </row>
    <row r="33902" spans="1:4" x14ac:dyDescent="0.25">
      <c r="A33902" t="s">
        <v>49847</v>
      </c>
      <c r="B33902" t="s">
        <v>49853</v>
      </c>
      <c r="C33902">
        <v>1</v>
      </c>
      <c r="D33902">
        <v>0</v>
      </c>
    </row>
    <row r="33903" spans="1:4" x14ac:dyDescent="0.25">
      <c r="A33903" t="s">
        <v>49847</v>
      </c>
      <c r="B33903" t="s">
        <v>49854</v>
      </c>
      <c r="C33903">
        <v>1</v>
      </c>
      <c r="D33903">
        <v>0</v>
      </c>
    </row>
    <row r="33904" spans="1:4" x14ac:dyDescent="0.25">
      <c r="A33904" t="s">
        <v>49847</v>
      </c>
      <c r="B33904" t="s">
        <v>49855</v>
      </c>
      <c r="C33904">
        <v>2</v>
      </c>
      <c r="D33904">
        <v>0</v>
      </c>
    </row>
    <row r="33905" spans="1:4" x14ac:dyDescent="0.25">
      <c r="A33905" t="s">
        <v>49856</v>
      </c>
      <c r="B33905" t="s">
        <v>49857</v>
      </c>
      <c r="C33905">
        <v>1</v>
      </c>
      <c r="D33905">
        <v>0</v>
      </c>
    </row>
    <row r="33906" spans="1:4" x14ac:dyDescent="0.25">
      <c r="A33906" t="s">
        <v>49856</v>
      </c>
      <c r="B33906" t="s">
        <v>5047</v>
      </c>
      <c r="C33906">
        <v>0</v>
      </c>
      <c r="D33906">
        <v>0</v>
      </c>
    </row>
    <row r="33907" spans="1:4" x14ac:dyDescent="0.25">
      <c r="A33907" t="s">
        <v>49856</v>
      </c>
      <c r="B33907" t="s">
        <v>49858</v>
      </c>
      <c r="C33907">
        <v>0</v>
      </c>
      <c r="D33907">
        <v>0</v>
      </c>
    </row>
    <row r="33908" spans="1:4" x14ac:dyDescent="0.25">
      <c r="A33908" t="s">
        <v>49856</v>
      </c>
      <c r="B33908" t="s">
        <v>398</v>
      </c>
      <c r="C33908">
        <v>0</v>
      </c>
      <c r="D33908">
        <v>0</v>
      </c>
    </row>
    <row r="33909" spans="1:4" x14ac:dyDescent="0.25">
      <c r="A33909" t="s">
        <v>49859</v>
      </c>
      <c r="B33909" t="s">
        <v>49860</v>
      </c>
      <c r="C33909">
        <v>1</v>
      </c>
      <c r="D33909">
        <v>0</v>
      </c>
    </row>
    <row r="33910" spans="1:4" x14ac:dyDescent="0.25">
      <c r="A33910" t="s">
        <v>49859</v>
      </c>
      <c r="B33910" t="s">
        <v>49861</v>
      </c>
      <c r="C33910">
        <v>1</v>
      </c>
      <c r="D33910">
        <v>0</v>
      </c>
    </row>
    <row r="33911" spans="1:4" x14ac:dyDescent="0.25">
      <c r="A33911" t="s">
        <v>49859</v>
      </c>
      <c r="B33911" t="s">
        <v>49862</v>
      </c>
      <c r="C33911">
        <v>1</v>
      </c>
      <c r="D33911">
        <v>0</v>
      </c>
    </row>
    <row r="33912" spans="1:4" x14ac:dyDescent="0.25">
      <c r="A33912" t="s">
        <v>49859</v>
      </c>
      <c r="B33912" t="s">
        <v>49863</v>
      </c>
      <c r="C33912">
        <v>0</v>
      </c>
      <c r="D33912">
        <v>0</v>
      </c>
    </row>
    <row r="33913" spans="1:4" x14ac:dyDescent="0.25">
      <c r="A33913" t="s">
        <v>49859</v>
      </c>
      <c r="B33913" t="s">
        <v>49864</v>
      </c>
      <c r="C33913">
        <v>0</v>
      </c>
      <c r="D33913">
        <v>0</v>
      </c>
    </row>
    <row r="33914" spans="1:4" x14ac:dyDescent="0.25">
      <c r="A33914" t="s">
        <v>49859</v>
      </c>
      <c r="B33914" t="s">
        <v>49865</v>
      </c>
      <c r="C33914">
        <v>0</v>
      </c>
      <c r="D33914">
        <v>0</v>
      </c>
    </row>
    <row r="33915" spans="1:4" x14ac:dyDescent="0.25">
      <c r="A33915" t="s">
        <v>49866</v>
      </c>
      <c r="B33915" t="s">
        <v>49867</v>
      </c>
      <c r="C33915">
        <v>1</v>
      </c>
      <c r="D33915">
        <v>0</v>
      </c>
    </row>
    <row r="33916" spans="1:4" x14ac:dyDescent="0.25">
      <c r="A33916" t="s">
        <v>49868</v>
      </c>
      <c r="B33916" t="s">
        <v>49869</v>
      </c>
      <c r="C33916">
        <v>1</v>
      </c>
      <c r="D33916">
        <v>0</v>
      </c>
    </row>
    <row r="33917" spans="1:4" x14ac:dyDescent="0.25">
      <c r="A33917" t="s">
        <v>49868</v>
      </c>
      <c r="B33917" t="s">
        <v>49870</v>
      </c>
      <c r="C33917">
        <v>0</v>
      </c>
      <c r="D33917">
        <v>0</v>
      </c>
    </row>
    <row r="33918" spans="1:4" x14ac:dyDescent="0.25">
      <c r="A33918" t="s">
        <v>49868</v>
      </c>
      <c r="B33918" t="s">
        <v>49871</v>
      </c>
      <c r="C33918">
        <v>0</v>
      </c>
      <c r="D33918">
        <v>0</v>
      </c>
    </row>
    <row r="33919" spans="1:4" x14ac:dyDescent="0.25">
      <c r="A33919" t="s">
        <v>49868</v>
      </c>
      <c r="B33919" t="s">
        <v>49872</v>
      </c>
      <c r="C33919">
        <v>2</v>
      </c>
      <c r="D33919">
        <v>0</v>
      </c>
    </row>
    <row r="33920" spans="1:4" x14ac:dyDescent="0.25">
      <c r="A33920" t="s">
        <v>49873</v>
      </c>
      <c r="B33920" t="s">
        <v>49874</v>
      </c>
      <c r="C33920">
        <v>2</v>
      </c>
      <c r="D33920">
        <v>0</v>
      </c>
    </row>
    <row r="33921" spans="1:4" x14ac:dyDescent="0.25">
      <c r="A33921" t="s">
        <v>49873</v>
      </c>
      <c r="B33921" t="s">
        <v>49875</v>
      </c>
      <c r="C33921">
        <v>1</v>
      </c>
      <c r="D33921">
        <v>0</v>
      </c>
    </row>
    <row r="33922" spans="1:4" x14ac:dyDescent="0.25">
      <c r="A33922" t="s">
        <v>49873</v>
      </c>
      <c r="B33922" t="s">
        <v>49876</v>
      </c>
      <c r="C33922">
        <v>1</v>
      </c>
      <c r="D33922">
        <v>0</v>
      </c>
    </row>
    <row r="33923" spans="1:4" x14ac:dyDescent="0.25">
      <c r="A33923" t="s">
        <v>49873</v>
      </c>
      <c r="B33923" t="s">
        <v>49877</v>
      </c>
      <c r="C33923">
        <v>2</v>
      </c>
      <c r="D33923">
        <v>0</v>
      </c>
    </row>
    <row r="33924" spans="1:4" x14ac:dyDescent="0.25">
      <c r="A33924" t="s">
        <v>49878</v>
      </c>
      <c r="B33924" t="s">
        <v>49879</v>
      </c>
      <c r="C33924">
        <v>1</v>
      </c>
      <c r="D33924">
        <v>0</v>
      </c>
    </row>
    <row r="33925" spans="1:4" x14ac:dyDescent="0.25">
      <c r="A33925" t="s">
        <v>49878</v>
      </c>
      <c r="B33925" t="s">
        <v>49880</v>
      </c>
      <c r="C33925">
        <v>1</v>
      </c>
      <c r="D33925">
        <v>0</v>
      </c>
    </row>
    <row r="33926" spans="1:4" x14ac:dyDescent="0.25">
      <c r="A33926" t="s">
        <v>49878</v>
      </c>
      <c r="B33926" t="s">
        <v>49881</v>
      </c>
      <c r="C33926">
        <v>2</v>
      </c>
      <c r="D33926">
        <v>0</v>
      </c>
    </row>
    <row r="33927" spans="1:4" x14ac:dyDescent="0.25">
      <c r="A33927" t="s">
        <v>49882</v>
      </c>
      <c r="B33927" t="s">
        <v>49883</v>
      </c>
      <c r="C33927">
        <v>1</v>
      </c>
      <c r="D33927">
        <v>0</v>
      </c>
    </row>
    <row r="33928" spans="1:4" x14ac:dyDescent="0.25">
      <c r="A33928" t="s">
        <v>49882</v>
      </c>
      <c r="B33928" t="s">
        <v>2061</v>
      </c>
      <c r="C33928">
        <v>0</v>
      </c>
      <c r="D33928">
        <v>0</v>
      </c>
    </row>
    <row r="33929" spans="1:4" x14ac:dyDescent="0.25">
      <c r="A33929" t="s">
        <v>49882</v>
      </c>
      <c r="B33929" t="s">
        <v>49884</v>
      </c>
      <c r="C33929">
        <v>1</v>
      </c>
      <c r="D33929">
        <v>0</v>
      </c>
    </row>
    <row r="33930" spans="1:4" x14ac:dyDescent="0.25">
      <c r="A33930" t="s">
        <v>49885</v>
      </c>
      <c r="B33930" t="s">
        <v>49886</v>
      </c>
      <c r="C33930">
        <v>1</v>
      </c>
      <c r="D33930">
        <v>0</v>
      </c>
    </row>
    <row r="33931" spans="1:4" x14ac:dyDescent="0.25">
      <c r="A33931" t="s">
        <v>49885</v>
      </c>
      <c r="B33931" t="s">
        <v>49887</v>
      </c>
      <c r="C33931">
        <v>0</v>
      </c>
      <c r="D33931">
        <v>0</v>
      </c>
    </row>
    <row r="33932" spans="1:4" x14ac:dyDescent="0.25">
      <c r="A33932" t="s">
        <v>49885</v>
      </c>
      <c r="B33932" t="s">
        <v>49888</v>
      </c>
      <c r="C33932">
        <v>1</v>
      </c>
      <c r="D33932">
        <v>0</v>
      </c>
    </row>
    <row r="33933" spans="1:4" x14ac:dyDescent="0.25">
      <c r="A33933" t="s">
        <v>49885</v>
      </c>
      <c r="B33933" t="s">
        <v>49889</v>
      </c>
      <c r="C33933">
        <v>2</v>
      </c>
      <c r="D33933">
        <v>0</v>
      </c>
    </row>
    <row r="33934" spans="1:4" x14ac:dyDescent="0.25">
      <c r="A33934" t="s">
        <v>49885</v>
      </c>
      <c r="B33934" t="s">
        <v>49890</v>
      </c>
      <c r="C33934">
        <v>1</v>
      </c>
      <c r="D33934">
        <v>0</v>
      </c>
    </row>
    <row r="33935" spans="1:4" x14ac:dyDescent="0.25">
      <c r="A33935" t="s">
        <v>49885</v>
      </c>
      <c r="B33935" t="s">
        <v>49891</v>
      </c>
      <c r="C33935">
        <v>2</v>
      </c>
      <c r="D33935">
        <v>0</v>
      </c>
    </row>
    <row r="33936" spans="1:4" x14ac:dyDescent="0.25">
      <c r="A33936" t="s">
        <v>49892</v>
      </c>
      <c r="B33936" t="s">
        <v>49893</v>
      </c>
      <c r="C33936">
        <v>1</v>
      </c>
      <c r="D33936">
        <v>0</v>
      </c>
    </row>
    <row r="33937" spans="1:4" x14ac:dyDescent="0.25">
      <c r="A33937" t="s">
        <v>49892</v>
      </c>
      <c r="B33937" t="s">
        <v>49894</v>
      </c>
      <c r="C33937">
        <v>1</v>
      </c>
      <c r="D33937">
        <v>0</v>
      </c>
    </row>
    <row r="33938" spans="1:4" x14ac:dyDescent="0.25">
      <c r="A33938" t="s">
        <v>49892</v>
      </c>
      <c r="B33938" t="s">
        <v>49895</v>
      </c>
      <c r="C33938">
        <v>1</v>
      </c>
      <c r="D33938">
        <v>0</v>
      </c>
    </row>
    <row r="33939" spans="1:4" x14ac:dyDescent="0.25">
      <c r="A33939" t="s">
        <v>49892</v>
      </c>
      <c r="B33939" t="s">
        <v>49896</v>
      </c>
      <c r="C33939">
        <v>1</v>
      </c>
      <c r="D33939">
        <v>0</v>
      </c>
    </row>
    <row r="33940" spans="1:4" x14ac:dyDescent="0.25">
      <c r="A33940" t="s">
        <v>49892</v>
      </c>
      <c r="B33940" t="s">
        <v>49897</v>
      </c>
      <c r="C33940">
        <v>1</v>
      </c>
      <c r="D33940">
        <v>0</v>
      </c>
    </row>
    <row r="33941" spans="1:4" x14ac:dyDescent="0.25">
      <c r="A33941" t="s">
        <v>49898</v>
      </c>
      <c r="B33941" t="s">
        <v>49899</v>
      </c>
      <c r="C33941">
        <v>2</v>
      </c>
      <c r="D33941">
        <v>0</v>
      </c>
    </row>
    <row r="33942" spans="1:4" x14ac:dyDescent="0.25">
      <c r="A33942" t="s">
        <v>49898</v>
      </c>
      <c r="B33942" t="s">
        <v>49900</v>
      </c>
      <c r="C33942">
        <v>0</v>
      </c>
      <c r="D33942">
        <v>0</v>
      </c>
    </row>
    <row r="33943" spans="1:4" x14ac:dyDescent="0.25">
      <c r="A33943" t="s">
        <v>49898</v>
      </c>
      <c r="B33943" t="s">
        <v>49901</v>
      </c>
      <c r="C33943">
        <v>2</v>
      </c>
      <c r="D33943">
        <v>0</v>
      </c>
    </row>
    <row r="33944" spans="1:4" x14ac:dyDescent="0.25">
      <c r="A33944" t="s">
        <v>49902</v>
      </c>
      <c r="B33944" t="s">
        <v>49903</v>
      </c>
      <c r="C33944">
        <v>2</v>
      </c>
      <c r="D33944">
        <v>0</v>
      </c>
    </row>
    <row r="33945" spans="1:4" x14ac:dyDescent="0.25">
      <c r="A33945" t="s">
        <v>49902</v>
      </c>
      <c r="B33945" t="s">
        <v>49904</v>
      </c>
      <c r="C33945">
        <v>2</v>
      </c>
      <c r="D33945">
        <v>0</v>
      </c>
    </row>
    <row r="33946" spans="1:4" x14ac:dyDescent="0.25">
      <c r="A33946" t="s">
        <v>49902</v>
      </c>
      <c r="B33946" t="s">
        <v>49905</v>
      </c>
      <c r="C33946">
        <v>1</v>
      </c>
      <c r="D33946">
        <v>0</v>
      </c>
    </row>
    <row r="33947" spans="1:4" x14ac:dyDescent="0.25">
      <c r="A33947" t="s">
        <v>49902</v>
      </c>
      <c r="B33947" t="s">
        <v>49906</v>
      </c>
      <c r="C33947">
        <v>0</v>
      </c>
      <c r="D33947">
        <v>0</v>
      </c>
    </row>
    <row r="33948" spans="1:4" x14ac:dyDescent="0.25">
      <c r="A33948" t="s">
        <v>49902</v>
      </c>
      <c r="B33948" t="s">
        <v>49907</v>
      </c>
      <c r="C33948">
        <v>0</v>
      </c>
      <c r="D33948">
        <v>0</v>
      </c>
    </row>
    <row r="33949" spans="1:4" x14ac:dyDescent="0.25">
      <c r="A33949" t="s">
        <v>49902</v>
      </c>
      <c r="B33949" t="s">
        <v>49908</v>
      </c>
      <c r="C33949">
        <v>1</v>
      </c>
      <c r="D33949">
        <v>0</v>
      </c>
    </row>
    <row r="33950" spans="1:4" x14ac:dyDescent="0.25">
      <c r="A33950" t="s">
        <v>49902</v>
      </c>
      <c r="B33950" t="s">
        <v>49909</v>
      </c>
      <c r="C33950">
        <v>2</v>
      </c>
      <c r="D33950">
        <v>0</v>
      </c>
    </row>
    <row r="33951" spans="1:4" x14ac:dyDescent="0.25">
      <c r="A33951" t="s">
        <v>49902</v>
      </c>
      <c r="B33951" t="s">
        <v>49910</v>
      </c>
      <c r="C33951">
        <v>1</v>
      </c>
      <c r="D33951">
        <v>0</v>
      </c>
    </row>
    <row r="33952" spans="1:4" x14ac:dyDescent="0.25">
      <c r="A33952" t="s">
        <v>49902</v>
      </c>
      <c r="B33952" t="s">
        <v>49911</v>
      </c>
      <c r="C33952">
        <v>0</v>
      </c>
      <c r="D33952">
        <v>0</v>
      </c>
    </row>
    <row r="33953" spans="1:4" x14ac:dyDescent="0.25">
      <c r="A33953" t="s">
        <v>49902</v>
      </c>
      <c r="B33953" t="s">
        <v>49912</v>
      </c>
      <c r="C33953">
        <v>2</v>
      </c>
      <c r="D33953">
        <v>0</v>
      </c>
    </row>
    <row r="33954" spans="1:4" x14ac:dyDescent="0.25">
      <c r="A33954" t="s">
        <v>49913</v>
      </c>
      <c r="B33954" t="s">
        <v>49914</v>
      </c>
      <c r="C33954">
        <v>1</v>
      </c>
      <c r="D33954">
        <v>0</v>
      </c>
    </row>
    <row r="33955" spans="1:4" x14ac:dyDescent="0.25">
      <c r="A33955" t="s">
        <v>49913</v>
      </c>
      <c r="B33955" t="s">
        <v>49915</v>
      </c>
      <c r="C33955">
        <v>2</v>
      </c>
      <c r="D33955">
        <v>0</v>
      </c>
    </row>
    <row r="33956" spans="1:4" x14ac:dyDescent="0.25">
      <c r="A33956" t="s">
        <v>49913</v>
      </c>
      <c r="B33956" t="s">
        <v>49916</v>
      </c>
      <c r="C33956">
        <v>1</v>
      </c>
      <c r="D33956">
        <v>0</v>
      </c>
    </row>
    <row r="33957" spans="1:4" x14ac:dyDescent="0.25">
      <c r="A33957" t="s">
        <v>49913</v>
      </c>
      <c r="B33957" t="s">
        <v>49917</v>
      </c>
      <c r="C33957">
        <v>1</v>
      </c>
      <c r="D33957">
        <v>0</v>
      </c>
    </row>
    <row r="33958" spans="1:4" x14ac:dyDescent="0.25">
      <c r="A33958" t="s">
        <v>49913</v>
      </c>
      <c r="B33958" t="s">
        <v>49918</v>
      </c>
      <c r="C33958">
        <v>1</v>
      </c>
      <c r="D33958">
        <v>0</v>
      </c>
    </row>
    <row r="33959" spans="1:4" x14ac:dyDescent="0.25">
      <c r="A33959" t="s">
        <v>49919</v>
      </c>
      <c r="B33959" t="s">
        <v>49920</v>
      </c>
      <c r="C33959">
        <v>1</v>
      </c>
      <c r="D33959">
        <v>0</v>
      </c>
    </row>
    <row r="33960" spans="1:4" x14ac:dyDescent="0.25">
      <c r="A33960" t="s">
        <v>49919</v>
      </c>
      <c r="B33960" t="s">
        <v>49921</v>
      </c>
      <c r="C33960">
        <v>1</v>
      </c>
      <c r="D33960">
        <v>0</v>
      </c>
    </row>
    <row r="33961" spans="1:4" x14ac:dyDescent="0.25">
      <c r="A33961" t="s">
        <v>49919</v>
      </c>
      <c r="B33961" t="s">
        <v>49922</v>
      </c>
      <c r="C33961">
        <v>2</v>
      </c>
      <c r="D33961">
        <v>0</v>
      </c>
    </row>
    <row r="33962" spans="1:4" x14ac:dyDescent="0.25">
      <c r="A33962" t="s">
        <v>49919</v>
      </c>
      <c r="B33962" t="s">
        <v>49923</v>
      </c>
      <c r="C33962">
        <v>0</v>
      </c>
      <c r="D33962">
        <v>0</v>
      </c>
    </row>
    <row r="33963" spans="1:4" x14ac:dyDescent="0.25">
      <c r="A33963" t="s">
        <v>49919</v>
      </c>
      <c r="B33963" t="s">
        <v>49924</v>
      </c>
      <c r="C33963">
        <v>2</v>
      </c>
      <c r="D33963">
        <v>0</v>
      </c>
    </row>
    <row r="33964" spans="1:4" x14ac:dyDescent="0.25">
      <c r="A33964" t="s">
        <v>49925</v>
      </c>
      <c r="B33964" t="s">
        <v>49926</v>
      </c>
      <c r="C33964">
        <v>0</v>
      </c>
      <c r="D33964">
        <v>0</v>
      </c>
    </row>
    <row r="33965" spans="1:4" x14ac:dyDescent="0.25">
      <c r="A33965" t="s">
        <v>49925</v>
      </c>
      <c r="B33965" t="s">
        <v>49927</v>
      </c>
      <c r="C33965">
        <v>1</v>
      </c>
      <c r="D33965">
        <v>0</v>
      </c>
    </row>
    <row r="33966" spans="1:4" x14ac:dyDescent="0.25">
      <c r="A33966" t="s">
        <v>49925</v>
      </c>
      <c r="B33966" t="s">
        <v>19309</v>
      </c>
      <c r="C33966">
        <v>0</v>
      </c>
      <c r="D33966">
        <v>0</v>
      </c>
    </row>
    <row r="33967" spans="1:4" x14ac:dyDescent="0.25">
      <c r="A33967" t="s">
        <v>49925</v>
      </c>
      <c r="B33967" t="s">
        <v>19309</v>
      </c>
      <c r="C33967">
        <v>0</v>
      </c>
      <c r="D33967">
        <v>0</v>
      </c>
    </row>
    <row r="33968" spans="1:4" x14ac:dyDescent="0.25">
      <c r="A33968" t="s">
        <v>49928</v>
      </c>
      <c r="B33968" t="s">
        <v>49929</v>
      </c>
      <c r="C33968">
        <v>0</v>
      </c>
      <c r="D33968">
        <v>0</v>
      </c>
    </row>
    <row r="33969" spans="1:4" x14ac:dyDescent="0.25">
      <c r="A33969" t="s">
        <v>49928</v>
      </c>
      <c r="B33969" t="s">
        <v>49930</v>
      </c>
      <c r="C33969">
        <v>0</v>
      </c>
      <c r="D33969">
        <v>0</v>
      </c>
    </row>
    <row r="33970" spans="1:4" x14ac:dyDescent="0.25">
      <c r="A33970" t="s">
        <v>49928</v>
      </c>
      <c r="B33970" t="s">
        <v>49931</v>
      </c>
      <c r="C33970">
        <v>2</v>
      </c>
      <c r="D33970">
        <v>0</v>
      </c>
    </row>
    <row r="33971" spans="1:4" x14ac:dyDescent="0.25">
      <c r="A33971" t="s">
        <v>49928</v>
      </c>
      <c r="B33971" t="s">
        <v>49932</v>
      </c>
      <c r="C33971">
        <v>2</v>
      </c>
      <c r="D33971">
        <v>0</v>
      </c>
    </row>
    <row r="33972" spans="1:4" x14ac:dyDescent="0.25">
      <c r="A33972" t="s">
        <v>49928</v>
      </c>
      <c r="B33972" t="s">
        <v>49933</v>
      </c>
      <c r="C33972">
        <v>0</v>
      </c>
      <c r="D33972">
        <v>0</v>
      </c>
    </row>
    <row r="33973" spans="1:4" x14ac:dyDescent="0.25">
      <c r="A33973" t="s">
        <v>49928</v>
      </c>
      <c r="B33973" t="s">
        <v>49934</v>
      </c>
      <c r="C33973">
        <v>0</v>
      </c>
      <c r="D33973">
        <v>0</v>
      </c>
    </row>
    <row r="33974" spans="1:4" x14ac:dyDescent="0.25">
      <c r="A33974" t="s">
        <v>49935</v>
      </c>
      <c r="B33974" t="s">
        <v>49936</v>
      </c>
      <c r="C33974">
        <v>1</v>
      </c>
      <c r="D33974">
        <v>0</v>
      </c>
    </row>
    <row r="33975" spans="1:4" x14ac:dyDescent="0.25">
      <c r="A33975" t="s">
        <v>49935</v>
      </c>
      <c r="B33975" t="s">
        <v>49937</v>
      </c>
      <c r="C33975">
        <v>2</v>
      </c>
      <c r="D33975">
        <v>0</v>
      </c>
    </row>
    <row r="33976" spans="1:4" x14ac:dyDescent="0.25">
      <c r="A33976" t="s">
        <v>49935</v>
      </c>
      <c r="B33976" t="s">
        <v>49938</v>
      </c>
      <c r="C33976">
        <v>1</v>
      </c>
      <c r="D33976">
        <v>0</v>
      </c>
    </row>
    <row r="33977" spans="1:4" x14ac:dyDescent="0.25">
      <c r="A33977" t="s">
        <v>49935</v>
      </c>
      <c r="B33977" t="s">
        <v>11506</v>
      </c>
      <c r="C33977">
        <v>1</v>
      </c>
      <c r="D33977">
        <v>0</v>
      </c>
    </row>
    <row r="33978" spans="1:4" x14ac:dyDescent="0.25">
      <c r="A33978" t="s">
        <v>49935</v>
      </c>
      <c r="B33978" t="s">
        <v>49939</v>
      </c>
      <c r="C33978">
        <v>1</v>
      </c>
      <c r="D33978">
        <v>0</v>
      </c>
    </row>
    <row r="33979" spans="1:4" x14ac:dyDescent="0.25">
      <c r="A33979" t="s">
        <v>49935</v>
      </c>
      <c r="B33979" t="s">
        <v>20077</v>
      </c>
      <c r="C33979">
        <v>1</v>
      </c>
      <c r="D33979">
        <v>0</v>
      </c>
    </row>
    <row r="33980" spans="1:4" x14ac:dyDescent="0.25">
      <c r="A33980" t="s">
        <v>49940</v>
      </c>
      <c r="B33980" t="s">
        <v>49941</v>
      </c>
      <c r="C33980">
        <v>1</v>
      </c>
      <c r="D33980">
        <v>0</v>
      </c>
    </row>
    <row r="33981" spans="1:4" x14ac:dyDescent="0.25">
      <c r="A33981" t="s">
        <v>49940</v>
      </c>
      <c r="B33981" t="s">
        <v>49942</v>
      </c>
      <c r="C33981">
        <v>0</v>
      </c>
      <c r="D33981">
        <v>0</v>
      </c>
    </row>
    <row r="33982" spans="1:4" x14ac:dyDescent="0.25">
      <c r="A33982" t="s">
        <v>49940</v>
      </c>
      <c r="B33982" t="s">
        <v>49943</v>
      </c>
      <c r="C33982">
        <v>1</v>
      </c>
      <c r="D33982">
        <v>0</v>
      </c>
    </row>
    <row r="33983" spans="1:4" x14ac:dyDescent="0.25">
      <c r="A33983" t="s">
        <v>49940</v>
      </c>
      <c r="B33983" t="s">
        <v>49944</v>
      </c>
      <c r="C33983">
        <v>1</v>
      </c>
      <c r="D33983">
        <v>0</v>
      </c>
    </row>
    <row r="33984" spans="1:4" x14ac:dyDescent="0.25">
      <c r="A33984" t="s">
        <v>49940</v>
      </c>
      <c r="B33984" t="s">
        <v>49945</v>
      </c>
      <c r="C33984">
        <v>1</v>
      </c>
      <c r="D33984">
        <v>0</v>
      </c>
    </row>
    <row r="33985" spans="1:4" x14ac:dyDescent="0.25">
      <c r="A33985" t="s">
        <v>49946</v>
      </c>
      <c r="B33985" t="s">
        <v>49947</v>
      </c>
      <c r="C33985">
        <v>1</v>
      </c>
      <c r="D33985">
        <v>0</v>
      </c>
    </row>
    <row r="33986" spans="1:4" x14ac:dyDescent="0.25">
      <c r="A33986" t="s">
        <v>49946</v>
      </c>
      <c r="B33986" t="s">
        <v>49948</v>
      </c>
      <c r="C33986">
        <v>1</v>
      </c>
      <c r="D33986">
        <v>0</v>
      </c>
    </row>
    <row r="33987" spans="1:4" x14ac:dyDescent="0.25">
      <c r="A33987" t="s">
        <v>49949</v>
      </c>
      <c r="B33987" t="s">
        <v>49950</v>
      </c>
      <c r="C33987">
        <v>0</v>
      </c>
      <c r="D33987">
        <v>0</v>
      </c>
    </row>
    <row r="33988" spans="1:4" x14ac:dyDescent="0.25">
      <c r="A33988" t="s">
        <v>49949</v>
      </c>
      <c r="B33988" t="s">
        <v>5809</v>
      </c>
      <c r="C33988">
        <v>2</v>
      </c>
      <c r="D33988">
        <v>0</v>
      </c>
    </row>
    <row r="33989" spans="1:4" x14ac:dyDescent="0.25">
      <c r="A33989" t="s">
        <v>49949</v>
      </c>
      <c r="B33989" t="s">
        <v>49951</v>
      </c>
      <c r="C33989">
        <v>0</v>
      </c>
      <c r="D33989">
        <v>0</v>
      </c>
    </row>
    <row r="33990" spans="1:4" x14ac:dyDescent="0.25">
      <c r="A33990" t="s">
        <v>49949</v>
      </c>
      <c r="B33990" t="s">
        <v>49952</v>
      </c>
      <c r="C33990">
        <v>1</v>
      </c>
      <c r="D33990">
        <v>0</v>
      </c>
    </row>
    <row r="33991" spans="1:4" x14ac:dyDescent="0.25">
      <c r="A33991" t="s">
        <v>49949</v>
      </c>
      <c r="B33991" t="s">
        <v>49953</v>
      </c>
      <c r="C33991">
        <v>0</v>
      </c>
      <c r="D33991">
        <v>0</v>
      </c>
    </row>
    <row r="33992" spans="1:4" x14ac:dyDescent="0.25">
      <c r="A33992" t="s">
        <v>49949</v>
      </c>
      <c r="B33992" t="s">
        <v>49954</v>
      </c>
      <c r="C33992">
        <v>1</v>
      </c>
      <c r="D33992">
        <v>0</v>
      </c>
    </row>
    <row r="33993" spans="1:4" x14ac:dyDescent="0.25">
      <c r="A33993" t="s">
        <v>49949</v>
      </c>
      <c r="B33993" t="s">
        <v>49955</v>
      </c>
      <c r="C33993">
        <v>0</v>
      </c>
      <c r="D33993">
        <v>0</v>
      </c>
    </row>
    <row r="33994" spans="1:4" x14ac:dyDescent="0.25">
      <c r="A33994" t="s">
        <v>49949</v>
      </c>
      <c r="B33994" t="s">
        <v>49956</v>
      </c>
      <c r="C33994">
        <v>1</v>
      </c>
      <c r="D33994">
        <v>0</v>
      </c>
    </row>
    <row r="33995" spans="1:4" x14ac:dyDescent="0.25">
      <c r="A33995" t="s">
        <v>49957</v>
      </c>
      <c r="B33995" t="s">
        <v>49958</v>
      </c>
      <c r="C33995">
        <v>1</v>
      </c>
      <c r="D33995">
        <v>0</v>
      </c>
    </row>
    <row r="33996" spans="1:4" x14ac:dyDescent="0.25">
      <c r="A33996" t="s">
        <v>49957</v>
      </c>
      <c r="B33996" t="s">
        <v>49959</v>
      </c>
      <c r="C33996">
        <v>1</v>
      </c>
      <c r="D33996">
        <v>0</v>
      </c>
    </row>
    <row r="33997" spans="1:4" x14ac:dyDescent="0.25">
      <c r="A33997" t="s">
        <v>49960</v>
      </c>
      <c r="B33997" t="s">
        <v>49961</v>
      </c>
      <c r="C33997">
        <v>1</v>
      </c>
      <c r="D33997">
        <v>0</v>
      </c>
    </row>
    <row r="33998" spans="1:4" x14ac:dyDescent="0.25">
      <c r="A33998" t="s">
        <v>49960</v>
      </c>
      <c r="B33998" t="s">
        <v>49962</v>
      </c>
      <c r="C33998">
        <v>1</v>
      </c>
      <c r="D33998">
        <v>0</v>
      </c>
    </row>
    <row r="33999" spans="1:4" x14ac:dyDescent="0.25">
      <c r="A33999" t="s">
        <v>49960</v>
      </c>
      <c r="B33999" t="s">
        <v>49963</v>
      </c>
      <c r="C33999">
        <v>2</v>
      </c>
      <c r="D33999">
        <v>0</v>
      </c>
    </row>
    <row r="34000" spans="1:4" x14ac:dyDescent="0.25">
      <c r="A34000" t="s">
        <v>49960</v>
      </c>
      <c r="B34000" t="s">
        <v>49964</v>
      </c>
      <c r="C34000">
        <v>1</v>
      </c>
      <c r="D34000">
        <v>0</v>
      </c>
    </row>
    <row r="34001" spans="1:4" x14ac:dyDescent="0.25">
      <c r="A34001" t="s">
        <v>49960</v>
      </c>
      <c r="B34001" t="s">
        <v>49965</v>
      </c>
      <c r="C34001">
        <v>1</v>
      </c>
      <c r="D34001">
        <v>0</v>
      </c>
    </row>
    <row r="34002" spans="1:4" x14ac:dyDescent="0.25">
      <c r="A34002" t="s">
        <v>49960</v>
      </c>
      <c r="B34002" t="s">
        <v>49966</v>
      </c>
      <c r="C34002">
        <v>1</v>
      </c>
      <c r="D34002">
        <v>0</v>
      </c>
    </row>
    <row r="34003" spans="1:4" x14ac:dyDescent="0.25">
      <c r="A34003" t="s">
        <v>49960</v>
      </c>
      <c r="B34003" t="s">
        <v>49967</v>
      </c>
      <c r="C34003">
        <v>1</v>
      </c>
      <c r="D34003">
        <v>0</v>
      </c>
    </row>
    <row r="34004" spans="1:4" x14ac:dyDescent="0.25">
      <c r="A34004" t="s">
        <v>49960</v>
      </c>
      <c r="B34004" t="s">
        <v>49968</v>
      </c>
      <c r="C34004">
        <v>1</v>
      </c>
      <c r="D34004">
        <v>0</v>
      </c>
    </row>
    <row r="34005" spans="1:4" x14ac:dyDescent="0.25">
      <c r="A34005" t="s">
        <v>49960</v>
      </c>
      <c r="B34005" t="s">
        <v>49969</v>
      </c>
      <c r="C34005">
        <v>1</v>
      </c>
      <c r="D34005">
        <v>0</v>
      </c>
    </row>
    <row r="34006" spans="1:4" x14ac:dyDescent="0.25">
      <c r="A34006" t="s">
        <v>49970</v>
      </c>
      <c r="B34006" t="s">
        <v>49971</v>
      </c>
      <c r="C34006">
        <v>2</v>
      </c>
      <c r="D34006">
        <v>0</v>
      </c>
    </row>
    <row r="34007" spans="1:4" x14ac:dyDescent="0.25">
      <c r="A34007" t="s">
        <v>49970</v>
      </c>
      <c r="B34007" t="s">
        <v>49972</v>
      </c>
      <c r="C34007">
        <v>0</v>
      </c>
      <c r="D34007">
        <v>0</v>
      </c>
    </row>
    <row r="34008" spans="1:4" x14ac:dyDescent="0.25">
      <c r="A34008" t="s">
        <v>49970</v>
      </c>
      <c r="B34008" t="s">
        <v>49973</v>
      </c>
      <c r="C34008">
        <v>1</v>
      </c>
      <c r="D34008">
        <v>0</v>
      </c>
    </row>
    <row r="34009" spans="1:4" x14ac:dyDescent="0.25">
      <c r="A34009" t="s">
        <v>49970</v>
      </c>
      <c r="B34009" t="s">
        <v>49974</v>
      </c>
      <c r="C34009">
        <v>0</v>
      </c>
      <c r="D34009">
        <v>0</v>
      </c>
    </row>
    <row r="34010" spans="1:4" x14ac:dyDescent="0.25">
      <c r="A34010" t="s">
        <v>49970</v>
      </c>
      <c r="B34010" t="s">
        <v>49975</v>
      </c>
      <c r="C34010">
        <v>0</v>
      </c>
      <c r="D34010">
        <v>0</v>
      </c>
    </row>
    <row r="34011" spans="1:4" x14ac:dyDescent="0.25">
      <c r="A34011" t="s">
        <v>49970</v>
      </c>
      <c r="B34011" t="s">
        <v>49976</v>
      </c>
      <c r="C34011">
        <v>2</v>
      </c>
      <c r="D34011">
        <v>0</v>
      </c>
    </row>
    <row r="34012" spans="1:4" x14ac:dyDescent="0.25">
      <c r="A34012" t="s">
        <v>49970</v>
      </c>
      <c r="B34012" t="s">
        <v>49977</v>
      </c>
      <c r="C34012">
        <v>2</v>
      </c>
      <c r="D34012">
        <v>0</v>
      </c>
    </row>
    <row r="34013" spans="1:4" x14ac:dyDescent="0.25">
      <c r="A34013" t="s">
        <v>49970</v>
      </c>
      <c r="B34013" t="s">
        <v>49978</v>
      </c>
      <c r="C34013">
        <v>2</v>
      </c>
      <c r="D34013">
        <v>0</v>
      </c>
    </row>
    <row r="34014" spans="1:4" x14ac:dyDescent="0.25">
      <c r="A34014" t="s">
        <v>49979</v>
      </c>
      <c r="B34014" t="s">
        <v>49980</v>
      </c>
      <c r="C34014">
        <v>2</v>
      </c>
      <c r="D34014">
        <v>0</v>
      </c>
    </row>
    <row r="34015" spans="1:4" x14ac:dyDescent="0.25">
      <c r="A34015" t="s">
        <v>49979</v>
      </c>
      <c r="B34015" t="s">
        <v>49981</v>
      </c>
      <c r="C34015">
        <v>1</v>
      </c>
      <c r="D34015">
        <v>0</v>
      </c>
    </row>
    <row r="34016" spans="1:4" x14ac:dyDescent="0.25">
      <c r="A34016" t="s">
        <v>49979</v>
      </c>
      <c r="B34016" t="s">
        <v>49982</v>
      </c>
      <c r="C34016">
        <v>2</v>
      </c>
      <c r="D34016">
        <v>0</v>
      </c>
    </row>
    <row r="34017" spans="1:4" x14ac:dyDescent="0.25">
      <c r="A34017" t="s">
        <v>49979</v>
      </c>
      <c r="B34017" t="s">
        <v>49983</v>
      </c>
      <c r="C34017">
        <v>2</v>
      </c>
      <c r="D34017">
        <v>0</v>
      </c>
    </row>
    <row r="34018" spans="1:4" x14ac:dyDescent="0.25">
      <c r="A34018" t="s">
        <v>49979</v>
      </c>
      <c r="B34018" t="s">
        <v>49984</v>
      </c>
      <c r="C34018">
        <v>2</v>
      </c>
      <c r="D34018">
        <v>0</v>
      </c>
    </row>
    <row r="34019" spans="1:4" x14ac:dyDescent="0.25">
      <c r="A34019" t="s">
        <v>49985</v>
      </c>
      <c r="B34019" t="s">
        <v>49986</v>
      </c>
      <c r="C34019">
        <v>1</v>
      </c>
      <c r="D34019">
        <v>0</v>
      </c>
    </row>
    <row r="34020" spans="1:4" x14ac:dyDescent="0.25">
      <c r="A34020" t="s">
        <v>49985</v>
      </c>
      <c r="B34020" t="s">
        <v>49987</v>
      </c>
      <c r="C34020">
        <v>1</v>
      </c>
      <c r="D34020">
        <v>0</v>
      </c>
    </row>
    <row r="34021" spans="1:4" x14ac:dyDescent="0.25">
      <c r="A34021" t="s">
        <v>49988</v>
      </c>
      <c r="B34021" t="s">
        <v>49989</v>
      </c>
      <c r="C34021">
        <v>1</v>
      </c>
      <c r="D34021">
        <v>0</v>
      </c>
    </row>
    <row r="34022" spans="1:4" x14ac:dyDescent="0.25">
      <c r="A34022" t="s">
        <v>49988</v>
      </c>
      <c r="B34022" t="s">
        <v>49990</v>
      </c>
      <c r="C34022">
        <v>1</v>
      </c>
      <c r="D34022">
        <v>0</v>
      </c>
    </row>
    <row r="34023" spans="1:4" x14ac:dyDescent="0.25">
      <c r="A34023" t="s">
        <v>49991</v>
      </c>
      <c r="B34023" t="s">
        <v>49992</v>
      </c>
      <c r="C34023">
        <v>0</v>
      </c>
      <c r="D34023">
        <v>0</v>
      </c>
    </row>
    <row r="34024" spans="1:4" x14ac:dyDescent="0.25">
      <c r="A34024" t="s">
        <v>49993</v>
      </c>
      <c r="B34024" t="s">
        <v>49994</v>
      </c>
      <c r="C34024">
        <v>0</v>
      </c>
      <c r="D34024">
        <v>0</v>
      </c>
    </row>
    <row r="34025" spans="1:4" x14ac:dyDescent="0.25">
      <c r="A34025" t="s">
        <v>49993</v>
      </c>
      <c r="B34025" t="s">
        <v>49995</v>
      </c>
      <c r="C34025">
        <v>1</v>
      </c>
      <c r="D34025">
        <v>0</v>
      </c>
    </row>
    <row r="34026" spans="1:4" x14ac:dyDescent="0.25">
      <c r="A34026" t="s">
        <v>49993</v>
      </c>
      <c r="B34026" t="s">
        <v>49996</v>
      </c>
      <c r="C34026">
        <v>0</v>
      </c>
      <c r="D34026">
        <v>0</v>
      </c>
    </row>
    <row r="34027" spans="1:4" x14ac:dyDescent="0.25">
      <c r="A34027" t="s">
        <v>49993</v>
      </c>
      <c r="B34027" t="s">
        <v>49997</v>
      </c>
      <c r="C34027">
        <v>0</v>
      </c>
      <c r="D34027">
        <v>0</v>
      </c>
    </row>
    <row r="34028" spans="1:4" x14ac:dyDescent="0.25">
      <c r="A34028" t="s">
        <v>49993</v>
      </c>
      <c r="B34028" t="s">
        <v>49998</v>
      </c>
      <c r="C34028">
        <v>0</v>
      </c>
      <c r="D34028">
        <v>0</v>
      </c>
    </row>
    <row r="34029" spans="1:4" x14ac:dyDescent="0.25">
      <c r="A34029" t="s">
        <v>49993</v>
      </c>
      <c r="B34029" t="s">
        <v>49999</v>
      </c>
      <c r="C34029">
        <v>0</v>
      </c>
      <c r="D34029">
        <v>0</v>
      </c>
    </row>
    <row r="34030" spans="1:4" x14ac:dyDescent="0.25">
      <c r="A34030" t="s">
        <v>50000</v>
      </c>
      <c r="B34030" t="s">
        <v>50001</v>
      </c>
      <c r="C34030">
        <v>0</v>
      </c>
      <c r="D34030">
        <v>0</v>
      </c>
    </row>
    <row r="34031" spans="1:4" x14ac:dyDescent="0.25">
      <c r="A34031" t="s">
        <v>50000</v>
      </c>
      <c r="B34031" t="s">
        <v>50002</v>
      </c>
      <c r="C34031">
        <v>1</v>
      </c>
      <c r="D34031">
        <v>0</v>
      </c>
    </row>
    <row r="34032" spans="1:4" x14ac:dyDescent="0.25">
      <c r="A34032" t="s">
        <v>50000</v>
      </c>
      <c r="B34032" t="s">
        <v>50003</v>
      </c>
      <c r="C34032">
        <v>0</v>
      </c>
      <c r="D34032">
        <v>0</v>
      </c>
    </row>
    <row r="34033" spans="1:4" x14ac:dyDescent="0.25">
      <c r="A34033" t="s">
        <v>50000</v>
      </c>
      <c r="B34033" t="s">
        <v>50004</v>
      </c>
      <c r="C34033">
        <v>1</v>
      </c>
      <c r="D34033">
        <v>0</v>
      </c>
    </row>
    <row r="34034" spans="1:4" x14ac:dyDescent="0.25">
      <c r="A34034" t="s">
        <v>50005</v>
      </c>
      <c r="B34034" t="s">
        <v>50006</v>
      </c>
      <c r="C34034">
        <v>1</v>
      </c>
      <c r="D34034">
        <v>0</v>
      </c>
    </row>
    <row r="34035" spans="1:4" x14ac:dyDescent="0.25">
      <c r="A34035" t="s">
        <v>50005</v>
      </c>
      <c r="B34035" t="s">
        <v>50007</v>
      </c>
      <c r="C34035">
        <v>1</v>
      </c>
      <c r="D34035">
        <v>0</v>
      </c>
    </row>
    <row r="34036" spans="1:4" x14ac:dyDescent="0.25">
      <c r="A34036" t="s">
        <v>50005</v>
      </c>
      <c r="B34036" t="s">
        <v>50008</v>
      </c>
      <c r="C34036">
        <v>1</v>
      </c>
      <c r="D34036">
        <v>0</v>
      </c>
    </row>
    <row r="34037" spans="1:4" x14ac:dyDescent="0.25">
      <c r="A34037" t="s">
        <v>50005</v>
      </c>
      <c r="B34037" t="s">
        <v>50009</v>
      </c>
      <c r="C34037">
        <v>0</v>
      </c>
      <c r="D34037">
        <v>0</v>
      </c>
    </row>
    <row r="34038" spans="1:4" x14ac:dyDescent="0.25">
      <c r="A34038" t="s">
        <v>50005</v>
      </c>
      <c r="B34038" t="s">
        <v>50010</v>
      </c>
      <c r="C34038">
        <v>0</v>
      </c>
      <c r="D34038">
        <v>0</v>
      </c>
    </row>
    <row r="34039" spans="1:4" x14ac:dyDescent="0.25">
      <c r="A34039" t="s">
        <v>50011</v>
      </c>
      <c r="B34039" t="s">
        <v>50012</v>
      </c>
      <c r="C34039">
        <v>2</v>
      </c>
      <c r="D34039">
        <v>0</v>
      </c>
    </row>
    <row r="34040" spans="1:4" x14ac:dyDescent="0.25">
      <c r="A34040" t="s">
        <v>50011</v>
      </c>
      <c r="B34040" t="s">
        <v>50013</v>
      </c>
      <c r="C34040">
        <v>0</v>
      </c>
      <c r="D34040">
        <v>0</v>
      </c>
    </row>
    <row r="34041" spans="1:4" x14ac:dyDescent="0.25">
      <c r="A34041" t="s">
        <v>50011</v>
      </c>
      <c r="B34041" t="s">
        <v>50014</v>
      </c>
      <c r="C34041">
        <v>2</v>
      </c>
      <c r="D34041">
        <v>0</v>
      </c>
    </row>
    <row r="34042" spans="1:4" x14ac:dyDescent="0.25">
      <c r="A34042" t="s">
        <v>50015</v>
      </c>
      <c r="B34042" t="s">
        <v>50016</v>
      </c>
      <c r="C34042">
        <v>1</v>
      </c>
      <c r="D34042">
        <v>0</v>
      </c>
    </row>
    <row r="34043" spans="1:4" x14ac:dyDescent="0.25">
      <c r="A34043" t="s">
        <v>50015</v>
      </c>
      <c r="B34043" t="s">
        <v>50017</v>
      </c>
      <c r="C34043">
        <v>1</v>
      </c>
      <c r="D34043">
        <v>0</v>
      </c>
    </row>
    <row r="34044" spans="1:4" x14ac:dyDescent="0.25">
      <c r="A34044" t="s">
        <v>50015</v>
      </c>
      <c r="B34044" t="s">
        <v>50018</v>
      </c>
      <c r="C34044">
        <v>0</v>
      </c>
      <c r="D34044">
        <v>0</v>
      </c>
    </row>
    <row r="34045" spans="1:4" x14ac:dyDescent="0.25">
      <c r="A34045" t="s">
        <v>50015</v>
      </c>
      <c r="B34045" t="s">
        <v>50019</v>
      </c>
      <c r="C34045">
        <v>0</v>
      </c>
      <c r="D34045">
        <v>0</v>
      </c>
    </row>
    <row r="34046" spans="1:4" x14ac:dyDescent="0.25">
      <c r="A34046" t="s">
        <v>50015</v>
      </c>
      <c r="B34046" t="s">
        <v>50020</v>
      </c>
      <c r="C34046">
        <v>1</v>
      </c>
      <c r="D34046">
        <v>0</v>
      </c>
    </row>
    <row r="34047" spans="1:4" x14ac:dyDescent="0.25">
      <c r="A34047" t="s">
        <v>50015</v>
      </c>
      <c r="B34047" t="s">
        <v>50021</v>
      </c>
      <c r="C34047">
        <v>0</v>
      </c>
      <c r="D34047">
        <v>0</v>
      </c>
    </row>
    <row r="34048" spans="1:4" x14ac:dyDescent="0.25">
      <c r="A34048" t="s">
        <v>50022</v>
      </c>
      <c r="B34048" t="s">
        <v>50023</v>
      </c>
      <c r="C34048">
        <v>1</v>
      </c>
      <c r="D34048">
        <v>0</v>
      </c>
    </row>
    <row r="34049" spans="1:4" x14ac:dyDescent="0.25">
      <c r="A34049" t="s">
        <v>50022</v>
      </c>
      <c r="B34049" t="s">
        <v>50024</v>
      </c>
      <c r="C34049">
        <v>0</v>
      </c>
      <c r="D34049">
        <v>0</v>
      </c>
    </row>
    <row r="34050" spans="1:4" x14ac:dyDescent="0.25">
      <c r="A34050" t="s">
        <v>50022</v>
      </c>
      <c r="B34050" t="s">
        <v>50025</v>
      </c>
      <c r="C34050">
        <v>1</v>
      </c>
      <c r="D34050">
        <v>0</v>
      </c>
    </row>
    <row r="34051" spans="1:4" x14ac:dyDescent="0.25">
      <c r="A34051" t="s">
        <v>50022</v>
      </c>
      <c r="B34051" t="s">
        <v>50026</v>
      </c>
      <c r="C34051">
        <v>1</v>
      </c>
      <c r="D34051">
        <v>0</v>
      </c>
    </row>
    <row r="34052" spans="1:4" x14ac:dyDescent="0.25">
      <c r="A34052" t="s">
        <v>50022</v>
      </c>
      <c r="B34052" t="s">
        <v>50027</v>
      </c>
      <c r="C34052">
        <v>0</v>
      </c>
      <c r="D34052">
        <v>0</v>
      </c>
    </row>
    <row r="34053" spans="1:4" x14ac:dyDescent="0.25">
      <c r="A34053" t="s">
        <v>50022</v>
      </c>
      <c r="B34053" t="s">
        <v>50028</v>
      </c>
      <c r="C34053">
        <v>0</v>
      </c>
      <c r="D34053">
        <v>0</v>
      </c>
    </row>
    <row r="34054" spans="1:4" x14ac:dyDescent="0.25">
      <c r="A34054" t="s">
        <v>50029</v>
      </c>
      <c r="B34054" t="s">
        <v>50030</v>
      </c>
      <c r="C34054">
        <v>2</v>
      </c>
      <c r="D34054">
        <v>0</v>
      </c>
    </row>
    <row r="34055" spans="1:4" x14ac:dyDescent="0.25">
      <c r="A34055" t="s">
        <v>50031</v>
      </c>
      <c r="B34055" t="s">
        <v>50032</v>
      </c>
      <c r="C34055">
        <v>1</v>
      </c>
      <c r="D34055">
        <v>0</v>
      </c>
    </row>
    <row r="34056" spans="1:4" x14ac:dyDescent="0.25">
      <c r="A34056" t="s">
        <v>50031</v>
      </c>
      <c r="B34056" t="s">
        <v>11075</v>
      </c>
      <c r="C34056">
        <v>1</v>
      </c>
      <c r="D34056">
        <v>0</v>
      </c>
    </row>
    <row r="34057" spans="1:4" x14ac:dyDescent="0.25">
      <c r="A34057" t="s">
        <v>50031</v>
      </c>
      <c r="B34057" t="s">
        <v>50033</v>
      </c>
      <c r="C34057">
        <v>1</v>
      </c>
      <c r="D34057">
        <v>0</v>
      </c>
    </row>
    <row r="34058" spans="1:4" x14ac:dyDescent="0.25">
      <c r="A34058" t="s">
        <v>50034</v>
      </c>
      <c r="B34058" t="s">
        <v>5713</v>
      </c>
      <c r="C34058">
        <v>1</v>
      </c>
      <c r="D34058">
        <v>0</v>
      </c>
    </row>
    <row r="34059" spans="1:4" x14ac:dyDescent="0.25">
      <c r="A34059" t="s">
        <v>50034</v>
      </c>
      <c r="B34059" t="s">
        <v>50035</v>
      </c>
      <c r="C34059">
        <v>1</v>
      </c>
      <c r="D34059">
        <v>0</v>
      </c>
    </row>
    <row r="34060" spans="1:4" x14ac:dyDescent="0.25">
      <c r="A34060" t="s">
        <v>50034</v>
      </c>
      <c r="B34060" t="s">
        <v>50036</v>
      </c>
      <c r="C34060">
        <v>1</v>
      </c>
      <c r="D34060">
        <v>0</v>
      </c>
    </row>
    <row r="34061" spans="1:4" x14ac:dyDescent="0.25">
      <c r="A34061" t="s">
        <v>50034</v>
      </c>
      <c r="B34061" t="s">
        <v>50037</v>
      </c>
      <c r="C34061">
        <v>0</v>
      </c>
      <c r="D34061">
        <v>0</v>
      </c>
    </row>
    <row r="34062" spans="1:4" x14ac:dyDescent="0.25">
      <c r="A34062" t="s">
        <v>50034</v>
      </c>
      <c r="B34062" t="s">
        <v>50038</v>
      </c>
      <c r="C34062">
        <v>1</v>
      </c>
      <c r="D34062">
        <v>0</v>
      </c>
    </row>
    <row r="34063" spans="1:4" x14ac:dyDescent="0.25">
      <c r="A34063" t="s">
        <v>50034</v>
      </c>
      <c r="B34063" t="s">
        <v>50039</v>
      </c>
      <c r="C34063">
        <v>1</v>
      </c>
      <c r="D34063">
        <v>0</v>
      </c>
    </row>
    <row r="34064" spans="1:4" x14ac:dyDescent="0.25">
      <c r="A34064" t="s">
        <v>50040</v>
      </c>
      <c r="B34064" t="s">
        <v>50041</v>
      </c>
      <c r="C34064">
        <v>1</v>
      </c>
      <c r="D34064">
        <v>0</v>
      </c>
    </row>
    <row r="34065" spans="1:4" x14ac:dyDescent="0.25">
      <c r="A34065" t="s">
        <v>50040</v>
      </c>
      <c r="B34065" t="s">
        <v>50042</v>
      </c>
      <c r="C34065">
        <v>0</v>
      </c>
      <c r="D34065">
        <v>0</v>
      </c>
    </row>
    <row r="34066" spans="1:4" x14ac:dyDescent="0.25">
      <c r="A34066" t="s">
        <v>50043</v>
      </c>
      <c r="B34066" t="s">
        <v>50044</v>
      </c>
      <c r="C34066">
        <v>1</v>
      </c>
      <c r="D34066">
        <v>0</v>
      </c>
    </row>
    <row r="34067" spans="1:4" x14ac:dyDescent="0.25">
      <c r="A34067" t="s">
        <v>50043</v>
      </c>
      <c r="B34067" t="s">
        <v>50045</v>
      </c>
      <c r="C34067">
        <v>1</v>
      </c>
      <c r="D34067">
        <v>0</v>
      </c>
    </row>
    <row r="34068" spans="1:4" x14ac:dyDescent="0.25">
      <c r="A34068" t="s">
        <v>50043</v>
      </c>
      <c r="B34068" t="s">
        <v>50046</v>
      </c>
      <c r="C34068">
        <v>1</v>
      </c>
      <c r="D34068">
        <v>0</v>
      </c>
    </row>
    <row r="34069" spans="1:4" x14ac:dyDescent="0.25">
      <c r="A34069" t="s">
        <v>50043</v>
      </c>
      <c r="B34069" t="s">
        <v>50047</v>
      </c>
      <c r="C34069">
        <v>1</v>
      </c>
      <c r="D34069">
        <v>0</v>
      </c>
    </row>
    <row r="34070" spans="1:4" x14ac:dyDescent="0.25">
      <c r="A34070" t="s">
        <v>50043</v>
      </c>
      <c r="B34070" t="s">
        <v>50048</v>
      </c>
      <c r="C34070">
        <v>0</v>
      </c>
      <c r="D34070">
        <v>0</v>
      </c>
    </row>
    <row r="34071" spans="1:4" x14ac:dyDescent="0.25">
      <c r="A34071" t="s">
        <v>50049</v>
      </c>
      <c r="B34071" t="s">
        <v>29146</v>
      </c>
      <c r="C34071">
        <v>1</v>
      </c>
      <c r="D34071">
        <v>0</v>
      </c>
    </row>
    <row r="34072" spans="1:4" x14ac:dyDescent="0.25">
      <c r="A34072" t="s">
        <v>50050</v>
      </c>
      <c r="B34072" t="s">
        <v>50051</v>
      </c>
      <c r="C34072">
        <v>0</v>
      </c>
      <c r="D34072">
        <v>0</v>
      </c>
    </row>
    <row r="34073" spans="1:4" x14ac:dyDescent="0.25">
      <c r="A34073" t="s">
        <v>50050</v>
      </c>
      <c r="B34073" t="s">
        <v>50052</v>
      </c>
      <c r="C34073">
        <v>1</v>
      </c>
      <c r="D34073">
        <v>0</v>
      </c>
    </row>
    <row r="34074" spans="1:4" x14ac:dyDescent="0.25">
      <c r="A34074" t="s">
        <v>50050</v>
      </c>
      <c r="B34074" t="s">
        <v>50053</v>
      </c>
      <c r="C34074">
        <v>0</v>
      </c>
      <c r="D34074">
        <v>0</v>
      </c>
    </row>
    <row r="34075" spans="1:4" x14ac:dyDescent="0.25">
      <c r="A34075" t="s">
        <v>50050</v>
      </c>
      <c r="B34075" t="s">
        <v>50054</v>
      </c>
      <c r="C34075">
        <v>1</v>
      </c>
      <c r="D34075">
        <v>0</v>
      </c>
    </row>
    <row r="34076" spans="1:4" x14ac:dyDescent="0.25">
      <c r="A34076" t="s">
        <v>50050</v>
      </c>
      <c r="B34076" t="s">
        <v>50055</v>
      </c>
      <c r="C34076">
        <v>1</v>
      </c>
      <c r="D34076">
        <v>0</v>
      </c>
    </row>
    <row r="34077" spans="1:4" x14ac:dyDescent="0.25">
      <c r="A34077" t="s">
        <v>50056</v>
      </c>
      <c r="B34077" t="s">
        <v>50057</v>
      </c>
      <c r="C34077">
        <v>0</v>
      </c>
      <c r="D34077">
        <v>0</v>
      </c>
    </row>
    <row r="34078" spans="1:4" x14ac:dyDescent="0.25">
      <c r="A34078" t="s">
        <v>50056</v>
      </c>
      <c r="B34078" t="s">
        <v>47001</v>
      </c>
      <c r="C34078">
        <v>0</v>
      </c>
      <c r="D34078">
        <v>0</v>
      </c>
    </row>
    <row r="34079" spans="1:4" x14ac:dyDescent="0.25">
      <c r="A34079" t="s">
        <v>50056</v>
      </c>
      <c r="B34079" t="s">
        <v>50058</v>
      </c>
      <c r="C34079">
        <v>0</v>
      </c>
      <c r="D34079">
        <v>0</v>
      </c>
    </row>
    <row r="34080" spans="1:4" x14ac:dyDescent="0.25">
      <c r="A34080" t="s">
        <v>50056</v>
      </c>
      <c r="B34080" t="s">
        <v>50059</v>
      </c>
      <c r="C34080">
        <v>0</v>
      </c>
      <c r="D34080">
        <v>0</v>
      </c>
    </row>
    <row r="34081" spans="1:4" x14ac:dyDescent="0.25">
      <c r="A34081" t="s">
        <v>50056</v>
      </c>
      <c r="B34081" t="s">
        <v>2651</v>
      </c>
      <c r="C34081">
        <v>0</v>
      </c>
      <c r="D34081">
        <v>0</v>
      </c>
    </row>
    <row r="34082" spans="1:4" x14ac:dyDescent="0.25">
      <c r="A34082" t="s">
        <v>50060</v>
      </c>
      <c r="B34082" t="s">
        <v>50061</v>
      </c>
      <c r="C34082">
        <v>1</v>
      </c>
      <c r="D34082">
        <v>0</v>
      </c>
    </row>
    <row r="34083" spans="1:4" x14ac:dyDescent="0.25">
      <c r="A34083" t="s">
        <v>50060</v>
      </c>
      <c r="B34083" t="s">
        <v>50062</v>
      </c>
      <c r="C34083">
        <v>0</v>
      </c>
      <c r="D34083">
        <v>0</v>
      </c>
    </row>
    <row r="34084" spans="1:4" x14ac:dyDescent="0.25">
      <c r="A34084" t="s">
        <v>50060</v>
      </c>
      <c r="B34084" t="s">
        <v>50063</v>
      </c>
      <c r="C34084">
        <v>0</v>
      </c>
      <c r="D34084">
        <v>0</v>
      </c>
    </row>
    <row r="34085" spans="1:4" x14ac:dyDescent="0.25">
      <c r="A34085" t="s">
        <v>50060</v>
      </c>
      <c r="B34085" t="s">
        <v>50064</v>
      </c>
      <c r="C34085">
        <v>2</v>
      </c>
      <c r="D34085">
        <v>0</v>
      </c>
    </row>
    <row r="34086" spans="1:4" x14ac:dyDescent="0.25">
      <c r="A34086" t="s">
        <v>50060</v>
      </c>
      <c r="B34086" t="s">
        <v>50065</v>
      </c>
      <c r="C34086">
        <v>2</v>
      </c>
      <c r="D34086">
        <v>0</v>
      </c>
    </row>
    <row r="34087" spans="1:4" x14ac:dyDescent="0.25">
      <c r="A34087" t="s">
        <v>50060</v>
      </c>
      <c r="B34087" t="s">
        <v>50066</v>
      </c>
      <c r="C34087">
        <v>1</v>
      </c>
      <c r="D34087">
        <v>0</v>
      </c>
    </row>
    <row r="34088" spans="1:4" x14ac:dyDescent="0.25">
      <c r="A34088" t="s">
        <v>50060</v>
      </c>
      <c r="B34088" t="s">
        <v>50067</v>
      </c>
      <c r="C34088">
        <v>0</v>
      </c>
      <c r="D34088">
        <v>0</v>
      </c>
    </row>
    <row r="34089" spans="1:4" x14ac:dyDescent="0.25">
      <c r="A34089" t="s">
        <v>50068</v>
      </c>
      <c r="B34089" t="s">
        <v>50069</v>
      </c>
      <c r="C34089">
        <v>1</v>
      </c>
      <c r="D34089">
        <v>0</v>
      </c>
    </row>
    <row r="34090" spans="1:4" x14ac:dyDescent="0.25">
      <c r="A34090" t="s">
        <v>50068</v>
      </c>
      <c r="B34090" t="s">
        <v>50070</v>
      </c>
      <c r="C34090">
        <v>0</v>
      </c>
      <c r="D34090">
        <v>0</v>
      </c>
    </row>
    <row r="34091" spans="1:4" x14ac:dyDescent="0.25">
      <c r="A34091" t="s">
        <v>50068</v>
      </c>
      <c r="B34091" t="s">
        <v>50071</v>
      </c>
      <c r="C34091">
        <v>2</v>
      </c>
      <c r="D34091">
        <v>0</v>
      </c>
    </row>
    <row r="34092" spans="1:4" x14ac:dyDescent="0.25">
      <c r="A34092" t="s">
        <v>50068</v>
      </c>
      <c r="B34092" t="s">
        <v>50072</v>
      </c>
      <c r="C34092">
        <v>1</v>
      </c>
      <c r="D34092">
        <v>0</v>
      </c>
    </row>
    <row r="34093" spans="1:4" x14ac:dyDescent="0.25">
      <c r="A34093" t="s">
        <v>50073</v>
      </c>
      <c r="B34093" t="s">
        <v>50074</v>
      </c>
      <c r="C34093">
        <v>1</v>
      </c>
      <c r="D34093">
        <v>0</v>
      </c>
    </row>
    <row r="34094" spans="1:4" x14ac:dyDescent="0.25">
      <c r="A34094" t="s">
        <v>50073</v>
      </c>
      <c r="B34094" t="s">
        <v>50075</v>
      </c>
      <c r="C34094">
        <v>1</v>
      </c>
      <c r="D34094">
        <v>0</v>
      </c>
    </row>
    <row r="34095" spans="1:4" x14ac:dyDescent="0.25">
      <c r="A34095" t="s">
        <v>50076</v>
      </c>
      <c r="B34095" t="s">
        <v>50077</v>
      </c>
      <c r="C34095">
        <v>1</v>
      </c>
      <c r="D34095">
        <v>0</v>
      </c>
    </row>
    <row r="34096" spans="1:4" x14ac:dyDescent="0.25">
      <c r="A34096" t="s">
        <v>50076</v>
      </c>
      <c r="B34096" t="s">
        <v>50078</v>
      </c>
      <c r="C34096">
        <v>1</v>
      </c>
      <c r="D34096">
        <v>0</v>
      </c>
    </row>
    <row r="34097" spans="1:4" x14ac:dyDescent="0.25">
      <c r="A34097" t="s">
        <v>50076</v>
      </c>
      <c r="B34097" t="s">
        <v>50079</v>
      </c>
      <c r="C34097">
        <v>1</v>
      </c>
      <c r="D34097">
        <v>0</v>
      </c>
    </row>
    <row r="34098" spans="1:4" x14ac:dyDescent="0.25">
      <c r="A34098" t="s">
        <v>50076</v>
      </c>
      <c r="B34098" t="s">
        <v>50080</v>
      </c>
      <c r="C34098">
        <v>1</v>
      </c>
      <c r="D34098">
        <v>0</v>
      </c>
    </row>
    <row r="34099" spans="1:4" x14ac:dyDescent="0.25">
      <c r="A34099" t="s">
        <v>50076</v>
      </c>
      <c r="B34099" t="s">
        <v>50081</v>
      </c>
      <c r="C34099">
        <v>1</v>
      </c>
      <c r="D34099">
        <v>0</v>
      </c>
    </row>
    <row r="34100" spans="1:4" x14ac:dyDescent="0.25">
      <c r="A34100" t="s">
        <v>50082</v>
      </c>
      <c r="B34100" t="s">
        <v>50083</v>
      </c>
      <c r="C34100">
        <v>1</v>
      </c>
      <c r="D34100">
        <v>0</v>
      </c>
    </row>
    <row r="34101" spans="1:4" x14ac:dyDescent="0.25">
      <c r="A34101" t="s">
        <v>50082</v>
      </c>
      <c r="B34101" t="s">
        <v>17257</v>
      </c>
      <c r="C34101">
        <v>2</v>
      </c>
      <c r="D34101">
        <v>0</v>
      </c>
    </row>
    <row r="34102" spans="1:4" x14ac:dyDescent="0.25">
      <c r="A34102" t="s">
        <v>50082</v>
      </c>
      <c r="B34102" t="s">
        <v>50084</v>
      </c>
      <c r="C34102">
        <v>0</v>
      </c>
      <c r="D34102">
        <v>0</v>
      </c>
    </row>
    <row r="34103" spans="1:4" x14ac:dyDescent="0.25">
      <c r="A34103" t="s">
        <v>50082</v>
      </c>
      <c r="B34103" t="s">
        <v>50085</v>
      </c>
      <c r="C34103">
        <v>0</v>
      </c>
      <c r="D34103">
        <v>0</v>
      </c>
    </row>
    <row r="34104" spans="1:4" x14ac:dyDescent="0.25">
      <c r="A34104" t="s">
        <v>50082</v>
      </c>
      <c r="B34104" t="s">
        <v>50086</v>
      </c>
      <c r="C34104">
        <v>0</v>
      </c>
      <c r="D34104">
        <v>0</v>
      </c>
    </row>
    <row r="34105" spans="1:4" x14ac:dyDescent="0.25">
      <c r="A34105" t="s">
        <v>50082</v>
      </c>
      <c r="B34105" t="s">
        <v>50087</v>
      </c>
      <c r="C34105">
        <v>2</v>
      </c>
      <c r="D34105">
        <v>0</v>
      </c>
    </row>
    <row r="34106" spans="1:4" x14ac:dyDescent="0.25">
      <c r="A34106" t="s">
        <v>50088</v>
      </c>
      <c r="B34106" t="s">
        <v>50089</v>
      </c>
      <c r="C34106">
        <v>1</v>
      </c>
      <c r="D34106">
        <v>0</v>
      </c>
    </row>
    <row r="34107" spans="1:4" x14ac:dyDescent="0.25">
      <c r="A34107" t="s">
        <v>50088</v>
      </c>
      <c r="B34107" t="s">
        <v>50090</v>
      </c>
      <c r="C34107">
        <v>0</v>
      </c>
      <c r="D34107">
        <v>0</v>
      </c>
    </row>
    <row r="34108" spans="1:4" x14ac:dyDescent="0.25">
      <c r="A34108" t="s">
        <v>50088</v>
      </c>
      <c r="B34108" t="s">
        <v>50091</v>
      </c>
      <c r="C34108">
        <v>0</v>
      </c>
      <c r="D34108">
        <v>0</v>
      </c>
    </row>
    <row r="34109" spans="1:4" x14ac:dyDescent="0.25">
      <c r="A34109" t="s">
        <v>50088</v>
      </c>
      <c r="B34109" t="s">
        <v>50092</v>
      </c>
      <c r="C34109">
        <v>0</v>
      </c>
      <c r="D34109">
        <v>0</v>
      </c>
    </row>
    <row r="34110" spans="1:4" x14ac:dyDescent="0.25">
      <c r="A34110" t="s">
        <v>50088</v>
      </c>
      <c r="B34110" t="s">
        <v>50093</v>
      </c>
      <c r="C34110">
        <v>0</v>
      </c>
      <c r="D34110">
        <v>0</v>
      </c>
    </row>
    <row r="34111" spans="1:4" x14ac:dyDescent="0.25">
      <c r="A34111" t="s">
        <v>50088</v>
      </c>
      <c r="B34111" t="s">
        <v>50094</v>
      </c>
      <c r="C34111">
        <v>0</v>
      </c>
      <c r="D34111">
        <v>0</v>
      </c>
    </row>
    <row r="34112" spans="1:4" x14ac:dyDescent="0.25">
      <c r="A34112" t="s">
        <v>50088</v>
      </c>
      <c r="B34112" t="s">
        <v>50095</v>
      </c>
      <c r="C34112">
        <v>2</v>
      </c>
      <c r="D34112">
        <v>0</v>
      </c>
    </row>
    <row r="34113" spans="1:4" x14ac:dyDescent="0.25">
      <c r="A34113" t="s">
        <v>50096</v>
      </c>
      <c r="B34113" t="s">
        <v>50097</v>
      </c>
      <c r="C34113">
        <v>1</v>
      </c>
      <c r="D34113">
        <v>0</v>
      </c>
    </row>
    <row r="34114" spans="1:4" x14ac:dyDescent="0.25">
      <c r="A34114" t="s">
        <v>50096</v>
      </c>
      <c r="B34114" t="s">
        <v>50098</v>
      </c>
      <c r="C34114">
        <v>1</v>
      </c>
      <c r="D34114">
        <v>0</v>
      </c>
    </row>
    <row r="34115" spans="1:4" x14ac:dyDescent="0.25">
      <c r="A34115" t="s">
        <v>50096</v>
      </c>
      <c r="B34115" t="s">
        <v>50099</v>
      </c>
      <c r="C34115">
        <v>1</v>
      </c>
      <c r="D34115">
        <v>0</v>
      </c>
    </row>
    <row r="34116" spans="1:4" x14ac:dyDescent="0.25">
      <c r="A34116" t="s">
        <v>50096</v>
      </c>
      <c r="B34116" t="s">
        <v>50100</v>
      </c>
      <c r="C34116">
        <v>0</v>
      </c>
      <c r="D34116">
        <v>0</v>
      </c>
    </row>
    <row r="34117" spans="1:4" x14ac:dyDescent="0.25">
      <c r="A34117" t="s">
        <v>50096</v>
      </c>
      <c r="B34117" t="s">
        <v>50101</v>
      </c>
      <c r="C34117">
        <v>1</v>
      </c>
      <c r="D34117">
        <v>0</v>
      </c>
    </row>
    <row r="34118" spans="1:4" x14ac:dyDescent="0.25">
      <c r="A34118" t="s">
        <v>50096</v>
      </c>
      <c r="B34118" t="s">
        <v>50102</v>
      </c>
      <c r="C34118">
        <v>2</v>
      </c>
      <c r="D34118">
        <v>0</v>
      </c>
    </row>
    <row r="34119" spans="1:4" x14ac:dyDescent="0.25">
      <c r="A34119" t="s">
        <v>50103</v>
      </c>
      <c r="B34119" t="s">
        <v>50104</v>
      </c>
      <c r="C34119">
        <v>1</v>
      </c>
      <c r="D34119">
        <v>0</v>
      </c>
    </row>
    <row r="34120" spans="1:4" x14ac:dyDescent="0.25">
      <c r="A34120" t="s">
        <v>50103</v>
      </c>
      <c r="B34120" t="s">
        <v>50105</v>
      </c>
      <c r="C34120">
        <v>1</v>
      </c>
      <c r="D34120">
        <v>0</v>
      </c>
    </row>
    <row r="34121" spans="1:4" x14ac:dyDescent="0.25">
      <c r="A34121" t="s">
        <v>50103</v>
      </c>
      <c r="B34121" t="s">
        <v>28436</v>
      </c>
      <c r="C34121">
        <v>0</v>
      </c>
      <c r="D34121">
        <v>0</v>
      </c>
    </row>
    <row r="34122" spans="1:4" x14ac:dyDescent="0.25">
      <c r="A34122" t="s">
        <v>50103</v>
      </c>
      <c r="B34122" t="s">
        <v>50106</v>
      </c>
      <c r="C34122">
        <v>0</v>
      </c>
      <c r="D34122">
        <v>0</v>
      </c>
    </row>
    <row r="34123" spans="1:4" x14ac:dyDescent="0.25">
      <c r="A34123" t="s">
        <v>50103</v>
      </c>
      <c r="B34123" t="s">
        <v>50107</v>
      </c>
      <c r="C34123">
        <v>1</v>
      </c>
      <c r="D34123">
        <v>0</v>
      </c>
    </row>
    <row r="34124" spans="1:4" x14ac:dyDescent="0.25">
      <c r="A34124" t="s">
        <v>50108</v>
      </c>
      <c r="B34124" t="s">
        <v>50109</v>
      </c>
      <c r="C34124">
        <v>0</v>
      </c>
      <c r="D34124">
        <v>0</v>
      </c>
    </row>
    <row r="34125" spans="1:4" x14ac:dyDescent="0.25">
      <c r="A34125" t="s">
        <v>50108</v>
      </c>
      <c r="B34125" t="s">
        <v>50110</v>
      </c>
      <c r="C34125">
        <v>1</v>
      </c>
      <c r="D34125">
        <v>0</v>
      </c>
    </row>
    <row r="34126" spans="1:4" x14ac:dyDescent="0.25">
      <c r="A34126" t="s">
        <v>50108</v>
      </c>
      <c r="B34126" t="s">
        <v>50111</v>
      </c>
      <c r="C34126">
        <v>1</v>
      </c>
      <c r="D34126">
        <v>0</v>
      </c>
    </row>
    <row r="34127" spans="1:4" x14ac:dyDescent="0.25">
      <c r="A34127" t="s">
        <v>50112</v>
      </c>
      <c r="B34127" t="s">
        <v>11948</v>
      </c>
      <c r="C34127">
        <v>0</v>
      </c>
      <c r="D34127">
        <v>0</v>
      </c>
    </row>
    <row r="34128" spans="1:4" x14ac:dyDescent="0.25">
      <c r="A34128" t="s">
        <v>50112</v>
      </c>
      <c r="B34128" t="s">
        <v>50113</v>
      </c>
      <c r="C34128">
        <v>0</v>
      </c>
      <c r="D34128">
        <v>0</v>
      </c>
    </row>
    <row r="34129" spans="1:4" x14ac:dyDescent="0.25">
      <c r="A34129" t="s">
        <v>50112</v>
      </c>
      <c r="B34129" t="s">
        <v>50114</v>
      </c>
      <c r="C34129">
        <v>0</v>
      </c>
      <c r="D34129">
        <v>0</v>
      </c>
    </row>
    <row r="34130" spans="1:4" x14ac:dyDescent="0.25">
      <c r="A34130" t="s">
        <v>50115</v>
      </c>
      <c r="B34130" t="s">
        <v>50116</v>
      </c>
      <c r="C34130">
        <v>1</v>
      </c>
      <c r="D34130">
        <v>0</v>
      </c>
    </row>
    <row r="34131" spans="1:4" x14ac:dyDescent="0.25">
      <c r="A34131" t="s">
        <v>50117</v>
      </c>
      <c r="B34131" t="s">
        <v>50118</v>
      </c>
      <c r="C34131">
        <v>0</v>
      </c>
      <c r="D34131">
        <v>0</v>
      </c>
    </row>
    <row r="34132" spans="1:4" x14ac:dyDescent="0.25">
      <c r="A34132" t="s">
        <v>50117</v>
      </c>
      <c r="B34132" t="s">
        <v>50119</v>
      </c>
      <c r="C34132">
        <v>0</v>
      </c>
      <c r="D34132">
        <v>0</v>
      </c>
    </row>
    <row r="34133" spans="1:4" x14ac:dyDescent="0.25">
      <c r="A34133" t="s">
        <v>50117</v>
      </c>
      <c r="B34133" t="s">
        <v>50120</v>
      </c>
      <c r="C34133">
        <v>2</v>
      </c>
      <c r="D34133">
        <v>0</v>
      </c>
    </row>
    <row r="34134" spans="1:4" x14ac:dyDescent="0.25">
      <c r="A34134" t="s">
        <v>50121</v>
      </c>
      <c r="B34134" t="s">
        <v>50122</v>
      </c>
      <c r="C34134">
        <v>1</v>
      </c>
      <c r="D34134">
        <v>0</v>
      </c>
    </row>
    <row r="34135" spans="1:4" x14ac:dyDescent="0.25">
      <c r="A34135" t="s">
        <v>50121</v>
      </c>
      <c r="B34135" t="s">
        <v>50123</v>
      </c>
      <c r="C34135">
        <v>1</v>
      </c>
      <c r="D34135">
        <v>0</v>
      </c>
    </row>
    <row r="34136" spans="1:4" x14ac:dyDescent="0.25">
      <c r="A34136" t="s">
        <v>50121</v>
      </c>
      <c r="B34136" t="s">
        <v>50124</v>
      </c>
      <c r="C34136">
        <v>1</v>
      </c>
      <c r="D34136">
        <v>0</v>
      </c>
    </row>
    <row r="34137" spans="1:4" x14ac:dyDescent="0.25">
      <c r="A34137" t="s">
        <v>50121</v>
      </c>
      <c r="B34137" t="s">
        <v>50125</v>
      </c>
      <c r="C34137">
        <v>1</v>
      </c>
      <c r="D34137">
        <v>0</v>
      </c>
    </row>
    <row r="34138" spans="1:4" x14ac:dyDescent="0.25">
      <c r="A34138" t="s">
        <v>50121</v>
      </c>
      <c r="B34138" t="s">
        <v>12472</v>
      </c>
      <c r="C34138">
        <v>1</v>
      </c>
      <c r="D34138">
        <v>0</v>
      </c>
    </row>
    <row r="34139" spans="1:4" x14ac:dyDescent="0.25">
      <c r="A34139" t="s">
        <v>50121</v>
      </c>
      <c r="B34139" t="s">
        <v>50126</v>
      </c>
      <c r="C34139">
        <v>2</v>
      </c>
      <c r="D34139">
        <v>0</v>
      </c>
    </row>
    <row r="34140" spans="1:4" x14ac:dyDescent="0.25">
      <c r="A34140" t="s">
        <v>50121</v>
      </c>
      <c r="B34140" t="s">
        <v>50127</v>
      </c>
      <c r="C34140">
        <v>1</v>
      </c>
      <c r="D34140">
        <v>0</v>
      </c>
    </row>
    <row r="34141" spans="1:4" x14ac:dyDescent="0.25">
      <c r="A34141" t="s">
        <v>50128</v>
      </c>
      <c r="B34141" t="s">
        <v>50129</v>
      </c>
      <c r="C34141">
        <v>1</v>
      </c>
      <c r="D34141">
        <v>0</v>
      </c>
    </row>
    <row r="34142" spans="1:4" x14ac:dyDescent="0.25">
      <c r="A34142" t="s">
        <v>50128</v>
      </c>
      <c r="B34142" t="s">
        <v>50130</v>
      </c>
      <c r="C34142">
        <v>2</v>
      </c>
      <c r="D34142">
        <v>0</v>
      </c>
    </row>
    <row r="34143" spans="1:4" x14ac:dyDescent="0.25">
      <c r="A34143" t="s">
        <v>50128</v>
      </c>
      <c r="B34143" t="s">
        <v>50131</v>
      </c>
      <c r="C34143">
        <v>1</v>
      </c>
      <c r="D34143">
        <v>0</v>
      </c>
    </row>
    <row r="34144" spans="1:4" x14ac:dyDescent="0.25">
      <c r="A34144" t="s">
        <v>50128</v>
      </c>
      <c r="B34144" t="s">
        <v>50132</v>
      </c>
      <c r="C34144">
        <v>1</v>
      </c>
      <c r="D34144">
        <v>0</v>
      </c>
    </row>
    <row r="34145" spans="1:4" x14ac:dyDescent="0.25">
      <c r="A34145" t="s">
        <v>50128</v>
      </c>
      <c r="B34145" t="s">
        <v>50133</v>
      </c>
      <c r="C34145">
        <v>1</v>
      </c>
      <c r="D34145">
        <v>0</v>
      </c>
    </row>
    <row r="34146" spans="1:4" x14ac:dyDescent="0.25">
      <c r="A34146" t="s">
        <v>50134</v>
      </c>
      <c r="B34146" t="s">
        <v>50135</v>
      </c>
      <c r="C34146">
        <v>1</v>
      </c>
      <c r="D34146">
        <v>0</v>
      </c>
    </row>
    <row r="34147" spans="1:4" x14ac:dyDescent="0.25">
      <c r="A34147" t="s">
        <v>50134</v>
      </c>
      <c r="B34147" t="s">
        <v>50136</v>
      </c>
      <c r="C34147">
        <v>1</v>
      </c>
      <c r="D34147">
        <v>0</v>
      </c>
    </row>
    <row r="34148" spans="1:4" x14ac:dyDescent="0.25">
      <c r="A34148" t="s">
        <v>50134</v>
      </c>
      <c r="B34148" t="s">
        <v>50137</v>
      </c>
      <c r="C34148">
        <v>1</v>
      </c>
      <c r="D34148">
        <v>0</v>
      </c>
    </row>
    <row r="34149" spans="1:4" x14ac:dyDescent="0.25">
      <c r="A34149" t="s">
        <v>50134</v>
      </c>
      <c r="B34149" t="s">
        <v>5713</v>
      </c>
      <c r="C34149">
        <v>1</v>
      </c>
      <c r="D34149">
        <v>0</v>
      </c>
    </row>
    <row r="34150" spans="1:4" x14ac:dyDescent="0.25">
      <c r="A34150" t="s">
        <v>50138</v>
      </c>
      <c r="B34150" t="s">
        <v>50139</v>
      </c>
      <c r="C34150">
        <v>1</v>
      </c>
      <c r="D34150">
        <v>0</v>
      </c>
    </row>
    <row r="34151" spans="1:4" x14ac:dyDescent="0.25">
      <c r="A34151" t="s">
        <v>50138</v>
      </c>
      <c r="B34151" t="s">
        <v>50140</v>
      </c>
      <c r="C34151">
        <v>1</v>
      </c>
      <c r="D34151">
        <v>0</v>
      </c>
    </row>
    <row r="34152" spans="1:4" x14ac:dyDescent="0.25">
      <c r="A34152" t="s">
        <v>50138</v>
      </c>
      <c r="B34152" t="s">
        <v>50141</v>
      </c>
      <c r="C34152">
        <v>1</v>
      </c>
      <c r="D34152">
        <v>0</v>
      </c>
    </row>
    <row r="34153" spans="1:4" x14ac:dyDescent="0.25">
      <c r="A34153" t="s">
        <v>50138</v>
      </c>
      <c r="B34153" t="s">
        <v>40454</v>
      </c>
      <c r="C34153">
        <v>1</v>
      </c>
      <c r="D34153">
        <v>0</v>
      </c>
    </row>
    <row r="34154" spans="1:4" x14ac:dyDescent="0.25">
      <c r="A34154" t="s">
        <v>50142</v>
      </c>
      <c r="B34154" t="s">
        <v>50143</v>
      </c>
      <c r="C34154">
        <v>1</v>
      </c>
      <c r="D34154">
        <v>0</v>
      </c>
    </row>
    <row r="34155" spans="1:4" x14ac:dyDescent="0.25">
      <c r="A34155" t="s">
        <v>50142</v>
      </c>
      <c r="B34155" t="s">
        <v>50144</v>
      </c>
      <c r="C34155">
        <v>0</v>
      </c>
      <c r="D34155">
        <v>0</v>
      </c>
    </row>
    <row r="34156" spans="1:4" x14ac:dyDescent="0.25">
      <c r="A34156" t="s">
        <v>50142</v>
      </c>
      <c r="B34156" t="s">
        <v>50145</v>
      </c>
      <c r="C34156">
        <v>1</v>
      </c>
      <c r="D34156">
        <v>0</v>
      </c>
    </row>
    <row r="34157" spans="1:4" x14ac:dyDescent="0.25">
      <c r="A34157" t="s">
        <v>50146</v>
      </c>
      <c r="B34157" t="s">
        <v>50147</v>
      </c>
      <c r="C34157">
        <v>2</v>
      </c>
      <c r="D34157">
        <v>0</v>
      </c>
    </row>
    <row r="34158" spans="1:4" x14ac:dyDescent="0.25">
      <c r="A34158" t="s">
        <v>50146</v>
      </c>
      <c r="B34158" t="s">
        <v>50148</v>
      </c>
      <c r="C34158">
        <v>0</v>
      </c>
      <c r="D34158">
        <v>0</v>
      </c>
    </row>
    <row r="34159" spans="1:4" x14ac:dyDescent="0.25">
      <c r="A34159" t="s">
        <v>50149</v>
      </c>
      <c r="B34159" t="s">
        <v>50150</v>
      </c>
      <c r="C34159">
        <v>1</v>
      </c>
      <c r="D34159">
        <v>0</v>
      </c>
    </row>
    <row r="34160" spans="1:4" x14ac:dyDescent="0.25">
      <c r="A34160" t="s">
        <v>50149</v>
      </c>
      <c r="B34160" t="s">
        <v>50151</v>
      </c>
      <c r="C34160">
        <v>1</v>
      </c>
      <c r="D34160">
        <v>0</v>
      </c>
    </row>
    <row r="34161" spans="1:4" x14ac:dyDescent="0.25">
      <c r="A34161" t="s">
        <v>50149</v>
      </c>
      <c r="B34161" t="s">
        <v>50152</v>
      </c>
      <c r="C34161">
        <v>0</v>
      </c>
      <c r="D34161">
        <v>0</v>
      </c>
    </row>
    <row r="34162" spans="1:4" x14ac:dyDescent="0.25">
      <c r="A34162" t="s">
        <v>50149</v>
      </c>
      <c r="B34162" t="s">
        <v>50153</v>
      </c>
      <c r="C34162">
        <v>2</v>
      </c>
      <c r="D34162">
        <v>0</v>
      </c>
    </row>
    <row r="34163" spans="1:4" x14ac:dyDescent="0.25">
      <c r="A34163" t="s">
        <v>50149</v>
      </c>
      <c r="B34163" t="s">
        <v>50154</v>
      </c>
      <c r="C34163">
        <v>0</v>
      </c>
      <c r="D34163">
        <v>0</v>
      </c>
    </row>
    <row r="34164" spans="1:4" x14ac:dyDescent="0.25">
      <c r="A34164" t="s">
        <v>50155</v>
      </c>
      <c r="B34164" t="s">
        <v>46223</v>
      </c>
      <c r="C34164">
        <v>2</v>
      </c>
      <c r="D34164">
        <v>0</v>
      </c>
    </row>
    <row r="34165" spans="1:4" x14ac:dyDescent="0.25">
      <c r="A34165" t="s">
        <v>50156</v>
      </c>
      <c r="B34165" t="s">
        <v>50157</v>
      </c>
      <c r="C34165">
        <v>2</v>
      </c>
      <c r="D34165">
        <v>0</v>
      </c>
    </row>
    <row r="34166" spans="1:4" x14ac:dyDescent="0.25">
      <c r="A34166" t="s">
        <v>50156</v>
      </c>
      <c r="B34166" t="s">
        <v>50158</v>
      </c>
      <c r="C34166">
        <v>1</v>
      </c>
      <c r="D34166">
        <v>0</v>
      </c>
    </row>
    <row r="34167" spans="1:4" x14ac:dyDescent="0.25">
      <c r="A34167" t="s">
        <v>50156</v>
      </c>
      <c r="B34167" t="s">
        <v>50159</v>
      </c>
      <c r="C34167">
        <v>2</v>
      </c>
      <c r="D34167">
        <v>0</v>
      </c>
    </row>
    <row r="34168" spans="1:4" x14ac:dyDescent="0.25">
      <c r="A34168" t="s">
        <v>50156</v>
      </c>
      <c r="B34168" t="s">
        <v>50160</v>
      </c>
      <c r="C34168">
        <v>2</v>
      </c>
      <c r="D34168">
        <v>0</v>
      </c>
    </row>
    <row r="34169" spans="1:4" x14ac:dyDescent="0.25">
      <c r="A34169" t="s">
        <v>50156</v>
      </c>
      <c r="B34169" t="s">
        <v>50161</v>
      </c>
      <c r="C34169">
        <v>0</v>
      </c>
      <c r="D34169">
        <v>0</v>
      </c>
    </row>
    <row r="34170" spans="1:4" x14ac:dyDescent="0.25">
      <c r="A34170" t="s">
        <v>50162</v>
      </c>
      <c r="B34170" t="s">
        <v>50163</v>
      </c>
      <c r="C34170">
        <v>2</v>
      </c>
      <c r="D34170">
        <v>0</v>
      </c>
    </row>
    <row r="34171" spans="1:4" x14ac:dyDescent="0.25">
      <c r="A34171" t="s">
        <v>50162</v>
      </c>
      <c r="B34171" t="s">
        <v>50164</v>
      </c>
      <c r="C34171">
        <v>0</v>
      </c>
      <c r="D34171">
        <v>0</v>
      </c>
    </row>
    <row r="34172" spans="1:4" x14ac:dyDescent="0.25">
      <c r="A34172" t="s">
        <v>50165</v>
      </c>
      <c r="B34172" t="s">
        <v>50166</v>
      </c>
      <c r="C34172">
        <v>2</v>
      </c>
      <c r="D34172">
        <v>0</v>
      </c>
    </row>
    <row r="34173" spans="1:4" x14ac:dyDescent="0.25">
      <c r="A34173" t="s">
        <v>50165</v>
      </c>
      <c r="B34173" t="s">
        <v>50167</v>
      </c>
      <c r="C34173">
        <v>1</v>
      </c>
      <c r="D34173">
        <v>0</v>
      </c>
    </row>
    <row r="34174" spans="1:4" x14ac:dyDescent="0.25">
      <c r="A34174" t="s">
        <v>50165</v>
      </c>
      <c r="B34174" t="s">
        <v>50168</v>
      </c>
      <c r="C34174">
        <v>2</v>
      </c>
      <c r="D34174">
        <v>0</v>
      </c>
    </row>
    <row r="34175" spans="1:4" x14ac:dyDescent="0.25">
      <c r="A34175" t="s">
        <v>50165</v>
      </c>
      <c r="B34175" t="s">
        <v>50169</v>
      </c>
      <c r="C34175">
        <v>1</v>
      </c>
      <c r="D34175">
        <v>0</v>
      </c>
    </row>
    <row r="34176" spans="1:4" x14ac:dyDescent="0.25">
      <c r="A34176" t="s">
        <v>50170</v>
      </c>
      <c r="B34176" t="s">
        <v>50171</v>
      </c>
      <c r="C34176">
        <v>2</v>
      </c>
      <c r="D34176">
        <v>0</v>
      </c>
    </row>
    <row r="34177" spans="1:4" x14ac:dyDescent="0.25">
      <c r="A34177" t="s">
        <v>50170</v>
      </c>
      <c r="B34177" t="s">
        <v>50172</v>
      </c>
      <c r="C34177">
        <v>1</v>
      </c>
      <c r="D34177">
        <v>0</v>
      </c>
    </row>
    <row r="34178" spans="1:4" x14ac:dyDescent="0.25">
      <c r="A34178" t="s">
        <v>50170</v>
      </c>
      <c r="B34178" t="s">
        <v>50173</v>
      </c>
      <c r="C34178">
        <v>0</v>
      </c>
      <c r="D34178">
        <v>0</v>
      </c>
    </row>
    <row r="34179" spans="1:4" x14ac:dyDescent="0.25">
      <c r="A34179" t="s">
        <v>50170</v>
      </c>
      <c r="B34179" t="s">
        <v>50174</v>
      </c>
      <c r="C34179">
        <v>2</v>
      </c>
      <c r="D34179">
        <v>0</v>
      </c>
    </row>
    <row r="34180" spans="1:4" x14ac:dyDescent="0.25">
      <c r="A34180" t="s">
        <v>50170</v>
      </c>
      <c r="B34180" t="s">
        <v>50175</v>
      </c>
      <c r="C34180">
        <v>1</v>
      </c>
      <c r="D34180">
        <v>0</v>
      </c>
    </row>
    <row r="34181" spans="1:4" x14ac:dyDescent="0.25">
      <c r="A34181" t="s">
        <v>50170</v>
      </c>
      <c r="B34181" t="s">
        <v>50176</v>
      </c>
      <c r="C34181">
        <v>1</v>
      </c>
      <c r="D34181">
        <v>0</v>
      </c>
    </row>
    <row r="34182" spans="1:4" x14ac:dyDescent="0.25">
      <c r="A34182" t="s">
        <v>50170</v>
      </c>
      <c r="B34182" t="s">
        <v>50177</v>
      </c>
      <c r="C34182">
        <v>1</v>
      </c>
      <c r="D34182">
        <v>0</v>
      </c>
    </row>
    <row r="34183" spans="1:4" x14ac:dyDescent="0.25">
      <c r="A34183" t="s">
        <v>50170</v>
      </c>
      <c r="B34183" t="s">
        <v>50178</v>
      </c>
      <c r="C34183">
        <v>1</v>
      </c>
      <c r="D34183">
        <v>0</v>
      </c>
    </row>
    <row r="34184" spans="1:4" x14ac:dyDescent="0.25">
      <c r="A34184" t="s">
        <v>50179</v>
      </c>
      <c r="B34184" t="s">
        <v>50180</v>
      </c>
      <c r="C34184">
        <v>1</v>
      </c>
      <c r="D34184">
        <v>0</v>
      </c>
    </row>
    <row r="34185" spans="1:4" x14ac:dyDescent="0.25">
      <c r="A34185" t="s">
        <v>50179</v>
      </c>
      <c r="B34185" t="s">
        <v>50181</v>
      </c>
      <c r="C34185">
        <v>1</v>
      </c>
      <c r="D34185">
        <v>0</v>
      </c>
    </row>
    <row r="34186" spans="1:4" x14ac:dyDescent="0.25">
      <c r="A34186" t="s">
        <v>50179</v>
      </c>
      <c r="B34186" t="s">
        <v>50182</v>
      </c>
      <c r="C34186">
        <v>1</v>
      </c>
      <c r="D34186">
        <v>0</v>
      </c>
    </row>
    <row r="34187" spans="1:4" x14ac:dyDescent="0.25">
      <c r="A34187" t="s">
        <v>50179</v>
      </c>
      <c r="B34187" t="s">
        <v>50183</v>
      </c>
      <c r="C34187">
        <v>1</v>
      </c>
      <c r="D34187">
        <v>0</v>
      </c>
    </row>
    <row r="34188" spans="1:4" x14ac:dyDescent="0.25">
      <c r="A34188" t="s">
        <v>50179</v>
      </c>
      <c r="B34188" t="s">
        <v>50184</v>
      </c>
      <c r="C34188">
        <v>1</v>
      </c>
      <c r="D34188">
        <v>0</v>
      </c>
    </row>
    <row r="34189" spans="1:4" x14ac:dyDescent="0.25">
      <c r="A34189" t="s">
        <v>50179</v>
      </c>
      <c r="B34189" t="s">
        <v>50185</v>
      </c>
      <c r="C34189">
        <v>0</v>
      </c>
      <c r="D34189">
        <v>0</v>
      </c>
    </row>
    <row r="34190" spans="1:4" x14ac:dyDescent="0.25">
      <c r="A34190" t="s">
        <v>50179</v>
      </c>
      <c r="B34190" t="s">
        <v>50186</v>
      </c>
      <c r="C34190">
        <v>1</v>
      </c>
      <c r="D34190">
        <v>0</v>
      </c>
    </row>
    <row r="34191" spans="1:4" x14ac:dyDescent="0.25">
      <c r="A34191" t="s">
        <v>50179</v>
      </c>
      <c r="B34191" t="s">
        <v>50187</v>
      </c>
      <c r="C34191">
        <v>0</v>
      </c>
      <c r="D34191">
        <v>0</v>
      </c>
    </row>
    <row r="34192" spans="1:4" x14ac:dyDescent="0.25">
      <c r="A34192" t="s">
        <v>50179</v>
      </c>
      <c r="B34192" t="s">
        <v>50188</v>
      </c>
      <c r="C34192">
        <v>2</v>
      </c>
      <c r="D34192">
        <v>0</v>
      </c>
    </row>
    <row r="34193" spans="1:4" x14ac:dyDescent="0.25">
      <c r="A34193" t="s">
        <v>50189</v>
      </c>
      <c r="B34193" t="s">
        <v>50190</v>
      </c>
      <c r="C34193">
        <v>1</v>
      </c>
      <c r="D34193">
        <v>0</v>
      </c>
    </row>
    <row r="34194" spans="1:4" x14ac:dyDescent="0.25">
      <c r="A34194" t="s">
        <v>50189</v>
      </c>
      <c r="B34194" t="s">
        <v>50191</v>
      </c>
      <c r="C34194">
        <v>2</v>
      </c>
      <c r="D34194">
        <v>0</v>
      </c>
    </row>
    <row r="34195" spans="1:4" x14ac:dyDescent="0.25">
      <c r="A34195" t="s">
        <v>50189</v>
      </c>
      <c r="B34195" t="s">
        <v>50192</v>
      </c>
      <c r="C34195">
        <v>1</v>
      </c>
      <c r="D34195">
        <v>0</v>
      </c>
    </row>
    <row r="34196" spans="1:4" x14ac:dyDescent="0.25">
      <c r="A34196" t="s">
        <v>50189</v>
      </c>
      <c r="B34196" t="s">
        <v>50193</v>
      </c>
      <c r="C34196">
        <v>0</v>
      </c>
      <c r="D34196">
        <v>0</v>
      </c>
    </row>
    <row r="34197" spans="1:4" x14ac:dyDescent="0.25">
      <c r="A34197" t="s">
        <v>50189</v>
      </c>
      <c r="B34197" t="s">
        <v>50194</v>
      </c>
      <c r="C34197">
        <v>1</v>
      </c>
      <c r="D34197">
        <v>0</v>
      </c>
    </row>
    <row r="34198" spans="1:4" x14ac:dyDescent="0.25">
      <c r="A34198" t="s">
        <v>50195</v>
      </c>
      <c r="B34198" t="s">
        <v>50196</v>
      </c>
      <c r="C34198">
        <v>1</v>
      </c>
      <c r="D34198">
        <v>0</v>
      </c>
    </row>
    <row r="34199" spans="1:4" x14ac:dyDescent="0.25">
      <c r="A34199" t="s">
        <v>50195</v>
      </c>
      <c r="B34199" t="s">
        <v>50197</v>
      </c>
      <c r="C34199">
        <v>1</v>
      </c>
      <c r="D34199">
        <v>0</v>
      </c>
    </row>
    <row r="34200" spans="1:4" x14ac:dyDescent="0.25">
      <c r="A34200" t="s">
        <v>50195</v>
      </c>
      <c r="B34200" t="s">
        <v>50198</v>
      </c>
      <c r="C34200">
        <v>1</v>
      </c>
      <c r="D34200">
        <v>0</v>
      </c>
    </row>
    <row r="34201" spans="1:4" x14ac:dyDescent="0.25">
      <c r="A34201" t="s">
        <v>50199</v>
      </c>
      <c r="B34201" t="s">
        <v>50200</v>
      </c>
      <c r="C34201">
        <v>1</v>
      </c>
      <c r="D34201">
        <v>0</v>
      </c>
    </row>
    <row r="34202" spans="1:4" x14ac:dyDescent="0.25">
      <c r="A34202" t="s">
        <v>50201</v>
      </c>
      <c r="B34202" t="s">
        <v>50202</v>
      </c>
      <c r="C34202">
        <v>0</v>
      </c>
      <c r="D34202">
        <v>0</v>
      </c>
    </row>
    <row r="34203" spans="1:4" x14ac:dyDescent="0.25">
      <c r="A34203" t="s">
        <v>50201</v>
      </c>
      <c r="B34203" t="s">
        <v>5864</v>
      </c>
      <c r="C34203">
        <v>1</v>
      </c>
      <c r="D34203">
        <v>0</v>
      </c>
    </row>
    <row r="34204" spans="1:4" x14ac:dyDescent="0.25">
      <c r="A34204" t="s">
        <v>50201</v>
      </c>
      <c r="B34204" t="s">
        <v>50203</v>
      </c>
      <c r="C34204">
        <v>1</v>
      </c>
      <c r="D34204">
        <v>0</v>
      </c>
    </row>
    <row r="34205" spans="1:4" x14ac:dyDescent="0.25">
      <c r="A34205" t="s">
        <v>50204</v>
      </c>
      <c r="B34205" t="s">
        <v>50205</v>
      </c>
      <c r="C34205">
        <v>1</v>
      </c>
      <c r="D34205">
        <v>0</v>
      </c>
    </row>
    <row r="34206" spans="1:4" x14ac:dyDescent="0.25">
      <c r="A34206" t="s">
        <v>50204</v>
      </c>
      <c r="B34206" t="s">
        <v>50206</v>
      </c>
      <c r="C34206">
        <v>1</v>
      </c>
      <c r="D34206">
        <v>0</v>
      </c>
    </row>
    <row r="34207" spans="1:4" x14ac:dyDescent="0.25">
      <c r="A34207" t="s">
        <v>50204</v>
      </c>
      <c r="B34207" t="s">
        <v>50207</v>
      </c>
      <c r="C34207">
        <v>1</v>
      </c>
      <c r="D34207">
        <v>0</v>
      </c>
    </row>
    <row r="34208" spans="1:4" x14ac:dyDescent="0.25">
      <c r="A34208" t="s">
        <v>50204</v>
      </c>
      <c r="B34208" t="s">
        <v>50208</v>
      </c>
      <c r="C34208">
        <v>0</v>
      </c>
      <c r="D34208">
        <v>0</v>
      </c>
    </row>
    <row r="34209" spans="1:4" x14ac:dyDescent="0.25">
      <c r="A34209" t="s">
        <v>50204</v>
      </c>
      <c r="B34209" t="s">
        <v>50209</v>
      </c>
      <c r="C34209">
        <v>2</v>
      </c>
      <c r="D34209">
        <v>0</v>
      </c>
    </row>
    <row r="34210" spans="1:4" x14ac:dyDescent="0.25">
      <c r="A34210" t="s">
        <v>50204</v>
      </c>
      <c r="B34210" t="s">
        <v>50210</v>
      </c>
      <c r="C34210">
        <v>2</v>
      </c>
      <c r="D34210">
        <v>0</v>
      </c>
    </row>
    <row r="34211" spans="1:4" x14ac:dyDescent="0.25">
      <c r="A34211" t="s">
        <v>50211</v>
      </c>
      <c r="B34211" t="s">
        <v>50212</v>
      </c>
      <c r="C34211">
        <v>1</v>
      </c>
      <c r="D34211">
        <v>0</v>
      </c>
    </row>
    <row r="34212" spans="1:4" x14ac:dyDescent="0.25">
      <c r="A34212" t="s">
        <v>50211</v>
      </c>
      <c r="B34212" t="s">
        <v>50213</v>
      </c>
      <c r="C34212">
        <v>0</v>
      </c>
      <c r="D34212">
        <v>0</v>
      </c>
    </row>
    <row r="34213" spans="1:4" x14ac:dyDescent="0.25">
      <c r="A34213" t="s">
        <v>50211</v>
      </c>
      <c r="B34213" t="s">
        <v>50214</v>
      </c>
      <c r="C34213">
        <v>1</v>
      </c>
      <c r="D34213">
        <v>0</v>
      </c>
    </row>
    <row r="34214" spans="1:4" x14ac:dyDescent="0.25">
      <c r="A34214" t="s">
        <v>50211</v>
      </c>
      <c r="B34214" t="s">
        <v>50215</v>
      </c>
      <c r="C34214">
        <v>1</v>
      </c>
      <c r="D34214">
        <v>0</v>
      </c>
    </row>
    <row r="34215" spans="1:4" x14ac:dyDescent="0.25">
      <c r="A34215" t="s">
        <v>50216</v>
      </c>
      <c r="B34215" t="s">
        <v>50217</v>
      </c>
      <c r="C34215">
        <v>1</v>
      </c>
      <c r="D34215">
        <v>0</v>
      </c>
    </row>
    <row r="34216" spans="1:4" x14ac:dyDescent="0.25">
      <c r="A34216" t="s">
        <v>50218</v>
      </c>
      <c r="B34216" t="s">
        <v>50219</v>
      </c>
      <c r="C34216">
        <v>1</v>
      </c>
      <c r="D34216">
        <v>0</v>
      </c>
    </row>
    <row r="34217" spans="1:4" x14ac:dyDescent="0.25">
      <c r="A34217" t="s">
        <v>50218</v>
      </c>
      <c r="B34217" t="s">
        <v>50220</v>
      </c>
      <c r="C34217">
        <v>1</v>
      </c>
      <c r="D34217">
        <v>0</v>
      </c>
    </row>
    <row r="34218" spans="1:4" x14ac:dyDescent="0.25">
      <c r="A34218" t="s">
        <v>50218</v>
      </c>
      <c r="B34218" t="s">
        <v>50221</v>
      </c>
      <c r="C34218">
        <v>1</v>
      </c>
      <c r="D34218">
        <v>0</v>
      </c>
    </row>
    <row r="34219" spans="1:4" x14ac:dyDescent="0.25">
      <c r="A34219" t="s">
        <v>50218</v>
      </c>
      <c r="B34219" t="s">
        <v>50222</v>
      </c>
      <c r="C34219">
        <v>1</v>
      </c>
      <c r="D34219">
        <v>0</v>
      </c>
    </row>
    <row r="34220" spans="1:4" x14ac:dyDescent="0.25">
      <c r="A34220" t="s">
        <v>50218</v>
      </c>
      <c r="B34220" t="s">
        <v>50223</v>
      </c>
      <c r="C34220">
        <v>1</v>
      </c>
      <c r="D34220">
        <v>0</v>
      </c>
    </row>
    <row r="34221" spans="1:4" x14ac:dyDescent="0.25">
      <c r="A34221" t="s">
        <v>50224</v>
      </c>
      <c r="B34221" t="s">
        <v>50225</v>
      </c>
      <c r="C34221">
        <v>1</v>
      </c>
      <c r="D34221">
        <v>0</v>
      </c>
    </row>
    <row r="34222" spans="1:4" x14ac:dyDescent="0.25">
      <c r="A34222" t="s">
        <v>50224</v>
      </c>
      <c r="B34222" t="s">
        <v>50226</v>
      </c>
      <c r="C34222">
        <v>2</v>
      </c>
      <c r="D34222">
        <v>0</v>
      </c>
    </row>
    <row r="34223" spans="1:4" x14ac:dyDescent="0.25">
      <c r="A34223" t="s">
        <v>50224</v>
      </c>
      <c r="B34223" t="s">
        <v>50227</v>
      </c>
      <c r="C34223">
        <v>1</v>
      </c>
      <c r="D34223">
        <v>0</v>
      </c>
    </row>
    <row r="34224" spans="1:4" x14ac:dyDescent="0.25">
      <c r="A34224" t="s">
        <v>50224</v>
      </c>
      <c r="B34224" t="s">
        <v>50228</v>
      </c>
      <c r="C34224">
        <v>0</v>
      </c>
      <c r="D34224">
        <v>0</v>
      </c>
    </row>
    <row r="34225" spans="1:4" x14ac:dyDescent="0.25">
      <c r="A34225" t="s">
        <v>50229</v>
      </c>
      <c r="B34225" t="s">
        <v>50230</v>
      </c>
      <c r="C34225">
        <v>0</v>
      </c>
      <c r="D34225">
        <v>0</v>
      </c>
    </row>
    <row r="34226" spans="1:4" x14ac:dyDescent="0.25">
      <c r="A34226" t="s">
        <v>50229</v>
      </c>
      <c r="B34226" t="s">
        <v>50231</v>
      </c>
      <c r="C34226">
        <v>1</v>
      </c>
      <c r="D34226">
        <v>0</v>
      </c>
    </row>
    <row r="34227" spans="1:4" x14ac:dyDescent="0.25">
      <c r="A34227" t="s">
        <v>50229</v>
      </c>
      <c r="B34227" t="s">
        <v>50232</v>
      </c>
      <c r="C34227">
        <v>0</v>
      </c>
      <c r="D34227">
        <v>0</v>
      </c>
    </row>
    <row r="34228" spans="1:4" x14ac:dyDescent="0.25">
      <c r="A34228" t="s">
        <v>50229</v>
      </c>
      <c r="B34228" t="s">
        <v>50233</v>
      </c>
      <c r="C34228">
        <v>1</v>
      </c>
      <c r="D34228">
        <v>0</v>
      </c>
    </row>
    <row r="34229" spans="1:4" x14ac:dyDescent="0.25">
      <c r="A34229" t="s">
        <v>50229</v>
      </c>
      <c r="B34229" t="s">
        <v>50234</v>
      </c>
      <c r="C34229">
        <v>0</v>
      </c>
      <c r="D34229">
        <v>0</v>
      </c>
    </row>
    <row r="34230" spans="1:4" x14ac:dyDescent="0.25">
      <c r="A34230" t="s">
        <v>50235</v>
      </c>
      <c r="B34230" t="s">
        <v>50236</v>
      </c>
      <c r="C34230">
        <v>1</v>
      </c>
      <c r="D34230">
        <v>0</v>
      </c>
    </row>
    <row r="34231" spans="1:4" x14ac:dyDescent="0.25">
      <c r="A34231" t="s">
        <v>50235</v>
      </c>
      <c r="B34231" t="s">
        <v>50237</v>
      </c>
      <c r="C34231">
        <v>0</v>
      </c>
      <c r="D34231">
        <v>0</v>
      </c>
    </row>
    <row r="34232" spans="1:4" x14ac:dyDescent="0.25">
      <c r="A34232" t="s">
        <v>50235</v>
      </c>
      <c r="B34232" t="s">
        <v>6837</v>
      </c>
      <c r="C34232">
        <v>1</v>
      </c>
      <c r="D34232">
        <v>0</v>
      </c>
    </row>
    <row r="34233" spans="1:4" x14ac:dyDescent="0.25">
      <c r="A34233" t="s">
        <v>50235</v>
      </c>
      <c r="B34233" t="s">
        <v>50238</v>
      </c>
      <c r="C34233">
        <v>1</v>
      </c>
      <c r="D34233">
        <v>0</v>
      </c>
    </row>
    <row r="34234" spans="1:4" x14ac:dyDescent="0.25">
      <c r="A34234" t="s">
        <v>50235</v>
      </c>
      <c r="B34234" t="s">
        <v>50239</v>
      </c>
      <c r="C34234">
        <v>1</v>
      </c>
      <c r="D34234">
        <v>0</v>
      </c>
    </row>
    <row r="34235" spans="1:4" x14ac:dyDescent="0.25">
      <c r="A34235" t="s">
        <v>50240</v>
      </c>
      <c r="B34235" t="s">
        <v>50241</v>
      </c>
      <c r="C34235">
        <v>1</v>
      </c>
      <c r="D34235">
        <v>0</v>
      </c>
    </row>
    <row r="34236" spans="1:4" x14ac:dyDescent="0.25">
      <c r="A34236" t="s">
        <v>50240</v>
      </c>
      <c r="B34236" t="s">
        <v>50242</v>
      </c>
      <c r="C34236">
        <v>1</v>
      </c>
      <c r="D34236">
        <v>0</v>
      </c>
    </row>
    <row r="34237" spans="1:4" x14ac:dyDescent="0.25">
      <c r="A34237" t="s">
        <v>50240</v>
      </c>
      <c r="B34237" t="s">
        <v>50243</v>
      </c>
      <c r="C34237">
        <v>1</v>
      </c>
      <c r="D34237">
        <v>0</v>
      </c>
    </row>
    <row r="34238" spans="1:4" x14ac:dyDescent="0.25">
      <c r="A34238" t="s">
        <v>50240</v>
      </c>
      <c r="B34238" t="s">
        <v>50244</v>
      </c>
      <c r="C34238">
        <v>1</v>
      </c>
      <c r="D34238">
        <v>0</v>
      </c>
    </row>
    <row r="34239" spans="1:4" x14ac:dyDescent="0.25">
      <c r="A34239" t="s">
        <v>50240</v>
      </c>
      <c r="B34239" t="s">
        <v>50245</v>
      </c>
      <c r="C34239">
        <v>0</v>
      </c>
      <c r="D34239">
        <v>0</v>
      </c>
    </row>
    <row r="34240" spans="1:4" x14ac:dyDescent="0.25">
      <c r="A34240" t="s">
        <v>50246</v>
      </c>
      <c r="B34240" t="s">
        <v>50247</v>
      </c>
      <c r="C34240">
        <v>1</v>
      </c>
      <c r="D34240">
        <v>0</v>
      </c>
    </row>
    <row r="34241" spans="1:4" x14ac:dyDescent="0.25">
      <c r="A34241" t="s">
        <v>50246</v>
      </c>
      <c r="B34241" t="s">
        <v>50248</v>
      </c>
      <c r="C34241">
        <v>0</v>
      </c>
      <c r="D34241">
        <v>0</v>
      </c>
    </row>
    <row r="34242" spans="1:4" x14ac:dyDescent="0.25">
      <c r="A34242" t="s">
        <v>50249</v>
      </c>
      <c r="B34242" t="s">
        <v>50250</v>
      </c>
      <c r="C34242">
        <v>0</v>
      </c>
      <c r="D34242">
        <v>0</v>
      </c>
    </row>
    <row r="34243" spans="1:4" x14ac:dyDescent="0.25">
      <c r="A34243" t="s">
        <v>50249</v>
      </c>
      <c r="B34243" t="s">
        <v>50251</v>
      </c>
      <c r="C34243">
        <v>1</v>
      </c>
      <c r="D34243">
        <v>0</v>
      </c>
    </row>
    <row r="34244" spans="1:4" x14ac:dyDescent="0.25">
      <c r="A34244" t="s">
        <v>50249</v>
      </c>
      <c r="B34244" t="s">
        <v>50252</v>
      </c>
      <c r="C34244">
        <v>2</v>
      </c>
      <c r="D34244">
        <v>0</v>
      </c>
    </row>
    <row r="34245" spans="1:4" x14ac:dyDescent="0.25">
      <c r="A34245" t="s">
        <v>50249</v>
      </c>
      <c r="B34245" t="s">
        <v>50253</v>
      </c>
      <c r="C34245">
        <v>1</v>
      </c>
      <c r="D34245">
        <v>0</v>
      </c>
    </row>
    <row r="34246" spans="1:4" x14ac:dyDescent="0.25">
      <c r="A34246" t="s">
        <v>50249</v>
      </c>
      <c r="B34246" t="s">
        <v>50254</v>
      </c>
      <c r="C34246">
        <v>0</v>
      </c>
      <c r="D34246">
        <v>0</v>
      </c>
    </row>
    <row r="34247" spans="1:4" x14ac:dyDescent="0.25">
      <c r="A34247" t="s">
        <v>50249</v>
      </c>
      <c r="B34247" t="s">
        <v>50255</v>
      </c>
      <c r="C34247">
        <v>2</v>
      </c>
      <c r="D34247">
        <v>0</v>
      </c>
    </row>
    <row r="34248" spans="1:4" x14ac:dyDescent="0.25">
      <c r="A34248" t="s">
        <v>50256</v>
      </c>
      <c r="B34248" t="s">
        <v>50257</v>
      </c>
      <c r="C34248">
        <v>2</v>
      </c>
      <c r="D34248">
        <v>0</v>
      </c>
    </row>
    <row r="34249" spans="1:4" x14ac:dyDescent="0.25">
      <c r="A34249" t="s">
        <v>50256</v>
      </c>
      <c r="B34249" t="s">
        <v>50258</v>
      </c>
      <c r="C34249">
        <v>0</v>
      </c>
      <c r="D34249">
        <v>0</v>
      </c>
    </row>
    <row r="34250" spans="1:4" x14ac:dyDescent="0.25">
      <c r="A34250" t="s">
        <v>50256</v>
      </c>
      <c r="B34250" t="s">
        <v>50259</v>
      </c>
      <c r="C34250">
        <v>1</v>
      </c>
      <c r="D34250">
        <v>0</v>
      </c>
    </row>
    <row r="34251" spans="1:4" x14ac:dyDescent="0.25">
      <c r="A34251" t="s">
        <v>50256</v>
      </c>
      <c r="B34251" t="s">
        <v>50260</v>
      </c>
      <c r="C34251">
        <v>1</v>
      </c>
      <c r="D34251">
        <v>0</v>
      </c>
    </row>
    <row r="34252" spans="1:4" x14ac:dyDescent="0.25">
      <c r="A34252" t="s">
        <v>50256</v>
      </c>
      <c r="B34252" t="s">
        <v>50261</v>
      </c>
      <c r="C34252">
        <v>1</v>
      </c>
      <c r="D34252">
        <v>0</v>
      </c>
    </row>
    <row r="34253" spans="1:4" x14ac:dyDescent="0.25">
      <c r="A34253" t="s">
        <v>50256</v>
      </c>
      <c r="B34253" t="s">
        <v>50262</v>
      </c>
      <c r="C34253">
        <v>2</v>
      </c>
      <c r="D34253">
        <v>0</v>
      </c>
    </row>
    <row r="34254" spans="1:4" x14ac:dyDescent="0.25">
      <c r="A34254" t="s">
        <v>50263</v>
      </c>
      <c r="B34254" t="s">
        <v>50264</v>
      </c>
      <c r="C34254">
        <v>1</v>
      </c>
      <c r="D34254">
        <v>0</v>
      </c>
    </row>
    <row r="34255" spans="1:4" x14ac:dyDescent="0.25">
      <c r="A34255" t="s">
        <v>50265</v>
      </c>
      <c r="B34255" t="s">
        <v>50266</v>
      </c>
      <c r="C34255">
        <v>1</v>
      </c>
      <c r="D34255">
        <v>0</v>
      </c>
    </row>
    <row r="34256" spans="1:4" x14ac:dyDescent="0.25">
      <c r="A34256" t="s">
        <v>50265</v>
      </c>
      <c r="B34256" t="s">
        <v>50267</v>
      </c>
      <c r="C34256">
        <v>1</v>
      </c>
      <c r="D34256">
        <v>0</v>
      </c>
    </row>
    <row r="34257" spans="1:4" x14ac:dyDescent="0.25">
      <c r="A34257" t="s">
        <v>50265</v>
      </c>
      <c r="B34257" t="s">
        <v>50268</v>
      </c>
      <c r="C34257">
        <v>1</v>
      </c>
      <c r="D34257">
        <v>0</v>
      </c>
    </row>
    <row r="34258" spans="1:4" x14ac:dyDescent="0.25">
      <c r="A34258" t="s">
        <v>50269</v>
      </c>
      <c r="B34258" t="s">
        <v>50270</v>
      </c>
      <c r="C34258">
        <v>2</v>
      </c>
      <c r="D34258">
        <v>0</v>
      </c>
    </row>
    <row r="34259" spans="1:4" x14ac:dyDescent="0.25">
      <c r="A34259" t="s">
        <v>50269</v>
      </c>
      <c r="B34259" t="s">
        <v>50271</v>
      </c>
      <c r="C34259">
        <v>1</v>
      </c>
      <c r="D34259">
        <v>0</v>
      </c>
    </row>
    <row r="34260" spans="1:4" x14ac:dyDescent="0.25">
      <c r="A34260" t="s">
        <v>50272</v>
      </c>
      <c r="B34260" t="s">
        <v>50273</v>
      </c>
      <c r="C34260">
        <v>1</v>
      </c>
      <c r="D34260">
        <v>0</v>
      </c>
    </row>
    <row r="34261" spans="1:4" x14ac:dyDescent="0.25">
      <c r="A34261" t="s">
        <v>50272</v>
      </c>
      <c r="B34261" t="s">
        <v>50274</v>
      </c>
      <c r="C34261">
        <v>0</v>
      </c>
      <c r="D34261">
        <v>0</v>
      </c>
    </row>
    <row r="34262" spans="1:4" x14ac:dyDescent="0.25">
      <c r="A34262" t="s">
        <v>50272</v>
      </c>
      <c r="B34262" t="s">
        <v>50275</v>
      </c>
      <c r="C34262">
        <v>1</v>
      </c>
      <c r="D34262">
        <v>0</v>
      </c>
    </row>
    <row r="34263" spans="1:4" x14ac:dyDescent="0.25">
      <c r="A34263" t="s">
        <v>50272</v>
      </c>
      <c r="B34263" t="s">
        <v>50276</v>
      </c>
      <c r="C34263">
        <v>0</v>
      </c>
      <c r="D34263">
        <v>0</v>
      </c>
    </row>
    <row r="34264" spans="1:4" x14ac:dyDescent="0.25">
      <c r="A34264" t="s">
        <v>50277</v>
      </c>
      <c r="B34264" t="s">
        <v>50278</v>
      </c>
      <c r="C34264">
        <v>1</v>
      </c>
      <c r="D34264">
        <v>0</v>
      </c>
    </row>
    <row r="34265" spans="1:4" x14ac:dyDescent="0.25">
      <c r="A34265" t="s">
        <v>50277</v>
      </c>
      <c r="B34265" t="s">
        <v>50279</v>
      </c>
      <c r="C34265">
        <v>2</v>
      </c>
      <c r="D34265">
        <v>0</v>
      </c>
    </row>
    <row r="34266" spans="1:4" x14ac:dyDescent="0.25">
      <c r="A34266" t="s">
        <v>50277</v>
      </c>
      <c r="B34266" t="s">
        <v>968</v>
      </c>
      <c r="C34266">
        <v>1</v>
      </c>
      <c r="D34266">
        <v>0</v>
      </c>
    </row>
    <row r="34267" spans="1:4" x14ac:dyDescent="0.25">
      <c r="A34267" t="s">
        <v>50280</v>
      </c>
      <c r="B34267" t="s">
        <v>50281</v>
      </c>
      <c r="C34267">
        <v>1</v>
      </c>
      <c r="D34267">
        <v>0</v>
      </c>
    </row>
    <row r="34268" spans="1:4" x14ac:dyDescent="0.25">
      <c r="A34268" t="s">
        <v>50280</v>
      </c>
      <c r="B34268" t="s">
        <v>11075</v>
      </c>
      <c r="C34268">
        <v>1</v>
      </c>
      <c r="D34268">
        <v>0</v>
      </c>
    </row>
    <row r="34269" spans="1:4" x14ac:dyDescent="0.25">
      <c r="A34269" t="s">
        <v>50280</v>
      </c>
      <c r="B34269" t="s">
        <v>50282</v>
      </c>
      <c r="C34269">
        <v>0</v>
      </c>
      <c r="D34269">
        <v>0</v>
      </c>
    </row>
    <row r="34270" spans="1:4" x14ac:dyDescent="0.25">
      <c r="A34270" t="s">
        <v>50280</v>
      </c>
      <c r="B34270" t="s">
        <v>50283</v>
      </c>
      <c r="C34270">
        <v>2</v>
      </c>
      <c r="D34270">
        <v>0</v>
      </c>
    </row>
    <row r="34271" spans="1:4" x14ac:dyDescent="0.25">
      <c r="A34271" t="s">
        <v>50284</v>
      </c>
      <c r="B34271" t="s">
        <v>50285</v>
      </c>
      <c r="C34271">
        <v>0</v>
      </c>
      <c r="D34271">
        <v>0</v>
      </c>
    </row>
    <row r="34272" spans="1:4" x14ac:dyDescent="0.25">
      <c r="A34272" t="s">
        <v>50286</v>
      </c>
      <c r="B34272" t="s">
        <v>50287</v>
      </c>
      <c r="C34272">
        <v>0</v>
      </c>
      <c r="D34272">
        <v>0</v>
      </c>
    </row>
    <row r="34273" spans="1:4" x14ac:dyDescent="0.25">
      <c r="A34273" t="s">
        <v>50286</v>
      </c>
      <c r="B34273" t="s">
        <v>50288</v>
      </c>
      <c r="C34273">
        <v>1</v>
      </c>
      <c r="D34273">
        <v>0</v>
      </c>
    </row>
    <row r="34274" spans="1:4" x14ac:dyDescent="0.25">
      <c r="A34274" t="s">
        <v>50286</v>
      </c>
      <c r="B34274" t="s">
        <v>39414</v>
      </c>
      <c r="C34274">
        <v>0</v>
      </c>
      <c r="D34274">
        <v>0</v>
      </c>
    </row>
    <row r="34275" spans="1:4" x14ac:dyDescent="0.25">
      <c r="A34275" t="s">
        <v>50286</v>
      </c>
      <c r="B34275" t="s">
        <v>50289</v>
      </c>
      <c r="C34275">
        <v>0</v>
      </c>
      <c r="D34275">
        <v>0</v>
      </c>
    </row>
    <row r="34276" spans="1:4" x14ac:dyDescent="0.25">
      <c r="A34276" t="s">
        <v>50286</v>
      </c>
      <c r="B34276" t="s">
        <v>50290</v>
      </c>
      <c r="C34276">
        <v>1</v>
      </c>
      <c r="D34276">
        <v>0</v>
      </c>
    </row>
    <row r="34277" spans="1:4" x14ac:dyDescent="0.25">
      <c r="A34277" t="s">
        <v>50286</v>
      </c>
      <c r="B34277" t="s">
        <v>50291</v>
      </c>
      <c r="C34277">
        <v>0</v>
      </c>
      <c r="D34277">
        <v>0</v>
      </c>
    </row>
    <row r="34278" spans="1:4" x14ac:dyDescent="0.25">
      <c r="A34278" t="s">
        <v>50292</v>
      </c>
      <c r="B34278" t="s">
        <v>50293</v>
      </c>
      <c r="C34278">
        <v>1</v>
      </c>
      <c r="D34278">
        <v>0</v>
      </c>
    </row>
    <row r="34279" spans="1:4" x14ac:dyDescent="0.25">
      <c r="A34279" t="s">
        <v>50292</v>
      </c>
      <c r="B34279" t="s">
        <v>50294</v>
      </c>
      <c r="C34279">
        <v>2</v>
      </c>
      <c r="D34279">
        <v>0</v>
      </c>
    </row>
    <row r="34280" spans="1:4" x14ac:dyDescent="0.25">
      <c r="A34280" t="s">
        <v>50292</v>
      </c>
      <c r="B34280" t="s">
        <v>50295</v>
      </c>
      <c r="C34280">
        <v>1</v>
      </c>
      <c r="D34280">
        <v>0</v>
      </c>
    </row>
    <row r="34281" spans="1:4" x14ac:dyDescent="0.25">
      <c r="A34281" t="s">
        <v>50292</v>
      </c>
      <c r="B34281" t="s">
        <v>50296</v>
      </c>
      <c r="C34281">
        <v>2</v>
      </c>
      <c r="D34281">
        <v>0</v>
      </c>
    </row>
    <row r="34282" spans="1:4" x14ac:dyDescent="0.25">
      <c r="A34282" t="s">
        <v>50292</v>
      </c>
      <c r="B34282" t="s">
        <v>50297</v>
      </c>
      <c r="C34282">
        <v>0</v>
      </c>
      <c r="D34282">
        <v>0</v>
      </c>
    </row>
    <row r="34283" spans="1:4" x14ac:dyDescent="0.25">
      <c r="A34283" t="s">
        <v>50298</v>
      </c>
      <c r="B34283" t="s">
        <v>50299</v>
      </c>
      <c r="C34283">
        <v>1</v>
      </c>
      <c r="D34283">
        <v>0</v>
      </c>
    </row>
    <row r="34284" spans="1:4" x14ac:dyDescent="0.25">
      <c r="A34284" t="s">
        <v>50298</v>
      </c>
      <c r="B34284" t="s">
        <v>50300</v>
      </c>
      <c r="C34284">
        <v>2</v>
      </c>
      <c r="D34284">
        <v>0</v>
      </c>
    </row>
    <row r="34285" spans="1:4" x14ac:dyDescent="0.25">
      <c r="A34285" t="s">
        <v>50298</v>
      </c>
      <c r="B34285" t="s">
        <v>50301</v>
      </c>
      <c r="C34285">
        <v>0</v>
      </c>
      <c r="D34285">
        <v>0</v>
      </c>
    </row>
    <row r="34286" spans="1:4" x14ac:dyDescent="0.25">
      <c r="A34286" t="s">
        <v>50298</v>
      </c>
      <c r="B34286" t="s">
        <v>50302</v>
      </c>
      <c r="C34286">
        <v>0</v>
      </c>
      <c r="D34286">
        <v>0</v>
      </c>
    </row>
    <row r="34287" spans="1:4" x14ac:dyDescent="0.25">
      <c r="A34287" t="s">
        <v>50298</v>
      </c>
      <c r="B34287" t="s">
        <v>50303</v>
      </c>
      <c r="C34287">
        <v>1</v>
      </c>
      <c r="D34287">
        <v>0</v>
      </c>
    </row>
    <row r="34288" spans="1:4" x14ac:dyDescent="0.25">
      <c r="A34288" t="s">
        <v>50304</v>
      </c>
      <c r="B34288" t="s">
        <v>47873</v>
      </c>
      <c r="C34288">
        <v>0</v>
      </c>
      <c r="D34288">
        <v>0</v>
      </c>
    </row>
    <row r="34289" spans="1:4" x14ac:dyDescent="0.25">
      <c r="A34289" t="s">
        <v>50304</v>
      </c>
      <c r="B34289" t="s">
        <v>50305</v>
      </c>
      <c r="C34289">
        <v>1</v>
      </c>
      <c r="D34289">
        <v>0</v>
      </c>
    </row>
    <row r="34290" spans="1:4" x14ac:dyDescent="0.25">
      <c r="A34290" t="s">
        <v>50304</v>
      </c>
      <c r="B34290" t="s">
        <v>50306</v>
      </c>
      <c r="C34290">
        <v>0</v>
      </c>
      <c r="D34290">
        <v>0</v>
      </c>
    </row>
    <row r="34291" spans="1:4" x14ac:dyDescent="0.25">
      <c r="A34291" t="s">
        <v>50307</v>
      </c>
      <c r="B34291" t="s">
        <v>50308</v>
      </c>
      <c r="C34291">
        <v>1</v>
      </c>
      <c r="D34291">
        <v>0</v>
      </c>
    </row>
    <row r="34292" spans="1:4" x14ac:dyDescent="0.25">
      <c r="A34292" t="s">
        <v>50307</v>
      </c>
      <c r="B34292" t="s">
        <v>50309</v>
      </c>
      <c r="C34292">
        <v>0</v>
      </c>
      <c r="D34292">
        <v>0</v>
      </c>
    </row>
    <row r="34293" spans="1:4" x14ac:dyDescent="0.25">
      <c r="A34293" t="s">
        <v>50307</v>
      </c>
      <c r="B34293" t="s">
        <v>50310</v>
      </c>
      <c r="C34293">
        <v>1</v>
      </c>
      <c r="D34293">
        <v>0</v>
      </c>
    </row>
    <row r="34294" spans="1:4" x14ac:dyDescent="0.25">
      <c r="A34294" t="s">
        <v>50307</v>
      </c>
      <c r="B34294" t="s">
        <v>2865</v>
      </c>
      <c r="C34294">
        <v>0</v>
      </c>
      <c r="D34294">
        <v>0</v>
      </c>
    </row>
    <row r="34295" spans="1:4" x14ac:dyDescent="0.25">
      <c r="A34295" t="s">
        <v>50311</v>
      </c>
      <c r="B34295" t="s">
        <v>50312</v>
      </c>
      <c r="C34295">
        <v>2</v>
      </c>
      <c r="D34295">
        <v>0</v>
      </c>
    </row>
    <row r="34296" spans="1:4" x14ac:dyDescent="0.25">
      <c r="A34296" t="s">
        <v>50311</v>
      </c>
      <c r="B34296" t="s">
        <v>50313</v>
      </c>
      <c r="C34296">
        <v>0</v>
      </c>
      <c r="D34296">
        <v>0</v>
      </c>
    </row>
    <row r="34297" spans="1:4" x14ac:dyDescent="0.25">
      <c r="A34297" t="s">
        <v>50311</v>
      </c>
      <c r="B34297" t="s">
        <v>50314</v>
      </c>
      <c r="C34297">
        <v>0</v>
      </c>
      <c r="D34297">
        <v>0</v>
      </c>
    </row>
    <row r="34298" spans="1:4" x14ac:dyDescent="0.25">
      <c r="A34298" t="s">
        <v>50311</v>
      </c>
      <c r="B34298" t="s">
        <v>50315</v>
      </c>
      <c r="C34298">
        <v>1</v>
      </c>
      <c r="D34298">
        <v>0</v>
      </c>
    </row>
    <row r="34299" spans="1:4" x14ac:dyDescent="0.25">
      <c r="A34299" t="s">
        <v>50311</v>
      </c>
      <c r="B34299" t="s">
        <v>2865</v>
      </c>
      <c r="C34299">
        <v>0</v>
      </c>
      <c r="D34299">
        <v>0</v>
      </c>
    </row>
    <row r="34300" spans="1:4" x14ac:dyDescent="0.25">
      <c r="A34300" t="s">
        <v>50311</v>
      </c>
      <c r="B34300" t="s">
        <v>2651</v>
      </c>
      <c r="C34300">
        <v>0</v>
      </c>
      <c r="D34300">
        <v>0</v>
      </c>
    </row>
    <row r="34301" spans="1:4" x14ac:dyDescent="0.25">
      <c r="A34301" t="s">
        <v>50316</v>
      </c>
      <c r="B34301" t="s">
        <v>50317</v>
      </c>
      <c r="C34301">
        <v>1</v>
      </c>
      <c r="D34301">
        <v>0</v>
      </c>
    </row>
    <row r="34302" spans="1:4" x14ac:dyDescent="0.25">
      <c r="A34302" t="s">
        <v>50316</v>
      </c>
      <c r="B34302" t="s">
        <v>50318</v>
      </c>
      <c r="C34302">
        <v>1</v>
      </c>
      <c r="D34302">
        <v>0</v>
      </c>
    </row>
    <row r="34303" spans="1:4" x14ac:dyDescent="0.25">
      <c r="A34303" t="s">
        <v>50316</v>
      </c>
      <c r="B34303" t="s">
        <v>50319</v>
      </c>
      <c r="C34303">
        <v>0</v>
      </c>
      <c r="D34303">
        <v>0</v>
      </c>
    </row>
    <row r="34304" spans="1:4" x14ac:dyDescent="0.25">
      <c r="A34304" t="s">
        <v>50316</v>
      </c>
      <c r="B34304" t="s">
        <v>50320</v>
      </c>
      <c r="C34304">
        <v>2</v>
      </c>
      <c r="D34304">
        <v>0</v>
      </c>
    </row>
    <row r="34305" spans="1:4" x14ac:dyDescent="0.25">
      <c r="A34305" t="s">
        <v>50316</v>
      </c>
      <c r="B34305" t="s">
        <v>50321</v>
      </c>
      <c r="C34305">
        <v>2</v>
      </c>
      <c r="D34305">
        <v>0</v>
      </c>
    </row>
    <row r="34306" spans="1:4" x14ac:dyDescent="0.25">
      <c r="A34306" t="s">
        <v>50322</v>
      </c>
      <c r="B34306" t="s">
        <v>50323</v>
      </c>
      <c r="C34306">
        <v>0</v>
      </c>
      <c r="D34306">
        <v>0</v>
      </c>
    </row>
    <row r="34307" spans="1:4" x14ac:dyDescent="0.25">
      <c r="A34307" t="s">
        <v>50322</v>
      </c>
      <c r="B34307" t="s">
        <v>50324</v>
      </c>
      <c r="C34307">
        <v>0</v>
      </c>
      <c r="D34307">
        <v>0</v>
      </c>
    </row>
    <row r="34308" spans="1:4" x14ac:dyDescent="0.25">
      <c r="A34308" t="s">
        <v>50325</v>
      </c>
      <c r="B34308" t="s">
        <v>50326</v>
      </c>
      <c r="C34308">
        <v>1</v>
      </c>
      <c r="D34308">
        <v>0</v>
      </c>
    </row>
    <row r="34309" spans="1:4" x14ac:dyDescent="0.25">
      <c r="A34309" t="s">
        <v>50325</v>
      </c>
      <c r="B34309" t="s">
        <v>50327</v>
      </c>
      <c r="C34309">
        <v>1</v>
      </c>
      <c r="D34309">
        <v>0</v>
      </c>
    </row>
    <row r="34310" spans="1:4" x14ac:dyDescent="0.25">
      <c r="A34310" t="s">
        <v>50325</v>
      </c>
      <c r="B34310" t="s">
        <v>50328</v>
      </c>
      <c r="C34310">
        <v>2</v>
      </c>
      <c r="D34310">
        <v>0</v>
      </c>
    </row>
    <row r="34311" spans="1:4" x14ac:dyDescent="0.25">
      <c r="A34311" t="s">
        <v>50325</v>
      </c>
      <c r="B34311" t="s">
        <v>50329</v>
      </c>
      <c r="C34311">
        <v>2</v>
      </c>
      <c r="D34311">
        <v>0</v>
      </c>
    </row>
    <row r="34312" spans="1:4" x14ac:dyDescent="0.25">
      <c r="A34312" t="s">
        <v>50325</v>
      </c>
      <c r="B34312" t="s">
        <v>50330</v>
      </c>
      <c r="C34312">
        <v>0</v>
      </c>
      <c r="D34312">
        <v>0</v>
      </c>
    </row>
    <row r="34313" spans="1:4" x14ac:dyDescent="0.25">
      <c r="A34313" t="s">
        <v>50325</v>
      </c>
      <c r="B34313" t="s">
        <v>35954</v>
      </c>
      <c r="C34313">
        <v>1</v>
      </c>
      <c r="D34313">
        <v>0</v>
      </c>
    </row>
    <row r="34314" spans="1:4" x14ac:dyDescent="0.25">
      <c r="A34314" t="s">
        <v>50325</v>
      </c>
      <c r="B34314" t="s">
        <v>50331</v>
      </c>
      <c r="C34314">
        <v>0</v>
      </c>
      <c r="D34314">
        <v>0</v>
      </c>
    </row>
    <row r="34315" spans="1:4" x14ac:dyDescent="0.25">
      <c r="A34315" t="s">
        <v>50325</v>
      </c>
      <c r="B34315" t="s">
        <v>50332</v>
      </c>
      <c r="C34315">
        <v>0</v>
      </c>
      <c r="D34315">
        <v>0</v>
      </c>
    </row>
    <row r="34316" spans="1:4" x14ac:dyDescent="0.25">
      <c r="A34316" t="s">
        <v>50333</v>
      </c>
      <c r="B34316" t="s">
        <v>50334</v>
      </c>
      <c r="C34316">
        <v>1</v>
      </c>
      <c r="D34316">
        <v>0</v>
      </c>
    </row>
    <row r="34317" spans="1:4" x14ac:dyDescent="0.25">
      <c r="A34317" t="s">
        <v>50333</v>
      </c>
      <c r="B34317" t="s">
        <v>50335</v>
      </c>
      <c r="C34317">
        <v>1</v>
      </c>
      <c r="D34317">
        <v>0</v>
      </c>
    </row>
    <row r="34318" spans="1:4" x14ac:dyDescent="0.25">
      <c r="A34318" t="s">
        <v>50333</v>
      </c>
      <c r="B34318" t="s">
        <v>50336</v>
      </c>
      <c r="C34318">
        <v>0</v>
      </c>
      <c r="D34318">
        <v>0</v>
      </c>
    </row>
    <row r="34319" spans="1:4" x14ac:dyDescent="0.25">
      <c r="A34319" t="s">
        <v>50337</v>
      </c>
      <c r="B34319" t="s">
        <v>50338</v>
      </c>
      <c r="C34319">
        <v>2</v>
      </c>
      <c r="D34319">
        <v>0</v>
      </c>
    </row>
    <row r="34320" spans="1:4" x14ac:dyDescent="0.25">
      <c r="A34320" t="s">
        <v>50337</v>
      </c>
      <c r="B34320" t="s">
        <v>50339</v>
      </c>
      <c r="C34320">
        <v>1</v>
      </c>
      <c r="D34320">
        <v>0</v>
      </c>
    </row>
    <row r="34321" spans="1:4" x14ac:dyDescent="0.25">
      <c r="A34321" t="s">
        <v>50340</v>
      </c>
      <c r="B34321" t="s">
        <v>50341</v>
      </c>
      <c r="C34321">
        <v>2</v>
      </c>
      <c r="D34321">
        <v>0</v>
      </c>
    </row>
    <row r="34322" spans="1:4" x14ac:dyDescent="0.25">
      <c r="A34322" t="s">
        <v>50340</v>
      </c>
      <c r="B34322" t="s">
        <v>50342</v>
      </c>
      <c r="C34322">
        <v>1</v>
      </c>
      <c r="D34322">
        <v>0</v>
      </c>
    </row>
    <row r="34323" spans="1:4" x14ac:dyDescent="0.25">
      <c r="A34323" t="s">
        <v>50340</v>
      </c>
      <c r="B34323" t="s">
        <v>50343</v>
      </c>
      <c r="C34323">
        <v>1</v>
      </c>
      <c r="D34323">
        <v>0</v>
      </c>
    </row>
    <row r="34324" spans="1:4" x14ac:dyDescent="0.25">
      <c r="A34324" t="s">
        <v>50340</v>
      </c>
      <c r="B34324" t="s">
        <v>50344</v>
      </c>
      <c r="C34324">
        <v>0</v>
      </c>
      <c r="D34324">
        <v>0</v>
      </c>
    </row>
    <row r="34325" spans="1:4" x14ac:dyDescent="0.25">
      <c r="A34325" t="s">
        <v>50340</v>
      </c>
      <c r="B34325" t="s">
        <v>50345</v>
      </c>
      <c r="C34325">
        <v>1</v>
      </c>
      <c r="D34325">
        <v>0</v>
      </c>
    </row>
    <row r="34326" spans="1:4" x14ac:dyDescent="0.25">
      <c r="A34326" t="s">
        <v>50346</v>
      </c>
      <c r="B34326" t="s">
        <v>50347</v>
      </c>
      <c r="C34326">
        <v>1</v>
      </c>
      <c r="D34326">
        <v>0</v>
      </c>
    </row>
    <row r="34327" spans="1:4" x14ac:dyDescent="0.25">
      <c r="A34327" t="s">
        <v>50346</v>
      </c>
      <c r="B34327" t="s">
        <v>50348</v>
      </c>
      <c r="C34327">
        <v>1</v>
      </c>
      <c r="D34327">
        <v>0</v>
      </c>
    </row>
    <row r="34328" spans="1:4" x14ac:dyDescent="0.25">
      <c r="A34328" t="s">
        <v>50346</v>
      </c>
      <c r="B34328" t="s">
        <v>50349</v>
      </c>
      <c r="C34328">
        <v>1</v>
      </c>
      <c r="D34328">
        <v>0</v>
      </c>
    </row>
    <row r="34329" spans="1:4" x14ac:dyDescent="0.25">
      <c r="A34329" t="s">
        <v>50346</v>
      </c>
      <c r="B34329" t="s">
        <v>50349</v>
      </c>
      <c r="C34329">
        <v>1</v>
      </c>
      <c r="D34329">
        <v>0</v>
      </c>
    </row>
    <row r="34330" spans="1:4" x14ac:dyDescent="0.25">
      <c r="A34330" t="s">
        <v>50346</v>
      </c>
      <c r="B34330" t="s">
        <v>6837</v>
      </c>
      <c r="C34330">
        <v>1</v>
      </c>
      <c r="D34330">
        <v>0</v>
      </c>
    </row>
    <row r="34331" spans="1:4" x14ac:dyDescent="0.25">
      <c r="A34331" t="s">
        <v>50350</v>
      </c>
      <c r="B34331" t="s">
        <v>50351</v>
      </c>
      <c r="C34331">
        <v>1</v>
      </c>
      <c r="D34331">
        <v>0</v>
      </c>
    </row>
    <row r="34332" spans="1:4" x14ac:dyDescent="0.25">
      <c r="A34332" t="s">
        <v>50352</v>
      </c>
      <c r="B34332" t="s">
        <v>50353</v>
      </c>
      <c r="C34332">
        <v>1</v>
      </c>
      <c r="D34332">
        <v>0</v>
      </c>
    </row>
    <row r="34333" spans="1:4" x14ac:dyDescent="0.25">
      <c r="A34333" t="s">
        <v>50352</v>
      </c>
      <c r="B34333" t="s">
        <v>50354</v>
      </c>
      <c r="C34333">
        <v>1</v>
      </c>
      <c r="D34333">
        <v>0</v>
      </c>
    </row>
    <row r="34334" spans="1:4" x14ac:dyDescent="0.25">
      <c r="A34334" t="s">
        <v>50352</v>
      </c>
      <c r="B34334" t="s">
        <v>50355</v>
      </c>
      <c r="C34334">
        <v>1</v>
      </c>
      <c r="D34334">
        <v>0</v>
      </c>
    </row>
    <row r="34335" spans="1:4" x14ac:dyDescent="0.25">
      <c r="A34335" t="s">
        <v>50352</v>
      </c>
      <c r="B34335" t="s">
        <v>50356</v>
      </c>
      <c r="C34335">
        <v>1</v>
      </c>
      <c r="D34335">
        <v>0</v>
      </c>
    </row>
    <row r="34336" spans="1:4" x14ac:dyDescent="0.25">
      <c r="A34336" t="s">
        <v>50352</v>
      </c>
      <c r="B34336" t="s">
        <v>50357</v>
      </c>
      <c r="C34336">
        <v>1</v>
      </c>
      <c r="D34336">
        <v>0</v>
      </c>
    </row>
    <row r="34337" spans="1:4" x14ac:dyDescent="0.25">
      <c r="A34337" t="s">
        <v>50358</v>
      </c>
      <c r="B34337" t="s">
        <v>50359</v>
      </c>
      <c r="C34337">
        <v>1</v>
      </c>
      <c r="D34337">
        <v>0</v>
      </c>
    </row>
    <row r="34338" spans="1:4" x14ac:dyDescent="0.25">
      <c r="A34338" t="s">
        <v>50358</v>
      </c>
      <c r="B34338" t="s">
        <v>50360</v>
      </c>
      <c r="C34338">
        <v>1</v>
      </c>
      <c r="D34338">
        <v>0</v>
      </c>
    </row>
    <row r="34339" spans="1:4" x14ac:dyDescent="0.25">
      <c r="A34339" t="s">
        <v>50358</v>
      </c>
      <c r="B34339" t="s">
        <v>50361</v>
      </c>
      <c r="C34339">
        <v>1</v>
      </c>
      <c r="D34339">
        <v>0</v>
      </c>
    </row>
    <row r="34340" spans="1:4" x14ac:dyDescent="0.25">
      <c r="A34340" t="s">
        <v>50362</v>
      </c>
      <c r="B34340" t="s">
        <v>50363</v>
      </c>
      <c r="C34340">
        <v>1</v>
      </c>
      <c r="D34340">
        <v>0</v>
      </c>
    </row>
    <row r="34341" spans="1:4" x14ac:dyDescent="0.25">
      <c r="A34341" t="s">
        <v>50362</v>
      </c>
      <c r="B34341" t="s">
        <v>50364</v>
      </c>
      <c r="C34341">
        <v>1</v>
      </c>
      <c r="D34341">
        <v>0</v>
      </c>
    </row>
    <row r="34342" spans="1:4" x14ac:dyDescent="0.25">
      <c r="A34342" t="s">
        <v>50362</v>
      </c>
      <c r="B34342" t="s">
        <v>50365</v>
      </c>
      <c r="C34342">
        <v>2</v>
      </c>
      <c r="D34342">
        <v>0</v>
      </c>
    </row>
    <row r="34343" spans="1:4" x14ac:dyDescent="0.25">
      <c r="A34343" t="s">
        <v>50366</v>
      </c>
      <c r="B34343" t="s">
        <v>50367</v>
      </c>
      <c r="C34343">
        <v>1</v>
      </c>
      <c r="D34343">
        <v>0</v>
      </c>
    </row>
    <row r="34344" spans="1:4" x14ac:dyDescent="0.25">
      <c r="A34344" t="s">
        <v>50366</v>
      </c>
      <c r="B34344" t="s">
        <v>50368</v>
      </c>
      <c r="C34344">
        <v>1</v>
      </c>
      <c r="D34344">
        <v>0</v>
      </c>
    </row>
    <row r="34345" spans="1:4" x14ac:dyDescent="0.25">
      <c r="A34345" t="s">
        <v>50366</v>
      </c>
      <c r="B34345" t="s">
        <v>50369</v>
      </c>
      <c r="C34345">
        <v>1</v>
      </c>
      <c r="D34345">
        <v>0</v>
      </c>
    </row>
    <row r="34346" spans="1:4" x14ac:dyDescent="0.25">
      <c r="A34346" t="s">
        <v>50366</v>
      </c>
      <c r="B34346" t="s">
        <v>50370</v>
      </c>
      <c r="C34346">
        <v>1</v>
      </c>
      <c r="D34346">
        <v>0</v>
      </c>
    </row>
    <row r="34347" spans="1:4" x14ac:dyDescent="0.25">
      <c r="A34347" t="s">
        <v>50371</v>
      </c>
      <c r="B34347" t="s">
        <v>50372</v>
      </c>
      <c r="C34347">
        <v>1</v>
      </c>
      <c r="D34347">
        <v>0</v>
      </c>
    </row>
    <row r="34348" spans="1:4" x14ac:dyDescent="0.25">
      <c r="A34348" t="s">
        <v>50371</v>
      </c>
      <c r="B34348" t="s">
        <v>50373</v>
      </c>
      <c r="C34348">
        <v>0</v>
      </c>
      <c r="D34348">
        <v>0</v>
      </c>
    </row>
    <row r="34349" spans="1:4" x14ac:dyDescent="0.25">
      <c r="A34349" t="s">
        <v>50371</v>
      </c>
      <c r="B34349" t="s">
        <v>48863</v>
      </c>
      <c r="C34349">
        <v>1</v>
      </c>
      <c r="D34349">
        <v>0</v>
      </c>
    </row>
    <row r="34350" spans="1:4" x14ac:dyDescent="0.25">
      <c r="A34350" t="s">
        <v>50371</v>
      </c>
      <c r="B34350" t="s">
        <v>50374</v>
      </c>
      <c r="C34350">
        <v>1</v>
      </c>
      <c r="D34350">
        <v>0</v>
      </c>
    </row>
    <row r="34351" spans="1:4" x14ac:dyDescent="0.25">
      <c r="A34351" t="s">
        <v>50371</v>
      </c>
      <c r="B34351" t="s">
        <v>50375</v>
      </c>
      <c r="C34351">
        <v>0</v>
      </c>
      <c r="D34351">
        <v>0</v>
      </c>
    </row>
    <row r="34352" spans="1:4" x14ac:dyDescent="0.25">
      <c r="A34352" t="s">
        <v>50371</v>
      </c>
      <c r="B34352" t="s">
        <v>50376</v>
      </c>
      <c r="C34352">
        <v>1</v>
      </c>
      <c r="D34352">
        <v>0</v>
      </c>
    </row>
    <row r="34353" spans="1:4" x14ac:dyDescent="0.25">
      <c r="A34353" t="s">
        <v>50371</v>
      </c>
      <c r="B34353" t="s">
        <v>5434</v>
      </c>
      <c r="C34353">
        <v>1</v>
      </c>
      <c r="D34353">
        <v>0</v>
      </c>
    </row>
    <row r="34354" spans="1:4" x14ac:dyDescent="0.25">
      <c r="A34354" t="s">
        <v>50377</v>
      </c>
      <c r="B34354" t="s">
        <v>48504</v>
      </c>
      <c r="C34354">
        <v>1</v>
      </c>
      <c r="D34354">
        <v>0</v>
      </c>
    </row>
    <row r="34355" spans="1:4" x14ac:dyDescent="0.25">
      <c r="A34355" t="s">
        <v>50377</v>
      </c>
      <c r="B34355" t="s">
        <v>5434</v>
      </c>
      <c r="C34355">
        <v>1</v>
      </c>
      <c r="D34355">
        <v>0</v>
      </c>
    </row>
    <row r="34356" spans="1:4" x14ac:dyDescent="0.25">
      <c r="A34356" t="s">
        <v>50377</v>
      </c>
      <c r="B34356" t="s">
        <v>2865</v>
      </c>
      <c r="C34356">
        <v>0</v>
      </c>
      <c r="D34356">
        <v>0</v>
      </c>
    </row>
    <row r="34357" spans="1:4" x14ac:dyDescent="0.25">
      <c r="A34357" t="s">
        <v>50377</v>
      </c>
      <c r="B34357" t="s">
        <v>50378</v>
      </c>
      <c r="C34357">
        <v>1</v>
      </c>
      <c r="D34357">
        <v>0</v>
      </c>
    </row>
    <row r="34358" spans="1:4" x14ac:dyDescent="0.25">
      <c r="A34358" t="s">
        <v>50377</v>
      </c>
      <c r="B34358" t="s">
        <v>50379</v>
      </c>
      <c r="C34358">
        <v>1</v>
      </c>
      <c r="D34358">
        <v>0</v>
      </c>
    </row>
    <row r="34359" spans="1:4" x14ac:dyDescent="0.25">
      <c r="A34359" t="s">
        <v>50380</v>
      </c>
      <c r="B34359" t="s">
        <v>50381</v>
      </c>
      <c r="C34359">
        <v>1</v>
      </c>
      <c r="D34359">
        <v>0</v>
      </c>
    </row>
    <row r="34360" spans="1:4" x14ac:dyDescent="0.25">
      <c r="A34360" t="s">
        <v>50380</v>
      </c>
      <c r="B34360" t="s">
        <v>50382</v>
      </c>
      <c r="C34360">
        <v>1</v>
      </c>
      <c r="D34360">
        <v>0</v>
      </c>
    </row>
    <row r="34361" spans="1:4" x14ac:dyDescent="0.25">
      <c r="A34361" t="s">
        <v>50380</v>
      </c>
      <c r="B34361" t="s">
        <v>50383</v>
      </c>
      <c r="C34361">
        <v>1</v>
      </c>
      <c r="D34361">
        <v>0</v>
      </c>
    </row>
    <row r="34362" spans="1:4" x14ac:dyDescent="0.25">
      <c r="A34362" t="s">
        <v>50380</v>
      </c>
      <c r="B34362" t="s">
        <v>50384</v>
      </c>
      <c r="C34362">
        <v>1</v>
      </c>
      <c r="D34362">
        <v>0</v>
      </c>
    </row>
    <row r="34363" spans="1:4" x14ac:dyDescent="0.25">
      <c r="A34363" t="s">
        <v>50385</v>
      </c>
      <c r="B34363" t="s">
        <v>50386</v>
      </c>
      <c r="C34363">
        <v>2</v>
      </c>
      <c r="D34363">
        <v>0</v>
      </c>
    </row>
    <row r="34364" spans="1:4" x14ac:dyDescent="0.25">
      <c r="A34364" t="s">
        <v>50385</v>
      </c>
      <c r="B34364" t="s">
        <v>50387</v>
      </c>
      <c r="C34364">
        <v>1</v>
      </c>
      <c r="D34364">
        <v>0</v>
      </c>
    </row>
    <row r="34365" spans="1:4" x14ac:dyDescent="0.25">
      <c r="A34365" t="s">
        <v>50388</v>
      </c>
      <c r="B34365" t="s">
        <v>50389</v>
      </c>
      <c r="C34365">
        <v>1</v>
      </c>
      <c r="D34365">
        <v>0</v>
      </c>
    </row>
    <row r="34366" spans="1:4" x14ac:dyDescent="0.25">
      <c r="A34366" t="s">
        <v>50388</v>
      </c>
      <c r="B34366" t="s">
        <v>50390</v>
      </c>
      <c r="C34366">
        <v>1</v>
      </c>
      <c r="D34366">
        <v>0</v>
      </c>
    </row>
    <row r="34367" spans="1:4" x14ac:dyDescent="0.25">
      <c r="A34367" t="s">
        <v>50388</v>
      </c>
      <c r="B34367" t="s">
        <v>50391</v>
      </c>
      <c r="C34367">
        <v>1</v>
      </c>
      <c r="D34367">
        <v>0</v>
      </c>
    </row>
    <row r="34368" spans="1:4" x14ac:dyDescent="0.25">
      <c r="A34368" t="s">
        <v>50388</v>
      </c>
      <c r="B34368" t="s">
        <v>50392</v>
      </c>
      <c r="C34368">
        <v>1</v>
      </c>
      <c r="D34368">
        <v>0</v>
      </c>
    </row>
    <row r="34369" spans="1:4" x14ac:dyDescent="0.25">
      <c r="A34369" t="s">
        <v>50388</v>
      </c>
      <c r="B34369" t="s">
        <v>50393</v>
      </c>
      <c r="C34369">
        <v>1</v>
      </c>
      <c r="D34369">
        <v>0</v>
      </c>
    </row>
    <row r="34370" spans="1:4" x14ac:dyDescent="0.25">
      <c r="A34370" t="s">
        <v>50388</v>
      </c>
      <c r="B34370" t="s">
        <v>50394</v>
      </c>
      <c r="C34370">
        <v>0</v>
      </c>
      <c r="D34370">
        <v>0</v>
      </c>
    </row>
    <row r="34371" spans="1:4" x14ac:dyDescent="0.25">
      <c r="A34371" t="s">
        <v>50395</v>
      </c>
      <c r="B34371" t="s">
        <v>50396</v>
      </c>
      <c r="C34371">
        <v>2</v>
      </c>
      <c r="D34371">
        <v>0</v>
      </c>
    </row>
    <row r="34372" spans="1:4" x14ac:dyDescent="0.25">
      <c r="A34372" t="s">
        <v>50395</v>
      </c>
      <c r="B34372" t="s">
        <v>50397</v>
      </c>
      <c r="C34372">
        <v>1</v>
      </c>
      <c r="D34372">
        <v>0</v>
      </c>
    </row>
    <row r="34373" spans="1:4" x14ac:dyDescent="0.25">
      <c r="A34373" t="s">
        <v>50395</v>
      </c>
      <c r="B34373" t="s">
        <v>50398</v>
      </c>
      <c r="C34373">
        <v>2</v>
      </c>
      <c r="D34373">
        <v>0</v>
      </c>
    </row>
    <row r="34374" spans="1:4" x14ac:dyDescent="0.25">
      <c r="A34374" t="s">
        <v>50395</v>
      </c>
      <c r="B34374" t="s">
        <v>50399</v>
      </c>
      <c r="C34374">
        <v>1</v>
      </c>
      <c r="D34374">
        <v>0</v>
      </c>
    </row>
    <row r="34375" spans="1:4" x14ac:dyDescent="0.25">
      <c r="A34375" t="s">
        <v>50395</v>
      </c>
      <c r="B34375" t="s">
        <v>50400</v>
      </c>
      <c r="C34375">
        <v>1</v>
      </c>
      <c r="D34375">
        <v>0</v>
      </c>
    </row>
    <row r="34376" spans="1:4" x14ac:dyDescent="0.25">
      <c r="A34376" t="s">
        <v>50395</v>
      </c>
      <c r="B34376" t="s">
        <v>50401</v>
      </c>
      <c r="C34376">
        <v>0</v>
      </c>
      <c r="D34376">
        <v>0</v>
      </c>
    </row>
    <row r="34377" spans="1:4" x14ac:dyDescent="0.25">
      <c r="A34377" t="s">
        <v>50402</v>
      </c>
      <c r="B34377" t="s">
        <v>50403</v>
      </c>
      <c r="C34377">
        <v>1</v>
      </c>
      <c r="D34377">
        <v>0</v>
      </c>
    </row>
    <row r="34378" spans="1:4" x14ac:dyDescent="0.25">
      <c r="A34378" t="s">
        <v>50402</v>
      </c>
      <c r="B34378" t="s">
        <v>50404</v>
      </c>
      <c r="C34378">
        <v>0</v>
      </c>
      <c r="D34378">
        <v>0</v>
      </c>
    </row>
    <row r="34379" spans="1:4" x14ac:dyDescent="0.25">
      <c r="A34379" t="s">
        <v>50402</v>
      </c>
      <c r="B34379" t="s">
        <v>50405</v>
      </c>
      <c r="C34379">
        <v>1</v>
      </c>
      <c r="D34379">
        <v>0</v>
      </c>
    </row>
    <row r="34380" spans="1:4" x14ac:dyDescent="0.25">
      <c r="A34380" t="s">
        <v>50402</v>
      </c>
      <c r="B34380" t="s">
        <v>50406</v>
      </c>
      <c r="C34380">
        <v>1</v>
      </c>
      <c r="D34380">
        <v>0</v>
      </c>
    </row>
    <row r="34381" spans="1:4" x14ac:dyDescent="0.25">
      <c r="A34381" t="s">
        <v>50407</v>
      </c>
      <c r="B34381" t="s">
        <v>50408</v>
      </c>
      <c r="C34381">
        <v>1</v>
      </c>
      <c r="D34381">
        <v>0</v>
      </c>
    </row>
    <row r="34382" spans="1:4" x14ac:dyDescent="0.25">
      <c r="A34382" t="s">
        <v>50407</v>
      </c>
      <c r="B34382" t="s">
        <v>50409</v>
      </c>
      <c r="C34382">
        <v>1</v>
      </c>
      <c r="D34382">
        <v>0</v>
      </c>
    </row>
    <row r="34383" spans="1:4" x14ac:dyDescent="0.25">
      <c r="A34383" t="s">
        <v>50407</v>
      </c>
      <c r="B34383" t="s">
        <v>50410</v>
      </c>
      <c r="C34383">
        <v>1</v>
      </c>
      <c r="D34383">
        <v>0</v>
      </c>
    </row>
    <row r="34384" spans="1:4" x14ac:dyDescent="0.25">
      <c r="A34384" t="s">
        <v>50407</v>
      </c>
      <c r="B34384" t="s">
        <v>50408</v>
      </c>
      <c r="C34384">
        <v>1</v>
      </c>
      <c r="D34384">
        <v>0</v>
      </c>
    </row>
    <row r="34385" spans="1:4" x14ac:dyDescent="0.25">
      <c r="A34385" t="s">
        <v>50407</v>
      </c>
      <c r="B34385" t="s">
        <v>50411</v>
      </c>
      <c r="C34385">
        <v>1</v>
      </c>
      <c r="D34385">
        <v>0</v>
      </c>
    </row>
    <row r="34386" spans="1:4" x14ac:dyDescent="0.25">
      <c r="A34386" t="s">
        <v>50407</v>
      </c>
      <c r="B34386" t="s">
        <v>50412</v>
      </c>
      <c r="C34386">
        <v>1</v>
      </c>
      <c r="D34386">
        <v>0</v>
      </c>
    </row>
    <row r="34387" spans="1:4" x14ac:dyDescent="0.25">
      <c r="A34387" t="s">
        <v>50407</v>
      </c>
      <c r="B34387" t="s">
        <v>50411</v>
      </c>
      <c r="C34387">
        <v>1</v>
      </c>
      <c r="D34387">
        <v>0</v>
      </c>
    </row>
    <row r="34388" spans="1:4" x14ac:dyDescent="0.25">
      <c r="A34388" t="s">
        <v>50407</v>
      </c>
      <c r="B34388" t="s">
        <v>50413</v>
      </c>
      <c r="C34388">
        <v>1</v>
      </c>
      <c r="D34388">
        <v>0</v>
      </c>
    </row>
    <row r="34389" spans="1:4" x14ac:dyDescent="0.25">
      <c r="A34389" t="s">
        <v>50414</v>
      </c>
      <c r="B34389" t="s">
        <v>50415</v>
      </c>
      <c r="C34389">
        <v>1</v>
      </c>
      <c r="D34389">
        <v>0</v>
      </c>
    </row>
    <row r="34390" spans="1:4" x14ac:dyDescent="0.25">
      <c r="A34390" t="s">
        <v>50416</v>
      </c>
      <c r="B34390" t="s">
        <v>5713</v>
      </c>
      <c r="C34390">
        <v>1</v>
      </c>
      <c r="D34390">
        <v>0</v>
      </c>
    </row>
    <row r="34391" spans="1:4" x14ac:dyDescent="0.25">
      <c r="A34391" t="s">
        <v>50416</v>
      </c>
      <c r="B34391" t="s">
        <v>50417</v>
      </c>
      <c r="C34391">
        <v>1</v>
      </c>
      <c r="D34391">
        <v>0</v>
      </c>
    </row>
    <row r="34392" spans="1:4" x14ac:dyDescent="0.25">
      <c r="A34392" t="s">
        <v>50416</v>
      </c>
      <c r="B34392" t="s">
        <v>50418</v>
      </c>
      <c r="C34392">
        <v>1</v>
      </c>
      <c r="D34392">
        <v>0</v>
      </c>
    </row>
    <row r="34393" spans="1:4" x14ac:dyDescent="0.25">
      <c r="A34393" t="s">
        <v>50416</v>
      </c>
      <c r="B34393" t="s">
        <v>50419</v>
      </c>
      <c r="C34393">
        <v>1</v>
      </c>
      <c r="D34393">
        <v>0</v>
      </c>
    </row>
    <row r="34394" spans="1:4" x14ac:dyDescent="0.25">
      <c r="A34394" t="s">
        <v>50416</v>
      </c>
      <c r="B34394" t="s">
        <v>50420</v>
      </c>
      <c r="C34394">
        <v>1</v>
      </c>
      <c r="D34394">
        <v>0</v>
      </c>
    </row>
    <row r="34395" spans="1:4" x14ac:dyDescent="0.25">
      <c r="A34395" t="s">
        <v>50416</v>
      </c>
      <c r="B34395" t="s">
        <v>50421</v>
      </c>
      <c r="C34395">
        <v>1</v>
      </c>
      <c r="D34395">
        <v>0</v>
      </c>
    </row>
    <row r="34396" spans="1:4" x14ac:dyDescent="0.25">
      <c r="A34396" t="s">
        <v>50416</v>
      </c>
      <c r="B34396" t="s">
        <v>50422</v>
      </c>
      <c r="C34396">
        <v>2</v>
      </c>
      <c r="D34396">
        <v>0</v>
      </c>
    </row>
    <row r="34397" spans="1:4" x14ac:dyDescent="0.25">
      <c r="A34397" t="s">
        <v>50423</v>
      </c>
      <c r="B34397" t="s">
        <v>50424</v>
      </c>
      <c r="C34397">
        <v>1</v>
      </c>
      <c r="D34397">
        <v>0</v>
      </c>
    </row>
    <row r="34398" spans="1:4" x14ac:dyDescent="0.25">
      <c r="A34398" t="s">
        <v>50423</v>
      </c>
      <c r="B34398" t="s">
        <v>50425</v>
      </c>
      <c r="C34398">
        <v>2</v>
      </c>
      <c r="D34398">
        <v>0</v>
      </c>
    </row>
    <row r="34399" spans="1:4" x14ac:dyDescent="0.25">
      <c r="A34399" t="s">
        <v>50423</v>
      </c>
      <c r="B34399" t="s">
        <v>50426</v>
      </c>
      <c r="C34399">
        <v>2</v>
      </c>
      <c r="D34399">
        <v>0</v>
      </c>
    </row>
    <row r="34400" spans="1:4" x14ac:dyDescent="0.25">
      <c r="A34400" t="s">
        <v>50423</v>
      </c>
      <c r="B34400" t="s">
        <v>50427</v>
      </c>
      <c r="C34400">
        <v>1</v>
      </c>
      <c r="D34400">
        <v>0</v>
      </c>
    </row>
    <row r="34401" spans="1:4" x14ac:dyDescent="0.25">
      <c r="A34401" t="s">
        <v>50423</v>
      </c>
      <c r="B34401" t="s">
        <v>50428</v>
      </c>
      <c r="C34401">
        <v>1</v>
      </c>
      <c r="D34401">
        <v>0</v>
      </c>
    </row>
    <row r="34402" spans="1:4" x14ac:dyDescent="0.25">
      <c r="A34402" t="s">
        <v>50423</v>
      </c>
      <c r="B34402" t="s">
        <v>50429</v>
      </c>
      <c r="C34402">
        <v>1</v>
      </c>
      <c r="D34402">
        <v>0</v>
      </c>
    </row>
    <row r="34403" spans="1:4" x14ac:dyDescent="0.25">
      <c r="A34403" t="s">
        <v>50423</v>
      </c>
      <c r="B34403" t="s">
        <v>50430</v>
      </c>
      <c r="C34403">
        <v>1</v>
      </c>
      <c r="D34403">
        <v>0</v>
      </c>
    </row>
    <row r="34404" spans="1:4" x14ac:dyDescent="0.25">
      <c r="A34404" t="s">
        <v>50431</v>
      </c>
      <c r="B34404" t="s">
        <v>50432</v>
      </c>
      <c r="C34404">
        <v>0</v>
      </c>
      <c r="D34404">
        <v>0</v>
      </c>
    </row>
    <row r="34405" spans="1:4" x14ac:dyDescent="0.25">
      <c r="A34405" t="s">
        <v>50431</v>
      </c>
      <c r="B34405" t="s">
        <v>50433</v>
      </c>
      <c r="C34405">
        <v>0</v>
      </c>
      <c r="D34405">
        <v>0</v>
      </c>
    </row>
    <row r="34406" spans="1:4" x14ac:dyDescent="0.25">
      <c r="A34406" t="s">
        <v>50431</v>
      </c>
      <c r="B34406" t="s">
        <v>50434</v>
      </c>
      <c r="C34406">
        <v>1</v>
      </c>
      <c r="D34406">
        <v>0</v>
      </c>
    </row>
    <row r="34407" spans="1:4" x14ac:dyDescent="0.25">
      <c r="A34407" t="s">
        <v>50435</v>
      </c>
      <c r="B34407" t="s">
        <v>5713</v>
      </c>
      <c r="C34407">
        <v>1</v>
      </c>
      <c r="D34407">
        <v>0</v>
      </c>
    </row>
    <row r="34408" spans="1:4" x14ac:dyDescent="0.25">
      <c r="A34408" t="s">
        <v>50435</v>
      </c>
      <c r="B34408" t="s">
        <v>50436</v>
      </c>
      <c r="C34408">
        <v>2</v>
      </c>
      <c r="D34408">
        <v>0</v>
      </c>
    </row>
    <row r="34409" spans="1:4" x14ac:dyDescent="0.25">
      <c r="A34409" t="s">
        <v>50435</v>
      </c>
      <c r="B34409" t="s">
        <v>50437</v>
      </c>
      <c r="C34409">
        <v>1</v>
      </c>
      <c r="D34409">
        <v>0</v>
      </c>
    </row>
    <row r="34410" spans="1:4" x14ac:dyDescent="0.25">
      <c r="A34410" t="s">
        <v>50435</v>
      </c>
      <c r="B34410" t="s">
        <v>50438</v>
      </c>
      <c r="C34410">
        <v>2</v>
      </c>
      <c r="D34410">
        <v>0</v>
      </c>
    </row>
    <row r="34411" spans="1:4" x14ac:dyDescent="0.25">
      <c r="A34411" t="s">
        <v>50435</v>
      </c>
      <c r="B34411" t="s">
        <v>50439</v>
      </c>
      <c r="C34411">
        <v>0</v>
      </c>
      <c r="D34411">
        <v>0</v>
      </c>
    </row>
    <row r="34412" spans="1:4" x14ac:dyDescent="0.25">
      <c r="A34412" t="s">
        <v>50440</v>
      </c>
      <c r="B34412" t="s">
        <v>50441</v>
      </c>
      <c r="C34412">
        <v>0</v>
      </c>
      <c r="D34412">
        <v>0</v>
      </c>
    </row>
    <row r="34413" spans="1:4" x14ac:dyDescent="0.25">
      <c r="A34413" t="s">
        <v>50440</v>
      </c>
      <c r="B34413" t="s">
        <v>50442</v>
      </c>
      <c r="C34413">
        <v>0</v>
      </c>
      <c r="D34413">
        <v>0</v>
      </c>
    </row>
    <row r="34414" spans="1:4" x14ac:dyDescent="0.25">
      <c r="A34414" t="s">
        <v>50440</v>
      </c>
      <c r="B34414" t="s">
        <v>50443</v>
      </c>
      <c r="C34414">
        <v>1</v>
      </c>
      <c r="D34414">
        <v>0</v>
      </c>
    </row>
    <row r="34415" spans="1:4" x14ac:dyDescent="0.25">
      <c r="A34415" t="s">
        <v>50440</v>
      </c>
      <c r="B34415" t="s">
        <v>50444</v>
      </c>
      <c r="C34415">
        <v>1</v>
      </c>
      <c r="D34415">
        <v>0</v>
      </c>
    </row>
    <row r="34416" spans="1:4" x14ac:dyDescent="0.25">
      <c r="A34416" t="s">
        <v>50445</v>
      </c>
      <c r="B34416" t="s">
        <v>50446</v>
      </c>
      <c r="C34416">
        <v>1</v>
      </c>
      <c r="D34416">
        <v>0</v>
      </c>
    </row>
    <row r="34417" spans="1:4" x14ac:dyDescent="0.25">
      <c r="A34417" t="s">
        <v>50445</v>
      </c>
      <c r="B34417" t="s">
        <v>50447</v>
      </c>
      <c r="C34417">
        <v>0</v>
      </c>
      <c r="D34417">
        <v>0</v>
      </c>
    </row>
    <row r="34418" spans="1:4" x14ac:dyDescent="0.25">
      <c r="A34418" t="s">
        <v>50448</v>
      </c>
      <c r="B34418" t="s">
        <v>50449</v>
      </c>
      <c r="C34418">
        <v>2</v>
      </c>
      <c r="D34418">
        <v>0</v>
      </c>
    </row>
    <row r="34419" spans="1:4" x14ac:dyDescent="0.25">
      <c r="A34419" t="s">
        <v>50448</v>
      </c>
      <c r="B34419" t="s">
        <v>50450</v>
      </c>
      <c r="C34419">
        <v>0</v>
      </c>
      <c r="D34419">
        <v>0</v>
      </c>
    </row>
    <row r="34420" spans="1:4" x14ac:dyDescent="0.25">
      <c r="A34420" t="s">
        <v>50448</v>
      </c>
      <c r="B34420" t="s">
        <v>50451</v>
      </c>
      <c r="C34420">
        <v>2</v>
      </c>
      <c r="D34420">
        <v>0</v>
      </c>
    </row>
    <row r="34421" spans="1:4" x14ac:dyDescent="0.25">
      <c r="A34421" t="s">
        <v>50448</v>
      </c>
      <c r="B34421" t="s">
        <v>50452</v>
      </c>
      <c r="C34421">
        <v>0</v>
      </c>
      <c r="D34421">
        <v>0</v>
      </c>
    </row>
    <row r="34422" spans="1:4" x14ac:dyDescent="0.25">
      <c r="A34422" t="s">
        <v>50448</v>
      </c>
      <c r="B34422" t="s">
        <v>50453</v>
      </c>
      <c r="C34422">
        <v>2</v>
      </c>
      <c r="D34422">
        <v>0</v>
      </c>
    </row>
    <row r="34423" spans="1:4" x14ac:dyDescent="0.25">
      <c r="A34423" t="s">
        <v>50448</v>
      </c>
      <c r="B34423" t="s">
        <v>50454</v>
      </c>
      <c r="C34423">
        <v>1</v>
      </c>
      <c r="D34423">
        <v>0</v>
      </c>
    </row>
    <row r="34424" spans="1:4" x14ac:dyDescent="0.25">
      <c r="A34424" t="s">
        <v>50448</v>
      </c>
      <c r="B34424" t="s">
        <v>50455</v>
      </c>
      <c r="C34424">
        <v>0</v>
      </c>
      <c r="D34424">
        <v>0</v>
      </c>
    </row>
    <row r="34425" spans="1:4" x14ac:dyDescent="0.25">
      <c r="A34425" t="s">
        <v>50456</v>
      </c>
      <c r="B34425" t="s">
        <v>23996</v>
      </c>
      <c r="C34425">
        <v>1</v>
      </c>
      <c r="D34425">
        <v>0</v>
      </c>
    </row>
    <row r="34426" spans="1:4" x14ac:dyDescent="0.25">
      <c r="A34426" t="s">
        <v>50457</v>
      </c>
      <c r="B34426" t="s">
        <v>50458</v>
      </c>
      <c r="C34426">
        <v>1</v>
      </c>
      <c r="D34426">
        <v>0</v>
      </c>
    </row>
    <row r="34427" spans="1:4" x14ac:dyDescent="0.25">
      <c r="A34427" t="s">
        <v>50457</v>
      </c>
      <c r="B34427" t="s">
        <v>50459</v>
      </c>
      <c r="C34427">
        <v>1</v>
      </c>
      <c r="D34427">
        <v>0</v>
      </c>
    </row>
    <row r="34428" spans="1:4" x14ac:dyDescent="0.25">
      <c r="A34428" t="s">
        <v>50457</v>
      </c>
      <c r="B34428" t="s">
        <v>40356</v>
      </c>
      <c r="C34428">
        <v>1</v>
      </c>
      <c r="D34428">
        <v>0</v>
      </c>
    </row>
    <row r="34429" spans="1:4" x14ac:dyDescent="0.25">
      <c r="A34429" t="s">
        <v>50460</v>
      </c>
      <c r="B34429" t="s">
        <v>50461</v>
      </c>
      <c r="C34429">
        <v>1</v>
      </c>
      <c r="D34429">
        <v>0</v>
      </c>
    </row>
    <row r="34430" spans="1:4" x14ac:dyDescent="0.25">
      <c r="A34430" t="s">
        <v>50460</v>
      </c>
      <c r="B34430" t="s">
        <v>50462</v>
      </c>
      <c r="C34430">
        <v>1</v>
      </c>
      <c r="D34430">
        <v>0</v>
      </c>
    </row>
    <row r="34431" spans="1:4" x14ac:dyDescent="0.25">
      <c r="A34431" t="s">
        <v>50460</v>
      </c>
      <c r="B34431" t="s">
        <v>50463</v>
      </c>
      <c r="C34431">
        <v>1</v>
      </c>
      <c r="D34431">
        <v>0</v>
      </c>
    </row>
    <row r="34432" spans="1:4" x14ac:dyDescent="0.25">
      <c r="A34432" t="s">
        <v>50460</v>
      </c>
      <c r="B34432" t="s">
        <v>50464</v>
      </c>
      <c r="C34432">
        <v>1</v>
      </c>
      <c r="D34432">
        <v>0</v>
      </c>
    </row>
    <row r="34433" spans="1:4" x14ac:dyDescent="0.25">
      <c r="A34433" t="s">
        <v>50465</v>
      </c>
      <c r="B34433" t="s">
        <v>50466</v>
      </c>
      <c r="C34433">
        <v>0</v>
      </c>
      <c r="D34433">
        <v>0</v>
      </c>
    </row>
    <row r="34434" spans="1:4" x14ac:dyDescent="0.25">
      <c r="A34434" t="s">
        <v>50465</v>
      </c>
      <c r="B34434" t="s">
        <v>50467</v>
      </c>
      <c r="C34434">
        <v>1</v>
      </c>
      <c r="D34434">
        <v>0</v>
      </c>
    </row>
    <row r="34435" spans="1:4" x14ac:dyDescent="0.25">
      <c r="A34435" t="s">
        <v>50465</v>
      </c>
      <c r="B34435" t="s">
        <v>50468</v>
      </c>
      <c r="C34435">
        <v>2</v>
      </c>
      <c r="D34435">
        <v>0</v>
      </c>
    </row>
    <row r="34436" spans="1:4" x14ac:dyDescent="0.25">
      <c r="A34436" t="s">
        <v>50465</v>
      </c>
      <c r="B34436" t="s">
        <v>50469</v>
      </c>
      <c r="C34436">
        <v>0</v>
      </c>
      <c r="D34436">
        <v>0</v>
      </c>
    </row>
    <row r="34437" spans="1:4" x14ac:dyDescent="0.25">
      <c r="A34437" t="s">
        <v>50465</v>
      </c>
      <c r="B34437" t="s">
        <v>50470</v>
      </c>
      <c r="C34437">
        <v>0</v>
      </c>
      <c r="D34437">
        <v>0</v>
      </c>
    </row>
    <row r="34438" spans="1:4" x14ac:dyDescent="0.25">
      <c r="A34438" t="s">
        <v>50465</v>
      </c>
      <c r="B34438" t="s">
        <v>50471</v>
      </c>
      <c r="C34438">
        <v>1</v>
      </c>
      <c r="D34438">
        <v>0</v>
      </c>
    </row>
    <row r="34439" spans="1:4" x14ac:dyDescent="0.25">
      <c r="A34439" t="s">
        <v>50472</v>
      </c>
      <c r="B34439" t="s">
        <v>50473</v>
      </c>
      <c r="C34439">
        <v>1</v>
      </c>
      <c r="D34439">
        <v>0</v>
      </c>
    </row>
    <row r="34440" spans="1:4" x14ac:dyDescent="0.25">
      <c r="A34440" t="s">
        <v>50472</v>
      </c>
      <c r="B34440" t="s">
        <v>50474</v>
      </c>
      <c r="C34440">
        <v>1</v>
      </c>
      <c r="D34440">
        <v>0</v>
      </c>
    </row>
    <row r="34441" spans="1:4" x14ac:dyDescent="0.25">
      <c r="A34441" t="s">
        <v>50472</v>
      </c>
      <c r="B34441" t="s">
        <v>50475</v>
      </c>
      <c r="C34441">
        <v>1</v>
      </c>
      <c r="D34441">
        <v>0</v>
      </c>
    </row>
    <row r="34442" spans="1:4" x14ac:dyDescent="0.25">
      <c r="A34442" t="s">
        <v>50472</v>
      </c>
      <c r="B34442" t="s">
        <v>50476</v>
      </c>
      <c r="C34442">
        <v>1</v>
      </c>
      <c r="D34442">
        <v>0</v>
      </c>
    </row>
    <row r="34443" spans="1:4" x14ac:dyDescent="0.25">
      <c r="A34443" t="s">
        <v>50472</v>
      </c>
      <c r="B34443" t="s">
        <v>50477</v>
      </c>
      <c r="C34443">
        <v>0</v>
      </c>
      <c r="D34443">
        <v>0</v>
      </c>
    </row>
    <row r="34444" spans="1:4" x14ac:dyDescent="0.25">
      <c r="A34444" t="s">
        <v>50478</v>
      </c>
      <c r="B34444" t="s">
        <v>50479</v>
      </c>
      <c r="C34444">
        <v>2</v>
      </c>
      <c r="D34444">
        <v>0</v>
      </c>
    </row>
    <row r="34445" spans="1:4" x14ac:dyDescent="0.25">
      <c r="A34445" t="s">
        <v>50480</v>
      </c>
      <c r="B34445" t="s">
        <v>50481</v>
      </c>
      <c r="C34445">
        <v>0</v>
      </c>
      <c r="D34445">
        <v>0</v>
      </c>
    </row>
    <row r="34446" spans="1:4" x14ac:dyDescent="0.25">
      <c r="A34446" t="s">
        <v>50480</v>
      </c>
      <c r="B34446" t="s">
        <v>50482</v>
      </c>
      <c r="C34446">
        <v>1</v>
      </c>
      <c r="D34446">
        <v>0</v>
      </c>
    </row>
    <row r="34447" spans="1:4" x14ac:dyDescent="0.25">
      <c r="A34447" t="s">
        <v>50480</v>
      </c>
      <c r="B34447" t="s">
        <v>50483</v>
      </c>
      <c r="C34447">
        <v>1</v>
      </c>
      <c r="D34447">
        <v>0</v>
      </c>
    </row>
    <row r="34448" spans="1:4" x14ac:dyDescent="0.25">
      <c r="A34448" t="s">
        <v>50484</v>
      </c>
      <c r="B34448" t="s">
        <v>50485</v>
      </c>
      <c r="C34448">
        <v>1</v>
      </c>
      <c r="D34448">
        <v>0</v>
      </c>
    </row>
    <row r="34449" spans="1:4" x14ac:dyDescent="0.25">
      <c r="A34449" t="s">
        <v>50484</v>
      </c>
      <c r="B34449" t="s">
        <v>50486</v>
      </c>
      <c r="C34449">
        <v>1</v>
      </c>
      <c r="D34449">
        <v>0</v>
      </c>
    </row>
    <row r="34450" spans="1:4" x14ac:dyDescent="0.25">
      <c r="A34450" t="s">
        <v>50484</v>
      </c>
      <c r="B34450" t="s">
        <v>50487</v>
      </c>
      <c r="C34450">
        <v>1</v>
      </c>
      <c r="D34450">
        <v>0</v>
      </c>
    </row>
    <row r="34451" spans="1:4" x14ac:dyDescent="0.25">
      <c r="A34451" t="s">
        <v>50484</v>
      </c>
      <c r="B34451" t="s">
        <v>50488</v>
      </c>
      <c r="C34451">
        <v>1</v>
      </c>
      <c r="D34451">
        <v>0</v>
      </c>
    </row>
    <row r="34452" spans="1:4" x14ac:dyDescent="0.25">
      <c r="A34452" t="s">
        <v>50484</v>
      </c>
      <c r="B34452" t="s">
        <v>50489</v>
      </c>
      <c r="C34452">
        <v>2</v>
      </c>
      <c r="D34452">
        <v>0</v>
      </c>
    </row>
    <row r="34453" spans="1:4" x14ac:dyDescent="0.25">
      <c r="A34453" t="s">
        <v>50484</v>
      </c>
      <c r="B34453" t="s">
        <v>50490</v>
      </c>
      <c r="C34453">
        <v>1</v>
      </c>
      <c r="D34453">
        <v>0</v>
      </c>
    </row>
    <row r="34454" spans="1:4" x14ac:dyDescent="0.25">
      <c r="A34454" t="s">
        <v>50491</v>
      </c>
      <c r="B34454" t="s">
        <v>50492</v>
      </c>
      <c r="C34454">
        <v>2</v>
      </c>
      <c r="D34454">
        <v>0</v>
      </c>
    </row>
    <row r="34455" spans="1:4" x14ac:dyDescent="0.25">
      <c r="A34455" t="s">
        <v>50491</v>
      </c>
      <c r="B34455" t="s">
        <v>50493</v>
      </c>
      <c r="C34455">
        <v>2</v>
      </c>
      <c r="D34455">
        <v>0</v>
      </c>
    </row>
    <row r="34456" spans="1:4" x14ac:dyDescent="0.25">
      <c r="A34456" t="s">
        <v>50491</v>
      </c>
      <c r="B34456" t="s">
        <v>50494</v>
      </c>
      <c r="C34456">
        <v>2</v>
      </c>
      <c r="D34456">
        <v>0</v>
      </c>
    </row>
    <row r="34457" spans="1:4" x14ac:dyDescent="0.25">
      <c r="A34457" t="s">
        <v>50491</v>
      </c>
      <c r="B34457" t="s">
        <v>50495</v>
      </c>
      <c r="C34457">
        <v>2</v>
      </c>
      <c r="D34457">
        <v>0</v>
      </c>
    </row>
    <row r="34458" spans="1:4" x14ac:dyDescent="0.25">
      <c r="A34458" t="s">
        <v>50496</v>
      </c>
      <c r="B34458" t="s">
        <v>50497</v>
      </c>
      <c r="C34458">
        <v>2</v>
      </c>
      <c r="D34458">
        <v>0</v>
      </c>
    </row>
    <row r="34459" spans="1:4" x14ac:dyDescent="0.25">
      <c r="A34459" t="s">
        <v>50496</v>
      </c>
      <c r="B34459" t="s">
        <v>50498</v>
      </c>
      <c r="C34459">
        <v>1</v>
      </c>
      <c r="D34459">
        <v>0</v>
      </c>
    </row>
    <row r="34460" spans="1:4" x14ac:dyDescent="0.25">
      <c r="A34460" t="s">
        <v>50496</v>
      </c>
      <c r="B34460" t="s">
        <v>50499</v>
      </c>
      <c r="C34460">
        <v>1</v>
      </c>
      <c r="D34460">
        <v>0</v>
      </c>
    </row>
    <row r="34461" spans="1:4" x14ac:dyDescent="0.25">
      <c r="A34461" t="s">
        <v>50496</v>
      </c>
      <c r="B34461" t="s">
        <v>50500</v>
      </c>
      <c r="C34461">
        <v>0</v>
      </c>
      <c r="D34461">
        <v>0</v>
      </c>
    </row>
    <row r="34462" spans="1:4" x14ac:dyDescent="0.25">
      <c r="A34462" t="s">
        <v>50496</v>
      </c>
      <c r="B34462" t="s">
        <v>50501</v>
      </c>
      <c r="C34462">
        <v>2</v>
      </c>
      <c r="D34462">
        <v>0</v>
      </c>
    </row>
    <row r="34463" spans="1:4" x14ac:dyDescent="0.25">
      <c r="A34463" t="s">
        <v>50502</v>
      </c>
      <c r="B34463" t="s">
        <v>50503</v>
      </c>
      <c r="C34463">
        <v>0</v>
      </c>
      <c r="D34463">
        <v>0</v>
      </c>
    </row>
    <row r="34464" spans="1:4" x14ac:dyDescent="0.25">
      <c r="A34464" t="s">
        <v>50502</v>
      </c>
      <c r="B34464" t="s">
        <v>50504</v>
      </c>
      <c r="C34464">
        <v>2</v>
      </c>
      <c r="D34464">
        <v>0</v>
      </c>
    </row>
    <row r="34465" spans="1:4" x14ac:dyDescent="0.25">
      <c r="A34465" t="s">
        <v>50502</v>
      </c>
      <c r="B34465" t="s">
        <v>50505</v>
      </c>
      <c r="C34465">
        <v>0</v>
      </c>
      <c r="D34465">
        <v>0</v>
      </c>
    </row>
    <row r="34466" spans="1:4" x14ac:dyDescent="0.25">
      <c r="A34466" t="s">
        <v>50502</v>
      </c>
      <c r="B34466" t="s">
        <v>50506</v>
      </c>
      <c r="C34466">
        <v>0</v>
      </c>
      <c r="D34466">
        <v>0</v>
      </c>
    </row>
    <row r="34467" spans="1:4" x14ac:dyDescent="0.25">
      <c r="A34467" t="s">
        <v>50507</v>
      </c>
      <c r="B34467" t="s">
        <v>50508</v>
      </c>
      <c r="C34467">
        <v>1</v>
      </c>
      <c r="D34467">
        <v>0</v>
      </c>
    </row>
    <row r="34468" spans="1:4" x14ac:dyDescent="0.25">
      <c r="A34468" t="s">
        <v>50507</v>
      </c>
      <c r="B34468" t="s">
        <v>50509</v>
      </c>
      <c r="C34468">
        <v>0</v>
      </c>
      <c r="D34468">
        <v>0</v>
      </c>
    </row>
    <row r="34469" spans="1:4" x14ac:dyDescent="0.25">
      <c r="A34469" t="s">
        <v>50507</v>
      </c>
      <c r="B34469" t="s">
        <v>50510</v>
      </c>
      <c r="C34469">
        <v>1</v>
      </c>
      <c r="D34469">
        <v>0</v>
      </c>
    </row>
    <row r="34470" spans="1:4" x14ac:dyDescent="0.25">
      <c r="A34470" t="s">
        <v>50507</v>
      </c>
      <c r="B34470" t="s">
        <v>50511</v>
      </c>
      <c r="C34470">
        <v>0</v>
      </c>
      <c r="D34470">
        <v>0</v>
      </c>
    </row>
    <row r="34471" spans="1:4" x14ac:dyDescent="0.25">
      <c r="A34471" t="s">
        <v>50507</v>
      </c>
      <c r="B34471" t="s">
        <v>50512</v>
      </c>
      <c r="C34471">
        <v>1</v>
      </c>
      <c r="D34471">
        <v>0</v>
      </c>
    </row>
    <row r="34472" spans="1:4" x14ac:dyDescent="0.25">
      <c r="A34472" t="s">
        <v>50507</v>
      </c>
      <c r="B34472" t="s">
        <v>50513</v>
      </c>
      <c r="C34472">
        <v>1</v>
      </c>
      <c r="D34472">
        <v>0</v>
      </c>
    </row>
    <row r="34473" spans="1:4" x14ac:dyDescent="0.25">
      <c r="A34473" t="s">
        <v>50507</v>
      </c>
      <c r="B34473" t="s">
        <v>50514</v>
      </c>
      <c r="C34473">
        <v>2</v>
      </c>
      <c r="D34473">
        <v>0</v>
      </c>
    </row>
    <row r="34474" spans="1:4" x14ac:dyDescent="0.25">
      <c r="A34474" t="s">
        <v>50507</v>
      </c>
      <c r="B34474" t="s">
        <v>50515</v>
      </c>
      <c r="C34474">
        <v>1</v>
      </c>
      <c r="D34474">
        <v>0</v>
      </c>
    </row>
    <row r="34475" spans="1:4" x14ac:dyDescent="0.25">
      <c r="A34475" t="s">
        <v>50516</v>
      </c>
      <c r="B34475" t="s">
        <v>50517</v>
      </c>
      <c r="C34475">
        <v>0</v>
      </c>
      <c r="D34475">
        <v>0</v>
      </c>
    </row>
    <row r="34476" spans="1:4" x14ac:dyDescent="0.25">
      <c r="A34476" t="s">
        <v>50516</v>
      </c>
      <c r="B34476" t="s">
        <v>50518</v>
      </c>
      <c r="C34476">
        <v>1</v>
      </c>
      <c r="D34476">
        <v>0</v>
      </c>
    </row>
    <row r="34477" spans="1:4" x14ac:dyDescent="0.25">
      <c r="A34477" t="s">
        <v>50516</v>
      </c>
      <c r="B34477" t="s">
        <v>50519</v>
      </c>
      <c r="C34477">
        <v>1</v>
      </c>
      <c r="D34477">
        <v>0</v>
      </c>
    </row>
    <row r="34478" spans="1:4" x14ac:dyDescent="0.25">
      <c r="A34478" t="s">
        <v>50516</v>
      </c>
      <c r="B34478" t="s">
        <v>50520</v>
      </c>
      <c r="C34478">
        <v>1</v>
      </c>
      <c r="D34478">
        <v>0</v>
      </c>
    </row>
    <row r="34479" spans="1:4" x14ac:dyDescent="0.25">
      <c r="A34479" t="s">
        <v>50516</v>
      </c>
      <c r="B34479" t="s">
        <v>2651</v>
      </c>
      <c r="C34479">
        <v>0</v>
      </c>
      <c r="D34479">
        <v>0</v>
      </c>
    </row>
    <row r="34480" spans="1:4" x14ac:dyDescent="0.25">
      <c r="A34480" t="s">
        <v>50516</v>
      </c>
      <c r="B34480" t="s">
        <v>1001</v>
      </c>
      <c r="C34480">
        <v>1</v>
      </c>
      <c r="D34480">
        <v>0</v>
      </c>
    </row>
    <row r="34481" spans="1:4" x14ac:dyDescent="0.25">
      <c r="A34481" t="s">
        <v>50516</v>
      </c>
      <c r="B34481" t="s">
        <v>50521</v>
      </c>
      <c r="C34481">
        <v>1</v>
      </c>
      <c r="D34481">
        <v>0</v>
      </c>
    </row>
    <row r="34482" spans="1:4" x14ac:dyDescent="0.25">
      <c r="A34482" t="s">
        <v>50516</v>
      </c>
      <c r="B34482" t="s">
        <v>50522</v>
      </c>
      <c r="C34482">
        <v>0</v>
      </c>
      <c r="D34482">
        <v>0</v>
      </c>
    </row>
    <row r="34483" spans="1:4" x14ac:dyDescent="0.25">
      <c r="A34483" t="s">
        <v>50523</v>
      </c>
      <c r="B34483" t="s">
        <v>50524</v>
      </c>
      <c r="C34483">
        <v>1</v>
      </c>
      <c r="D34483">
        <v>0</v>
      </c>
    </row>
    <row r="34484" spans="1:4" x14ac:dyDescent="0.25">
      <c r="A34484" t="s">
        <v>50523</v>
      </c>
      <c r="B34484" t="s">
        <v>50525</v>
      </c>
      <c r="C34484">
        <v>1</v>
      </c>
      <c r="D34484">
        <v>0</v>
      </c>
    </row>
    <row r="34485" spans="1:4" x14ac:dyDescent="0.25">
      <c r="A34485" t="s">
        <v>50523</v>
      </c>
      <c r="B34485" t="s">
        <v>50526</v>
      </c>
      <c r="C34485">
        <v>0</v>
      </c>
      <c r="D34485">
        <v>0</v>
      </c>
    </row>
    <row r="34486" spans="1:4" x14ac:dyDescent="0.25">
      <c r="A34486" t="s">
        <v>50527</v>
      </c>
      <c r="B34486" t="s">
        <v>50528</v>
      </c>
      <c r="C34486">
        <v>1</v>
      </c>
      <c r="D34486">
        <v>0</v>
      </c>
    </row>
    <row r="34487" spans="1:4" x14ac:dyDescent="0.25">
      <c r="A34487" t="s">
        <v>50527</v>
      </c>
      <c r="B34487" t="s">
        <v>50529</v>
      </c>
      <c r="C34487">
        <v>1</v>
      </c>
      <c r="D34487">
        <v>0</v>
      </c>
    </row>
    <row r="34488" spans="1:4" x14ac:dyDescent="0.25">
      <c r="A34488" t="s">
        <v>50527</v>
      </c>
      <c r="B34488" t="s">
        <v>50530</v>
      </c>
      <c r="C34488">
        <v>1</v>
      </c>
      <c r="D34488">
        <v>0</v>
      </c>
    </row>
    <row r="34489" spans="1:4" x14ac:dyDescent="0.25">
      <c r="A34489" t="s">
        <v>50527</v>
      </c>
      <c r="B34489" t="s">
        <v>50531</v>
      </c>
      <c r="C34489">
        <v>2</v>
      </c>
      <c r="D34489">
        <v>0</v>
      </c>
    </row>
    <row r="34490" spans="1:4" x14ac:dyDescent="0.25">
      <c r="A34490" t="s">
        <v>50532</v>
      </c>
      <c r="B34490" t="s">
        <v>50533</v>
      </c>
      <c r="C34490">
        <v>2</v>
      </c>
      <c r="D34490">
        <v>0</v>
      </c>
    </row>
    <row r="34491" spans="1:4" x14ac:dyDescent="0.25">
      <c r="A34491" t="s">
        <v>50532</v>
      </c>
      <c r="B34491" t="s">
        <v>50534</v>
      </c>
      <c r="C34491">
        <v>2</v>
      </c>
      <c r="D34491">
        <v>0</v>
      </c>
    </row>
    <row r="34492" spans="1:4" x14ac:dyDescent="0.25">
      <c r="A34492" t="s">
        <v>50532</v>
      </c>
      <c r="B34492" t="s">
        <v>50535</v>
      </c>
      <c r="C34492">
        <v>1</v>
      </c>
      <c r="D34492">
        <v>0</v>
      </c>
    </row>
    <row r="34493" spans="1:4" x14ac:dyDescent="0.25">
      <c r="A34493" t="s">
        <v>50536</v>
      </c>
      <c r="B34493" t="s">
        <v>50537</v>
      </c>
      <c r="C34493">
        <v>1</v>
      </c>
      <c r="D34493">
        <v>0</v>
      </c>
    </row>
    <row r="34494" spans="1:4" x14ac:dyDescent="0.25">
      <c r="A34494" t="s">
        <v>50538</v>
      </c>
      <c r="B34494" t="s">
        <v>50539</v>
      </c>
      <c r="C34494">
        <v>0</v>
      </c>
      <c r="D34494">
        <v>0</v>
      </c>
    </row>
    <row r="34495" spans="1:4" x14ac:dyDescent="0.25">
      <c r="A34495" t="s">
        <v>50538</v>
      </c>
      <c r="B34495" t="s">
        <v>5713</v>
      </c>
      <c r="C34495">
        <v>1</v>
      </c>
      <c r="D34495">
        <v>0</v>
      </c>
    </row>
    <row r="34496" spans="1:4" x14ac:dyDescent="0.25">
      <c r="A34496" t="s">
        <v>50538</v>
      </c>
      <c r="B34496" t="s">
        <v>50540</v>
      </c>
      <c r="C34496">
        <v>0</v>
      </c>
      <c r="D34496">
        <v>0</v>
      </c>
    </row>
    <row r="34497" spans="1:4" x14ac:dyDescent="0.25">
      <c r="A34497" t="s">
        <v>50538</v>
      </c>
      <c r="B34497" t="s">
        <v>50541</v>
      </c>
      <c r="C34497">
        <v>0</v>
      </c>
      <c r="D34497">
        <v>0</v>
      </c>
    </row>
    <row r="34498" spans="1:4" x14ac:dyDescent="0.25">
      <c r="A34498" t="s">
        <v>50538</v>
      </c>
      <c r="B34498" t="s">
        <v>50542</v>
      </c>
      <c r="C34498">
        <v>2</v>
      </c>
      <c r="D34498">
        <v>0</v>
      </c>
    </row>
    <row r="34499" spans="1:4" x14ac:dyDescent="0.25">
      <c r="A34499" t="s">
        <v>50538</v>
      </c>
      <c r="B34499" t="s">
        <v>50543</v>
      </c>
      <c r="C34499">
        <v>1</v>
      </c>
      <c r="D34499">
        <v>0</v>
      </c>
    </row>
    <row r="34500" spans="1:4" x14ac:dyDescent="0.25">
      <c r="A34500" t="s">
        <v>50544</v>
      </c>
      <c r="B34500" t="s">
        <v>50545</v>
      </c>
      <c r="C34500">
        <v>1</v>
      </c>
      <c r="D34500">
        <v>0</v>
      </c>
    </row>
    <row r="34501" spans="1:4" x14ac:dyDescent="0.25">
      <c r="A34501" t="s">
        <v>50544</v>
      </c>
      <c r="B34501" t="s">
        <v>50546</v>
      </c>
      <c r="C34501">
        <v>0</v>
      </c>
      <c r="D34501">
        <v>0</v>
      </c>
    </row>
    <row r="34502" spans="1:4" x14ac:dyDescent="0.25">
      <c r="A34502" t="s">
        <v>50544</v>
      </c>
      <c r="B34502" t="s">
        <v>50547</v>
      </c>
      <c r="C34502">
        <v>1</v>
      </c>
      <c r="D34502">
        <v>0</v>
      </c>
    </row>
    <row r="34503" spans="1:4" x14ac:dyDescent="0.25">
      <c r="A34503" t="s">
        <v>50544</v>
      </c>
      <c r="B34503" t="s">
        <v>50548</v>
      </c>
      <c r="C34503">
        <v>1</v>
      </c>
      <c r="D34503">
        <v>0</v>
      </c>
    </row>
    <row r="34504" spans="1:4" x14ac:dyDescent="0.25">
      <c r="A34504" t="s">
        <v>50549</v>
      </c>
      <c r="B34504" t="s">
        <v>50550</v>
      </c>
      <c r="C34504">
        <v>1</v>
      </c>
      <c r="D34504">
        <v>0</v>
      </c>
    </row>
    <row r="34505" spans="1:4" x14ac:dyDescent="0.25">
      <c r="A34505" t="s">
        <v>50549</v>
      </c>
      <c r="B34505" t="s">
        <v>50551</v>
      </c>
      <c r="C34505">
        <v>1</v>
      </c>
      <c r="D34505">
        <v>0</v>
      </c>
    </row>
    <row r="34506" spans="1:4" x14ac:dyDescent="0.25">
      <c r="A34506" t="s">
        <v>50549</v>
      </c>
      <c r="B34506" t="s">
        <v>50552</v>
      </c>
      <c r="C34506">
        <v>0</v>
      </c>
      <c r="D34506">
        <v>0</v>
      </c>
    </row>
    <row r="34507" spans="1:4" x14ac:dyDescent="0.25">
      <c r="A34507" t="s">
        <v>50553</v>
      </c>
      <c r="B34507" t="s">
        <v>5864</v>
      </c>
      <c r="C34507">
        <v>1</v>
      </c>
      <c r="D34507">
        <v>0</v>
      </c>
    </row>
    <row r="34508" spans="1:4" x14ac:dyDescent="0.25">
      <c r="A34508" t="s">
        <v>50554</v>
      </c>
      <c r="B34508" t="s">
        <v>50555</v>
      </c>
      <c r="C34508">
        <v>1</v>
      </c>
      <c r="D34508">
        <v>0</v>
      </c>
    </row>
    <row r="34509" spans="1:4" x14ac:dyDescent="0.25">
      <c r="A34509" t="s">
        <v>50554</v>
      </c>
      <c r="B34509" t="s">
        <v>50556</v>
      </c>
      <c r="C34509">
        <v>2</v>
      </c>
      <c r="D34509">
        <v>0</v>
      </c>
    </row>
    <row r="34510" spans="1:4" x14ac:dyDescent="0.25">
      <c r="A34510" t="s">
        <v>50557</v>
      </c>
      <c r="B34510" t="s">
        <v>50558</v>
      </c>
      <c r="C34510">
        <v>1</v>
      </c>
      <c r="D34510">
        <v>0</v>
      </c>
    </row>
    <row r="34511" spans="1:4" x14ac:dyDescent="0.25">
      <c r="A34511" t="s">
        <v>50557</v>
      </c>
      <c r="B34511" t="s">
        <v>13256</v>
      </c>
      <c r="C34511">
        <v>0</v>
      </c>
      <c r="D34511">
        <v>0</v>
      </c>
    </row>
    <row r="34512" spans="1:4" x14ac:dyDescent="0.25">
      <c r="A34512" t="s">
        <v>50557</v>
      </c>
      <c r="B34512" t="s">
        <v>50559</v>
      </c>
      <c r="C34512">
        <v>1</v>
      </c>
      <c r="D34512">
        <v>0</v>
      </c>
    </row>
    <row r="34513" spans="1:4" x14ac:dyDescent="0.25">
      <c r="A34513" t="s">
        <v>50557</v>
      </c>
      <c r="B34513" t="s">
        <v>50560</v>
      </c>
      <c r="C34513">
        <v>0</v>
      </c>
      <c r="D34513">
        <v>0</v>
      </c>
    </row>
    <row r="34514" spans="1:4" x14ac:dyDescent="0.25">
      <c r="A34514" t="s">
        <v>50561</v>
      </c>
      <c r="B34514" t="s">
        <v>50562</v>
      </c>
      <c r="C34514">
        <v>0</v>
      </c>
      <c r="D34514">
        <v>0</v>
      </c>
    </row>
    <row r="34515" spans="1:4" x14ac:dyDescent="0.25">
      <c r="A34515" t="s">
        <v>50561</v>
      </c>
      <c r="B34515" t="s">
        <v>2061</v>
      </c>
      <c r="C34515">
        <v>0</v>
      </c>
      <c r="D34515">
        <v>0</v>
      </c>
    </row>
    <row r="34516" spans="1:4" x14ac:dyDescent="0.25">
      <c r="A34516" t="s">
        <v>50561</v>
      </c>
      <c r="B34516" t="s">
        <v>50563</v>
      </c>
      <c r="C34516">
        <v>0</v>
      </c>
      <c r="D34516">
        <v>0</v>
      </c>
    </row>
    <row r="34517" spans="1:4" x14ac:dyDescent="0.25">
      <c r="A34517" t="s">
        <v>50564</v>
      </c>
      <c r="B34517" t="s">
        <v>50565</v>
      </c>
      <c r="C34517">
        <v>0</v>
      </c>
      <c r="D34517">
        <v>0</v>
      </c>
    </row>
    <row r="34518" spans="1:4" x14ac:dyDescent="0.25">
      <c r="A34518" t="s">
        <v>50564</v>
      </c>
      <c r="B34518" t="s">
        <v>50566</v>
      </c>
      <c r="C34518">
        <v>0</v>
      </c>
      <c r="D34518">
        <v>0</v>
      </c>
    </row>
    <row r="34519" spans="1:4" x14ac:dyDescent="0.25">
      <c r="A34519" t="s">
        <v>50564</v>
      </c>
      <c r="B34519" t="s">
        <v>50567</v>
      </c>
      <c r="C34519">
        <v>2</v>
      </c>
      <c r="D34519">
        <v>0</v>
      </c>
    </row>
    <row r="34520" spans="1:4" x14ac:dyDescent="0.25">
      <c r="A34520" t="s">
        <v>50564</v>
      </c>
      <c r="B34520" t="s">
        <v>50568</v>
      </c>
      <c r="C34520">
        <v>1</v>
      </c>
      <c r="D34520">
        <v>0</v>
      </c>
    </row>
    <row r="34521" spans="1:4" x14ac:dyDescent="0.25">
      <c r="A34521" t="s">
        <v>50564</v>
      </c>
      <c r="B34521" t="s">
        <v>50569</v>
      </c>
      <c r="C34521">
        <v>1</v>
      </c>
      <c r="D34521">
        <v>0</v>
      </c>
    </row>
    <row r="34522" spans="1:4" x14ac:dyDescent="0.25">
      <c r="A34522" t="s">
        <v>50564</v>
      </c>
      <c r="B34522" t="s">
        <v>50570</v>
      </c>
      <c r="C34522">
        <v>0</v>
      </c>
      <c r="D34522">
        <v>0</v>
      </c>
    </row>
    <row r="34523" spans="1:4" x14ac:dyDescent="0.25">
      <c r="A34523" t="s">
        <v>50571</v>
      </c>
      <c r="B34523" t="s">
        <v>50572</v>
      </c>
      <c r="C34523">
        <v>2</v>
      </c>
      <c r="D34523">
        <v>0</v>
      </c>
    </row>
    <row r="34524" spans="1:4" x14ac:dyDescent="0.25">
      <c r="A34524" t="s">
        <v>50571</v>
      </c>
      <c r="B34524" t="s">
        <v>50573</v>
      </c>
      <c r="C34524">
        <v>2</v>
      </c>
      <c r="D34524">
        <v>0</v>
      </c>
    </row>
    <row r="34525" spans="1:4" x14ac:dyDescent="0.25">
      <c r="A34525" t="s">
        <v>50574</v>
      </c>
      <c r="B34525" t="s">
        <v>50575</v>
      </c>
      <c r="C34525">
        <v>0</v>
      </c>
      <c r="D34525">
        <v>0</v>
      </c>
    </row>
    <row r="34526" spans="1:4" x14ac:dyDescent="0.25">
      <c r="A34526" t="s">
        <v>50574</v>
      </c>
      <c r="B34526" t="s">
        <v>50576</v>
      </c>
      <c r="C34526">
        <v>1</v>
      </c>
      <c r="D34526">
        <v>0</v>
      </c>
    </row>
    <row r="34527" spans="1:4" x14ac:dyDescent="0.25">
      <c r="A34527" t="s">
        <v>50574</v>
      </c>
      <c r="B34527" t="s">
        <v>50577</v>
      </c>
      <c r="C34527">
        <v>1</v>
      </c>
      <c r="D34527">
        <v>0</v>
      </c>
    </row>
    <row r="34528" spans="1:4" x14ac:dyDescent="0.25">
      <c r="A34528" t="s">
        <v>50574</v>
      </c>
      <c r="B34528" t="s">
        <v>50578</v>
      </c>
      <c r="C34528">
        <v>1</v>
      </c>
      <c r="D34528">
        <v>0</v>
      </c>
    </row>
    <row r="34529" spans="1:4" x14ac:dyDescent="0.25">
      <c r="A34529" t="s">
        <v>50574</v>
      </c>
      <c r="B34529" t="s">
        <v>50579</v>
      </c>
      <c r="C34529">
        <v>0</v>
      </c>
      <c r="D34529">
        <v>0</v>
      </c>
    </row>
    <row r="34530" spans="1:4" x14ac:dyDescent="0.25">
      <c r="A34530" t="s">
        <v>50580</v>
      </c>
      <c r="B34530" t="s">
        <v>50581</v>
      </c>
      <c r="C34530">
        <v>0</v>
      </c>
      <c r="D34530">
        <v>0</v>
      </c>
    </row>
    <row r="34531" spans="1:4" x14ac:dyDescent="0.25">
      <c r="A34531" t="s">
        <v>50580</v>
      </c>
      <c r="B34531" t="s">
        <v>50582</v>
      </c>
      <c r="C34531">
        <v>0</v>
      </c>
      <c r="D34531">
        <v>0</v>
      </c>
    </row>
    <row r="34532" spans="1:4" x14ac:dyDescent="0.25">
      <c r="A34532" t="s">
        <v>50580</v>
      </c>
      <c r="B34532" t="s">
        <v>50583</v>
      </c>
      <c r="C34532">
        <v>0</v>
      </c>
      <c r="D34532">
        <v>0</v>
      </c>
    </row>
    <row r="34533" spans="1:4" x14ac:dyDescent="0.25">
      <c r="A34533" t="s">
        <v>50580</v>
      </c>
      <c r="B34533" t="s">
        <v>50584</v>
      </c>
      <c r="C34533">
        <v>0</v>
      </c>
      <c r="D34533">
        <v>0</v>
      </c>
    </row>
    <row r="34534" spans="1:4" x14ac:dyDescent="0.25">
      <c r="A34534" t="s">
        <v>50580</v>
      </c>
      <c r="B34534" t="s">
        <v>50585</v>
      </c>
      <c r="C34534">
        <v>0</v>
      </c>
      <c r="D34534">
        <v>0</v>
      </c>
    </row>
    <row r="34535" spans="1:4" x14ac:dyDescent="0.25">
      <c r="A34535" t="s">
        <v>50586</v>
      </c>
      <c r="B34535" t="s">
        <v>50587</v>
      </c>
      <c r="C34535">
        <v>2</v>
      </c>
      <c r="D34535">
        <v>0</v>
      </c>
    </row>
    <row r="34536" spans="1:4" x14ac:dyDescent="0.25">
      <c r="A34536" t="s">
        <v>50588</v>
      </c>
      <c r="B34536" t="s">
        <v>50589</v>
      </c>
      <c r="C34536">
        <v>1</v>
      </c>
      <c r="D34536">
        <v>0</v>
      </c>
    </row>
    <row r="34537" spans="1:4" x14ac:dyDescent="0.25">
      <c r="A34537" t="s">
        <v>50588</v>
      </c>
      <c r="B34537" t="s">
        <v>50590</v>
      </c>
      <c r="C34537">
        <v>0</v>
      </c>
      <c r="D34537">
        <v>0</v>
      </c>
    </row>
    <row r="34538" spans="1:4" x14ac:dyDescent="0.25">
      <c r="A34538" t="s">
        <v>50588</v>
      </c>
      <c r="B34538" t="s">
        <v>50591</v>
      </c>
      <c r="C34538">
        <v>0</v>
      </c>
      <c r="D34538">
        <v>0</v>
      </c>
    </row>
    <row r="34539" spans="1:4" x14ac:dyDescent="0.25">
      <c r="A34539" t="s">
        <v>50588</v>
      </c>
      <c r="B34539" t="s">
        <v>50592</v>
      </c>
      <c r="C34539">
        <v>2</v>
      </c>
      <c r="D34539">
        <v>0</v>
      </c>
    </row>
    <row r="34540" spans="1:4" x14ac:dyDescent="0.25">
      <c r="A34540" t="s">
        <v>50588</v>
      </c>
      <c r="B34540" t="s">
        <v>50593</v>
      </c>
      <c r="C34540">
        <v>1</v>
      </c>
      <c r="D34540">
        <v>0</v>
      </c>
    </row>
    <row r="34541" spans="1:4" x14ac:dyDescent="0.25">
      <c r="A34541" t="s">
        <v>50588</v>
      </c>
      <c r="B34541" t="s">
        <v>50594</v>
      </c>
      <c r="C34541">
        <v>1</v>
      </c>
      <c r="D34541">
        <v>0</v>
      </c>
    </row>
    <row r="34542" spans="1:4" x14ac:dyDescent="0.25">
      <c r="A34542" t="s">
        <v>50595</v>
      </c>
      <c r="B34542" t="s">
        <v>50596</v>
      </c>
      <c r="C34542">
        <v>0</v>
      </c>
      <c r="D34542">
        <v>0</v>
      </c>
    </row>
    <row r="34543" spans="1:4" x14ac:dyDescent="0.25">
      <c r="A34543" t="s">
        <v>50595</v>
      </c>
      <c r="B34543" t="s">
        <v>50597</v>
      </c>
      <c r="C34543">
        <v>1</v>
      </c>
      <c r="D34543">
        <v>0</v>
      </c>
    </row>
    <row r="34544" spans="1:4" x14ac:dyDescent="0.25">
      <c r="A34544" t="s">
        <v>50595</v>
      </c>
      <c r="B34544" t="s">
        <v>50598</v>
      </c>
      <c r="C34544">
        <v>1</v>
      </c>
      <c r="D34544">
        <v>0</v>
      </c>
    </row>
    <row r="34545" spans="1:4" x14ac:dyDescent="0.25">
      <c r="A34545" t="s">
        <v>50595</v>
      </c>
      <c r="B34545" t="s">
        <v>50599</v>
      </c>
      <c r="C34545">
        <v>1</v>
      </c>
      <c r="D34545">
        <v>0</v>
      </c>
    </row>
    <row r="34546" spans="1:4" x14ac:dyDescent="0.25">
      <c r="A34546" t="s">
        <v>50600</v>
      </c>
      <c r="B34546" t="s">
        <v>50601</v>
      </c>
      <c r="C34546">
        <v>2</v>
      </c>
      <c r="D34546">
        <v>0</v>
      </c>
    </row>
    <row r="34547" spans="1:4" x14ac:dyDescent="0.25">
      <c r="A34547" t="s">
        <v>50600</v>
      </c>
      <c r="B34547" t="s">
        <v>50602</v>
      </c>
      <c r="C34547">
        <v>1</v>
      </c>
      <c r="D34547">
        <v>0</v>
      </c>
    </row>
    <row r="34548" spans="1:4" x14ac:dyDescent="0.25">
      <c r="A34548" t="s">
        <v>50603</v>
      </c>
      <c r="B34548" t="s">
        <v>50604</v>
      </c>
      <c r="C34548">
        <v>1</v>
      </c>
      <c r="D34548">
        <v>0</v>
      </c>
    </row>
    <row r="34549" spans="1:4" x14ac:dyDescent="0.25">
      <c r="A34549" t="s">
        <v>50603</v>
      </c>
      <c r="B34549" t="s">
        <v>50605</v>
      </c>
      <c r="C34549">
        <v>1</v>
      </c>
      <c r="D34549">
        <v>0</v>
      </c>
    </row>
    <row r="34550" spans="1:4" x14ac:dyDescent="0.25">
      <c r="A34550" t="s">
        <v>50606</v>
      </c>
      <c r="B34550" t="s">
        <v>50607</v>
      </c>
      <c r="C34550">
        <v>1</v>
      </c>
      <c r="D34550">
        <v>0</v>
      </c>
    </row>
    <row r="34551" spans="1:4" x14ac:dyDescent="0.25">
      <c r="A34551" t="s">
        <v>50606</v>
      </c>
      <c r="B34551" t="s">
        <v>50608</v>
      </c>
      <c r="C34551">
        <v>0</v>
      </c>
      <c r="D34551">
        <v>0</v>
      </c>
    </row>
    <row r="34552" spans="1:4" x14ac:dyDescent="0.25">
      <c r="A34552" t="s">
        <v>50606</v>
      </c>
      <c r="B34552" t="s">
        <v>50609</v>
      </c>
      <c r="C34552">
        <v>1</v>
      </c>
      <c r="D34552">
        <v>0</v>
      </c>
    </row>
    <row r="34553" spans="1:4" x14ac:dyDescent="0.25">
      <c r="A34553" t="s">
        <v>50606</v>
      </c>
      <c r="B34553" t="s">
        <v>35954</v>
      </c>
      <c r="C34553">
        <v>0</v>
      </c>
      <c r="D34553">
        <v>0</v>
      </c>
    </row>
    <row r="34554" spans="1:4" x14ac:dyDescent="0.25">
      <c r="A34554" t="s">
        <v>50606</v>
      </c>
      <c r="B34554" t="s">
        <v>50610</v>
      </c>
      <c r="C34554">
        <v>2</v>
      </c>
      <c r="D34554">
        <v>0</v>
      </c>
    </row>
    <row r="34555" spans="1:4" x14ac:dyDescent="0.25">
      <c r="A34555" t="s">
        <v>50606</v>
      </c>
      <c r="B34555" t="s">
        <v>50611</v>
      </c>
      <c r="C34555">
        <v>0</v>
      </c>
      <c r="D34555">
        <v>0</v>
      </c>
    </row>
    <row r="34556" spans="1:4" x14ac:dyDescent="0.25">
      <c r="A34556" t="s">
        <v>50612</v>
      </c>
      <c r="B34556" t="s">
        <v>50613</v>
      </c>
      <c r="C34556">
        <v>1</v>
      </c>
      <c r="D34556">
        <v>0</v>
      </c>
    </row>
    <row r="34557" spans="1:4" x14ac:dyDescent="0.25">
      <c r="A34557" t="s">
        <v>50612</v>
      </c>
      <c r="B34557" t="s">
        <v>50614</v>
      </c>
      <c r="C34557">
        <v>1</v>
      </c>
      <c r="D34557">
        <v>0</v>
      </c>
    </row>
    <row r="34558" spans="1:4" x14ac:dyDescent="0.25">
      <c r="A34558" t="s">
        <v>50612</v>
      </c>
      <c r="B34558" t="s">
        <v>50615</v>
      </c>
      <c r="C34558">
        <v>1</v>
      </c>
      <c r="D34558">
        <v>0</v>
      </c>
    </row>
    <row r="34559" spans="1:4" x14ac:dyDescent="0.25">
      <c r="A34559" t="s">
        <v>50612</v>
      </c>
      <c r="B34559" t="s">
        <v>50616</v>
      </c>
      <c r="C34559">
        <v>2</v>
      </c>
      <c r="D34559">
        <v>0</v>
      </c>
    </row>
    <row r="34560" spans="1:4" x14ac:dyDescent="0.25">
      <c r="A34560" t="s">
        <v>50612</v>
      </c>
      <c r="B34560" t="s">
        <v>50617</v>
      </c>
      <c r="C34560">
        <v>2</v>
      </c>
      <c r="D34560">
        <v>0</v>
      </c>
    </row>
    <row r="34561" spans="1:4" x14ac:dyDescent="0.25">
      <c r="A34561" t="s">
        <v>50612</v>
      </c>
      <c r="B34561" t="s">
        <v>50618</v>
      </c>
      <c r="C34561">
        <v>1</v>
      </c>
      <c r="D34561">
        <v>0</v>
      </c>
    </row>
    <row r="34562" spans="1:4" x14ac:dyDescent="0.25">
      <c r="A34562" t="s">
        <v>50619</v>
      </c>
      <c r="B34562" t="s">
        <v>50620</v>
      </c>
      <c r="C34562">
        <v>1</v>
      </c>
      <c r="D34562">
        <v>0</v>
      </c>
    </row>
    <row r="34563" spans="1:4" x14ac:dyDescent="0.25">
      <c r="A34563" t="s">
        <v>50619</v>
      </c>
      <c r="B34563" t="s">
        <v>50621</v>
      </c>
      <c r="C34563">
        <v>0</v>
      </c>
      <c r="D34563">
        <v>0</v>
      </c>
    </row>
    <row r="34564" spans="1:4" x14ac:dyDescent="0.25">
      <c r="A34564" t="s">
        <v>50622</v>
      </c>
      <c r="B34564" t="s">
        <v>50623</v>
      </c>
      <c r="C34564">
        <v>1</v>
      </c>
      <c r="D34564">
        <v>0</v>
      </c>
    </row>
    <row r="34565" spans="1:4" x14ac:dyDescent="0.25">
      <c r="A34565" t="s">
        <v>50622</v>
      </c>
      <c r="B34565" t="s">
        <v>50624</v>
      </c>
      <c r="C34565">
        <v>1</v>
      </c>
      <c r="D34565">
        <v>0</v>
      </c>
    </row>
    <row r="34566" spans="1:4" x14ac:dyDescent="0.25">
      <c r="A34566" t="s">
        <v>50622</v>
      </c>
      <c r="B34566" t="s">
        <v>50625</v>
      </c>
      <c r="C34566">
        <v>1</v>
      </c>
      <c r="D34566">
        <v>0</v>
      </c>
    </row>
    <row r="34567" spans="1:4" x14ac:dyDescent="0.25">
      <c r="A34567" t="s">
        <v>50622</v>
      </c>
      <c r="B34567" t="s">
        <v>50626</v>
      </c>
      <c r="C34567">
        <v>1</v>
      </c>
      <c r="D34567">
        <v>0</v>
      </c>
    </row>
    <row r="34568" spans="1:4" x14ac:dyDescent="0.25">
      <c r="A34568" t="s">
        <v>50622</v>
      </c>
      <c r="B34568" t="s">
        <v>50627</v>
      </c>
      <c r="C34568">
        <v>1</v>
      </c>
      <c r="D34568">
        <v>0</v>
      </c>
    </row>
    <row r="34569" spans="1:4" x14ac:dyDescent="0.25">
      <c r="A34569" t="s">
        <v>50628</v>
      </c>
      <c r="B34569" t="s">
        <v>50629</v>
      </c>
      <c r="C34569">
        <v>1</v>
      </c>
      <c r="D34569">
        <v>0</v>
      </c>
    </row>
    <row r="34570" spans="1:4" x14ac:dyDescent="0.25">
      <c r="A34570" t="s">
        <v>50628</v>
      </c>
      <c r="B34570" t="s">
        <v>50630</v>
      </c>
      <c r="C34570">
        <v>0</v>
      </c>
      <c r="D34570">
        <v>0</v>
      </c>
    </row>
    <row r="34571" spans="1:4" x14ac:dyDescent="0.25">
      <c r="A34571" t="s">
        <v>50628</v>
      </c>
      <c r="B34571" t="s">
        <v>50631</v>
      </c>
      <c r="C34571">
        <v>1</v>
      </c>
      <c r="D34571">
        <v>0</v>
      </c>
    </row>
    <row r="34572" spans="1:4" x14ac:dyDescent="0.25">
      <c r="A34572" t="s">
        <v>50632</v>
      </c>
      <c r="B34572" t="s">
        <v>50633</v>
      </c>
      <c r="C34572">
        <v>1</v>
      </c>
      <c r="D34572">
        <v>0</v>
      </c>
    </row>
    <row r="34573" spans="1:4" x14ac:dyDescent="0.25">
      <c r="A34573" t="s">
        <v>50632</v>
      </c>
      <c r="B34573" t="s">
        <v>50634</v>
      </c>
      <c r="C34573">
        <v>0</v>
      </c>
      <c r="D34573">
        <v>0</v>
      </c>
    </row>
    <row r="34574" spans="1:4" x14ac:dyDescent="0.25">
      <c r="A34574" t="s">
        <v>50632</v>
      </c>
      <c r="B34574" t="s">
        <v>50635</v>
      </c>
      <c r="C34574">
        <v>1</v>
      </c>
      <c r="D34574">
        <v>0</v>
      </c>
    </row>
    <row r="34575" spans="1:4" x14ac:dyDescent="0.25">
      <c r="A34575" t="s">
        <v>50632</v>
      </c>
      <c r="B34575" t="s">
        <v>50636</v>
      </c>
      <c r="C34575">
        <v>2</v>
      </c>
      <c r="D34575">
        <v>0</v>
      </c>
    </row>
    <row r="34576" spans="1:4" x14ac:dyDescent="0.25">
      <c r="A34576" t="s">
        <v>50632</v>
      </c>
      <c r="B34576" t="s">
        <v>50637</v>
      </c>
      <c r="C34576">
        <v>2</v>
      </c>
      <c r="D34576">
        <v>0</v>
      </c>
    </row>
    <row r="34577" spans="1:4" x14ac:dyDescent="0.25">
      <c r="A34577" t="s">
        <v>50638</v>
      </c>
      <c r="B34577" t="s">
        <v>50639</v>
      </c>
      <c r="C34577">
        <v>1</v>
      </c>
      <c r="D34577">
        <v>0</v>
      </c>
    </row>
    <row r="34578" spans="1:4" x14ac:dyDescent="0.25">
      <c r="A34578" t="s">
        <v>50638</v>
      </c>
      <c r="B34578" t="s">
        <v>50640</v>
      </c>
      <c r="C34578">
        <v>1</v>
      </c>
      <c r="D34578">
        <v>0</v>
      </c>
    </row>
    <row r="34579" spans="1:4" x14ac:dyDescent="0.25">
      <c r="A34579" t="s">
        <v>50638</v>
      </c>
      <c r="B34579" t="s">
        <v>50641</v>
      </c>
      <c r="C34579">
        <v>1</v>
      </c>
      <c r="D34579">
        <v>0</v>
      </c>
    </row>
    <row r="34580" spans="1:4" x14ac:dyDescent="0.25">
      <c r="A34580" t="s">
        <v>50638</v>
      </c>
      <c r="B34580" t="s">
        <v>50642</v>
      </c>
      <c r="C34580">
        <v>1</v>
      </c>
      <c r="D34580">
        <v>0</v>
      </c>
    </row>
    <row r="34581" spans="1:4" x14ac:dyDescent="0.25">
      <c r="A34581" t="s">
        <v>50638</v>
      </c>
      <c r="B34581" t="s">
        <v>50643</v>
      </c>
      <c r="C34581">
        <v>1</v>
      </c>
      <c r="D34581">
        <v>0</v>
      </c>
    </row>
    <row r="34582" spans="1:4" x14ac:dyDescent="0.25">
      <c r="A34582" t="s">
        <v>50638</v>
      </c>
      <c r="B34582" t="s">
        <v>50644</v>
      </c>
      <c r="C34582">
        <v>1</v>
      </c>
      <c r="D34582">
        <v>0</v>
      </c>
    </row>
    <row r="34583" spans="1:4" x14ac:dyDescent="0.25">
      <c r="A34583" t="s">
        <v>50638</v>
      </c>
      <c r="B34583" t="s">
        <v>50645</v>
      </c>
      <c r="C34583">
        <v>2</v>
      </c>
      <c r="D34583">
        <v>0</v>
      </c>
    </row>
    <row r="34584" spans="1:4" x14ac:dyDescent="0.25">
      <c r="A34584" t="s">
        <v>50646</v>
      </c>
      <c r="B34584" t="s">
        <v>50647</v>
      </c>
      <c r="C34584">
        <v>1</v>
      </c>
      <c r="D34584">
        <v>0</v>
      </c>
    </row>
    <row r="34585" spans="1:4" x14ac:dyDescent="0.25">
      <c r="A34585" t="s">
        <v>50648</v>
      </c>
      <c r="B34585" t="s">
        <v>50649</v>
      </c>
      <c r="C34585">
        <v>2</v>
      </c>
      <c r="D34585">
        <v>0</v>
      </c>
    </row>
    <row r="34586" spans="1:4" x14ac:dyDescent="0.25">
      <c r="A34586" t="s">
        <v>50648</v>
      </c>
      <c r="B34586" t="s">
        <v>50650</v>
      </c>
      <c r="C34586">
        <v>1</v>
      </c>
      <c r="D34586">
        <v>0</v>
      </c>
    </row>
    <row r="34587" spans="1:4" x14ac:dyDescent="0.25">
      <c r="A34587" t="s">
        <v>50648</v>
      </c>
      <c r="B34587" t="s">
        <v>50651</v>
      </c>
      <c r="C34587">
        <v>2</v>
      </c>
      <c r="D34587">
        <v>0</v>
      </c>
    </row>
    <row r="34588" spans="1:4" x14ac:dyDescent="0.25">
      <c r="A34588" t="s">
        <v>50648</v>
      </c>
      <c r="B34588" t="s">
        <v>50652</v>
      </c>
      <c r="C34588">
        <v>2</v>
      </c>
      <c r="D34588">
        <v>0</v>
      </c>
    </row>
    <row r="34589" spans="1:4" x14ac:dyDescent="0.25">
      <c r="A34589" t="s">
        <v>50648</v>
      </c>
      <c r="B34589" t="s">
        <v>50653</v>
      </c>
      <c r="C34589">
        <v>0</v>
      </c>
      <c r="D34589">
        <v>0</v>
      </c>
    </row>
    <row r="34590" spans="1:4" x14ac:dyDescent="0.25">
      <c r="A34590" t="s">
        <v>50648</v>
      </c>
      <c r="B34590" t="s">
        <v>50654</v>
      </c>
      <c r="C34590">
        <v>0</v>
      </c>
      <c r="D34590">
        <v>0</v>
      </c>
    </row>
    <row r="34591" spans="1:4" x14ac:dyDescent="0.25">
      <c r="A34591" t="s">
        <v>50655</v>
      </c>
      <c r="B34591" t="s">
        <v>50656</v>
      </c>
      <c r="C34591">
        <v>1</v>
      </c>
      <c r="D34591">
        <v>0</v>
      </c>
    </row>
    <row r="34592" spans="1:4" x14ac:dyDescent="0.25">
      <c r="A34592" t="s">
        <v>50655</v>
      </c>
      <c r="B34592" t="s">
        <v>50657</v>
      </c>
      <c r="C34592">
        <v>0</v>
      </c>
      <c r="D34592">
        <v>0</v>
      </c>
    </row>
    <row r="34593" spans="1:4" x14ac:dyDescent="0.25">
      <c r="A34593" t="s">
        <v>50655</v>
      </c>
      <c r="B34593" t="s">
        <v>50658</v>
      </c>
      <c r="C34593">
        <v>1</v>
      </c>
      <c r="D34593">
        <v>0</v>
      </c>
    </row>
    <row r="34594" spans="1:4" x14ac:dyDescent="0.25">
      <c r="A34594" t="s">
        <v>50655</v>
      </c>
      <c r="B34594" t="s">
        <v>50659</v>
      </c>
      <c r="C34594">
        <v>0</v>
      </c>
      <c r="D34594">
        <v>0</v>
      </c>
    </row>
    <row r="34595" spans="1:4" x14ac:dyDescent="0.25">
      <c r="A34595" t="s">
        <v>50655</v>
      </c>
      <c r="B34595" t="s">
        <v>50660</v>
      </c>
      <c r="C34595">
        <v>0</v>
      </c>
      <c r="D34595">
        <v>0</v>
      </c>
    </row>
    <row r="34596" spans="1:4" x14ac:dyDescent="0.25">
      <c r="A34596" t="s">
        <v>50655</v>
      </c>
      <c r="B34596" t="s">
        <v>50661</v>
      </c>
      <c r="C34596">
        <v>1</v>
      </c>
      <c r="D34596">
        <v>0</v>
      </c>
    </row>
    <row r="34597" spans="1:4" x14ac:dyDescent="0.25">
      <c r="A34597" t="s">
        <v>50662</v>
      </c>
      <c r="B34597" t="s">
        <v>50663</v>
      </c>
      <c r="C34597">
        <v>1</v>
      </c>
      <c r="D34597">
        <v>0</v>
      </c>
    </row>
    <row r="34598" spans="1:4" x14ac:dyDescent="0.25">
      <c r="A34598" t="s">
        <v>50664</v>
      </c>
      <c r="B34598" t="s">
        <v>17479</v>
      </c>
      <c r="C34598">
        <v>2</v>
      </c>
      <c r="D34598">
        <v>0</v>
      </c>
    </row>
    <row r="34599" spans="1:4" x14ac:dyDescent="0.25">
      <c r="A34599" t="s">
        <v>50665</v>
      </c>
      <c r="B34599" t="s">
        <v>50666</v>
      </c>
      <c r="C34599">
        <v>1</v>
      </c>
      <c r="D34599">
        <v>0</v>
      </c>
    </row>
    <row r="34600" spans="1:4" x14ac:dyDescent="0.25">
      <c r="A34600" t="s">
        <v>50665</v>
      </c>
      <c r="B34600" t="s">
        <v>843</v>
      </c>
      <c r="C34600">
        <v>1</v>
      </c>
      <c r="D34600">
        <v>0</v>
      </c>
    </row>
    <row r="34601" spans="1:4" x14ac:dyDescent="0.25">
      <c r="A34601" t="s">
        <v>50665</v>
      </c>
      <c r="B34601" t="s">
        <v>50667</v>
      </c>
      <c r="C34601">
        <v>1</v>
      </c>
      <c r="D34601">
        <v>0</v>
      </c>
    </row>
    <row r="34602" spans="1:4" x14ac:dyDescent="0.25">
      <c r="A34602" t="s">
        <v>50665</v>
      </c>
      <c r="B34602" t="s">
        <v>50668</v>
      </c>
      <c r="C34602">
        <v>0</v>
      </c>
      <c r="D34602">
        <v>0</v>
      </c>
    </row>
    <row r="34603" spans="1:4" x14ac:dyDescent="0.25">
      <c r="A34603" t="s">
        <v>50665</v>
      </c>
      <c r="B34603" t="s">
        <v>46564</v>
      </c>
      <c r="C34603">
        <v>1</v>
      </c>
      <c r="D34603">
        <v>0</v>
      </c>
    </row>
    <row r="34604" spans="1:4" x14ac:dyDescent="0.25">
      <c r="A34604" t="s">
        <v>50665</v>
      </c>
      <c r="B34604" t="s">
        <v>11948</v>
      </c>
      <c r="C34604">
        <v>0</v>
      </c>
      <c r="D34604">
        <v>0</v>
      </c>
    </row>
    <row r="34605" spans="1:4" x14ac:dyDescent="0.25">
      <c r="A34605" t="s">
        <v>50665</v>
      </c>
      <c r="B34605" t="s">
        <v>50669</v>
      </c>
      <c r="C34605">
        <v>1</v>
      </c>
      <c r="D34605">
        <v>0</v>
      </c>
    </row>
    <row r="34606" spans="1:4" x14ac:dyDescent="0.25">
      <c r="A34606" t="s">
        <v>50670</v>
      </c>
      <c r="B34606" t="s">
        <v>50671</v>
      </c>
      <c r="C34606">
        <v>1</v>
      </c>
      <c r="D34606">
        <v>0</v>
      </c>
    </row>
    <row r="34607" spans="1:4" x14ac:dyDescent="0.25">
      <c r="A34607" t="s">
        <v>50670</v>
      </c>
      <c r="B34607" t="s">
        <v>50672</v>
      </c>
      <c r="C34607">
        <v>0</v>
      </c>
      <c r="D34607">
        <v>0</v>
      </c>
    </row>
    <row r="34608" spans="1:4" x14ac:dyDescent="0.25">
      <c r="A34608" t="s">
        <v>50670</v>
      </c>
      <c r="B34608" t="s">
        <v>50673</v>
      </c>
      <c r="C34608">
        <v>0</v>
      </c>
      <c r="D34608">
        <v>0</v>
      </c>
    </row>
    <row r="34609" spans="1:4" x14ac:dyDescent="0.25">
      <c r="A34609" t="s">
        <v>50670</v>
      </c>
      <c r="B34609" t="s">
        <v>50674</v>
      </c>
      <c r="C34609">
        <v>2</v>
      </c>
      <c r="D34609">
        <v>0</v>
      </c>
    </row>
    <row r="34610" spans="1:4" x14ac:dyDescent="0.25">
      <c r="A34610" t="s">
        <v>50670</v>
      </c>
      <c r="B34610" t="s">
        <v>50675</v>
      </c>
      <c r="C34610">
        <v>1</v>
      </c>
      <c r="D34610">
        <v>0</v>
      </c>
    </row>
    <row r="34611" spans="1:4" x14ac:dyDescent="0.25">
      <c r="A34611" t="s">
        <v>50670</v>
      </c>
      <c r="B34611" t="s">
        <v>50676</v>
      </c>
      <c r="C34611">
        <v>2</v>
      </c>
      <c r="D34611">
        <v>0</v>
      </c>
    </row>
    <row r="34612" spans="1:4" x14ac:dyDescent="0.25">
      <c r="A34612" t="s">
        <v>50677</v>
      </c>
      <c r="B34612" t="s">
        <v>50678</v>
      </c>
      <c r="C34612">
        <v>0</v>
      </c>
      <c r="D34612">
        <v>0</v>
      </c>
    </row>
    <row r="34613" spans="1:4" x14ac:dyDescent="0.25">
      <c r="A34613" t="s">
        <v>50677</v>
      </c>
      <c r="B34613" t="s">
        <v>50679</v>
      </c>
      <c r="C34613">
        <v>1</v>
      </c>
      <c r="D34613">
        <v>0</v>
      </c>
    </row>
    <row r="34614" spans="1:4" x14ac:dyDescent="0.25">
      <c r="A34614" t="s">
        <v>50677</v>
      </c>
      <c r="B34614" t="s">
        <v>50680</v>
      </c>
      <c r="C34614">
        <v>0</v>
      </c>
      <c r="D34614">
        <v>0</v>
      </c>
    </row>
    <row r="34615" spans="1:4" x14ac:dyDescent="0.25">
      <c r="A34615" t="s">
        <v>50677</v>
      </c>
      <c r="B34615" t="s">
        <v>50681</v>
      </c>
      <c r="C34615">
        <v>1</v>
      </c>
      <c r="D34615">
        <v>0</v>
      </c>
    </row>
    <row r="34616" spans="1:4" x14ac:dyDescent="0.25">
      <c r="A34616" t="s">
        <v>50682</v>
      </c>
      <c r="B34616" t="s">
        <v>5434</v>
      </c>
      <c r="C34616">
        <v>1</v>
      </c>
      <c r="D34616">
        <v>0</v>
      </c>
    </row>
    <row r="34617" spans="1:4" x14ac:dyDescent="0.25">
      <c r="A34617" t="s">
        <v>50682</v>
      </c>
      <c r="B34617" t="s">
        <v>50683</v>
      </c>
      <c r="C34617">
        <v>2</v>
      </c>
      <c r="D34617">
        <v>0</v>
      </c>
    </row>
    <row r="34618" spans="1:4" x14ac:dyDescent="0.25">
      <c r="A34618" t="s">
        <v>50682</v>
      </c>
      <c r="B34618" t="s">
        <v>50684</v>
      </c>
      <c r="C34618">
        <v>1</v>
      </c>
      <c r="D34618">
        <v>0</v>
      </c>
    </row>
    <row r="34619" spans="1:4" x14ac:dyDescent="0.25">
      <c r="A34619" t="s">
        <v>50685</v>
      </c>
      <c r="B34619" t="s">
        <v>50686</v>
      </c>
      <c r="C34619">
        <v>1</v>
      </c>
      <c r="D34619">
        <v>0</v>
      </c>
    </row>
    <row r="34620" spans="1:4" x14ac:dyDescent="0.25">
      <c r="A34620" t="s">
        <v>50685</v>
      </c>
      <c r="B34620" t="s">
        <v>50687</v>
      </c>
      <c r="C34620">
        <v>0</v>
      </c>
      <c r="D34620">
        <v>0</v>
      </c>
    </row>
    <row r="34621" spans="1:4" x14ac:dyDescent="0.25">
      <c r="A34621" t="s">
        <v>50685</v>
      </c>
      <c r="B34621" t="s">
        <v>50688</v>
      </c>
      <c r="C34621">
        <v>2</v>
      </c>
      <c r="D34621">
        <v>0</v>
      </c>
    </row>
    <row r="34622" spans="1:4" x14ac:dyDescent="0.25">
      <c r="A34622" t="s">
        <v>50689</v>
      </c>
      <c r="B34622" t="s">
        <v>50690</v>
      </c>
      <c r="C34622">
        <v>2</v>
      </c>
      <c r="D34622">
        <v>0</v>
      </c>
    </row>
    <row r="34623" spans="1:4" x14ac:dyDescent="0.25">
      <c r="A34623" t="s">
        <v>50689</v>
      </c>
      <c r="B34623" t="s">
        <v>50691</v>
      </c>
      <c r="C34623">
        <v>1</v>
      </c>
      <c r="D34623">
        <v>0</v>
      </c>
    </row>
    <row r="34624" spans="1:4" x14ac:dyDescent="0.25">
      <c r="A34624" t="s">
        <v>50692</v>
      </c>
      <c r="B34624" t="s">
        <v>50693</v>
      </c>
      <c r="C34624">
        <v>1</v>
      </c>
      <c r="D34624">
        <v>0</v>
      </c>
    </row>
    <row r="34625" spans="1:4" x14ac:dyDescent="0.25">
      <c r="A34625" t="s">
        <v>50692</v>
      </c>
      <c r="B34625" t="s">
        <v>50694</v>
      </c>
      <c r="C34625">
        <v>0</v>
      </c>
      <c r="D34625">
        <v>0</v>
      </c>
    </row>
    <row r="34626" spans="1:4" x14ac:dyDescent="0.25">
      <c r="A34626" t="s">
        <v>50692</v>
      </c>
      <c r="B34626" t="s">
        <v>50695</v>
      </c>
      <c r="C34626">
        <v>0</v>
      </c>
      <c r="D34626">
        <v>0</v>
      </c>
    </row>
    <row r="34627" spans="1:4" x14ac:dyDescent="0.25">
      <c r="A34627" t="s">
        <v>50692</v>
      </c>
      <c r="B34627" t="s">
        <v>50696</v>
      </c>
      <c r="C34627">
        <v>1</v>
      </c>
      <c r="D34627">
        <v>0</v>
      </c>
    </row>
    <row r="34628" spans="1:4" x14ac:dyDescent="0.25">
      <c r="A34628" t="s">
        <v>50692</v>
      </c>
      <c r="B34628" t="s">
        <v>50697</v>
      </c>
      <c r="C34628">
        <v>0</v>
      </c>
      <c r="D34628">
        <v>0</v>
      </c>
    </row>
    <row r="34629" spans="1:4" x14ac:dyDescent="0.25">
      <c r="A34629" t="s">
        <v>50698</v>
      </c>
      <c r="B34629" t="s">
        <v>50699</v>
      </c>
      <c r="C34629">
        <v>1</v>
      </c>
      <c r="D34629">
        <v>0</v>
      </c>
    </row>
    <row r="34630" spans="1:4" x14ac:dyDescent="0.25">
      <c r="A34630" t="s">
        <v>50698</v>
      </c>
      <c r="B34630" t="s">
        <v>50700</v>
      </c>
      <c r="C34630">
        <v>1</v>
      </c>
      <c r="D34630">
        <v>0</v>
      </c>
    </row>
    <row r="34631" spans="1:4" x14ac:dyDescent="0.25">
      <c r="A34631" t="s">
        <v>50698</v>
      </c>
      <c r="B34631" t="s">
        <v>50701</v>
      </c>
      <c r="C34631">
        <v>2</v>
      </c>
      <c r="D34631">
        <v>0</v>
      </c>
    </row>
    <row r="34632" spans="1:4" x14ac:dyDescent="0.25">
      <c r="A34632" t="s">
        <v>50698</v>
      </c>
      <c r="B34632" t="s">
        <v>50702</v>
      </c>
      <c r="C34632">
        <v>2</v>
      </c>
      <c r="D34632">
        <v>0</v>
      </c>
    </row>
    <row r="34633" spans="1:4" x14ac:dyDescent="0.25">
      <c r="A34633" t="s">
        <v>50698</v>
      </c>
      <c r="B34633" t="s">
        <v>50703</v>
      </c>
      <c r="C34633">
        <v>2</v>
      </c>
      <c r="D34633">
        <v>0</v>
      </c>
    </row>
    <row r="34634" spans="1:4" x14ac:dyDescent="0.25">
      <c r="A34634" t="s">
        <v>50698</v>
      </c>
      <c r="B34634" t="s">
        <v>50704</v>
      </c>
      <c r="C34634">
        <v>1</v>
      </c>
      <c r="D34634">
        <v>0</v>
      </c>
    </row>
    <row r="34635" spans="1:4" x14ac:dyDescent="0.25">
      <c r="A34635" t="s">
        <v>50705</v>
      </c>
      <c r="B34635" t="s">
        <v>50706</v>
      </c>
      <c r="C34635">
        <v>0</v>
      </c>
      <c r="D34635">
        <v>0</v>
      </c>
    </row>
    <row r="34636" spans="1:4" x14ac:dyDescent="0.25">
      <c r="A34636" t="s">
        <v>50705</v>
      </c>
      <c r="B34636" t="s">
        <v>50707</v>
      </c>
      <c r="C34636">
        <v>0</v>
      </c>
      <c r="D34636">
        <v>0</v>
      </c>
    </row>
    <row r="34637" spans="1:4" x14ac:dyDescent="0.25">
      <c r="A34637" t="s">
        <v>50705</v>
      </c>
      <c r="B34637" t="s">
        <v>50708</v>
      </c>
      <c r="C34637">
        <v>1</v>
      </c>
      <c r="D34637">
        <v>0</v>
      </c>
    </row>
    <row r="34638" spans="1:4" x14ac:dyDescent="0.25">
      <c r="A34638" t="s">
        <v>50705</v>
      </c>
      <c r="B34638" t="s">
        <v>50709</v>
      </c>
      <c r="C34638">
        <v>1</v>
      </c>
      <c r="D34638">
        <v>0</v>
      </c>
    </row>
    <row r="34639" spans="1:4" x14ac:dyDescent="0.25">
      <c r="A34639" t="s">
        <v>50705</v>
      </c>
      <c r="B34639" t="s">
        <v>50710</v>
      </c>
      <c r="C34639">
        <v>1</v>
      </c>
      <c r="D34639">
        <v>0</v>
      </c>
    </row>
    <row r="34640" spans="1:4" x14ac:dyDescent="0.25">
      <c r="A34640" t="s">
        <v>50711</v>
      </c>
      <c r="B34640" t="s">
        <v>2825</v>
      </c>
      <c r="C34640">
        <v>1</v>
      </c>
      <c r="D34640">
        <v>0</v>
      </c>
    </row>
    <row r="34641" spans="1:4" x14ac:dyDescent="0.25">
      <c r="A34641" t="s">
        <v>50712</v>
      </c>
      <c r="B34641" t="s">
        <v>50713</v>
      </c>
      <c r="C34641">
        <v>1</v>
      </c>
      <c r="D34641">
        <v>0</v>
      </c>
    </row>
    <row r="34642" spans="1:4" x14ac:dyDescent="0.25">
      <c r="A34642" t="s">
        <v>50712</v>
      </c>
      <c r="B34642" t="s">
        <v>50714</v>
      </c>
      <c r="C34642">
        <v>0</v>
      </c>
      <c r="D34642">
        <v>0</v>
      </c>
    </row>
    <row r="34643" spans="1:4" x14ac:dyDescent="0.25">
      <c r="A34643" t="s">
        <v>50712</v>
      </c>
      <c r="B34643" t="s">
        <v>50715</v>
      </c>
      <c r="C34643">
        <v>0</v>
      </c>
      <c r="D34643">
        <v>0</v>
      </c>
    </row>
    <row r="34644" spans="1:4" x14ac:dyDescent="0.25">
      <c r="A34644" t="s">
        <v>50712</v>
      </c>
      <c r="B34644" t="s">
        <v>50716</v>
      </c>
      <c r="C34644">
        <v>0</v>
      </c>
      <c r="D34644">
        <v>0</v>
      </c>
    </row>
    <row r="34645" spans="1:4" x14ac:dyDescent="0.25">
      <c r="A34645" t="s">
        <v>50712</v>
      </c>
      <c r="B34645" t="s">
        <v>50717</v>
      </c>
      <c r="C34645">
        <v>0</v>
      </c>
      <c r="D34645">
        <v>0</v>
      </c>
    </row>
    <row r="34646" spans="1:4" x14ac:dyDescent="0.25">
      <c r="A34646" t="s">
        <v>50718</v>
      </c>
      <c r="B34646" t="s">
        <v>50719</v>
      </c>
      <c r="C34646">
        <v>1</v>
      </c>
      <c r="D34646">
        <v>0</v>
      </c>
    </row>
    <row r="34647" spans="1:4" x14ac:dyDescent="0.25">
      <c r="A34647" t="s">
        <v>50718</v>
      </c>
      <c r="B34647" t="s">
        <v>50720</v>
      </c>
      <c r="C34647">
        <v>0</v>
      </c>
      <c r="D34647">
        <v>0</v>
      </c>
    </row>
    <row r="34648" spans="1:4" x14ac:dyDescent="0.25">
      <c r="A34648" t="s">
        <v>50718</v>
      </c>
      <c r="B34648" t="s">
        <v>50721</v>
      </c>
      <c r="C34648">
        <v>0</v>
      </c>
      <c r="D34648">
        <v>0</v>
      </c>
    </row>
    <row r="34649" spans="1:4" x14ac:dyDescent="0.25">
      <c r="A34649" t="s">
        <v>50718</v>
      </c>
      <c r="B34649" t="s">
        <v>5713</v>
      </c>
      <c r="C34649">
        <v>1</v>
      </c>
      <c r="D34649">
        <v>0</v>
      </c>
    </row>
    <row r="34650" spans="1:4" x14ac:dyDescent="0.25">
      <c r="A34650" t="s">
        <v>50718</v>
      </c>
      <c r="B34650" t="s">
        <v>5713</v>
      </c>
      <c r="C34650">
        <v>1</v>
      </c>
      <c r="D34650">
        <v>0</v>
      </c>
    </row>
    <row r="34651" spans="1:4" x14ac:dyDescent="0.25">
      <c r="A34651" t="s">
        <v>50718</v>
      </c>
      <c r="B34651" t="s">
        <v>50722</v>
      </c>
      <c r="C34651">
        <v>0</v>
      </c>
      <c r="D34651">
        <v>0</v>
      </c>
    </row>
    <row r="34652" spans="1:4" x14ac:dyDescent="0.25">
      <c r="A34652" t="s">
        <v>50718</v>
      </c>
      <c r="B34652" t="s">
        <v>50723</v>
      </c>
      <c r="C34652">
        <v>2</v>
      </c>
      <c r="D34652">
        <v>0</v>
      </c>
    </row>
    <row r="34653" spans="1:4" x14ac:dyDescent="0.25">
      <c r="A34653" t="s">
        <v>50718</v>
      </c>
      <c r="B34653" t="s">
        <v>50724</v>
      </c>
      <c r="C34653">
        <v>0</v>
      </c>
      <c r="D34653">
        <v>0</v>
      </c>
    </row>
    <row r="34654" spans="1:4" x14ac:dyDescent="0.25">
      <c r="A34654" t="s">
        <v>50725</v>
      </c>
      <c r="B34654" t="s">
        <v>50726</v>
      </c>
      <c r="C34654">
        <v>1</v>
      </c>
      <c r="D34654">
        <v>0</v>
      </c>
    </row>
    <row r="34655" spans="1:4" x14ac:dyDescent="0.25">
      <c r="A34655" t="s">
        <v>50725</v>
      </c>
      <c r="B34655" t="s">
        <v>50727</v>
      </c>
      <c r="C34655">
        <v>0</v>
      </c>
      <c r="D34655">
        <v>0</v>
      </c>
    </row>
    <row r="34656" spans="1:4" x14ac:dyDescent="0.25">
      <c r="A34656" t="s">
        <v>50725</v>
      </c>
      <c r="B34656" t="s">
        <v>50728</v>
      </c>
      <c r="C34656">
        <v>0</v>
      </c>
      <c r="D34656">
        <v>0</v>
      </c>
    </row>
    <row r="34657" spans="1:4" x14ac:dyDescent="0.25">
      <c r="A34657" t="s">
        <v>50725</v>
      </c>
      <c r="B34657" t="s">
        <v>50729</v>
      </c>
      <c r="C34657">
        <v>1</v>
      </c>
      <c r="D34657">
        <v>0</v>
      </c>
    </row>
    <row r="34658" spans="1:4" x14ac:dyDescent="0.25">
      <c r="A34658" t="s">
        <v>50725</v>
      </c>
      <c r="B34658" t="s">
        <v>50730</v>
      </c>
      <c r="C34658">
        <v>1</v>
      </c>
      <c r="D34658">
        <v>0</v>
      </c>
    </row>
    <row r="34659" spans="1:4" x14ac:dyDescent="0.25">
      <c r="A34659" t="s">
        <v>50725</v>
      </c>
      <c r="B34659" t="s">
        <v>50731</v>
      </c>
      <c r="C34659">
        <v>0</v>
      </c>
      <c r="D34659">
        <v>0</v>
      </c>
    </row>
    <row r="34660" spans="1:4" x14ac:dyDescent="0.25">
      <c r="A34660" t="s">
        <v>50725</v>
      </c>
      <c r="B34660" t="s">
        <v>50732</v>
      </c>
      <c r="C34660">
        <v>1</v>
      </c>
      <c r="D34660">
        <v>0</v>
      </c>
    </row>
    <row r="34661" spans="1:4" x14ac:dyDescent="0.25">
      <c r="A34661" t="s">
        <v>50725</v>
      </c>
      <c r="B34661" t="s">
        <v>50733</v>
      </c>
      <c r="C34661">
        <v>1</v>
      </c>
      <c r="D34661">
        <v>0</v>
      </c>
    </row>
    <row r="34662" spans="1:4" x14ac:dyDescent="0.25">
      <c r="A34662" t="s">
        <v>50725</v>
      </c>
      <c r="B34662" t="s">
        <v>50734</v>
      </c>
      <c r="C34662">
        <v>0</v>
      </c>
      <c r="D34662">
        <v>0</v>
      </c>
    </row>
    <row r="34663" spans="1:4" x14ac:dyDescent="0.25">
      <c r="A34663" t="s">
        <v>50735</v>
      </c>
      <c r="B34663" t="s">
        <v>50736</v>
      </c>
      <c r="C34663">
        <v>0</v>
      </c>
      <c r="D34663">
        <v>0</v>
      </c>
    </row>
    <row r="34664" spans="1:4" x14ac:dyDescent="0.25">
      <c r="A34664" t="s">
        <v>50735</v>
      </c>
      <c r="B34664" t="s">
        <v>50737</v>
      </c>
      <c r="C34664">
        <v>1</v>
      </c>
      <c r="D34664">
        <v>0</v>
      </c>
    </row>
    <row r="34665" spans="1:4" x14ac:dyDescent="0.25">
      <c r="A34665" t="s">
        <v>50735</v>
      </c>
      <c r="B34665" t="s">
        <v>50738</v>
      </c>
      <c r="C34665">
        <v>1</v>
      </c>
      <c r="D34665">
        <v>0</v>
      </c>
    </row>
    <row r="34666" spans="1:4" x14ac:dyDescent="0.25">
      <c r="A34666" t="s">
        <v>50739</v>
      </c>
      <c r="B34666" t="s">
        <v>50740</v>
      </c>
      <c r="C34666">
        <v>1</v>
      </c>
      <c r="D34666">
        <v>0</v>
      </c>
    </row>
    <row r="34667" spans="1:4" x14ac:dyDescent="0.25">
      <c r="A34667" t="s">
        <v>50739</v>
      </c>
      <c r="B34667" t="s">
        <v>2651</v>
      </c>
      <c r="C34667">
        <v>0</v>
      </c>
      <c r="D34667">
        <v>0</v>
      </c>
    </row>
    <row r="34668" spans="1:4" x14ac:dyDescent="0.25">
      <c r="A34668" t="s">
        <v>50739</v>
      </c>
      <c r="B34668" t="s">
        <v>50741</v>
      </c>
      <c r="C34668">
        <v>2</v>
      </c>
      <c r="D34668">
        <v>0</v>
      </c>
    </row>
    <row r="34669" spans="1:4" x14ac:dyDescent="0.25">
      <c r="A34669" t="s">
        <v>50739</v>
      </c>
      <c r="B34669" t="s">
        <v>50742</v>
      </c>
      <c r="C34669">
        <v>1</v>
      </c>
      <c r="D34669">
        <v>0</v>
      </c>
    </row>
    <row r="34670" spans="1:4" x14ac:dyDescent="0.25">
      <c r="A34670" t="s">
        <v>50739</v>
      </c>
      <c r="B34670" t="s">
        <v>50743</v>
      </c>
      <c r="C34670">
        <v>1</v>
      </c>
      <c r="D34670">
        <v>0</v>
      </c>
    </row>
    <row r="34671" spans="1:4" x14ac:dyDescent="0.25">
      <c r="A34671" t="s">
        <v>50744</v>
      </c>
      <c r="B34671" t="s">
        <v>50745</v>
      </c>
      <c r="C34671">
        <v>1</v>
      </c>
      <c r="D34671">
        <v>0</v>
      </c>
    </row>
    <row r="34672" spans="1:4" x14ac:dyDescent="0.25">
      <c r="A34672" t="s">
        <v>50744</v>
      </c>
      <c r="B34672" t="s">
        <v>12472</v>
      </c>
      <c r="C34672">
        <v>1</v>
      </c>
      <c r="D34672">
        <v>0</v>
      </c>
    </row>
    <row r="34673" spans="1:4" x14ac:dyDescent="0.25">
      <c r="A34673" t="s">
        <v>50744</v>
      </c>
      <c r="B34673" t="s">
        <v>50746</v>
      </c>
      <c r="C34673">
        <v>1</v>
      </c>
      <c r="D34673">
        <v>0</v>
      </c>
    </row>
    <row r="34674" spans="1:4" x14ac:dyDescent="0.25">
      <c r="A34674" t="s">
        <v>50744</v>
      </c>
      <c r="B34674" t="s">
        <v>50747</v>
      </c>
      <c r="C34674">
        <v>0</v>
      </c>
      <c r="D34674">
        <v>0</v>
      </c>
    </row>
    <row r="34675" spans="1:4" x14ac:dyDescent="0.25">
      <c r="A34675" t="s">
        <v>50744</v>
      </c>
      <c r="B34675" t="s">
        <v>50748</v>
      </c>
      <c r="C34675">
        <v>0</v>
      </c>
      <c r="D34675">
        <v>0</v>
      </c>
    </row>
    <row r="34676" spans="1:4" x14ac:dyDescent="0.25">
      <c r="A34676" t="s">
        <v>50744</v>
      </c>
      <c r="B34676" t="s">
        <v>50749</v>
      </c>
      <c r="C34676">
        <v>0</v>
      </c>
      <c r="D34676">
        <v>0</v>
      </c>
    </row>
    <row r="34677" spans="1:4" x14ac:dyDescent="0.25">
      <c r="A34677" t="s">
        <v>50744</v>
      </c>
      <c r="B34677" t="s">
        <v>18079</v>
      </c>
      <c r="C34677">
        <v>0</v>
      </c>
      <c r="D34677">
        <v>0</v>
      </c>
    </row>
    <row r="34678" spans="1:4" x14ac:dyDescent="0.25">
      <c r="A34678" t="s">
        <v>50750</v>
      </c>
      <c r="B34678" t="s">
        <v>50751</v>
      </c>
      <c r="C34678">
        <v>1</v>
      </c>
      <c r="D34678">
        <v>0</v>
      </c>
    </row>
    <row r="34679" spans="1:4" x14ac:dyDescent="0.25">
      <c r="A34679" t="s">
        <v>50750</v>
      </c>
      <c r="B34679" t="s">
        <v>50752</v>
      </c>
      <c r="C34679">
        <v>2</v>
      </c>
      <c r="D34679">
        <v>0</v>
      </c>
    </row>
    <row r="34680" spans="1:4" x14ac:dyDescent="0.25">
      <c r="A34680" t="s">
        <v>50753</v>
      </c>
      <c r="B34680" t="s">
        <v>50754</v>
      </c>
      <c r="C34680">
        <v>1</v>
      </c>
      <c r="D34680">
        <v>0</v>
      </c>
    </row>
    <row r="34681" spans="1:4" x14ac:dyDescent="0.25">
      <c r="A34681" t="s">
        <v>50753</v>
      </c>
      <c r="B34681" t="s">
        <v>50755</v>
      </c>
      <c r="C34681">
        <v>1</v>
      </c>
      <c r="D34681">
        <v>0</v>
      </c>
    </row>
    <row r="34682" spans="1:4" x14ac:dyDescent="0.25">
      <c r="A34682" t="s">
        <v>50753</v>
      </c>
      <c r="B34682" t="s">
        <v>50756</v>
      </c>
      <c r="C34682">
        <v>1</v>
      </c>
      <c r="D34682">
        <v>0</v>
      </c>
    </row>
    <row r="34683" spans="1:4" x14ac:dyDescent="0.25">
      <c r="A34683" t="s">
        <v>50753</v>
      </c>
      <c r="B34683" t="s">
        <v>50757</v>
      </c>
      <c r="C34683">
        <v>1</v>
      </c>
      <c r="D34683">
        <v>0</v>
      </c>
    </row>
    <row r="34684" spans="1:4" x14ac:dyDescent="0.25">
      <c r="A34684" t="s">
        <v>50753</v>
      </c>
      <c r="B34684" t="s">
        <v>50758</v>
      </c>
      <c r="C34684">
        <v>1</v>
      </c>
      <c r="D34684">
        <v>0</v>
      </c>
    </row>
    <row r="34685" spans="1:4" x14ac:dyDescent="0.25">
      <c r="A34685" t="s">
        <v>50759</v>
      </c>
      <c r="B34685" t="s">
        <v>34931</v>
      </c>
      <c r="C34685">
        <v>1</v>
      </c>
      <c r="D34685">
        <v>0</v>
      </c>
    </row>
    <row r="34686" spans="1:4" x14ac:dyDescent="0.25">
      <c r="A34686" t="s">
        <v>50759</v>
      </c>
      <c r="B34686" t="s">
        <v>50760</v>
      </c>
      <c r="C34686">
        <v>1</v>
      </c>
      <c r="D34686">
        <v>0</v>
      </c>
    </row>
    <row r="34687" spans="1:4" x14ac:dyDescent="0.25">
      <c r="A34687" t="s">
        <v>50759</v>
      </c>
      <c r="B34687" t="s">
        <v>50761</v>
      </c>
      <c r="C34687">
        <v>0</v>
      </c>
      <c r="D34687">
        <v>0</v>
      </c>
    </row>
    <row r="34688" spans="1:4" x14ac:dyDescent="0.25">
      <c r="A34688" t="s">
        <v>50759</v>
      </c>
      <c r="B34688" t="s">
        <v>50760</v>
      </c>
      <c r="C34688">
        <v>1</v>
      </c>
      <c r="D34688">
        <v>0</v>
      </c>
    </row>
    <row r="34689" spans="1:4" x14ac:dyDescent="0.25">
      <c r="A34689" t="s">
        <v>50759</v>
      </c>
      <c r="B34689" t="s">
        <v>50762</v>
      </c>
      <c r="C34689">
        <v>1</v>
      </c>
      <c r="D34689">
        <v>0</v>
      </c>
    </row>
    <row r="34690" spans="1:4" x14ac:dyDescent="0.25">
      <c r="A34690" t="s">
        <v>50759</v>
      </c>
      <c r="B34690" t="s">
        <v>50763</v>
      </c>
      <c r="C34690">
        <v>0</v>
      </c>
      <c r="D34690">
        <v>0</v>
      </c>
    </row>
    <row r="34691" spans="1:4" x14ac:dyDescent="0.25">
      <c r="A34691" t="s">
        <v>50764</v>
      </c>
      <c r="B34691" t="s">
        <v>50765</v>
      </c>
      <c r="C34691">
        <v>0</v>
      </c>
      <c r="D34691">
        <v>0</v>
      </c>
    </row>
    <row r="34692" spans="1:4" x14ac:dyDescent="0.25">
      <c r="A34692" t="s">
        <v>50764</v>
      </c>
      <c r="B34692" t="s">
        <v>50766</v>
      </c>
      <c r="C34692">
        <v>1</v>
      </c>
      <c r="D34692">
        <v>0</v>
      </c>
    </row>
    <row r="34693" spans="1:4" x14ac:dyDescent="0.25">
      <c r="A34693" t="s">
        <v>50767</v>
      </c>
      <c r="B34693" t="s">
        <v>50768</v>
      </c>
      <c r="C34693">
        <v>0</v>
      </c>
      <c r="D34693">
        <v>0</v>
      </c>
    </row>
    <row r="34694" spans="1:4" x14ac:dyDescent="0.25">
      <c r="A34694" t="s">
        <v>50767</v>
      </c>
      <c r="B34694" t="s">
        <v>50769</v>
      </c>
      <c r="C34694">
        <v>2</v>
      </c>
      <c r="D34694">
        <v>0</v>
      </c>
    </row>
    <row r="34695" spans="1:4" x14ac:dyDescent="0.25">
      <c r="A34695" t="s">
        <v>50767</v>
      </c>
      <c r="B34695" t="s">
        <v>50770</v>
      </c>
      <c r="C34695">
        <v>1</v>
      </c>
      <c r="D34695">
        <v>0</v>
      </c>
    </row>
    <row r="34696" spans="1:4" x14ac:dyDescent="0.25">
      <c r="A34696" t="s">
        <v>50767</v>
      </c>
      <c r="B34696" t="s">
        <v>50771</v>
      </c>
      <c r="C34696">
        <v>0</v>
      </c>
      <c r="D34696">
        <v>0</v>
      </c>
    </row>
    <row r="34697" spans="1:4" x14ac:dyDescent="0.25">
      <c r="A34697" t="s">
        <v>50767</v>
      </c>
      <c r="B34697" t="s">
        <v>50772</v>
      </c>
      <c r="C34697">
        <v>2</v>
      </c>
      <c r="D34697">
        <v>0</v>
      </c>
    </row>
    <row r="34698" spans="1:4" x14ac:dyDescent="0.25">
      <c r="A34698" t="s">
        <v>50767</v>
      </c>
      <c r="B34698" t="s">
        <v>50773</v>
      </c>
      <c r="C34698">
        <v>0</v>
      </c>
      <c r="D34698">
        <v>0</v>
      </c>
    </row>
    <row r="34699" spans="1:4" x14ac:dyDescent="0.25">
      <c r="A34699" t="s">
        <v>50767</v>
      </c>
      <c r="B34699" t="s">
        <v>50774</v>
      </c>
      <c r="C34699">
        <v>2</v>
      </c>
      <c r="D34699">
        <v>0</v>
      </c>
    </row>
    <row r="34700" spans="1:4" x14ac:dyDescent="0.25">
      <c r="A34700" t="s">
        <v>50775</v>
      </c>
      <c r="B34700" t="s">
        <v>50776</v>
      </c>
      <c r="C34700">
        <v>1</v>
      </c>
      <c r="D34700">
        <v>0</v>
      </c>
    </row>
    <row r="34701" spans="1:4" x14ac:dyDescent="0.25">
      <c r="A34701" t="s">
        <v>50775</v>
      </c>
      <c r="B34701" t="s">
        <v>50777</v>
      </c>
      <c r="C34701">
        <v>2</v>
      </c>
      <c r="D34701">
        <v>0</v>
      </c>
    </row>
    <row r="34702" spans="1:4" x14ac:dyDescent="0.25">
      <c r="A34702" t="s">
        <v>50775</v>
      </c>
      <c r="B34702" t="s">
        <v>50778</v>
      </c>
      <c r="C34702">
        <v>1</v>
      </c>
      <c r="D34702">
        <v>0</v>
      </c>
    </row>
    <row r="34703" spans="1:4" x14ac:dyDescent="0.25">
      <c r="A34703" t="s">
        <v>50775</v>
      </c>
      <c r="B34703" t="s">
        <v>50779</v>
      </c>
      <c r="C34703">
        <v>1</v>
      </c>
      <c r="D34703">
        <v>0</v>
      </c>
    </row>
    <row r="34704" spans="1:4" x14ac:dyDescent="0.25">
      <c r="A34704" t="s">
        <v>50775</v>
      </c>
      <c r="B34704" t="s">
        <v>50780</v>
      </c>
      <c r="C34704">
        <v>2</v>
      </c>
      <c r="D34704">
        <v>0</v>
      </c>
    </row>
    <row r="34705" spans="1:4" x14ac:dyDescent="0.25">
      <c r="A34705" t="s">
        <v>50775</v>
      </c>
      <c r="B34705" t="s">
        <v>50781</v>
      </c>
      <c r="C34705">
        <v>1</v>
      </c>
      <c r="D34705">
        <v>0</v>
      </c>
    </row>
    <row r="34706" spans="1:4" x14ac:dyDescent="0.25">
      <c r="A34706" t="s">
        <v>50775</v>
      </c>
      <c r="B34706" t="s">
        <v>50782</v>
      </c>
      <c r="C34706">
        <v>2</v>
      </c>
      <c r="D34706">
        <v>0</v>
      </c>
    </row>
    <row r="34707" spans="1:4" x14ac:dyDescent="0.25">
      <c r="A34707" t="s">
        <v>50783</v>
      </c>
      <c r="B34707" t="s">
        <v>50784</v>
      </c>
      <c r="C34707">
        <v>2</v>
      </c>
      <c r="D34707">
        <v>0</v>
      </c>
    </row>
    <row r="34708" spans="1:4" x14ac:dyDescent="0.25">
      <c r="A34708" t="s">
        <v>50783</v>
      </c>
      <c r="B34708" t="s">
        <v>50785</v>
      </c>
      <c r="C34708">
        <v>2</v>
      </c>
      <c r="D34708">
        <v>0</v>
      </c>
    </row>
    <row r="34709" spans="1:4" x14ac:dyDescent="0.25">
      <c r="A34709" t="s">
        <v>50783</v>
      </c>
      <c r="B34709" t="s">
        <v>50786</v>
      </c>
      <c r="C34709">
        <v>1</v>
      </c>
      <c r="D34709">
        <v>0</v>
      </c>
    </row>
    <row r="34710" spans="1:4" x14ac:dyDescent="0.25">
      <c r="A34710" t="s">
        <v>50783</v>
      </c>
      <c r="B34710" t="s">
        <v>50787</v>
      </c>
      <c r="C34710">
        <v>0</v>
      </c>
      <c r="D34710">
        <v>0</v>
      </c>
    </row>
    <row r="34711" spans="1:4" x14ac:dyDescent="0.25">
      <c r="A34711" t="s">
        <v>50783</v>
      </c>
      <c r="B34711" t="s">
        <v>50788</v>
      </c>
      <c r="C34711">
        <v>0</v>
      </c>
      <c r="D34711">
        <v>0</v>
      </c>
    </row>
    <row r="34712" spans="1:4" x14ac:dyDescent="0.25">
      <c r="A34712" t="s">
        <v>50783</v>
      </c>
      <c r="B34712" t="s">
        <v>50789</v>
      </c>
      <c r="C34712">
        <v>1</v>
      </c>
      <c r="D34712">
        <v>0</v>
      </c>
    </row>
    <row r="34713" spans="1:4" x14ac:dyDescent="0.25">
      <c r="A34713" t="s">
        <v>50783</v>
      </c>
      <c r="B34713" t="s">
        <v>50790</v>
      </c>
      <c r="C34713">
        <v>0</v>
      </c>
      <c r="D34713">
        <v>0</v>
      </c>
    </row>
    <row r="34714" spans="1:4" x14ac:dyDescent="0.25">
      <c r="A34714" t="s">
        <v>50791</v>
      </c>
      <c r="B34714" t="s">
        <v>50792</v>
      </c>
      <c r="C34714">
        <v>2</v>
      </c>
      <c r="D34714">
        <v>0</v>
      </c>
    </row>
    <row r="34715" spans="1:4" x14ac:dyDescent="0.25">
      <c r="A34715" t="s">
        <v>50791</v>
      </c>
      <c r="B34715" t="s">
        <v>50793</v>
      </c>
      <c r="C34715">
        <v>1</v>
      </c>
      <c r="D34715">
        <v>0</v>
      </c>
    </row>
    <row r="34716" spans="1:4" x14ac:dyDescent="0.25">
      <c r="A34716" t="s">
        <v>50791</v>
      </c>
      <c r="B34716" t="s">
        <v>50794</v>
      </c>
      <c r="C34716">
        <v>0</v>
      </c>
      <c r="D34716">
        <v>0</v>
      </c>
    </row>
    <row r="34717" spans="1:4" x14ac:dyDescent="0.25">
      <c r="A34717" t="s">
        <v>50791</v>
      </c>
      <c r="B34717" t="s">
        <v>50795</v>
      </c>
      <c r="C34717">
        <v>1</v>
      </c>
      <c r="D34717">
        <v>0</v>
      </c>
    </row>
    <row r="34718" spans="1:4" x14ac:dyDescent="0.25">
      <c r="A34718" t="s">
        <v>50796</v>
      </c>
      <c r="B34718" t="s">
        <v>50797</v>
      </c>
      <c r="C34718">
        <v>1</v>
      </c>
      <c r="D34718">
        <v>0</v>
      </c>
    </row>
    <row r="34719" spans="1:4" x14ac:dyDescent="0.25">
      <c r="A34719" t="s">
        <v>50798</v>
      </c>
      <c r="B34719" t="s">
        <v>50799</v>
      </c>
      <c r="C34719">
        <v>0</v>
      </c>
      <c r="D34719">
        <v>0</v>
      </c>
    </row>
    <row r="34720" spans="1:4" x14ac:dyDescent="0.25">
      <c r="A34720" t="s">
        <v>50798</v>
      </c>
      <c r="B34720" t="s">
        <v>50800</v>
      </c>
      <c r="C34720">
        <v>2</v>
      </c>
      <c r="D34720">
        <v>0</v>
      </c>
    </row>
    <row r="34721" spans="1:4" x14ac:dyDescent="0.25">
      <c r="A34721" t="s">
        <v>50801</v>
      </c>
      <c r="B34721" t="s">
        <v>50802</v>
      </c>
      <c r="C34721">
        <v>1</v>
      </c>
      <c r="D34721">
        <v>0</v>
      </c>
    </row>
    <row r="34722" spans="1:4" x14ac:dyDescent="0.25">
      <c r="A34722" t="s">
        <v>50801</v>
      </c>
      <c r="B34722" t="s">
        <v>50803</v>
      </c>
      <c r="C34722">
        <v>1</v>
      </c>
      <c r="D34722">
        <v>0</v>
      </c>
    </row>
    <row r="34723" spans="1:4" x14ac:dyDescent="0.25">
      <c r="A34723" t="s">
        <v>50801</v>
      </c>
      <c r="B34723" t="s">
        <v>50804</v>
      </c>
      <c r="C34723">
        <v>0</v>
      </c>
      <c r="D34723">
        <v>0</v>
      </c>
    </row>
    <row r="34724" spans="1:4" x14ac:dyDescent="0.25">
      <c r="A34724" t="s">
        <v>50805</v>
      </c>
      <c r="B34724" t="s">
        <v>50806</v>
      </c>
      <c r="C34724">
        <v>1</v>
      </c>
      <c r="D34724">
        <v>0</v>
      </c>
    </row>
    <row r="34725" spans="1:4" x14ac:dyDescent="0.25">
      <c r="A34725" t="s">
        <v>50805</v>
      </c>
      <c r="B34725" t="s">
        <v>50807</v>
      </c>
      <c r="C34725">
        <v>1</v>
      </c>
      <c r="D34725">
        <v>0</v>
      </c>
    </row>
    <row r="34726" spans="1:4" x14ac:dyDescent="0.25">
      <c r="A34726" t="s">
        <v>50805</v>
      </c>
      <c r="B34726" t="s">
        <v>50808</v>
      </c>
      <c r="C34726">
        <v>1</v>
      </c>
      <c r="D34726">
        <v>0</v>
      </c>
    </row>
    <row r="34727" spans="1:4" x14ac:dyDescent="0.25">
      <c r="A34727" t="s">
        <v>50805</v>
      </c>
      <c r="B34727" t="s">
        <v>27541</v>
      </c>
      <c r="C34727">
        <v>0</v>
      </c>
      <c r="D34727">
        <v>0</v>
      </c>
    </row>
    <row r="34728" spans="1:4" x14ac:dyDescent="0.25">
      <c r="A34728" t="s">
        <v>50805</v>
      </c>
      <c r="B34728" t="s">
        <v>5713</v>
      </c>
      <c r="C34728">
        <v>1</v>
      </c>
      <c r="D34728">
        <v>0</v>
      </c>
    </row>
    <row r="34729" spans="1:4" x14ac:dyDescent="0.25">
      <c r="A34729" t="s">
        <v>50805</v>
      </c>
      <c r="B34729" t="s">
        <v>50809</v>
      </c>
      <c r="C34729">
        <v>1</v>
      </c>
      <c r="D34729">
        <v>0</v>
      </c>
    </row>
    <row r="34730" spans="1:4" x14ac:dyDescent="0.25">
      <c r="A34730" t="s">
        <v>50810</v>
      </c>
      <c r="B34730" t="s">
        <v>50811</v>
      </c>
      <c r="C34730">
        <v>1</v>
      </c>
      <c r="D34730">
        <v>0</v>
      </c>
    </row>
    <row r="34731" spans="1:4" x14ac:dyDescent="0.25">
      <c r="A34731" t="s">
        <v>50810</v>
      </c>
      <c r="B34731" t="s">
        <v>50812</v>
      </c>
      <c r="C34731">
        <v>0</v>
      </c>
      <c r="D34731">
        <v>0</v>
      </c>
    </row>
    <row r="34732" spans="1:4" x14ac:dyDescent="0.25">
      <c r="A34732" t="s">
        <v>50810</v>
      </c>
      <c r="B34732" t="s">
        <v>50813</v>
      </c>
      <c r="C34732">
        <v>1</v>
      </c>
      <c r="D34732">
        <v>0</v>
      </c>
    </row>
    <row r="34733" spans="1:4" x14ac:dyDescent="0.25">
      <c r="A34733" t="s">
        <v>50810</v>
      </c>
      <c r="B34733" t="s">
        <v>50814</v>
      </c>
      <c r="C34733">
        <v>1</v>
      </c>
      <c r="D34733">
        <v>0</v>
      </c>
    </row>
    <row r="34734" spans="1:4" x14ac:dyDescent="0.25">
      <c r="A34734" t="s">
        <v>50810</v>
      </c>
      <c r="B34734" t="s">
        <v>50815</v>
      </c>
      <c r="C34734">
        <v>1</v>
      </c>
      <c r="D34734">
        <v>0</v>
      </c>
    </row>
    <row r="34735" spans="1:4" x14ac:dyDescent="0.25">
      <c r="A34735" t="s">
        <v>50816</v>
      </c>
      <c r="B34735" t="s">
        <v>50817</v>
      </c>
      <c r="C34735">
        <v>0</v>
      </c>
      <c r="D34735">
        <v>0</v>
      </c>
    </row>
    <row r="34736" spans="1:4" x14ac:dyDescent="0.25">
      <c r="A34736" t="s">
        <v>50816</v>
      </c>
      <c r="B34736" t="s">
        <v>50818</v>
      </c>
      <c r="C34736">
        <v>0</v>
      </c>
      <c r="D34736">
        <v>0</v>
      </c>
    </row>
    <row r="34737" spans="1:4" x14ac:dyDescent="0.25">
      <c r="A34737" t="s">
        <v>50816</v>
      </c>
      <c r="B34737" t="s">
        <v>50819</v>
      </c>
      <c r="C34737">
        <v>2</v>
      </c>
      <c r="D34737">
        <v>0</v>
      </c>
    </row>
    <row r="34738" spans="1:4" x14ac:dyDescent="0.25">
      <c r="A34738" t="s">
        <v>50816</v>
      </c>
      <c r="B34738" t="s">
        <v>50820</v>
      </c>
      <c r="C34738">
        <v>0</v>
      </c>
      <c r="D34738">
        <v>0</v>
      </c>
    </row>
    <row r="34739" spans="1:4" x14ac:dyDescent="0.25">
      <c r="A34739" t="s">
        <v>50821</v>
      </c>
      <c r="B34739" t="s">
        <v>50822</v>
      </c>
      <c r="C34739">
        <v>1</v>
      </c>
      <c r="D34739">
        <v>0</v>
      </c>
    </row>
    <row r="34740" spans="1:4" x14ac:dyDescent="0.25">
      <c r="A34740" t="s">
        <v>50821</v>
      </c>
      <c r="B34740" t="s">
        <v>50823</v>
      </c>
      <c r="C34740">
        <v>1</v>
      </c>
      <c r="D34740">
        <v>0</v>
      </c>
    </row>
    <row r="34741" spans="1:4" x14ac:dyDescent="0.25">
      <c r="A34741" t="s">
        <v>50821</v>
      </c>
      <c r="B34741" t="s">
        <v>50824</v>
      </c>
      <c r="C34741">
        <v>1</v>
      </c>
      <c r="D34741">
        <v>0</v>
      </c>
    </row>
    <row r="34742" spans="1:4" x14ac:dyDescent="0.25">
      <c r="A34742" t="s">
        <v>50821</v>
      </c>
      <c r="B34742" t="s">
        <v>50825</v>
      </c>
      <c r="C34742">
        <v>1</v>
      </c>
      <c r="D34742">
        <v>0</v>
      </c>
    </row>
    <row r="34743" spans="1:4" x14ac:dyDescent="0.25">
      <c r="A34743" t="s">
        <v>50826</v>
      </c>
      <c r="B34743" t="s">
        <v>50827</v>
      </c>
      <c r="C34743">
        <v>0</v>
      </c>
      <c r="D34743">
        <v>0</v>
      </c>
    </row>
    <row r="34744" spans="1:4" x14ac:dyDescent="0.25">
      <c r="A34744" t="s">
        <v>50828</v>
      </c>
      <c r="B34744" t="s">
        <v>50829</v>
      </c>
      <c r="C34744">
        <v>1</v>
      </c>
      <c r="D34744">
        <v>0</v>
      </c>
    </row>
    <row r="34745" spans="1:4" x14ac:dyDescent="0.25">
      <c r="A34745" t="s">
        <v>50828</v>
      </c>
      <c r="B34745" t="s">
        <v>50830</v>
      </c>
      <c r="C34745">
        <v>1</v>
      </c>
      <c r="D34745">
        <v>0</v>
      </c>
    </row>
    <row r="34746" spans="1:4" x14ac:dyDescent="0.25">
      <c r="A34746" t="s">
        <v>50828</v>
      </c>
      <c r="B34746" t="s">
        <v>50831</v>
      </c>
      <c r="C34746">
        <v>0</v>
      </c>
      <c r="D34746">
        <v>0</v>
      </c>
    </row>
    <row r="34747" spans="1:4" x14ac:dyDescent="0.25">
      <c r="A34747" t="s">
        <v>50828</v>
      </c>
      <c r="B34747" t="s">
        <v>5864</v>
      </c>
      <c r="C34747">
        <v>1</v>
      </c>
      <c r="D34747">
        <v>0</v>
      </c>
    </row>
    <row r="34748" spans="1:4" x14ac:dyDescent="0.25">
      <c r="A34748" t="s">
        <v>50828</v>
      </c>
      <c r="B34748" t="s">
        <v>50832</v>
      </c>
      <c r="C34748">
        <v>1</v>
      </c>
      <c r="D34748">
        <v>0</v>
      </c>
    </row>
    <row r="34749" spans="1:4" x14ac:dyDescent="0.25">
      <c r="A34749" t="s">
        <v>50828</v>
      </c>
      <c r="B34749" t="s">
        <v>50833</v>
      </c>
      <c r="C34749">
        <v>0</v>
      </c>
      <c r="D34749">
        <v>0</v>
      </c>
    </row>
    <row r="34750" spans="1:4" x14ac:dyDescent="0.25">
      <c r="A34750" t="s">
        <v>50834</v>
      </c>
      <c r="B34750" t="s">
        <v>50835</v>
      </c>
      <c r="C34750">
        <v>1</v>
      </c>
      <c r="D34750">
        <v>0</v>
      </c>
    </row>
    <row r="34751" spans="1:4" x14ac:dyDescent="0.25">
      <c r="A34751" t="s">
        <v>50834</v>
      </c>
      <c r="B34751" t="s">
        <v>50836</v>
      </c>
      <c r="C34751">
        <v>1</v>
      </c>
      <c r="D34751">
        <v>0</v>
      </c>
    </row>
    <row r="34752" spans="1:4" x14ac:dyDescent="0.25">
      <c r="A34752" t="s">
        <v>50834</v>
      </c>
      <c r="B34752" t="s">
        <v>50837</v>
      </c>
      <c r="C34752">
        <v>1</v>
      </c>
      <c r="D34752">
        <v>0</v>
      </c>
    </row>
    <row r="34753" spans="1:4" x14ac:dyDescent="0.25">
      <c r="A34753" t="s">
        <v>50834</v>
      </c>
      <c r="B34753" t="s">
        <v>50838</v>
      </c>
      <c r="C34753">
        <v>0</v>
      </c>
      <c r="D34753">
        <v>0</v>
      </c>
    </row>
    <row r="34754" spans="1:4" x14ac:dyDescent="0.25">
      <c r="A34754" t="s">
        <v>50834</v>
      </c>
      <c r="B34754" t="s">
        <v>50839</v>
      </c>
      <c r="C34754">
        <v>2</v>
      </c>
      <c r="D34754">
        <v>0</v>
      </c>
    </row>
    <row r="34755" spans="1:4" x14ac:dyDescent="0.25">
      <c r="A34755" t="s">
        <v>50834</v>
      </c>
      <c r="B34755" t="s">
        <v>50840</v>
      </c>
      <c r="C34755">
        <v>0</v>
      </c>
      <c r="D34755">
        <v>0</v>
      </c>
    </row>
    <row r="34756" spans="1:4" x14ac:dyDescent="0.25">
      <c r="A34756" t="s">
        <v>50841</v>
      </c>
      <c r="B34756" t="s">
        <v>50842</v>
      </c>
      <c r="C34756">
        <v>1</v>
      </c>
      <c r="D34756">
        <v>0</v>
      </c>
    </row>
    <row r="34757" spans="1:4" x14ac:dyDescent="0.25">
      <c r="A34757" t="s">
        <v>50841</v>
      </c>
      <c r="B34757" t="s">
        <v>50843</v>
      </c>
      <c r="C34757">
        <v>0</v>
      </c>
      <c r="D34757">
        <v>0</v>
      </c>
    </row>
    <row r="34758" spans="1:4" x14ac:dyDescent="0.25">
      <c r="A34758" t="s">
        <v>50841</v>
      </c>
      <c r="B34758" t="s">
        <v>50844</v>
      </c>
      <c r="C34758">
        <v>2</v>
      </c>
      <c r="D34758">
        <v>0</v>
      </c>
    </row>
    <row r="34759" spans="1:4" x14ac:dyDescent="0.25">
      <c r="A34759" t="s">
        <v>50841</v>
      </c>
      <c r="B34759" t="s">
        <v>50845</v>
      </c>
      <c r="C34759">
        <v>1</v>
      </c>
      <c r="D34759">
        <v>0</v>
      </c>
    </row>
    <row r="34760" spans="1:4" x14ac:dyDescent="0.25">
      <c r="A34760" t="s">
        <v>50841</v>
      </c>
      <c r="B34760" t="s">
        <v>50846</v>
      </c>
      <c r="C34760">
        <v>1</v>
      </c>
      <c r="D34760">
        <v>0</v>
      </c>
    </row>
    <row r="34761" spans="1:4" x14ac:dyDescent="0.25">
      <c r="A34761" t="s">
        <v>50841</v>
      </c>
      <c r="B34761" t="s">
        <v>50847</v>
      </c>
      <c r="C34761">
        <v>1</v>
      </c>
      <c r="D34761">
        <v>0</v>
      </c>
    </row>
    <row r="34762" spans="1:4" x14ac:dyDescent="0.25">
      <c r="A34762" t="s">
        <v>50848</v>
      </c>
      <c r="B34762" t="s">
        <v>50849</v>
      </c>
      <c r="C34762">
        <v>1</v>
      </c>
      <c r="D34762">
        <v>0</v>
      </c>
    </row>
    <row r="34763" spans="1:4" x14ac:dyDescent="0.25">
      <c r="A34763" t="s">
        <v>50848</v>
      </c>
      <c r="B34763" t="s">
        <v>50850</v>
      </c>
      <c r="C34763">
        <v>0</v>
      </c>
      <c r="D34763">
        <v>0</v>
      </c>
    </row>
    <row r="34764" spans="1:4" x14ac:dyDescent="0.25">
      <c r="A34764" t="s">
        <v>50848</v>
      </c>
      <c r="B34764" t="s">
        <v>50851</v>
      </c>
      <c r="C34764">
        <v>0</v>
      </c>
      <c r="D34764">
        <v>0</v>
      </c>
    </row>
    <row r="34765" spans="1:4" x14ac:dyDescent="0.25">
      <c r="A34765" t="s">
        <v>50848</v>
      </c>
      <c r="B34765" t="s">
        <v>50852</v>
      </c>
      <c r="C34765">
        <v>2</v>
      </c>
      <c r="D34765">
        <v>0</v>
      </c>
    </row>
    <row r="34766" spans="1:4" x14ac:dyDescent="0.25">
      <c r="A34766" t="s">
        <v>50848</v>
      </c>
      <c r="B34766" t="s">
        <v>50853</v>
      </c>
      <c r="C34766">
        <v>1</v>
      </c>
      <c r="D34766">
        <v>0</v>
      </c>
    </row>
    <row r="34767" spans="1:4" x14ac:dyDescent="0.25">
      <c r="A34767" t="s">
        <v>50848</v>
      </c>
      <c r="B34767" t="s">
        <v>50854</v>
      </c>
      <c r="C34767">
        <v>0</v>
      </c>
      <c r="D34767">
        <v>0</v>
      </c>
    </row>
    <row r="34768" spans="1:4" x14ac:dyDescent="0.25">
      <c r="A34768" t="s">
        <v>50855</v>
      </c>
      <c r="B34768" t="s">
        <v>50856</v>
      </c>
      <c r="C34768">
        <v>1</v>
      </c>
      <c r="D34768">
        <v>0</v>
      </c>
    </row>
    <row r="34769" spans="1:4" x14ac:dyDescent="0.25">
      <c r="A34769" t="s">
        <v>50855</v>
      </c>
      <c r="B34769" t="s">
        <v>50857</v>
      </c>
      <c r="C34769">
        <v>1</v>
      </c>
      <c r="D34769">
        <v>0</v>
      </c>
    </row>
    <row r="34770" spans="1:4" x14ac:dyDescent="0.25">
      <c r="A34770" t="s">
        <v>50855</v>
      </c>
      <c r="B34770" t="s">
        <v>50858</v>
      </c>
      <c r="C34770">
        <v>1</v>
      </c>
      <c r="D34770">
        <v>0</v>
      </c>
    </row>
    <row r="34771" spans="1:4" x14ac:dyDescent="0.25">
      <c r="A34771" t="s">
        <v>50855</v>
      </c>
      <c r="B34771" t="s">
        <v>50859</v>
      </c>
      <c r="C34771">
        <v>2</v>
      </c>
      <c r="D34771">
        <v>0</v>
      </c>
    </row>
    <row r="34772" spans="1:4" x14ac:dyDescent="0.25">
      <c r="A34772" t="s">
        <v>50860</v>
      </c>
      <c r="B34772" t="s">
        <v>50861</v>
      </c>
      <c r="C34772">
        <v>1</v>
      </c>
      <c r="D34772">
        <v>0</v>
      </c>
    </row>
    <row r="34773" spans="1:4" x14ac:dyDescent="0.25">
      <c r="A34773" t="s">
        <v>50862</v>
      </c>
      <c r="B34773" t="s">
        <v>50863</v>
      </c>
      <c r="C34773">
        <v>0</v>
      </c>
      <c r="D34773">
        <v>0</v>
      </c>
    </row>
    <row r="34774" spans="1:4" x14ac:dyDescent="0.25">
      <c r="A34774" t="s">
        <v>50862</v>
      </c>
      <c r="B34774" t="s">
        <v>50864</v>
      </c>
      <c r="C34774">
        <v>1</v>
      </c>
      <c r="D34774">
        <v>0</v>
      </c>
    </row>
    <row r="34775" spans="1:4" x14ac:dyDescent="0.25">
      <c r="A34775" t="s">
        <v>50865</v>
      </c>
      <c r="B34775" t="s">
        <v>50866</v>
      </c>
      <c r="C34775">
        <v>2</v>
      </c>
      <c r="D34775">
        <v>0</v>
      </c>
    </row>
    <row r="34776" spans="1:4" x14ac:dyDescent="0.25">
      <c r="A34776" t="s">
        <v>50865</v>
      </c>
      <c r="B34776" t="s">
        <v>50867</v>
      </c>
      <c r="C34776">
        <v>1</v>
      </c>
      <c r="D34776">
        <v>0</v>
      </c>
    </row>
    <row r="34777" spans="1:4" x14ac:dyDescent="0.25">
      <c r="A34777" t="s">
        <v>50865</v>
      </c>
      <c r="B34777" t="s">
        <v>50868</v>
      </c>
      <c r="C34777">
        <v>1</v>
      </c>
      <c r="D34777">
        <v>0</v>
      </c>
    </row>
    <row r="34778" spans="1:4" x14ac:dyDescent="0.25">
      <c r="A34778" t="s">
        <v>50865</v>
      </c>
      <c r="B34778" t="s">
        <v>50869</v>
      </c>
      <c r="C34778">
        <v>1</v>
      </c>
      <c r="D34778">
        <v>0</v>
      </c>
    </row>
    <row r="34779" spans="1:4" x14ac:dyDescent="0.25">
      <c r="A34779" t="s">
        <v>50865</v>
      </c>
      <c r="B34779" t="s">
        <v>50870</v>
      </c>
      <c r="C34779">
        <v>1</v>
      </c>
      <c r="D34779">
        <v>0</v>
      </c>
    </row>
    <row r="34780" spans="1:4" x14ac:dyDescent="0.25">
      <c r="A34780" t="s">
        <v>50865</v>
      </c>
      <c r="B34780" t="s">
        <v>50871</v>
      </c>
      <c r="C34780">
        <v>0</v>
      </c>
      <c r="D34780">
        <v>0</v>
      </c>
    </row>
    <row r="34781" spans="1:4" x14ac:dyDescent="0.25">
      <c r="A34781" t="s">
        <v>50872</v>
      </c>
      <c r="B34781" t="s">
        <v>50873</v>
      </c>
      <c r="C34781">
        <v>2</v>
      </c>
      <c r="D34781">
        <v>0</v>
      </c>
    </row>
    <row r="34782" spans="1:4" x14ac:dyDescent="0.25">
      <c r="A34782" t="s">
        <v>50874</v>
      </c>
      <c r="B34782" t="s">
        <v>50875</v>
      </c>
      <c r="C34782">
        <v>0</v>
      </c>
      <c r="D34782">
        <v>0</v>
      </c>
    </row>
    <row r="34783" spans="1:4" x14ac:dyDescent="0.25">
      <c r="A34783" t="s">
        <v>50876</v>
      </c>
      <c r="B34783" t="s">
        <v>50877</v>
      </c>
      <c r="C34783">
        <v>1</v>
      </c>
      <c r="D34783">
        <v>0</v>
      </c>
    </row>
    <row r="34784" spans="1:4" x14ac:dyDescent="0.25">
      <c r="A34784" t="s">
        <v>50876</v>
      </c>
      <c r="B34784" t="s">
        <v>50878</v>
      </c>
      <c r="C34784">
        <v>1</v>
      </c>
      <c r="D34784">
        <v>0</v>
      </c>
    </row>
    <row r="34785" spans="1:4" x14ac:dyDescent="0.25">
      <c r="A34785" t="s">
        <v>50876</v>
      </c>
      <c r="B34785" t="s">
        <v>50879</v>
      </c>
      <c r="C34785">
        <v>1</v>
      </c>
      <c r="D34785">
        <v>0</v>
      </c>
    </row>
    <row r="34786" spans="1:4" x14ac:dyDescent="0.25">
      <c r="A34786" t="s">
        <v>50876</v>
      </c>
      <c r="B34786" t="s">
        <v>50880</v>
      </c>
      <c r="C34786">
        <v>1</v>
      </c>
      <c r="D34786">
        <v>0</v>
      </c>
    </row>
    <row r="34787" spans="1:4" x14ac:dyDescent="0.25">
      <c r="A34787" t="s">
        <v>50876</v>
      </c>
      <c r="B34787" t="s">
        <v>5434</v>
      </c>
      <c r="C34787">
        <v>1</v>
      </c>
      <c r="D34787">
        <v>0</v>
      </c>
    </row>
    <row r="34788" spans="1:4" x14ac:dyDescent="0.25">
      <c r="A34788" t="s">
        <v>50881</v>
      </c>
      <c r="B34788" t="s">
        <v>50882</v>
      </c>
      <c r="C34788">
        <v>2</v>
      </c>
      <c r="D34788">
        <v>0</v>
      </c>
    </row>
    <row r="34789" spans="1:4" x14ac:dyDescent="0.25">
      <c r="A34789" t="s">
        <v>50881</v>
      </c>
      <c r="B34789" t="s">
        <v>50883</v>
      </c>
      <c r="C34789">
        <v>2</v>
      </c>
      <c r="D34789">
        <v>0</v>
      </c>
    </row>
    <row r="34790" spans="1:4" x14ac:dyDescent="0.25">
      <c r="A34790" t="s">
        <v>50881</v>
      </c>
      <c r="B34790" t="s">
        <v>50884</v>
      </c>
      <c r="C34790">
        <v>0</v>
      </c>
      <c r="D34790">
        <v>0</v>
      </c>
    </row>
    <row r="34791" spans="1:4" x14ac:dyDescent="0.25">
      <c r="A34791" t="s">
        <v>50881</v>
      </c>
      <c r="B34791" t="s">
        <v>50885</v>
      </c>
      <c r="C34791">
        <v>2</v>
      </c>
      <c r="D34791">
        <v>0</v>
      </c>
    </row>
    <row r="34792" spans="1:4" x14ac:dyDescent="0.25">
      <c r="A34792" t="s">
        <v>50881</v>
      </c>
      <c r="B34792" t="s">
        <v>50886</v>
      </c>
      <c r="C34792">
        <v>1</v>
      </c>
      <c r="D34792">
        <v>0</v>
      </c>
    </row>
    <row r="34793" spans="1:4" x14ac:dyDescent="0.25">
      <c r="A34793" t="s">
        <v>50881</v>
      </c>
      <c r="B34793" t="s">
        <v>1001</v>
      </c>
      <c r="C34793">
        <v>1</v>
      </c>
      <c r="D34793">
        <v>0</v>
      </c>
    </row>
    <row r="34794" spans="1:4" x14ac:dyDescent="0.25">
      <c r="A34794" t="s">
        <v>50881</v>
      </c>
      <c r="B34794" t="s">
        <v>50887</v>
      </c>
      <c r="C34794">
        <v>2</v>
      </c>
      <c r="D34794">
        <v>0</v>
      </c>
    </row>
    <row r="34795" spans="1:4" x14ac:dyDescent="0.25">
      <c r="A34795" t="s">
        <v>50881</v>
      </c>
      <c r="B34795" t="s">
        <v>50888</v>
      </c>
      <c r="C34795">
        <v>1</v>
      </c>
      <c r="D34795">
        <v>0</v>
      </c>
    </row>
    <row r="34796" spans="1:4" x14ac:dyDescent="0.25">
      <c r="A34796" t="s">
        <v>50881</v>
      </c>
      <c r="B34796" t="s">
        <v>50889</v>
      </c>
      <c r="C34796">
        <v>1</v>
      </c>
      <c r="D34796">
        <v>0</v>
      </c>
    </row>
    <row r="34797" spans="1:4" x14ac:dyDescent="0.25">
      <c r="A34797" t="s">
        <v>50881</v>
      </c>
      <c r="B34797" t="s">
        <v>50890</v>
      </c>
      <c r="C34797">
        <v>2</v>
      </c>
      <c r="D34797">
        <v>0</v>
      </c>
    </row>
    <row r="34798" spans="1:4" x14ac:dyDescent="0.25">
      <c r="A34798" t="s">
        <v>50891</v>
      </c>
      <c r="B34798" t="s">
        <v>50892</v>
      </c>
      <c r="C34798">
        <v>1</v>
      </c>
      <c r="D34798">
        <v>0</v>
      </c>
    </row>
    <row r="34799" spans="1:4" x14ac:dyDescent="0.25">
      <c r="A34799" t="s">
        <v>50891</v>
      </c>
      <c r="B34799" t="s">
        <v>50893</v>
      </c>
      <c r="C34799">
        <v>1</v>
      </c>
      <c r="D34799">
        <v>0</v>
      </c>
    </row>
    <row r="34800" spans="1:4" x14ac:dyDescent="0.25">
      <c r="A34800" t="s">
        <v>50891</v>
      </c>
      <c r="B34800" t="s">
        <v>50894</v>
      </c>
      <c r="C34800">
        <v>0</v>
      </c>
      <c r="D34800">
        <v>0</v>
      </c>
    </row>
    <row r="34801" spans="1:4" x14ac:dyDescent="0.25">
      <c r="A34801" t="s">
        <v>50895</v>
      </c>
      <c r="B34801" t="s">
        <v>50896</v>
      </c>
      <c r="C34801">
        <v>1</v>
      </c>
      <c r="D34801">
        <v>0</v>
      </c>
    </row>
    <row r="34802" spans="1:4" x14ac:dyDescent="0.25">
      <c r="A34802" t="s">
        <v>50895</v>
      </c>
      <c r="B34802" t="s">
        <v>50897</v>
      </c>
      <c r="C34802">
        <v>1</v>
      </c>
      <c r="D34802">
        <v>0</v>
      </c>
    </row>
    <row r="34803" spans="1:4" x14ac:dyDescent="0.25">
      <c r="A34803" t="s">
        <v>50895</v>
      </c>
      <c r="B34803" t="s">
        <v>50898</v>
      </c>
      <c r="C34803">
        <v>1</v>
      </c>
      <c r="D34803">
        <v>0</v>
      </c>
    </row>
    <row r="34804" spans="1:4" x14ac:dyDescent="0.25">
      <c r="A34804" t="s">
        <v>50895</v>
      </c>
      <c r="B34804" t="s">
        <v>50899</v>
      </c>
      <c r="C34804">
        <v>1</v>
      </c>
      <c r="D34804">
        <v>0</v>
      </c>
    </row>
    <row r="34805" spans="1:4" x14ac:dyDescent="0.25">
      <c r="A34805" t="s">
        <v>50900</v>
      </c>
      <c r="B34805" t="s">
        <v>50901</v>
      </c>
      <c r="C34805">
        <v>1</v>
      </c>
      <c r="D34805">
        <v>0</v>
      </c>
    </row>
    <row r="34806" spans="1:4" x14ac:dyDescent="0.25">
      <c r="A34806" t="s">
        <v>50900</v>
      </c>
      <c r="B34806" t="s">
        <v>50902</v>
      </c>
      <c r="C34806">
        <v>1</v>
      </c>
      <c r="D34806">
        <v>0</v>
      </c>
    </row>
    <row r="34807" spans="1:4" x14ac:dyDescent="0.25">
      <c r="A34807" t="s">
        <v>50903</v>
      </c>
      <c r="B34807" t="s">
        <v>50904</v>
      </c>
      <c r="C34807">
        <v>1</v>
      </c>
      <c r="D34807">
        <v>0</v>
      </c>
    </row>
    <row r="34808" spans="1:4" x14ac:dyDescent="0.25">
      <c r="A34808" t="s">
        <v>50903</v>
      </c>
      <c r="B34808" t="s">
        <v>50905</v>
      </c>
      <c r="C34808">
        <v>2</v>
      </c>
      <c r="D34808">
        <v>0</v>
      </c>
    </row>
    <row r="34809" spans="1:4" x14ac:dyDescent="0.25">
      <c r="A34809" t="s">
        <v>50903</v>
      </c>
      <c r="B34809" t="s">
        <v>50906</v>
      </c>
      <c r="C34809">
        <v>1</v>
      </c>
      <c r="D34809">
        <v>0</v>
      </c>
    </row>
    <row r="34810" spans="1:4" x14ac:dyDescent="0.25">
      <c r="A34810" t="s">
        <v>50903</v>
      </c>
      <c r="B34810" t="s">
        <v>50907</v>
      </c>
      <c r="C34810">
        <v>2</v>
      </c>
      <c r="D34810">
        <v>0</v>
      </c>
    </row>
    <row r="34811" spans="1:4" x14ac:dyDescent="0.25">
      <c r="A34811" t="s">
        <v>50908</v>
      </c>
      <c r="B34811" t="s">
        <v>50909</v>
      </c>
      <c r="C34811">
        <v>2</v>
      </c>
      <c r="D34811">
        <v>0</v>
      </c>
    </row>
    <row r="34812" spans="1:4" x14ac:dyDescent="0.25">
      <c r="A34812" t="s">
        <v>50908</v>
      </c>
      <c r="B34812" t="s">
        <v>50910</v>
      </c>
      <c r="C34812">
        <v>1</v>
      </c>
      <c r="D34812">
        <v>0</v>
      </c>
    </row>
    <row r="34813" spans="1:4" x14ac:dyDescent="0.25">
      <c r="A34813" t="s">
        <v>50908</v>
      </c>
      <c r="B34813" t="s">
        <v>50911</v>
      </c>
      <c r="C34813">
        <v>0</v>
      </c>
      <c r="D34813">
        <v>0</v>
      </c>
    </row>
    <row r="34814" spans="1:4" x14ac:dyDescent="0.25">
      <c r="A34814" t="s">
        <v>50908</v>
      </c>
      <c r="B34814" t="s">
        <v>50912</v>
      </c>
      <c r="C34814">
        <v>1</v>
      </c>
      <c r="D34814">
        <v>0</v>
      </c>
    </row>
    <row r="34815" spans="1:4" x14ac:dyDescent="0.25">
      <c r="A34815" t="s">
        <v>50908</v>
      </c>
      <c r="B34815" t="s">
        <v>50913</v>
      </c>
      <c r="C34815">
        <v>1</v>
      </c>
      <c r="D34815">
        <v>0</v>
      </c>
    </row>
    <row r="34816" spans="1:4" x14ac:dyDescent="0.25">
      <c r="A34816" t="s">
        <v>50908</v>
      </c>
      <c r="B34816" t="s">
        <v>50914</v>
      </c>
      <c r="C34816">
        <v>1</v>
      </c>
      <c r="D34816">
        <v>0</v>
      </c>
    </row>
    <row r="34817" spans="1:4" x14ac:dyDescent="0.25">
      <c r="A34817" t="s">
        <v>50908</v>
      </c>
      <c r="B34817" t="s">
        <v>50915</v>
      </c>
      <c r="C34817">
        <v>0</v>
      </c>
      <c r="D34817">
        <v>0</v>
      </c>
    </row>
    <row r="34818" spans="1:4" x14ac:dyDescent="0.25">
      <c r="A34818" t="s">
        <v>50908</v>
      </c>
      <c r="B34818" t="s">
        <v>50916</v>
      </c>
      <c r="C34818">
        <v>0</v>
      </c>
      <c r="D34818">
        <v>0</v>
      </c>
    </row>
    <row r="34819" spans="1:4" x14ac:dyDescent="0.25">
      <c r="A34819" t="s">
        <v>50908</v>
      </c>
      <c r="B34819" t="s">
        <v>50917</v>
      </c>
      <c r="C34819">
        <v>2</v>
      </c>
      <c r="D34819">
        <v>0</v>
      </c>
    </row>
    <row r="34820" spans="1:4" x14ac:dyDescent="0.25">
      <c r="A34820" t="s">
        <v>50918</v>
      </c>
      <c r="B34820" t="s">
        <v>50919</v>
      </c>
      <c r="C34820">
        <v>1</v>
      </c>
      <c r="D34820">
        <v>0</v>
      </c>
    </row>
    <row r="34821" spans="1:4" x14ac:dyDescent="0.25">
      <c r="A34821" t="s">
        <v>50918</v>
      </c>
      <c r="B34821" t="s">
        <v>50920</v>
      </c>
      <c r="C34821">
        <v>1</v>
      </c>
      <c r="D34821">
        <v>0</v>
      </c>
    </row>
    <row r="34822" spans="1:4" x14ac:dyDescent="0.25">
      <c r="A34822" t="s">
        <v>50918</v>
      </c>
      <c r="B34822" t="s">
        <v>26967</v>
      </c>
      <c r="C34822">
        <v>1</v>
      </c>
      <c r="D34822">
        <v>0</v>
      </c>
    </row>
    <row r="34823" spans="1:4" x14ac:dyDescent="0.25">
      <c r="A34823" t="s">
        <v>50918</v>
      </c>
      <c r="B34823" t="s">
        <v>50921</v>
      </c>
      <c r="C34823">
        <v>1</v>
      </c>
      <c r="D34823">
        <v>0</v>
      </c>
    </row>
    <row r="34824" spans="1:4" x14ac:dyDescent="0.25">
      <c r="A34824" t="s">
        <v>50918</v>
      </c>
      <c r="B34824" t="s">
        <v>50922</v>
      </c>
      <c r="C34824">
        <v>2</v>
      </c>
      <c r="D34824">
        <v>0</v>
      </c>
    </row>
    <row r="34825" spans="1:4" x14ac:dyDescent="0.25">
      <c r="A34825" t="s">
        <v>50918</v>
      </c>
      <c r="B34825" t="s">
        <v>50923</v>
      </c>
      <c r="C34825">
        <v>1</v>
      </c>
      <c r="D34825">
        <v>0</v>
      </c>
    </row>
    <row r="34826" spans="1:4" x14ac:dyDescent="0.25">
      <c r="A34826" t="s">
        <v>50918</v>
      </c>
      <c r="B34826" t="s">
        <v>50924</v>
      </c>
      <c r="C34826">
        <v>1</v>
      </c>
      <c r="D34826">
        <v>0</v>
      </c>
    </row>
    <row r="34827" spans="1:4" x14ac:dyDescent="0.25">
      <c r="A34827" t="s">
        <v>50918</v>
      </c>
      <c r="B34827" t="s">
        <v>50925</v>
      </c>
      <c r="C34827">
        <v>1</v>
      </c>
      <c r="D34827">
        <v>0</v>
      </c>
    </row>
    <row r="34828" spans="1:4" x14ac:dyDescent="0.25">
      <c r="A34828" t="s">
        <v>50918</v>
      </c>
      <c r="B34828" t="s">
        <v>50926</v>
      </c>
      <c r="C34828">
        <v>1</v>
      </c>
      <c r="D34828">
        <v>0</v>
      </c>
    </row>
    <row r="34829" spans="1:4" x14ac:dyDescent="0.25">
      <c r="A34829" t="s">
        <v>50918</v>
      </c>
      <c r="B34829" t="s">
        <v>50927</v>
      </c>
      <c r="C34829">
        <v>0</v>
      </c>
      <c r="D34829">
        <v>0</v>
      </c>
    </row>
    <row r="34830" spans="1:4" x14ac:dyDescent="0.25">
      <c r="A34830" t="s">
        <v>50918</v>
      </c>
      <c r="B34830" t="s">
        <v>50928</v>
      </c>
      <c r="C34830">
        <v>1</v>
      </c>
      <c r="D34830">
        <v>0</v>
      </c>
    </row>
    <row r="34831" spans="1:4" x14ac:dyDescent="0.25">
      <c r="A34831" t="s">
        <v>50929</v>
      </c>
      <c r="B34831" t="s">
        <v>50930</v>
      </c>
      <c r="C34831">
        <v>2</v>
      </c>
      <c r="D34831">
        <v>0</v>
      </c>
    </row>
    <row r="34832" spans="1:4" x14ac:dyDescent="0.25">
      <c r="A34832" t="s">
        <v>50931</v>
      </c>
      <c r="B34832" t="s">
        <v>50932</v>
      </c>
      <c r="C34832">
        <v>1</v>
      </c>
      <c r="D34832">
        <v>0</v>
      </c>
    </row>
    <row r="34833" spans="1:4" x14ac:dyDescent="0.25">
      <c r="A34833" t="s">
        <v>50931</v>
      </c>
      <c r="B34833" t="s">
        <v>50933</v>
      </c>
      <c r="C34833">
        <v>1</v>
      </c>
      <c r="D34833">
        <v>0</v>
      </c>
    </row>
    <row r="34834" spans="1:4" x14ac:dyDescent="0.25">
      <c r="A34834" t="s">
        <v>50931</v>
      </c>
      <c r="B34834" t="s">
        <v>50934</v>
      </c>
      <c r="C34834">
        <v>0</v>
      </c>
      <c r="D34834">
        <v>0</v>
      </c>
    </row>
    <row r="34835" spans="1:4" x14ac:dyDescent="0.25">
      <c r="A34835" t="s">
        <v>50935</v>
      </c>
      <c r="B34835" t="s">
        <v>50936</v>
      </c>
      <c r="C34835">
        <v>0</v>
      </c>
      <c r="D34835">
        <v>0</v>
      </c>
    </row>
    <row r="34836" spans="1:4" x14ac:dyDescent="0.25">
      <c r="A34836" t="s">
        <v>50935</v>
      </c>
      <c r="B34836" t="s">
        <v>50937</v>
      </c>
      <c r="C34836">
        <v>1</v>
      </c>
      <c r="D34836">
        <v>0</v>
      </c>
    </row>
    <row r="34837" spans="1:4" x14ac:dyDescent="0.25">
      <c r="A34837" t="s">
        <v>50935</v>
      </c>
      <c r="B34837" t="s">
        <v>50938</v>
      </c>
      <c r="C34837">
        <v>0</v>
      </c>
      <c r="D34837">
        <v>0</v>
      </c>
    </row>
    <row r="34838" spans="1:4" x14ac:dyDescent="0.25">
      <c r="A34838" t="s">
        <v>50935</v>
      </c>
      <c r="B34838" t="s">
        <v>50939</v>
      </c>
      <c r="C34838">
        <v>2</v>
      </c>
      <c r="D34838">
        <v>0</v>
      </c>
    </row>
    <row r="34839" spans="1:4" x14ac:dyDescent="0.25">
      <c r="A34839" t="s">
        <v>50935</v>
      </c>
      <c r="B34839" t="s">
        <v>50940</v>
      </c>
      <c r="C34839">
        <v>0</v>
      </c>
      <c r="D34839">
        <v>0</v>
      </c>
    </row>
    <row r="34840" spans="1:4" x14ac:dyDescent="0.25">
      <c r="A34840" t="s">
        <v>50941</v>
      </c>
      <c r="B34840" t="s">
        <v>50942</v>
      </c>
      <c r="C34840">
        <v>0</v>
      </c>
      <c r="D34840">
        <v>0</v>
      </c>
    </row>
    <row r="34841" spans="1:4" x14ac:dyDescent="0.25">
      <c r="A34841" t="s">
        <v>50941</v>
      </c>
      <c r="B34841" t="s">
        <v>50943</v>
      </c>
      <c r="C34841">
        <v>0</v>
      </c>
      <c r="D34841">
        <v>0</v>
      </c>
    </row>
    <row r="34842" spans="1:4" x14ac:dyDescent="0.25">
      <c r="A34842" t="s">
        <v>50944</v>
      </c>
      <c r="B34842" t="s">
        <v>50945</v>
      </c>
      <c r="C34842">
        <v>2</v>
      </c>
      <c r="D34842">
        <v>0</v>
      </c>
    </row>
    <row r="34843" spans="1:4" x14ac:dyDescent="0.25">
      <c r="A34843" t="s">
        <v>50944</v>
      </c>
      <c r="B34843" t="s">
        <v>50946</v>
      </c>
      <c r="C34843">
        <v>1</v>
      </c>
      <c r="D34843">
        <v>0</v>
      </c>
    </row>
    <row r="34844" spans="1:4" x14ac:dyDescent="0.25">
      <c r="A34844" t="s">
        <v>50944</v>
      </c>
      <c r="B34844" t="s">
        <v>50947</v>
      </c>
      <c r="C34844">
        <v>1</v>
      </c>
      <c r="D34844">
        <v>0</v>
      </c>
    </row>
    <row r="34845" spans="1:4" x14ac:dyDescent="0.25">
      <c r="A34845" t="s">
        <v>50944</v>
      </c>
      <c r="B34845" t="s">
        <v>50948</v>
      </c>
      <c r="C34845">
        <v>2</v>
      </c>
      <c r="D34845">
        <v>0</v>
      </c>
    </row>
    <row r="34846" spans="1:4" x14ac:dyDescent="0.25">
      <c r="A34846" t="s">
        <v>50944</v>
      </c>
      <c r="B34846" t="s">
        <v>50949</v>
      </c>
      <c r="C34846">
        <v>1</v>
      </c>
      <c r="D34846">
        <v>0</v>
      </c>
    </row>
    <row r="34847" spans="1:4" x14ac:dyDescent="0.25">
      <c r="A34847" t="s">
        <v>50950</v>
      </c>
      <c r="B34847" t="s">
        <v>50951</v>
      </c>
      <c r="C34847">
        <v>0</v>
      </c>
      <c r="D34847">
        <v>0</v>
      </c>
    </row>
    <row r="34848" spans="1:4" x14ac:dyDescent="0.25">
      <c r="A34848" t="s">
        <v>50952</v>
      </c>
      <c r="B34848" t="s">
        <v>50953</v>
      </c>
      <c r="C34848">
        <v>1</v>
      </c>
      <c r="D34848">
        <v>0</v>
      </c>
    </row>
    <row r="34849" spans="1:4" x14ac:dyDescent="0.25">
      <c r="A34849" t="s">
        <v>50952</v>
      </c>
      <c r="B34849" t="s">
        <v>50954</v>
      </c>
      <c r="C34849">
        <v>2</v>
      </c>
      <c r="D34849">
        <v>0</v>
      </c>
    </row>
    <row r="34850" spans="1:4" x14ac:dyDescent="0.25">
      <c r="A34850" t="s">
        <v>50952</v>
      </c>
      <c r="B34850" t="s">
        <v>50955</v>
      </c>
      <c r="C34850">
        <v>2</v>
      </c>
      <c r="D34850">
        <v>0</v>
      </c>
    </row>
    <row r="34851" spans="1:4" x14ac:dyDescent="0.25">
      <c r="A34851" t="s">
        <v>50956</v>
      </c>
      <c r="B34851" t="s">
        <v>50957</v>
      </c>
      <c r="C34851">
        <v>1</v>
      </c>
      <c r="D34851">
        <v>0</v>
      </c>
    </row>
    <row r="34852" spans="1:4" x14ac:dyDescent="0.25">
      <c r="A34852" t="s">
        <v>50956</v>
      </c>
      <c r="B34852" t="s">
        <v>50958</v>
      </c>
      <c r="C34852">
        <v>1</v>
      </c>
      <c r="D34852">
        <v>0</v>
      </c>
    </row>
    <row r="34853" spans="1:4" x14ac:dyDescent="0.25">
      <c r="A34853" t="s">
        <v>50956</v>
      </c>
      <c r="B34853" t="s">
        <v>50959</v>
      </c>
      <c r="C34853">
        <v>1</v>
      </c>
      <c r="D34853">
        <v>0</v>
      </c>
    </row>
    <row r="34854" spans="1:4" x14ac:dyDescent="0.25">
      <c r="A34854" t="s">
        <v>50956</v>
      </c>
      <c r="B34854" t="s">
        <v>50960</v>
      </c>
      <c r="C34854">
        <v>2</v>
      </c>
      <c r="D34854">
        <v>0</v>
      </c>
    </row>
    <row r="34855" spans="1:4" x14ac:dyDescent="0.25">
      <c r="A34855" t="s">
        <v>50956</v>
      </c>
      <c r="B34855" t="s">
        <v>50961</v>
      </c>
      <c r="C34855">
        <v>2</v>
      </c>
      <c r="D34855">
        <v>0</v>
      </c>
    </row>
    <row r="34856" spans="1:4" x14ac:dyDescent="0.25">
      <c r="A34856" t="s">
        <v>50956</v>
      </c>
      <c r="B34856" t="s">
        <v>50962</v>
      </c>
      <c r="C34856">
        <v>2</v>
      </c>
      <c r="D34856">
        <v>0</v>
      </c>
    </row>
    <row r="34857" spans="1:4" x14ac:dyDescent="0.25">
      <c r="A34857" t="s">
        <v>50956</v>
      </c>
      <c r="B34857" t="s">
        <v>50963</v>
      </c>
      <c r="C34857">
        <v>1</v>
      </c>
      <c r="D34857">
        <v>0</v>
      </c>
    </row>
    <row r="34858" spans="1:4" x14ac:dyDescent="0.25">
      <c r="A34858" t="s">
        <v>50956</v>
      </c>
      <c r="B34858" t="s">
        <v>50964</v>
      </c>
      <c r="C34858">
        <v>0</v>
      </c>
      <c r="D34858">
        <v>0</v>
      </c>
    </row>
    <row r="34859" spans="1:4" x14ac:dyDescent="0.25">
      <c r="A34859" t="s">
        <v>50956</v>
      </c>
      <c r="B34859" t="s">
        <v>50965</v>
      </c>
      <c r="C34859">
        <v>2</v>
      </c>
      <c r="D34859">
        <v>0</v>
      </c>
    </row>
    <row r="34860" spans="1:4" x14ac:dyDescent="0.25">
      <c r="A34860" t="s">
        <v>50966</v>
      </c>
      <c r="B34860" t="s">
        <v>50967</v>
      </c>
      <c r="C34860">
        <v>0</v>
      </c>
      <c r="D34860">
        <v>0</v>
      </c>
    </row>
    <row r="34861" spans="1:4" x14ac:dyDescent="0.25">
      <c r="A34861" t="s">
        <v>50966</v>
      </c>
      <c r="B34861" t="s">
        <v>50968</v>
      </c>
      <c r="C34861">
        <v>1</v>
      </c>
      <c r="D34861">
        <v>0</v>
      </c>
    </row>
    <row r="34862" spans="1:4" x14ac:dyDescent="0.25">
      <c r="A34862" t="s">
        <v>50966</v>
      </c>
      <c r="B34862" t="s">
        <v>50969</v>
      </c>
      <c r="C34862">
        <v>1</v>
      </c>
      <c r="D34862">
        <v>0</v>
      </c>
    </row>
    <row r="34863" spans="1:4" x14ac:dyDescent="0.25">
      <c r="A34863" t="s">
        <v>50966</v>
      </c>
      <c r="B34863" t="s">
        <v>50970</v>
      </c>
      <c r="C34863">
        <v>1</v>
      </c>
      <c r="D34863">
        <v>0</v>
      </c>
    </row>
    <row r="34864" spans="1:4" x14ac:dyDescent="0.25">
      <c r="A34864" t="s">
        <v>50966</v>
      </c>
      <c r="B34864" t="s">
        <v>50971</v>
      </c>
      <c r="C34864">
        <v>0</v>
      </c>
      <c r="D34864">
        <v>0</v>
      </c>
    </row>
    <row r="34865" spans="1:4" x14ac:dyDescent="0.25">
      <c r="A34865" t="s">
        <v>50966</v>
      </c>
      <c r="B34865" t="s">
        <v>50972</v>
      </c>
      <c r="C34865">
        <v>0</v>
      </c>
      <c r="D34865">
        <v>0</v>
      </c>
    </row>
    <row r="34866" spans="1:4" x14ac:dyDescent="0.25">
      <c r="A34866" t="s">
        <v>50973</v>
      </c>
      <c r="B34866" t="s">
        <v>2267</v>
      </c>
      <c r="C34866">
        <v>0</v>
      </c>
      <c r="D34866">
        <v>0</v>
      </c>
    </row>
    <row r="34867" spans="1:4" x14ac:dyDescent="0.25">
      <c r="A34867" t="s">
        <v>50973</v>
      </c>
      <c r="B34867" t="s">
        <v>50974</v>
      </c>
      <c r="C34867">
        <v>1</v>
      </c>
      <c r="D34867">
        <v>0</v>
      </c>
    </row>
    <row r="34868" spans="1:4" x14ac:dyDescent="0.25">
      <c r="A34868" t="s">
        <v>50973</v>
      </c>
      <c r="B34868" t="s">
        <v>50975</v>
      </c>
      <c r="C34868">
        <v>0</v>
      </c>
      <c r="D34868">
        <v>0</v>
      </c>
    </row>
    <row r="34869" spans="1:4" x14ac:dyDescent="0.25">
      <c r="A34869" t="s">
        <v>50973</v>
      </c>
      <c r="B34869" t="s">
        <v>50976</v>
      </c>
      <c r="C34869">
        <v>0</v>
      </c>
      <c r="D34869">
        <v>0</v>
      </c>
    </row>
    <row r="34870" spans="1:4" x14ac:dyDescent="0.25">
      <c r="A34870" t="s">
        <v>50973</v>
      </c>
      <c r="B34870" t="s">
        <v>35545</v>
      </c>
      <c r="C34870">
        <v>1</v>
      </c>
      <c r="D34870">
        <v>0</v>
      </c>
    </row>
    <row r="34871" spans="1:4" x14ac:dyDescent="0.25">
      <c r="A34871" t="s">
        <v>50973</v>
      </c>
      <c r="B34871" t="s">
        <v>49794</v>
      </c>
      <c r="C34871">
        <v>1</v>
      </c>
      <c r="D34871">
        <v>0</v>
      </c>
    </row>
    <row r="34872" spans="1:4" x14ac:dyDescent="0.25">
      <c r="A34872" t="s">
        <v>50973</v>
      </c>
      <c r="B34872" t="s">
        <v>50977</v>
      </c>
      <c r="C34872">
        <v>2</v>
      </c>
      <c r="D34872">
        <v>0</v>
      </c>
    </row>
    <row r="34873" spans="1:4" x14ac:dyDescent="0.25">
      <c r="A34873" t="s">
        <v>50973</v>
      </c>
      <c r="B34873" t="s">
        <v>50978</v>
      </c>
      <c r="C34873">
        <v>1</v>
      </c>
      <c r="D34873">
        <v>0</v>
      </c>
    </row>
    <row r="34874" spans="1:4" x14ac:dyDescent="0.25">
      <c r="A34874" t="s">
        <v>50973</v>
      </c>
      <c r="B34874" t="s">
        <v>49794</v>
      </c>
      <c r="C34874">
        <v>1</v>
      </c>
      <c r="D34874">
        <v>0</v>
      </c>
    </row>
    <row r="34875" spans="1:4" x14ac:dyDescent="0.25">
      <c r="A34875" t="s">
        <v>50973</v>
      </c>
      <c r="B34875" t="s">
        <v>19309</v>
      </c>
      <c r="C34875">
        <v>0</v>
      </c>
      <c r="D34875">
        <v>0</v>
      </c>
    </row>
    <row r="34876" spans="1:4" x14ac:dyDescent="0.25">
      <c r="A34876" t="s">
        <v>50979</v>
      </c>
      <c r="B34876" t="s">
        <v>50980</v>
      </c>
      <c r="C34876">
        <v>1</v>
      </c>
      <c r="D34876">
        <v>0</v>
      </c>
    </row>
    <row r="34877" spans="1:4" x14ac:dyDescent="0.25">
      <c r="A34877" t="s">
        <v>50981</v>
      </c>
      <c r="B34877" t="s">
        <v>50982</v>
      </c>
      <c r="C34877">
        <v>0</v>
      </c>
      <c r="D34877">
        <v>0</v>
      </c>
    </row>
    <row r="34878" spans="1:4" x14ac:dyDescent="0.25">
      <c r="A34878" t="s">
        <v>50983</v>
      </c>
      <c r="B34878" t="s">
        <v>50984</v>
      </c>
      <c r="C34878">
        <v>2</v>
      </c>
      <c r="D34878">
        <v>0</v>
      </c>
    </row>
    <row r="34879" spans="1:4" x14ac:dyDescent="0.25">
      <c r="A34879" t="s">
        <v>50983</v>
      </c>
      <c r="B34879" t="s">
        <v>50985</v>
      </c>
      <c r="C34879">
        <v>2</v>
      </c>
      <c r="D34879">
        <v>0</v>
      </c>
    </row>
    <row r="34880" spans="1:4" x14ac:dyDescent="0.25">
      <c r="A34880" t="s">
        <v>50986</v>
      </c>
      <c r="B34880" t="s">
        <v>50987</v>
      </c>
      <c r="C34880">
        <v>2</v>
      </c>
      <c r="D34880">
        <v>0</v>
      </c>
    </row>
    <row r="34881" spans="1:4" x14ac:dyDescent="0.25">
      <c r="A34881" t="s">
        <v>50988</v>
      </c>
      <c r="B34881" t="s">
        <v>50989</v>
      </c>
      <c r="C34881">
        <v>1</v>
      </c>
      <c r="D34881">
        <v>0</v>
      </c>
    </row>
    <row r="34882" spans="1:4" x14ac:dyDescent="0.25">
      <c r="A34882" t="s">
        <v>50988</v>
      </c>
      <c r="B34882" t="s">
        <v>50990</v>
      </c>
      <c r="C34882">
        <v>1</v>
      </c>
      <c r="D34882">
        <v>0</v>
      </c>
    </row>
    <row r="34883" spans="1:4" x14ac:dyDescent="0.25">
      <c r="A34883" t="s">
        <v>50988</v>
      </c>
      <c r="B34883" t="s">
        <v>50991</v>
      </c>
      <c r="C34883">
        <v>1</v>
      </c>
      <c r="D34883">
        <v>0</v>
      </c>
    </row>
    <row r="34884" spans="1:4" x14ac:dyDescent="0.25">
      <c r="A34884" t="s">
        <v>50988</v>
      </c>
      <c r="B34884" t="s">
        <v>50992</v>
      </c>
      <c r="C34884">
        <v>1</v>
      </c>
      <c r="D34884">
        <v>0</v>
      </c>
    </row>
    <row r="34885" spans="1:4" x14ac:dyDescent="0.25">
      <c r="A34885" t="s">
        <v>50988</v>
      </c>
      <c r="B34885" t="s">
        <v>50993</v>
      </c>
      <c r="C34885">
        <v>1</v>
      </c>
      <c r="D34885">
        <v>0</v>
      </c>
    </row>
    <row r="34886" spans="1:4" x14ac:dyDescent="0.25">
      <c r="A34886" t="s">
        <v>50988</v>
      </c>
      <c r="B34886" t="s">
        <v>50994</v>
      </c>
      <c r="C34886">
        <v>1</v>
      </c>
      <c r="D34886">
        <v>0</v>
      </c>
    </row>
    <row r="34887" spans="1:4" x14ac:dyDescent="0.25">
      <c r="A34887" t="s">
        <v>50988</v>
      </c>
      <c r="B34887" t="s">
        <v>50995</v>
      </c>
      <c r="C34887">
        <v>0</v>
      </c>
      <c r="D34887">
        <v>0</v>
      </c>
    </row>
    <row r="34888" spans="1:4" x14ac:dyDescent="0.25">
      <c r="A34888" t="s">
        <v>50996</v>
      </c>
      <c r="B34888" t="s">
        <v>50997</v>
      </c>
      <c r="C34888">
        <v>0</v>
      </c>
      <c r="D34888">
        <v>0</v>
      </c>
    </row>
    <row r="34889" spans="1:4" x14ac:dyDescent="0.25">
      <c r="A34889" t="s">
        <v>50996</v>
      </c>
      <c r="B34889" t="s">
        <v>50998</v>
      </c>
      <c r="C34889">
        <v>0</v>
      </c>
      <c r="D34889">
        <v>0</v>
      </c>
    </row>
    <row r="34890" spans="1:4" x14ac:dyDescent="0.25">
      <c r="A34890" t="s">
        <v>50996</v>
      </c>
      <c r="B34890" t="s">
        <v>50999</v>
      </c>
      <c r="C34890">
        <v>0</v>
      </c>
      <c r="D34890">
        <v>0</v>
      </c>
    </row>
    <row r="34891" spans="1:4" x14ac:dyDescent="0.25">
      <c r="A34891" t="s">
        <v>50996</v>
      </c>
      <c r="B34891" t="s">
        <v>51000</v>
      </c>
      <c r="C34891">
        <v>0</v>
      </c>
      <c r="D34891">
        <v>0</v>
      </c>
    </row>
    <row r="34892" spans="1:4" x14ac:dyDescent="0.25">
      <c r="A34892" t="s">
        <v>50996</v>
      </c>
      <c r="B34892" t="s">
        <v>51001</v>
      </c>
      <c r="C34892">
        <v>0</v>
      </c>
      <c r="D34892">
        <v>0</v>
      </c>
    </row>
    <row r="34893" spans="1:4" x14ac:dyDescent="0.25">
      <c r="A34893" t="s">
        <v>51002</v>
      </c>
      <c r="B34893" t="s">
        <v>51003</v>
      </c>
      <c r="C34893">
        <v>1</v>
      </c>
      <c r="D34893">
        <v>0</v>
      </c>
    </row>
    <row r="34894" spans="1:4" x14ac:dyDescent="0.25">
      <c r="A34894" t="s">
        <v>51002</v>
      </c>
      <c r="B34894" t="s">
        <v>51004</v>
      </c>
      <c r="C34894">
        <v>0</v>
      </c>
      <c r="D34894">
        <v>0</v>
      </c>
    </row>
    <row r="34895" spans="1:4" x14ac:dyDescent="0.25">
      <c r="A34895" t="s">
        <v>51002</v>
      </c>
      <c r="B34895" t="s">
        <v>51005</v>
      </c>
      <c r="C34895">
        <v>1</v>
      </c>
      <c r="D34895">
        <v>0</v>
      </c>
    </row>
    <row r="34896" spans="1:4" x14ac:dyDescent="0.25">
      <c r="A34896" t="s">
        <v>51002</v>
      </c>
      <c r="B34896" t="s">
        <v>51004</v>
      </c>
      <c r="C34896">
        <v>0</v>
      </c>
      <c r="D34896">
        <v>0</v>
      </c>
    </row>
    <row r="34897" spans="1:4" x14ac:dyDescent="0.25">
      <c r="A34897" t="s">
        <v>51002</v>
      </c>
      <c r="B34897" t="s">
        <v>51006</v>
      </c>
      <c r="C34897">
        <v>1</v>
      </c>
      <c r="D34897">
        <v>0</v>
      </c>
    </row>
    <row r="34898" spans="1:4" x14ac:dyDescent="0.25">
      <c r="A34898" t="s">
        <v>51002</v>
      </c>
      <c r="B34898" t="s">
        <v>51007</v>
      </c>
      <c r="C34898">
        <v>0</v>
      </c>
      <c r="D34898">
        <v>0</v>
      </c>
    </row>
    <row r="34899" spans="1:4" x14ac:dyDescent="0.25">
      <c r="A34899" t="s">
        <v>51008</v>
      </c>
      <c r="B34899" t="s">
        <v>51009</v>
      </c>
      <c r="C34899">
        <v>1</v>
      </c>
      <c r="D34899">
        <v>0</v>
      </c>
    </row>
    <row r="34900" spans="1:4" x14ac:dyDescent="0.25">
      <c r="A34900" t="s">
        <v>51008</v>
      </c>
      <c r="B34900" t="s">
        <v>51010</v>
      </c>
      <c r="C34900">
        <v>1</v>
      </c>
      <c r="D34900">
        <v>0</v>
      </c>
    </row>
    <row r="34901" spans="1:4" x14ac:dyDescent="0.25">
      <c r="A34901" t="s">
        <v>51008</v>
      </c>
      <c r="B34901" t="s">
        <v>51011</v>
      </c>
      <c r="C34901">
        <v>1</v>
      </c>
      <c r="D34901">
        <v>0</v>
      </c>
    </row>
    <row r="34902" spans="1:4" x14ac:dyDescent="0.25">
      <c r="A34902" t="s">
        <v>51012</v>
      </c>
      <c r="B34902" t="s">
        <v>51013</v>
      </c>
      <c r="C34902">
        <v>1</v>
      </c>
      <c r="D34902">
        <v>0</v>
      </c>
    </row>
    <row r="34903" spans="1:4" x14ac:dyDescent="0.25">
      <c r="A34903" t="s">
        <v>51012</v>
      </c>
      <c r="B34903" t="s">
        <v>51014</v>
      </c>
      <c r="C34903">
        <v>0</v>
      </c>
      <c r="D34903">
        <v>0</v>
      </c>
    </row>
    <row r="34904" spans="1:4" x14ac:dyDescent="0.25">
      <c r="A34904" t="s">
        <v>51015</v>
      </c>
      <c r="B34904" t="s">
        <v>51016</v>
      </c>
      <c r="C34904">
        <v>2</v>
      </c>
      <c r="D34904">
        <v>0</v>
      </c>
    </row>
    <row r="34905" spans="1:4" x14ac:dyDescent="0.25">
      <c r="A34905" t="s">
        <v>51015</v>
      </c>
      <c r="B34905" t="s">
        <v>51017</v>
      </c>
      <c r="C34905">
        <v>0</v>
      </c>
      <c r="D34905">
        <v>0</v>
      </c>
    </row>
    <row r="34906" spans="1:4" x14ac:dyDescent="0.25">
      <c r="A34906" t="s">
        <v>51015</v>
      </c>
      <c r="B34906" t="s">
        <v>51018</v>
      </c>
      <c r="C34906">
        <v>1</v>
      </c>
      <c r="D34906">
        <v>0</v>
      </c>
    </row>
    <row r="34907" spans="1:4" x14ac:dyDescent="0.25">
      <c r="A34907" t="s">
        <v>51019</v>
      </c>
      <c r="B34907" t="s">
        <v>51020</v>
      </c>
      <c r="C34907">
        <v>0</v>
      </c>
      <c r="D34907">
        <v>0</v>
      </c>
    </row>
    <row r="34908" spans="1:4" x14ac:dyDescent="0.25">
      <c r="A34908" t="s">
        <v>51019</v>
      </c>
      <c r="B34908" t="s">
        <v>51021</v>
      </c>
      <c r="C34908">
        <v>0</v>
      </c>
      <c r="D34908">
        <v>0</v>
      </c>
    </row>
    <row r="34909" spans="1:4" x14ac:dyDescent="0.25">
      <c r="A34909" t="s">
        <v>51019</v>
      </c>
      <c r="B34909" t="s">
        <v>51022</v>
      </c>
      <c r="C34909">
        <v>2</v>
      </c>
      <c r="D34909">
        <v>0</v>
      </c>
    </row>
    <row r="34910" spans="1:4" x14ac:dyDescent="0.25">
      <c r="A34910" t="s">
        <v>51019</v>
      </c>
      <c r="B34910" t="s">
        <v>51023</v>
      </c>
      <c r="C34910">
        <v>0</v>
      </c>
      <c r="D34910">
        <v>0</v>
      </c>
    </row>
    <row r="34911" spans="1:4" x14ac:dyDescent="0.25">
      <c r="A34911" t="s">
        <v>51024</v>
      </c>
      <c r="B34911" t="s">
        <v>51025</v>
      </c>
      <c r="C34911">
        <v>2</v>
      </c>
      <c r="D34911">
        <v>0</v>
      </c>
    </row>
    <row r="34912" spans="1:4" x14ac:dyDescent="0.25">
      <c r="A34912" t="s">
        <v>51024</v>
      </c>
      <c r="B34912" t="s">
        <v>51026</v>
      </c>
      <c r="C34912">
        <v>2</v>
      </c>
      <c r="D34912">
        <v>0</v>
      </c>
    </row>
    <row r="34913" spans="1:4" x14ac:dyDescent="0.25">
      <c r="A34913" t="s">
        <v>51024</v>
      </c>
      <c r="B34913" t="s">
        <v>51027</v>
      </c>
      <c r="C34913">
        <v>2</v>
      </c>
      <c r="D34913">
        <v>0</v>
      </c>
    </row>
    <row r="34914" spans="1:4" x14ac:dyDescent="0.25">
      <c r="A34914" t="s">
        <v>51024</v>
      </c>
      <c r="B34914" t="s">
        <v>51028</v>
      </c>
      <c r="C34914">
        <v>2</v>
      </c>
      <c r="D34914">
        <v>0</v>
      </c>
    </row>
    <row r="34915" spans="1:4" x14ac:dyDescent="0.25">
      <c r="A34915" t="s">
        <v>51024</v>
      </c>
      <c r="B34915" t="s">
        <v>5713</v>
      </c>
      <c r="C34915">
        <v>1</v>
      </c>
      <c r="D34915">
        <v>0</v>
      </c>
    </row>
    <row r="34916" spans="1:4" x14ac:dyDescent="0.25">
      <c r="A34916" t="s">
        <v>51029</v>
      </c>
      <c r="B34916" t="s">
        <v>51030</v>
      </c>
      <c r="C34916">
        <v>1</v>
      </c>
      <c r="D34916">
        <v>0</v>
      </c>
    </row>
    <row r="34917" spans="1:4" x14ac:dyDescent="0.25">
      <c r="A34917" t="s">
        <v>51029</v>
      </c>
      <c r="B34917" t="s">
        <v>51031</v>
      </c>
      <c r="C34917">
        <v>1</v>
      </c>
      <c r="D34917">
        <v>0</v>
      </c>
    </row>
    <row r="34918" spans="1:4" x14ac:dyDescent="0.25">
      <c r="A34918" t="s">
        <v>51029</v>
      </c>
      <c r="B34918" t="s">
        <v>51032</v>
      </c>
      <c r="C34918">
        <v>2</v>
      </c>
      <c r="D34918">
        <v>0</v>
      </c>
    </row>
    <row r="34919" spans="1:4" x14ac:dyDescent="0.25">
      <c r="A34919" t="s">
        <v>51029</v>
      </c>
      <c r="B34919" t="s">
        <v>51033</v>
      </c>
      <c r="C34919">
        <v>1</v>
      </c>
      <c r="D34919">
        <v>0</v>
      </c>
    </row>
    <row r="34920" spans="1:4" x14ac:dyDescent="0.25">
      <c r="A34920" t="s">
        <v>51029</v>
      </c>
      <c r="B34920" t="s">
        <v>51034</v>
      </c>
      <c r="C34920">
        <v>2</v>
      </c>
      <c r="D34920">
        <v>0</v>
      </c>
    </row>
    <row r="34921" spans="1:4" x14ac:dyDescent="0.25">
      <c r="A34921" t="s">
        <v>51029</v>
      </c>
      <c r="B34921" t="s">
        <v>51035</v>
      </c>
      <c r="C34921">
        <v>0</v>
      </c>
      <c r="D34921">
        <v>0</v>
      </c>
    </row>
    <row r="34922" spans="1:4" x14ac:dyDescent="0.25">
      <c r="A34922" t="s">
        <v>51029</v>
      </c>
      <c r="B34922" t="s">
        <v>51036</v>
      </c>
      <c r="C34922">
        <v>0</v>
      </c>
      <c r="D34922">
        <v>0</v>
      </c>
    </row>
    <row r="34923" spans="1:4" x14ac:dyDescent="0.25">
      <c r="A34923" t="s">
        <v>51029</v>
      </c>
      <c r="B34923" t="s">
        <v>51037</v>
      </c>
      <c r="C34923">
        <v>0</v>
      </c>
      <c r="D34923">
        <v>0</v>
      </c>
    </row>
    <row r="34924" spans="1:4" x14ac:dyDescent="0.25">
      <c r="A34924" t="s">
        <v>51038</v>
      </c>
      <c r="B34924" t="s">
        <v>51039</v>
      </c>
      <c r="C34924">
        <v>1</v>
      </c>
      <c r="D34924">
        <v>0</v>
      </c>
    </row>
    <row r="34925" spans="1:4" x14ac:dyDescent="0.25">
      <c r="A34925" t="s">
        <v>51038</v>
      </c>
      <c r="B34925" t="s">
        <v>51040</v>
      </c>
      <c r="C34925">
        <v>2</v>
      </c>
      <c r="D34925">
        <v>0</v>
      </c>
    </row>
    <row r="34926" spans="1:4" x14ac:dyDescent="0.25">
      <c r="A34926" t="s">
        <v>51038</v>
      </c>
      <c r="B34926" t="s">
        <v>48846</v>
      </c>
      <c r="C34926">
        <v>1</v>
      </c>
      <c r="D34926">
        <v>0</v>
      </c>
    </row>
    <row r="34927" spans="1:4" x14ac:dyDescent="0.25">
      <c r="A34927" t="s">
        <v>51038</v>
      </c>
      <c r="B34927" t="s">
        <v>6262</v>
      </c>
      <c r="C34927">
        <v>0</v>
      </c>
      <c r="D34927">
        <v>0</v>
      </c>
    </row>
    <row r="34928" spans="1:4" x14ac:dyDescent="0.25">
      <c r="A34928" t="s">
        <v>51041</v>
      </c>
      <c r="B34928" t="s">
        <v>51042</v>
      </c>
      <c r="C34928">
        <v>1</v>
      </c>
      <c r="D34928">
        <v>0</v>
      </c>
    </row>
    <row r="34929" spans="1:4" x14ac:dyDescent="0.25">
      <c r="A34929" t="s">
        <v>51043</v>
      </c>
      <c r="B34929" t="s">
        <v>51044</v>
      </c>
      <c r="C34929">
        <v>1</v>
      </c>
      <c r="D34929">
        <v>0</v>
      </c>
    </row>
    <row r="34930" spans="1:4" x14ac:dyDescent="0.25">
      <c r="A34930" t="s">
        <v>51043</v>
      </c>
      <c r="B34930" t="s">
        <v>51045</v>
      </c>
      <c r="C34930">
        <v>0</v>
      </c>
      <c r="D34930">
        <v>0</v>
      </c>
    </row>
    <row r="34931" spans="1:4" x14ac:dyDescent="0.25">
      <c r="A34931" t="s">
        <v>51043</v>
      </c>
      <c r="B34931" t="s">
        <v>51046</v>
      </c>
      <c r="C34931">
        <v>1</v>
      </c>
      <c r="D34931">
        <v>0</v>
      </c>
    </row>
    <row r="34932" spans="1:4" x14ac:dyDescent="0.25">
      <c r="A34932" t="s">
        <v>51047</v>
      </c>
      <c r="B34932" t="s">
        <v>51048</v>
      </c>
      <c r="C34932">
        <v>1</v>
      </c>
      <c r="D34932">
        <v>0</v>
      </c>
    </row>
    <row r="34933" spans="1:4" x14ac:dyDescent="0.25">
      <c r="A34933" t="s">
        <v>51047</v>
      </c>
      <c r="B34933" t="s">
        <v>5713</v>
      </c>
      <c r="C34933">
        <v>1</v>
      </c>
      <c r="D34933">
        <v>0</v>
      </c>
    </row>
    <row r="34934" spans="1:4" x14ac:dyDescent="0.25">
      <c r="A34934" t="s">
        <v>51047</v>
      </c>
      <c r="B34934" t="s">
        <v>51049</v>
      </c>
      <c r="C34934">
        <v>1</v>
      </c>
      <c r="D34934">
        <v>0</v>
      </c>
    </row>
    <row r="34935" spans="1:4" x14ac:dyDescent="0.25">
      <c r="A34935" t="s">
        <v>51047</v>
      </c>
      <c r="B34935" t="s">
        <v>51050</v>
      </c>
      <c r="C34935">
        <v>1</v>
      </c>
      <c r="D34935">
        <v>0</v>
      </c>
    </row>
    <row r="34936" spans="1:4" x14ac:dyDescent="0.25">
      <c r="A34936" t="s">
        <v>51047</v>
      </c>
      <c r="B34936" t="s">
        <v>33922</v>
      </c>
      <c r="C34936">
        <v>2</v>
      </c>
      <c r="D34936">
        <v>0</v>
      </c>
    </row>
    <row r="34937" spans="1:4" x14ac:dyDescent="0.25">
      <c r="A34937" t="s">
        <v>51047</v>
      </c>
      <c r="B34937" t="s">
        <v>51051</v>
      </c>
      <c r="C34937">
        <v>2</v>
      </c>
      <c r="D34937">
        <v>0</v>
      </c>
    </row>
    <row r="34938" spans="1:4" x14ac:dyDescent="0.25">
      <c r="A34938" t="s">
        <v>51052</v>
      </c>
      <c r="B34938" t="s">
        <v>51053</v>
      </c>
      <c r="C34938">
        <v>1</v>
      </c>
      <c r="D34938">
        <v>0</v>
      </c>
    </row>
    <row r="34939" spans="1:4" x14ac:dyDescent="0.25">
      <c r="A34939" t="s">
        <v>51052</v>
      </c>
      <c r="B34939" t="s">
        <v>51054</v>
      </c>
      <c r="C34939">
        <v>2</v>
      </c>
      <c r="D34939">
        <v>0</v>
      </c>
    </row>
    <row r="34940" spans="1:4" x14ac:dyDescent="0.25">
      <c r="A34940" t="s">
        <v>51052</v>
      </c>
      <c r="B34940" t="s">
        <v>51055</v>
      </c>
      <c r="C34940">
        <v>2</v>
      </c>
      <c r="D34940">
        <v>0</v>
      </c>
    </row>
    <row r="34941" spans="1:4" x14ac:dyDescent="0.25">
      <c r="A34941" t="s">
        <v>51052</v>
      </c>
      <c r="B34941" t="s">
        <v>51056</v>
      </c>
      <c r="C34941">
        <v>2</v>
      </c>
      <c r="D34941">
        <v>0</v>
      </c>
    </row>
    <row r="34942" spans="1:4" x14ac:dyDescent="0.25">
      <c r="A34942" t="s">
        <v>51052</v>
      </c>
      <c r="B34942" t="s">
        <v>51057</v>
      </c>
      <c r="C34942">
        <v>0</v>
      </c>
      <c r="D34942">
        <v>0</v>
      </c>
    </row>
    <row r="34943" spans="1:4" x14ac:dyDescent="0.25">
      <c r="A34943" t="s">
        <v>51058</v>
      </c>
      <c r="B34943" t="s">
        <v>51059</v>
      </c>
      <c r="C34943">
        <v>2</v>
      </c>
      <c r="D34943">
        <v>0</v>
      </c>
    </row>
    <row r="34944" spans="1:4" x14ac:dyDescent="0.25">
      <c r="A34944" t="s">
        <v>51058</v>
      </c>
      <c r="B34944" t="s">
        <v>51060</v>
      </c>
      <c r="C34944">
        <v>1</v>
      </c>
      <c r="D34944">
        <v>0</v>
      </c>
    </row>
    <row r="34945" spans="1:4" x14ac:dyDescent="0.25">
      <c r="A34945" t="s">
        <v>51058</v>
      </c>
      <c r="B34945" t="s">
        <v>51061</v>
      </c>
      <c r="C34945">
        <v>2</v>
      </c>
      <c r="D34945">
        <v>0</v>
      </c>
    </row>
    <row r="34946" spans="1:4" x14ac:dyDescent="0.25">
      <c r="A34946" t="s">
        <v>51058</v>
      </c>
      <c r="B34946" t="s">
        <v>51062</v>
      </c>
      <c r="C34946">
        <v>1</v>
      </c>
      <c r="D34946">
        <v>0</v>
      </c>
    </row>
    <row r="34947" spans="1:4" x14ac:dyDescent="0.25">
      <c r="A34947" t="s">
        <v>51058</v>
      </c>
      <c r="B34947" t="s">
        <v>51063</v>
      </c>
      <c r="C34947">
        <v>0</v>
      </c>
      <c r="D34947">
        <v>0</v>
      </c>
    </row>
    <row r="34948" spans="1:4" x14ac:dyDescent="0.25">
      <c r="A34948" t="s">
        <v>51058</v>
      </c>
      <c r="B34948" t="s">
        <v>17257</v>
      </c>
      <c r="C34948">
        <v>2</v>
      </c>
      <c r="D34948">
        <v>0</v>
      </c>
    </row>
    <row r="34949" spans="1:4" x14ac:dyDescent="0.25">
      <c r="A34949" t="s">
        <v>51064</v>
      </c>
      <c r="B34949" t="s">
        <v>51065</v>
      </c>
      <c r="C34949">
        <v>1</v>
      </c>
      <c r="D34949">
        <v>0</v>
      </c>
    </row>
    <row r="34950" spans="1:4" x14ac:dyDescent="0.25">
      <c r="A34950" t="s">
        <v>51064</v>
      </c>
      <c r="B34950" t="s">
        <v>51066</v>
      </c>
      <c r="C34950">
        <v>1</v>
      </c>
      <c r="D34950">
        <v>0</v>
      </c>
    </row>
    <row r="34951" spans="1:4" x14ac:dyDescent="0.25">
      <c r="A34951" t="s">
        <v>51064</v>
      </c>
      <c r="B34951" t="s">
        <v>51067</v>
      </c>
      <c r="C34951">
        <v>1</v>
      </c>
      <c r="D34951">
        <v>0</v>
      </c>
    </row>
    <row r="34952" spans="1:4" x14ac:dyDescent="0.25">
      <c r="A34952" t="s">
        <v>51064</v>
      </c>
      <c r="B34952" t="s">
        <v>51068</v>
      </c>
      <c r="C34952">
        <v>1</v>
      </c>
      <c r="D34952">
        <v>0</v>
      </c>
    </row>
    <row r="34953" spans="1:4" x14ac:dyDescent="0.25">
      <c r="A34953" t="s">
        <v>51064</v>
      </c>
      <c r="B34953" t="s">
        <v>51069</v>
      </c>
      <c r="C34953">
        <v>1</v>
      </c>
      <c r="D34953">
        <v>0</v>
      </c>
    </row>
    <row r="34954" spans="1:4" x14ac:dyDescent="0.25">
      <c r="A34954" t="s">
        <v>51070</v>
      </c>
      <c r="B34954" t="s">
        <v>51071</v>
      </c>
      <c r="C34954">
        <v>0</v>
      </c>
      <c r="D34954">
        <v>0</v>
      </c>
    </row>
    <row r="34955" spans="1:4" x14ac:dyDescent="0.25">
      <c r="A34955" t="s">
        <v>51070</v>
      </c>
      <c r="B34955" t="s">
        <v>51072</v>
      </c>
      <c r="C34955">
        <v>1</v>
      </c>
      <c r="D34955">
        <v>0</v>
      </c>
    </row>
    <row r="34956" spans="1:4" x14ac:dyDescent="0.25">
      <c r="A34956" t="s">
        <v>51070</v>
      </c>
      <c r="B34956" t="s">
        <v>51073</v>
      </c>
      <c r="C34956">
        <v>2</v>
      </c>
      <c r="D34956">
        <v>0</v>
      </c>
    </row>
    <row r="34957" spans="1:4" x14ac:dyDescent="0.25">
      <c r="A34957" t="s">
        <v>51070</v>
      </c>
      <c r="B34957" t="s">
        <v>51074</v>
      </c>
      <c r="C34957">
        <v>0</v>
      </c>
      <c r="D34957">
        <v>0</v>
      </c>
    </row>
    <row r="34958" spans="1:4" x14ac:dyDescent="0.25">
      <c r="A34958" t="s">
        <v>51075</v>
      </c>
      <c r="B34958" t="s">
        <v>51076</v>
      </c>
      <c r="C34958">
        <v>0</v>
      </c>
      <c r="D34958">
        <v>0</v>
      </c>
    </row>
    <row r="34959" spans="1:4" x14ac:dyDescent="0.25">
      <c r="A34959" t="s">
        <v>51075</v>
      </c>
      <c r="B34959" t="s">
        <v>51077</v>
      </c>
      <c r="C34959">
        <v>0</v>
      </c>
      <c r="D34959">
        <v>0</v>
      </c>
    </row>
    <row r="34960" spans="1:4" x14ac:dyDescent="0.25">
      <c r="A34960" t="s">
        <v>51075</v>
      </c>
      <c r="B34960" t="s">
        <v>51078</v>
      </c>
      <c r="C34960">
        <v>0</v>
      </c>
      <c r="D34960">
        <v>0</v>
      </c>
    </row>
    <row r="34961" spans="1:4" x14ac:dyDescent="0.25">
      <c r="A34961" t="s">
        <v>51075</v>
      </c>
      <c r="B34961" t="s">
        <v>51079</v>
      </c>
      <c r="C34961">
        <v>1</v>
      </c>
      <c r="D34961">
        <v>0</v>
      </c>
    </row>
    <row r="34962" spans="1:4" x14ac:dyDescent="0.25">
      <c r="A34962" t="s">
        <v>51075</v>
      </c>
      <c r="B34962" t="s">
        <v>51080</v>
      </c>
      <c r="C34962">
        <v>1</v>
      </c>
      <c r="D34962">
        <v>0</v>
      </c>
    </row>
    <row r="34963" spans="1:4" x14ac:dyDescent="0.25">
      <c r="A34963" t="s">
        <v>51081</v>
      </c>
      <c r="B34963" t="s">
        <v>51082</v>
      </c>
      <c r="C34963">
        <v>2</v>
      </c>
      <c r="D34963">
        <v>0</v>
      </c>
    </row>
    <row r="34964" spans="1:4" x14ac:dyDescent="0.25">
      <c r="A34964" t="s">
        <v>51081</v>
      </c>
      <c r="B34964" t="s">
        <v>51083</v>
      </c>
      <c r="C34964">
        <v>1</v>
      </c>
      <c r="D34964">
        <v>0</v>
      </c>
    </row>
    <row r="34965" spans="1:4" x14ac:dyDescent="0.25">
      <c r="A34965" t="s">
        <v>51081</v>
      </c>
      <c r="B34965" t="s">
        <v>51084</v>
      </c>
      <c r="C34965">
        <v>1</v>
      </c>
      <c r="D34965">
        <v>0</v>
      </c>
    </row>
    <row r="34966" spans="1:4" x14ac:dyDescent="0.25">
      <c r="A34966" t="s">
        <v>51081</v>
      </c>
      <c r="B34966" t="s">
        <v>51085</v>
      </c>
      <c r="C34966">
        <v>1</v>
      </c>
      <c r="D34966">
        <v>0</v>
      </c>
    </row>
    <row r="34967" spans="1:4" x14ac:dyDescent="0.25">
      <c r="A34967" t="s">
        <v>51081</v>
      </c>
      <c r="B34967" t="s">
        <v>51086</v>
      </c>
      <c r="C34967">
        <v>0</v>
      </c>
      <c r="D34967">
        <v>0</v>
      </c>
    </row>
    <row r="34968" spans="1:4" x14ac:dyDescent="0.25">
      <c r="A34968" t="s">
        <v>51087</v>
      </c>
      <c r="B34968" t="s">
        <v>51088</v>
      </c>
      <c r="C34968">
        <v>2</v>
      </c>
      <c r="D34968">
        <v>0</v>
      </c>
    </row>
    <row r="34969" spans="1:4" x14ac:dyDescent="0.25">
      <c r="A34969" t="s">
        <v>51087</v>
      </c>
      <c r="B34969" t="s">
        <v>51089</v>
      </c>
      <c r="C34969">
        <v>2</v>
      </c>
      <c r="D34969">
        <v>0</v>
      </c>
    </row>
    <row r="34970" spans="1:4" x14ac:dyDescent="0.25">
      <c r="A34970" t="s">
        <v>51090</v>
      </c>
      <c r="B34970" t="s">
        <v>51091</v>
      </c>
      <c r="C34970">
        <v>1</v>
      </c>
      <c r="D34970">
        <v>0</v>
      </c>
    </row>
    <row r="34971" spans="1:4" x14ac:dyDescent="0.25">
      <c r="A34971" t="s">
        <v>51090</v>
      </c>
      <c r="B34971" t="s">
        <v>51092</v>
      </c>
      <c r="C34971">
        <v>1</v>
      </c>
      <c r="D34971">
        <v>0</v>
      </c>
    </row>
    <row r="34972" spans="1:4" x14ac:dyDescent="0.25">
      <c r="A34972" t="s">
        <v>51090</v>
      </c>
      <c r="B34972" t="s">
        <v>51093</v>
      </c>
      <c r="C34972">
        <v>1</v>
      </c>
      <c r="D34972">
        <v>0</v>
      </c>
    </row>
    <row r="34973" spans="1:4" x14ac:dyDescent="0.25">
      <c r="A34973" t="s">
        <v>51090</v>
      </c>
      <c r="B34973" t="s">
        <v>51094</v>
      </c>
      <c r="C34973">
        <v>1</v>
      </c>
      <c r="D34973">
        <v>0</v>
      </c>
    </row>
    <row r="34974" spans="1:4" x14ac:dyDescent="0.25">
      <c r="A34974" t="s">
        <v>51090</v>
      </c>
      <c r="B34974" t="s">
        <v>51095</v>
      </c>
      <c r="C34974">
        <v>1</v>
      </c>
      <c r="D34974">
        <v>0</v>
      </c>
    </row>
    <row r="34975" spans="1:4" x14ac:dyDescent="0.25">
      <c r="A34975" t="s">
        <v>51090</v>
      </c>
      <c r="B34975" t="s">
        <v>51096</v>
      </c>
      <c r="C34975">
        <v>1</v>
      </c>
      <c r="D34975">
        <v>0</v>
      </c>
    </row>
    <row r="34976" spans="1:4" x14ac:dyDescent="0.25">
      <c r="A34976" t="s">
        <v>51097</v>
      </c>
      <c r="B34976" t="s">
        <v>51098</v>
      </c>
      <c r="C34976">
        <v>0</v>
      </c>
      <c r="D34976">
        <v>0</v>
      </c>
    </row>
    <row r="34977" spans="1:4" x14ac:dyDescent="0.25">
      <c r="A34977" t="s">
        <v>51097</v>
      </c>
      <c r="B34977" t="s">
        <v>51099</v>
      </c>
      <c r="C34977">
        <v>1</v>
      </c>
      <c r="D34977">
        <v>0</v>
      </c>
    </row>
    <row r="34978" spans="1:4" x14ac:dyDescent="0.25">
      <c r="A34978" t="s">
        <v>51097</v>
      </c>
      <c r="B34978" t="s">
        <v>51100</v>
      </c>
      <c r="C34978">
        <v>0</v>
      </c>
      <c r="D34978">
        <v>0</v>
      </c>
    </row>
    <row r="34979" spans="1:4" x14ac:dyDescent="0.25">
      <c r="A34979" t="s">
        <v>51097</v>
      </c>
      <c r="B34979" t="s">
        <v>10993</v>
      </c>
      <c r="C34979">
        <v>0</v>
      </c>
      <c r="D34979">
        <v>0</v>
      </c>
    </row>
    <row r="34980" spans="1:4" x14ac:dyDescent="0.25">
      <c r="A34980" t="s">
        <v>51097</v>
      </c>
      <c r="B34980" t="s">
        <v>51101</v>
      </c>
      <c r="C34980">
        <v>0</v>
      </c>
      <c r="D34980">
        <v>0</v>
      </c>
    </row>
    <row r="34981" spans="1:4" x14ac:dyDescent="0.25">
      <c r="A34981" t="s">
        <v>51102</v>
      </c>
      <c r="B34981" t="s">
        <v>51103</v>
      </c>
      <c r="C34981">
        <v>2</v>
      </c>
      <c r="D34981">
        <v>0</v>
      </c>
    </row>
    <row r="34982" spans="1:4" x14ac:dyDescent="0.25">
      <c r="A34982" t="s">
        <v>51102</v>
      </c>
      <c r="B34982" t="s">
        <v>51104</v>
      </c>
      <c r="C34982">
        <v>1</v>
      </c>
      <c r="D34982">
        <v>0</v>
      </c>
    </row>
    <row r="34983" spans="1:4" x14ac:dyDescent="0.25">
      <c r="A34983" t="s">
        <v>51102</v>
      </c>
      <c r="B34983" t="s">
        <v>11075</v>
      </c>
      <c r="C34983">
        <v>1</v>
      </c>
      <c r="D34983">
        <v>0</v>
      </c>
    </row>
    <row r="34984" spans="1:4" x14ac:dyDescent="0.25">
      <c r="A34984" t="s">
        <v>51102</v>
      </c>
      <c r="B34984" t="s">
        <v>51105</v>
      </c>
      <c r="C34984">
        <v>2</v>
      </c>
      <c r="D34984">
        <v>0</v>
      </c>
    </row>
    <row r="34985" spans="1:4" x14ac:dyDescent="0.25">
      <c r="A34985" t="s">
        <v>51106</v>
      </c>
      <c r="B34985" t="s">
        <v>51107</v>
      </c>
      <c r="C34985">
        <v>0</v>
      </c>
      <c r="D34985">
        <v>0</v>
      </c>
    </row>
    <row r="34986" spans="1:4" x14ac:dyDescent="0.25">
      <c r="A34986" t="s">
        <v>51106</v>
      </c>
      <c r="B34986" t="s">
        <v>51108</v>
      </c>
      <c r="C34986">
        <v>0</v>
      </c>
      <c r="D34986">
        <v>0</v>
      </c>
    </row>
    <row r="34987" spans="1:4" x14ac:dyDescent="0.25">
      <c r="A34987" t="s">
        <v>51106</v>
      </c>
      <c r="B34987" t="s">
        <v>51109</v>
      </c>
      <c r="C34987">
        <v>0</v>
      </c>
      <c r="D34987">
        <v>0</v>
      </c>
    </row>
    <row r="34988" spans="1:4" x14ac:dyDescent="0.25">
      <c r="A34988" t="s">
        <v>51106</v>
      </c>
      <c r="B34988" t="s">
        <v>51110</v>
      </c>
      <c r="C34988">
        <v>0</v>
      </c>
      <c r="D34988">
        <v>0</v>
      </c>
    </row>
    <row r="34989" spans="1:4" x14ac:dyDescent="0.25">
      <c r="A34989" t="s">
        <v>51111</v>
      </c>
      <c r="B34989" t="s">
        <v>51112</v>
      </c>
      <c r="C34989">
        <v>1</v>
      </c>
      <c r="D34989">
        <v>0</v>
      </c>
    </row>
    <row r="34990" spans="1:4" x14ac:dyDescent="0.25">
      <c r="A34990" t="s">
        <v>51111</v>
      </c>
      <c r="B34990" t="s">
        <v>51113</v>
      </c>
      <c r="C34990">
        <v>1</v>
      </c>
      <c r="D34990">
        <v>0</v>
      </c>
    </row>
    <row r="34991" spans="1:4" x14ac:dyDescent="0.25">
      <c r="A34991" t="s">
        <v>51111</v>
      </c>
      <c r="B34991" t="s">
        <v>51114</v>
      </c>
      <c r="C34991">
        <v>1</v>
      </c>
      <c r="D34991">
        <v>0</v>
      </c>
    </row>
    <row r="34992" spans="1:4" x14ac:dyDescent="0.25">
      <c r="A34992" t="s">
        <v>51111</v>
      </c>
      <c r="B34992" t="s">
        <v>51115</v>
      </c>
      <c r="C34992">
        <v>1</v>
      </c>
      <c r="D34992">
        <v>0</v>
      </c>
    </row>
    <row r="34993" spans="1:4" x14ac:dyDescent="0.25">
      <c r="A34993" t="s">
        <v>51116</v>
      </c>
      <c r="B34993" t="s">
        <v>51117</v>
      </c>
      <c r="C34993">
        <v>0</v>
      </c>
      <c r="D34993">
        <v>0</v>
      </c>
    </row>
    <row r="34994" spans="1:4" x14ac:dyDescent="0.25">
      <c r="A34994" t="s">
        <v>51116</v>
      </c>
      <c r="B34994" t="s">
        <v>51118</v>
      </c>
      <c r="C34994">
        <v>1</v>
      </c>
      <c r="D34994">
        <v>0</v>
      </c>
    </row>
    <row r="34995" spans="1:4" x14ac:dyDescent="0.25">
      <c r="A34995" t="s">
        <v>51116</v>
      </c>
      <c r="B34995" t="s">
        <v>51119</v>
      </c>
      <c r="C34995">
        <v>1</v>
      </c>
      <c r="D34995">
        <v>0</v>
      </c>
    </row>
    <row r="34996" spans="1:4" x14ac:dyDescent="0.25">
      <c r="A34996" t="s">
        <v>51120</v>
      </c>
      <c r="B34996" t="s">
        <v>51121</v>
      </c>
      <c r="C34996">
        <v>1</v>
      </c>
      <c r="D34996">
        <v>0</v>
      </c>
    </row>
    <row r="34997" spans="1:4" x14ac:dyDescent="0.25">
      <c r="A34997" t="s">
        <v>51120</v>
      </c>
      <c r="B34997" t="s">
        <v>51122</v>
      </c>
      <c r="C34997">
        <v>1</v>
      </c>
      <c r="D34997">
        <v>0</v>
      </c>
    </row>
    <row r="34998" spans="1:4" x14ac:dyDescent="0.25">
      <c r="A34998" t="s">
        <v>51120</v>
      </c>
      <c r="B34998" t="s">
        <v>51123</v>
      </c>
      <c r="C34998">
        <v>1</v>
      </c>
      <c r="D34998">
        <v>0</v>
      </c>
    </row>
    <row r="34999" spans="1:4" x14ac:dyDescent="0.25">
      <c r="A34999" t="s">
        <v>51120</v>
      </c>
      <c r="B34999" t="s">
        <v>51124</v>
      </c>
      <c r="C34999">
        <v>1</v>
      </c>
      <c r="D34999">
        <v>0</v>
      </c>
    </row>
    <row r="35000" spans="1:4" x14ac:dyDescent="0.25">
      <c r="A35000" t="s">
        <v>51125</v>
      </c>
      <c r="B35000" t="s">
        <v>51126</v>
      </c>
      <c r="C35000">
        <v>0</v>
      </c>
      <c r="D35000">
        <v>0</v>
      </c>
    </row>
    <row r="35001" spans="1:4" x14ac:dyDescent="0.25">
      <c r="A35001" t="s">
        <v>51125</v>
      </c>
      <c r="B35001" t="s">
        <v>51127</v>
      </c>
      <c r="C35001">
        <v>1</v>
      </c>
      <c r="D35001">
        <v>0</v>
      </c>
    </row>
    <row r="35002" spans="1:4" x14ac:dyDescent="0.25">
      <c r="A35002" t="s">
        <v>51128</v>
      </c>
      <c r="B35002" t="s">
        <v>51129</v>
      </c>
      <c r="C35002">
        <v>1</v>
      </c>
      <c r="D35002">
        <v>0</v>
      </c>
    </row>
    <row r="35003" spans="1:4" x14ac:dyDescent="0.25">
      <c r="A35003" t="s">
        <v>51128</v>
      </c>
      <c r="B35003" t="s">
        <v>51130</v>
      </c>
      <c r="C35003">
        <v>1</v>
      </c>
      <c r="D35003">
        <v>0</v>
      </c>
    </row>
    <row r="35004" spans="1:4" x14ac:dyDescent="0.25">
      <c r="A35004" t="s">
        <v>51128</v>
      </c>
      <c r="B35004" t="s">
        <v>49794</v>
      </c>
      <c r="C35004">
        <v>1</v>
      </c>
      <c r="D35004">
        <v>0</v>
      </c>
    </row>
    <row r="35005" spans="1:4" x14ac:dyDescent="0.25">
      <c r="A35005" t="s">
        <v>51128</v>
      </c>
      <c r="B35005" t="s">
        <v>51131</v>
      </c>
      <c r="C35005">
        <v>2</v>
      </c>
      <c r="D35005">
        <v>0</v>
      </c>
    </row>
    <row r="35006" spans="1:4" x14ac:dyDescent="0.25">
      <c r="A35006" t="s">
        <v>51132</v>
      </c>
      <c r="B35006" t="s">
        <v>51133</v>
      </c>
      <c r="C35006">
        <v>1</v>
      </c>
      <c r="D35006">
        <v>0</v>
      </c>
    </row>
    <row r="35007" spans="1:4" x14ac:dyDescent="0.25">
      <c r="A35007" t="s">
        <v>51132</v>
      </c>
      <c r="B35007" t="s">
        <v>51134</v>
      </c>
      <c r="C35007">
        <v>1</v>
      </c>
      <c r="D35007">
        <v>0</v>
      </c>
    </row>
    <row r="35008" spans="1:4" x14ac:dyDescent="0.25">
      <c r="A35008" t="s">
        <v>51135</v>
      </c>
      <c r="B35008" t="s">
        <v>51136</v>
      </c>
      <c r="C35008">
        <v>0</v>
      </c>
      <c r="D35008">
        <v>0</v>
      </c>
    </row>
    <row r="35009" spans="1:4" x14ac:dyDescent="0.25">
      <c r="A35009" t="s">
        <v>51135</v>
      </c>
      <c r="B35009" t="s">
        <v>51137</v>
      </c>
      <c r="C35009">
        <v>2</v>
      </c>
      <c r="D35009">
        <v>0</v>
      </c>
    </row>
    <row r="35010" spans="1:4" x14ac:dyDescent="0.25">
      <c r="A35010" t="s">
        <v>51135</v>
      </c>
      <c r="B35010" t="s">
        <v>51138</v>
      </c>
      <c r="C35010">
        <v>1</v>
      </c>
      <c r="D35010">
        <v>0</v>
      </c>
    </row>
    <row r="35011" spans="1:4" x14ac:dyDescent="0.25">
      <c r="A35011" t="s">
        <v>51135</v>
      </c>
      <c r="B35011" t="s">
        <v>51139</v>
      </c>
      <c r="C35011">
        <v>1</v>
      </c>
      <c r="D35011">
        <v>0</v>
      </c>
    </row>
    <row r="35012" spans="1:4" x14ac:dyDescent="0.25">
      <c r="A35012" t="s">
        <v>51140</v>
      </c>
      <c r="B35012" t="s">
        <v>51141</v>
      </c>
      <c r="C35012">
        <v>1</v>
      </c>
      <c r="D35012">
        <v>0</v>
      </c>
    </row>
    <row r="35013" spans="1:4" x14ac:dyDescent="0.25">
      <c r="A35013" t="s">
        <v>51140</v>
      </c>
      <c r="B35013" t="s">
        <v>51142</v>
      </c>
      <c r="C35013">
        <v>0</v>
      </c>
      <c r="D35013">
        <v>0</v>
      </c>
    </row>
    <row r="35014" spans="1:4" x14ac:dyDescent="0.25">
      <c r="A35014" t="s">
        <v>51140</v>
      </c>
      <c r="B35014" t="s">
        <v>51143</v>
      </c>
      <c r="C35014">
        <v>1</v>
      </c>
      <c r="D35014">
        <v>0</v>
      </c>
    </row>
    <row r="35015" spans="1:4" x14ac:dyDescent="0.25">
      <c r="A35015" t="s">
        <v>51140</v>
      </c>
      <c r="B35015" t="s">
        <v>51144</v>
      </c>
      <c r="C35015">
        <v>1</v>
      </c>
      <c r="D35015">
        <v>0</v>
      </c>
    </row>
    <row r="35016" spans="1:4" x14ac:dyDescent="0.25">
      <c r="A35016" t="s">
        <v>51140</v>
      </c>
      <c r="B35016" t="s">
        <v>51145</v>
      </c>
      <c r="C35016">
        <v>1</v>
      </c>
      <c r="D35016">
        <v>0</v>
      </c>
    </row>
    <row r="35017" spans="1:4" x14ac:dyDescent="0.25">
      <c r="A35017" t="s">
        <v>51146</v>
      </c>
      <c r="B35017" t="s">
        <v>51147</v>
      </c>
      <c r="C35017">
        <v>0</v>
      </c>
      <c r="D35017">
        <v>0</v>
      </c>
    </row>
    <row r="35018" spans="1:4" x14ac:dyDescent="0.25">
      <c r="A35018" t="s">
        <v>51146</v>
      </c>
      <c r="B35018" t="s">
        <v>51148</v>
      </c>
      <c r="C35018">
        <v>2</v>
      </c>
      <c r="D35018">
        <v>0</v>
      </c>
    </row>
    <row r="35019" spans="1:4" x14ac:dyDescent="0.25">
      <c r="A35019" t="s">
        <v>51146</v>
      </c>
      <c r="B35019" t="s">
        <v>51149</v>
      </c>
      <c r="C35019">
        <v>1</v>
      </c>
      <c r="D35019">
        <v>0</v>
      </c>
    </row>
    <row r="35020" spans="1:4" x14ac:dyDescent="0.25">
      <c r="A35020" t="s">
        <v>51150</v>
      </c>
      <c r="B35020" t="s">
        <v>51151</v>
      </c>
      <c r="C35020">
        <v>0</v>
      </c>
      <c r="D35020">
        <v>0</v>
      </c>
    </row>
    <row r="35021" spans="1:4" x14ac:dyDescent="0.25">
      <c r="A35021" t="s">
        <v>51150</v>
      </c>
      <c r="B35021" t="s">
        <v>51152</v>
      </c>
      <c r="C35021">
        <v>2</v>
      </c>
      <c r="D35021">
        <v>0</v>
      </c>
    </row>
    <row r="35022" spans="1:4" x14ac:dyDescent="0.25">
      <c r="A35022" t="s">
        <v>51153</v>
      </c>
      <c r="B35022" t="s">
        <v>51154</v>
      </c>
      <c r="C35022">
        <v>1</v>
      </c>
      <c r="D35022">
        <v>0</v>
      </c>
    </row>
    <row r="35023" spans="1:4" x14ac:dyDescent="0.25">
      <c r="A35023" t="s">
        <v>51155</v>
      </c>
      <c r="B35023" t="s">
        <v>51156</v>
      </c>
      <c r="C35023">
        <v>1</v>
      </c>
      <c r="D35023">
        <v>0</v>
      </c>
    </row>
    <row r="35024" spans="1:4" x14ac:dyDescent="0.25">
      <c r="A35024" t="s">
        <v>51155</v>
      </c>
      <c r="B35024" t="s">
        <v>51157</v>
      </c>
      <c r="C35024">
        <v>1</v>
      </c>
      <c r="D35024">
        <v>0</v>
      </c>
    </row>
    <row r="35025" spans="1:4" x14ac:dyDescent="0.25">
      <c r="A35025" t="s">
        <v>51155</v>
      </c>
      <c r="B35025" t="s">
        <v>51158</v>
      </c>
      <c r="C35025">
        <v>0</v>
      </c>
      <c r="D35025">
        <v>0</v>
      </c>
    </row>
    <row r="35026" spans="1:4" x14ac:dyDescent="0.25">
      <c r="A35026" t="s">
        <v>51155</v>
      </c>
      <c r="B35026" t="s">
        <v>47872</v>
      </c>
      <c r="C35026">
        <v>1</v>
      </c>
      <c r="D35026">
        <v>0</v>
      </c>
    </row>
    <row r="35027" spans="1:4" x14ac:dyDescent="0.25">
      <c r="A35027" t="s">
        <v>51155</v>
      </c>
      <c r="B35027" t="s">
        <v>51159</v>
      </c>
      <c r="C35027">
        <v>1</v>
      </c>
      <c r="D35027">
        <v>0</v>
      </c>
    </row>
    <row r="35028" spans="1:4" x14ac:dyDescent="0.25">
      <c r="A35028" t="s">
        <v>51155</v>
      </c>
      <c r="B35028" t="s">
        <v>51160</v>
      </c>
      <c r="C35028">
        <v>0</v>
      </c>
      <c r="D35028">
        <v>0</v>
      </c>
    </row>
    <row r="35029" spans="1:4" x14ac:dyDescent="0.25">
      <c r="A35029" t="s">
        <v>51155</v>
      </c>
      <c r="B35029" t="s">
        <v>51161</v>
      </c>
      <c r="C35029">
        <v>2</v>
      </c>
      <c r="D35029">
        <v>0</v>
      </c>
    </row>
    <row r="35030" spans="1:4" x14ac:dyDescent="0.25">
      <c r="A35030" t="s">
        <v>51162</v>
      </c>
      <c r="B35030" t="s">
        <v>51163</v>
      </c>
      <c r="C35030">
        <v>1</v>
      </c>
      <c r="D35030">
        <v>0</v>
      </c>
    </row>
    <row r="35031" spans="1:4" x14ac:dyDescent="0.25">
      <c r="A35031" t="s">
        <v>51162</v>
      </c>
      <c r="B35031" t="s">
        <v>51164</v>
      </c>
      <c r="C35031">
        <v>1</v>
      </c>
      <c r="D35031">
        <v>0</v>
      </c>
    </row>
    <row r="35032" spans="1:4" x14ac:dyDescent="0.25">
      <c r="A35032" t="s">
        <v>51162</v>
      </c>
      <c r="B35032" t="s">
        <v>51165</v>
      </c>
      <c r="C35032">
        <v>1</v>
      </c>
      <c r="D35032">
        <v>0</v>
      </c>
    </row>
    <row r="35033" spans="1:4" x14ac:dyDescent="0.25">
      <c r="A35033" t="s">
        <v>51166</v>
      </c>
      <c r="B35033" t="s">
        <v>51167</v>
      </c>
      <c r="C35033">
        <v>0</v>
      </c>
      <c r="D35033">
        <v>0</v>
      </c>
    </row>
    <row r="35034" spans="1:4" x14ac:dyDescent="0.25">
      <c r="A35034" t="s">
        <v>51166</v>
      </c>
      <c r="B35034" t="s">
        <v>51168</v>
      </c>
      <c r="C35034">
        <v>1</v>
      </c>
      <c r="D35034">
        <v>0</v>
      </c>
    </row>
    <row r="35035" spans="1:4" x14ac:dyDescent="0.25">
      <c r="A35035" t="s">
        <v>51169</v>
      </c>
      <c r="B35035" t="s">
        <v>51170</v>
      </c>
      <c r="C35035">
        <v>1</v>
      </c>
      <c r="D35035">
        <v>0</v>
      </c>
    </row>
    <row r="35036" spans="1:4" x14ac:dyDescent="0.25">
      <c r="A35036" t="s">
        <v>51169</v>
      </c>
      <c r="B35036" t="s">
        <v>51171</v>
      </c>
      <c r="C35036">
        <v>1</v>
      </c>
      <c r="D35036">
        <v>0</v>
      </c>
    </row>
    <row r="35037" spans="1:4" x14ac:dyDescent="0.25">
      <c r="A35037" t="s">
        <v>51169</v>
      </c>
      <c r="B35037" t="s">
        <v>51172</v>
      </c>
      <c r="C35037">
        <v>2</v>
      </c>
      <c r="D35037">
        <v>0</v>
      </c>
    </row>
    <row r="35038" spans="1:4" x14ac:dyDescent="0.25">
      <c r="A35038" t="s">
        <v>51169</v>
      </c>
      <c r="B35038" t="s">
        <v>51173</v>
      </c>
      <c r="C35038">
        <v>0</v>
      </c>
      <c r="D35038">
        <v>0</v>
      </c>
    </row>
    <row r="35039" spans="1:4" x14ac:dyDescent="0.25">
      <c r="A35039" t="s">
        <v>51169</v>
      </c>
      <c r="B35039" t="s">
        <v>51174</v>
      </c>
      <c r="C35039">
        <v>0</v>
      </c>
      <c r="D35039">
        <v>0</v>
      </c>
    </row>
    <row r="35040" spans="1:4" x14ac:dyDescent="0.25">
      <c r="A35040" t="s">
        <v>51169</v>
      </c>
      <c r="B35040" t="s">
        <v>5864</v>
      </c>
      <c r="C35040">
        <v>1</v>
      </c>
      <c r="D35040">
        <v>0</v>
      </c>
    </row>
    <row r="35041" spans="1:4" x14ac:dyDescent="0.25">
      <c r="A35041" t="s">
        <v>51175</v>
      </c>
      <c r="B35041" t="s">
        <v>5713</v>
      </c>
      <c r="C35041">
        <v>1</v>
      </c>
      <c r="D35041">
        <v>0</v>
      </c>
    </row>
    <row r="35042" spans="1:4" x14ac:dyDescent="0.25">
      <c r="A35042" t="s">
        <v>51175</v>
      </c>
      <c r="B35042" t="s">
        <v>2865</v>
      </c>
      <c r="C35042">
        <v>0</v>
      </c>
      <c r="D35042">
        <v>0</v>
      </c>
    </row>
    <row r="35043" spans="1:4" x14ac:dyDescent="0.25">
      <c r="A35043" t="s">
        <v>51175</v>
      </c>
      <c r="B35043" t="s">
        <v>51176</v>
      </c>
      <c r="C35043">
        <v>0</v>
      </c>
      <c r="D35043">
        <v>0</v>
      </c>
    </row>
    <row r="35044" spans="1:4" x14ac:dyDescent="0.25">
      <c r="A35044" t="s">
        <v>51177</v>
      </c>
      <c r="B35044" t="s">
        <v>51178</v>
      </c>
      <c r="C35044">
        <v>1</v>
      </c>
      <c r="D35044">
        <v>0</v>
      </c>
    </row>
    <row r="35045" spans="1:4" x14ac:dyDescent="0.25">
      <c r="A35045" t="s">
        <v>51177</v>
      </c>
      <c r="B35045" t="s">
        <v>51179</v>
      </c>
      <c r="C35045">
        <v>1</v>
      </c>
      <c r="D35045">
        <v>0</v>
      </c>
    </row>
    <row r="35046" spans="1:4" x14ac:dyDescent="0.25">
      <c r="A35046" t="s">
        <v>51177</v>
      </c>
      <c r="B35046" t="s">
        <v>51180</v>
      </c>
      <c r="C35046">
        <v>1</v>
      </c>
      <c r="D35046">
        <v>0</v>
      </c>
    </row>
    <row r="35047" spans="1:4" x14ac:dyDescent="0.25">
      <c r="A35047" t="s">
        <v>51177</v>
      </c>
      <c r="B35047" t="s">
        <v>5434</v>
      </c>
      <c r="C35047">
        <v>1</v>
      </c>
      <c r="D35047">
        <v>0</v>
      </c>
    </row>
    <row r="35048" spans="1:4" x14ac:dyDescent="0.25">
      <c r="A35048" t="s">
        <v>51177</v>
      </c>
      <c r="B35048" t="s">
        <v>51181</v>
      </c>
      <c r="C35048">
        <v>1</v>
      </c>
      <c r="D35048">
        <v>0</v>
      </c>
    </row>
    <row r="35049" spans="1:4" x14ac:dyDescent="0.25">
      <c r="A35049" t="s">
        <v>51177</v>
      </c>
      <c r="B35049" t="s">
        <v>51182</v>
      </c>
      <c r="C35049">
        <v>1</v>
      </c>
      <c r="D35049">
        <v>0</v>
      </c>
    </row>
    <row r="35050" spans="1:4" x14ac:dyDescent="0.25">
      <c r="A35050" t="s">
        <v>51183</v>
      </c>
      <c r="B35050" t="s">
        <v>51184</v>
      </c>
      <c r="C35050">
        <v>1</v>
      </c>
      <c r="D35050">
        <v>0</v>
      </c>
    </row>
    <row r="35051" spans="1:4" x14ac:dyDescent="0.25">
      <c r="A35051" t="s">
        <v>51183</v>
      </c>
      <c r="B35051" t="s">
        <v>51185</v>
      </c>
      <c r="C35051">
        <v>1</v>
      </c>
      <c r="D35051">
        <v>0</v>
      </c>
    </row>
    <row r="35052" spans="1:4" x14ac:dyDescent="0.25">
      <c r="A35052" t="s">
        <v>51183</v>
      </c>
      <c r="B35052" t="s">
        <v>51186</v>
      </c>
      <c r="C35052">
        <v>1</v>
      </c>
      <c r="D35052">
        <v>0</v>
      </c>
    </row>
    <row r="35053" spans="1:4" x14ac:dyDescent="0.25">
      <c r="A35053" t="s">
        <v>51183</v>
      </c>
      <c r="B35053" t="s">
        <v>51187</v>
      </c>
      <c r="C35053">
        <v>1</v>
      </c>
      <c r="D35053">
        <v>0</v>
      </c>
    </row>
    <row r="35054" spans="1:4" x14ac:dyDescent="0.25">
      <c r="A35054" t="s">
        <v>51183</v>
      </c>
      <c r="B35054" t="s">
        <v>51188</v>
      </c>
      <c r="C35054">
        <v>0</v>
      </c>
      <c r="D35054">
        <v>0</v>
      </c>
    </row>
    <row r="35055" spans="1:4" x14ac:dyDescent="0.25">
      <c r="A35055" t="s">
        <v>51183</v>
      </c>
      <c r="B35055" t="s">
        <v>51189</v>
      </c>
      <c r="C35055">
        <v>1</v>
      </c>
      <c r="D35055">
        <v>0</v>
      </c>
    </row>
    <row r="35056" spans="1:4" x14ac:dyDescent="0.25">
      <c r="A35056" t="s">
        <v>51190</v>
      </c>
      <c r="B35056" t="s">
        <v>51191</v>
      </c>
      <c r="C35056">
        <v>0</v>
      </c>
      <c r="D35056">
        <v>0</v>
      </c>
    </row>
    <row r="35057" spans="1:4" x14ac:dyDescent="0.25">
      <c r="A35057" t="s">
        <v>51190</v>
      </c>
      <c r="B35057" t="s">
        <v>51192</v>
      </c>
      <c r="C35057">
        <v>2</v>
      </c>
      <c r="D35057">
        <v>0</v>
      </c>
    </row>
    <row r="35058" spans="1:4" x14ac:dyDescent="0.25">
      <c r="A35058" t="s">
        <v>51190</v>
      </c>
      <c r="B35058" t="s">
        <v>51193</v>
      </c>
      <c r="C35058">
        <v>0</v>
      </c>
      <c r="D35058">
        <v>0</v>
      </c>
    </row>
    <row r="35059" spans="1:4" x14ac:dyDescent="0.25">
      <c r="A35059" t="s">
        <v>51190</v>
      </c>
      <c r="B35059" t="s">
        <v>51194</v>
      </c>
      <c r="C35059">
        <v>1</v>
      </c>
      <c r="D35059">
        <v>0</v>
      </c>
    </row>
    <row r="35060" spans="1:4" x14ac:dyDescent="0.25">
      <c r="A35060" t="s">
        <v>51195</v>
      </c>
      <c r="B35060" t="s">
        <v>51196</v>
      </c>
      <c r="C35060">
        <v>1</v>
      </c>
      <c r="D35060">
        <v>0</v>
      </c>
    </row>
    <row r="35061" spans="1:4" x14ac:dyDescent="0.25">
      <c r="A35061" t="s">
        <v>51195</v>
      </c>
      <c r="B35061" t="s">
        <v>51197</v>
      </c>
      <c r="C35061">
        <v>1</v>
      </c>
      <c r="D35061">
        <v>0</v>
      </c>
    </row>
    <row r="35062" spans="1:4" x14ac:dyDescent="0.25">
      <c r="A35062" t="s">
        <v>51195</v>
      </c>
      <c r="B35062" t="s">
        <v>51198</v>
      </c>
      <c r="C35062">
        <v>0</v>
      </c>
      <c r="D35062">
        <v>0</v>
      </c>
    </row>
    <row r="35063" spans="1:4" x14ac:dyDescent="0.25">
      <c r="A35063" t="s">
        <v>51195</v>
      </c>
      <c r="B35063" t="s">
        <v>51199</v>
      </c>
      <c r="C35063">
        <v>1</v>
      </c>
      <c r="D35063">
        <v>0</v>
      </c>
    </row>
    <row r="35064" spans="1:4" x14ac:dyDescent="0.25">
      <c r="A35064" t="s">
        <v>51200</v>
      </c>
      <c r="B35064" t="s">
        <v>51201</v>
      </c>
      <c r="C35064">
        <v>2</v>
      </c>
      <c r="D35064">
        <v>0</v>
      </c>
    </row>
    <row r="35065" spans="1:4" x14ac:dyDescent="0.25">
      <c r="A35065" t="s">
        <v>51200</v>
      </c>
      <c r="B35065" t="s">
        <v>51202</v>
      </c>
      <c r="C35065">
        <v>0</v>
      </c>
      <c r="D35065">
        <v>0</v>
      </c>
    </row>
    <row r="35066" spans="1:4" x14ac:dyDescent="0.25">
      <c r="A35066" t="s">
        <v>51200</v>
      </c>
      <c r="B35066" t="s">
        <v>51203</v>
      </c>
      <c r="C35066">
        <v>2</v>
      </c>
      <c r="D35066">
        <v>0</v>
      </c>
    </row>
    <row r="35067" spans="1:4" x14ac:dyDescent="0.25">
      <c r="A35067" t="s">
        <v>51200</v>
      </c>
      <c r="B35067" t="s">
        <v>51204</v>
      </c>
      <c r="C35067">
        <v>0</v>
      </c>
      <c r="D35067">
        <v>0</v>
      </c>
    </row>
    <row r="35068" spans="1:4" x14ac:dyDescent="0.25">
      <c r="A35068" t="s">
        <v>51200</v>
      </c>
      <c r="B35068" t="s">
        <v>51205</v>
      </c>
      <c r="C35068">
        <v>1</v>
      </c>
      <c r="D35068">
        <v>0</v>
      </c>
    </row>
    <row r="35069" spans="1:4" x14ac:dyDescent="0.25">
      <c r="A35069" t="s">
        <v>51200</v>
      </c>
      <c r="B35069" t="s">
        <v>51206</v>
      </c>
      <c r="C35069">
        <v>1</v>
      </c>
      <c r="D35069">
        <v>0</v>
      </c>
    </row>
    <row r="35070" spans="1:4" x14ac:dyDescent="0.25">
      <c r="A35070" t="s">
        <v>51207</v>
      </c>
      <c r="B35070" t="s">
        <v>51208</v>
      </c>
      <c r="C35070">
        <v>1</v>
      </c>
      <c r="D35070">
        <v>0</v>
      </c>
    </row>
    <row r="35071" spans="1:4" x14ac:dyDescent="0.25">
      <c r="A35071" t="s">
        <v>51207</v>
      </c>
      <c r="B35071" t="s">
        <v>51209</v>
      </c>
      <c r="C35071">
        <v>1</v>
      </c>
      <c r="D35071">
        <v>0</v>
      </c>
    </row>
    <row r="35072" spans="1:4" x14ac:dyDescent="0.25">
      <c r="A35072" t="s">
        <v>51210</v>
      </c>
      <c r="B35072" t="s">
        <v>51211</v>
      </c>
      <c r="C35072">
        <v>2</v>
      </c>
      <c r="D35072">
        <v>0</v>
      </c>
    </row>
    <row r="35073" spans="1:4" x14ac:dyDescent="0.25">
      <c r="A35073" t="s">
        <v>51210</v>
      </c>
      <c r="B35073" t="s">
        <v>51212</v>
      </c>
      <c r="C35073">
        <v>1</v>
      </c>
      <c r="D35073">
        <v>0</v>
      </c>
    </row>
    <row r="35074" spans="1:4" x14ac:dyDescent="0.25">
      <c r="A35074" t="s">
        <v>51210</v>
      </c>
      <c r="B35074" t="s">
        <v>5713</v>
      </c>
      <c r="C35074">
        <v>1</v>
      </c>
      <c r="D35074">
        <v>0</v>
      </c>
    </row>
    <row r="35075" spans="1:4" x14ac:dyDescent="0.25">
      <c r="A35075" t="s">
        <v>51210</v>
      </c>
      <c r="B35075" t="s">
        <v>51213</v>
      </c>
      <c r="C35075">
        <v>1</v>
      </c>
      <c r="D35075">
        <v>0</v>
      </c>
    </row>
    <row r="35076" spans="1:4" x14ac:dyDescent="0.25">
      <c r="A35076" t="s">
        <v>51214</v>
      </c>
      <c r="B35076" t="s">
        <v>51215</v>
      </c>
      <c r="C35076">
        <v>1</v>
      </c>
      <c r="D35076">
        <v>0</v>
      </c>
    </row>
    <row r="35077" spans="1:4" x14ac:dyDescent="0.25">
      <c r="A35077" t="s">
        <v>51214</v>
      </c>
      <c r="B35077" t="s">
        <v>47999</v>
      </c>
      <c r="C35077">
        <v>1</v>
      </c>
      <c r="D35077">
        <v>0</v>
      </c>
    </row>
    <row r="35078" spans="1:4" x14ac:dyDescent="0.25">
      <c r="A35078" t="s">
        <v>51214</v>
      </c>
      <c r="B35078" t="s">
        <v>51216</v>
      </c>
      <c r="C35078">
        <v>1</v>
      </c>
      <c r="D35078">
        <v>0</v>
      </c>
    </row>
    <row r="35079" spans="1:4" x14ac:dyDescent="0.25">
      <c r="A35079" t="s">
        <v>51217</v>
      </c>
      <c r="B35079" t="s">
        <v>5713</v>
      </c>
      <c r="C35079">
        <v>1</v>
      </c>
      <c r="D35079">
        <v>0</v>
      </c>
    </row>
    <row r="35080" spans="1:4" x14ac:dyDescent="0.25">
      <c r="A35080" t="s">
        <v>51217</v>
      </c>
      <c r="B35080" t="s">
        <v>51218</v>
      </c>
      <c r="C35080">
        <v>1</v>
      </c>
      <c r="D35080">
        <v>0</v>
      </c>
    </row>
    <row r="35081" spans="1:4" x14ac:dyDescent="0.25">
      <c r="A35081" t="s">
        <v>51217</v>
      </c>
      <c r="B35081" t="s">
        <v>51219</v>
      </c>
      <c r="C35081">
        <v>2</v>
      </c>
      <c r="D35081">
        <v>0</v>
      </c>
    </row>
    <row r="35082" spans="1:4" x14ac:dyDescent="0.25">
      <c r="A35082" t="s">
        <v>51217</v>
      </c>
      <c r="B35082" t="s">
        <v>51220</v>
      </c>
      <c r="C35082">
        <v>1</v>
      </c>
      <c r="D35082">
        <v>0</v>
      </c>
    </row>
    <row r="35083" spans="1:4" x14ac:dyDescent="0.25">
      <c r="A35083" t="s">
        <v>51217</v>
      </c>
      <c r="B35083" t="s">
        <v>51221</v>
      </c>
      <c r="C35083">
        <v>1</v>
      </c>
      <c r="D35083">
        <v>0</v>
      </c>
    </row>
    <row r="35084" spans="1:4" x14ac:dyDescent="0.25">
      <c r="A35084" t="s">
        <v>51222</v>
      </c>
      <c r="B35084" t="s">
        <v>51223</v>
      </c>
      <c r="C35084">
        <v>0</v>
      </c>
      <c r="D35084">
        <v>0</v>
      </c>
    </row>
    <row r="35085" spans="1:4" x14ac:dyDescent="0.25">
      <c r="A35085" t="s">
        <v>51222</v>
      </c>
      <c r="B35085" t="s">
        <v>27699</v>
      </c>
      <c r="C35085">
        <v>0</v>
      </c>
      <c r="D35085">
        <v>0</v>
      </c>
    </row>
    <row r="35086" spans="1:4" x14ac:dyDescent="0.25">
      <c r="A35086" t="s">
        <v>51222</v>
      </c>
      <c r="B35086" t="s">
        <v>398</v>
      </c>
      <c r="C35086">
        <v>0</v>
      </c>
      <c r="D35086">
        <v>0</v>
      </c>
    </row>
    <row r="35087" spans="1:4" x14ac:dyDescent="0.25">
      <c r="A35087" t="s">
        <v>51224</v>
      </c>
      <c r="B35087" t="s">
        <v>51225</v>
      </c>
      <c r="C35087">
        <v>1</v>
      </c>
      <c r="D35087">
        <v>0</v>
      </c>
    </row>
    <row r="35088" spans="1:4" x14ac:dyDescent="0.25">
      <c r="A35088" t="s">
        <v>51224</v>
      </c>
      <c r="B35088" t="s">
        <v>51226</v>
      </c>
      <c r="C35088">
        <v>1</v>
      </c>
      <c r="D35088">
        <v>0</v>
      </c>
    </row>
    <row r="35089" spans="1:4" x14ac:dyDescent="0.25">
      <c r="A35089" t="s">
        <v>51224</v>
      </c>
      <c r="B35089" t="s">
        <v>51227</v>
      </c>
      <c r="C35089">
        <v>0</v>
      </c>
      <c r="D35089">
        <v>0</v>
      </c>
    </row>
    <row r="35090" spans="1:4" x14ac:dyDescent="0.25">
      <c r="A35090" t="s">
        <v>51228</v>
      </c>
      <c r="B35090" t="s">
        <v>51229</v>
      </c>
      <c r="C35090">
        <v>0</v>
      </c>
      <c r="D35090">
        <v>0</v>
      </c>
    </row>
    <row r="35091" spans="1:4" x14ac:dyDescent="0.25">
      <c r="A35091" t="s">
        <v>51230</v>
      </c>
      <c r="B35091" t="s">
        <v>51231</v>
      </c>
      <c r="C35091">
        <v>0</v>
      </c>
      <c r="D35091">
        <v>0</v>
      </c>
    </row>
    <row r="35092" spans="1:4" x14ac:dyDescent="0.25">
      <c r="A35092" t="s">
        <v>51230</v>
      </c>
      <c r="B35092" t="s">
        <v>51232</v>
      </c>
      <c r="C35092">
        <v>0</v>
      </c>
      <c r="D35092">
        <v>0</v>
      </c>
    </row>
    <row r="35093" spans="1:4" x14ac:dyDescent="0.25">
      <c r="A35093" t="s">
        <v>51230</v>
      </c>
      <c r="B35093" t="s">
        <v>51233</v>
      </c>
      <c r="C35093">
        <v>1</v>
      </c>
      <c r="D35093">
        <v>0</v>
      </c>
    </row>
    <row r="35094" spans="1:4" x14ac:dyDescent="0.25">
      <c r="A35094" t="s">
        <v>51230</v>
      </c>
      <c r="B35094" t="s">
        <v>51234</v>
      </c>
      <c r="C35094">
        <v>0</v>
      </c>
      <c r="D35094">
        <v>0</v>
      </c>
    </row>
    <row r="35095" spans="1:4" x14ac:dyDescent="0.25">
      <c r="A35095" t="s">
        <v>51235</v>
      </c>
      <c r="B35095" t="s">
        <v>51236</v>
      </c>
      <c r="C35095">
        <v>1</v>
      </c>
      <c r="D35095">
        <v>0</v>
      </c>
    </row>
    <row r="35096" spans="1:4" x14ac:dyDescent="0.25">
      <c r="A35096" t="s">
        <v>51235</v>
      </c>
      <c r="B35096" t="s">
        <v>51237</v>
      </c>
      <c r="C35096">
        <v>0</v>
      </c>
      <c r="D35096">
        <v>0</v>
      </c>
    </row>
    <row r="35097" spans="1:4" x14ac:dyDescent="0.25">
      <c r="A35097" t="s">
        <v>51235</v>
      </c>
      <c r="B35097" t="s">
        <v>51238</v>
      </c>
      <c r="C35097">
        <v>0</v>
      </c>
      <c r="D35097">
        <v>0</v>
      </c>
    </row>
    <row r="35098" spans="1:4" x14ac:dyDescent="0.25">
      <c r="A35098" t="s">
        <v>51235</v>
      </c>
      <c r="B35098" t="s">
        <v>51239</v>
      </c>
      <c r="C35098">
        <v>1</v>
      </c>
      <c r="D35098">
        <v>0</v>
      </c>
    </row>
    <row r="35099" spans="1:4" x14ac:dyDescent="0.25">
      <c r="A35099" t="s">
        <v>51235</v>
      </c>
      <c r="B35099" t="s">
        <v>51240</v>
      </c>
      <c r="C35099">
        <v>0</v>
      </c>
      <c r="D35099">
        <v>0</v>
      </c>
    </row>
    <row r="35100" spans="1:4" x14ac:dyDescent="0.25">
      <c r="A35100" t="s">
        <v>51235</v>
      </c>
      <c r="B35100" t="s">
        <v>51241</v>
      </c>
      <c r="C35100">
        <v>0</v>
      </c>
      <c r="D35100">
        <v>0</v>
      </c>
    </row>
    <row r="35101" spans="1:4" x14ac:dyDescent="0.25">
      <c r="A35101" t="s">
        <v>51235</v>
      </c>
      <c r="B35101" t="s">
        <v>51242</v>
      </c>
      <c r="C35101">
        <v>0</v>
      </c>
      <c r="D35101">
        <v>0</v>
      </c>
    </row>
    <row r="35102" spans="1:4" x14ac:dyDescent="0.25">
      <c r="A35102" t="s">
        <v>51243</v>
      </c>
      <c r="B35102" t="s">
        <v>51244</v>
      </c>
      <c r="C35102">
        <v>1</v>
      </c>
      <c r="D35102">
        <v>0</v>
      </c>
    </row>
    <row r="35103" spans="1:4" x14ac:dyDescent="0.25">
      <c r="A35103" t="s">
        <v>51243</v>
      </c>
      <c r="B35103" t="s">
        <v>51245</v>
      </c>
      <c r="C35103">
        <v>0</v>
      </c>
      <c r="D35103">
        <v>0</v>
      </c>
    </row>
    <row r="35104" spans="1:4" x14ac:dyDescent="0.25">
      <c r="A35104" t="s">
        <v>51243</v>
      </c>
      <c r="B35104" t="s">
        <v>51246</v>
      </c>
      <c r="C35104">
        <v>0</v>
      </c>
      <c r="D35104">
        <v>0</v>
      </c>
    </row>
    <row r="35105" spans="1:4" x14ac:dyDescent="0.25">
      <c r="A35105" t="s">
        <v>51243</v>
      </c>
      <c r="B35105" t="s">
        <v>51247</v>
      </c>
      <c r="C35105">
        <v>1</v>
      </c>
      <c r="D35105">
        <v>0</v>
      </c>
    </row>
    <row r="35106" spans="1:4" x14ac:dyDescent="0.25">
      <c r="A35106" t="s">
        <v>51243</v>
      </c>
      <c r="B35106" t="s">
        <v>51248</v>
      </c>
      <c r="C35106">
        <v>1</v>
      </c>
      <c r="D35106">
        <v>0</v>
      </c>
    </row>
    <row r="35107" spans="1:4" x14ac:dyDescent="0.25">
      <c r="A35107" t="s">
        <v>51249</v>
      </c>
      <c r="B35107" t="s">
        <v>51250</v>
      </c>
      <c r="C35107">
        <v>0</v>
      </c>
      <c r="D35107">
        <v>0</v>
      </c>
    </row>
    <row r="35108" spans="1:4" x14ac:dyDescent="0.25">
      <c r="A35108" t="s">
        <v>51249</v>
      </c>
      <c r="B35108" t="s">
        <v>51251</v>
      </c>
      <c r="C35108">
        <v>0</v>
      </c>
      <c r="D35108">
        <v>0</v>
      </c>
    </row>
    <row r="35109" spans="1:4" x14ac:dyDescent="0.25">
      <c r="A35109" t="s">
        <v>51252</v>
      </c>
      <c r="B35109" t="s">
        <v>51253</v>
      </c>
      <c r="C35109">
        <v>1</v>
      </c>
      <c r="D35109">
        <v>0</v>
      </c>
    </row>
    <row r="35110" spans="1:4" x14ac:dyDescent="0.25">
      <c r="A35110" t="s">
        <v>51252</v>
      </c>
      <c r="B35110" t="s">
        <v>51254</v>
      </c>
      <c r="C35110">
        <v>1</v>
      </c>
      <c r="D35110">
        <v>0</v>
      </c>
    </row>
    <row r="35111" spans="1:4" x14ac:dyDescent="0.25">
      <c r="A35111" t="s">
        <v>51252</v>
      </c>
      <c r="B35111" t="s">
        <v>51255</v>
      </c>
      <c r="C35111">
        <v>1</v>
      </c>
      <c r="D35111">
        <v>0</v>
      </c>
    </row>
    <row r="35112" spans="1:4" x14ac:dyDescent="0.25">
      <c r="A35112" t="s">
        <v>51252</v>
      </c>
      <c r="B35112" t="s">
        <v>28950</v>
      </c>
      <c r="C35112">
        <v>1</v>
      </c>
      <c r="D35112">
        <v>0</v>
      </c>
    </row>
    <row r="35113" spans="1:4" x14ac:dyDescent="0.25">
      <c r="A35113" t="s">
        <v>51256</v>
      </c>
      <c r="B35113" t="s">
        <v>2865</v>
      </c>
      <c r="C35113">
        <v>0</v>
      </c>
      <c r="D35113">
        <v>0</v>
      </c>
    </row>
    <row r="35114" spans="1:4" x14ac:dyDescent="0.25">
      <c r="A35114" t="s">
        <v>51256</v>
      </c>
      <c r="B35114" t="s">
        <v>51257</v>
      </c>
      <c r="C35114">
        <v>2</v>
      </c>
      <c r="D35114">
        <v>0</v>
      </c>
    </row>
    <row r="35115" spans="1:4" x14ac:dyDescent="0.25">
      <c r="A35115" t="s">
        <v>51256</v>
      </c>
      <c r="B35115" t="s">
        <v>51258</v>
      </c>
      <c r="C35115">
        <v>0</v>
      </c>
      <c r="D35115">
        <v>0</v>
      </c>
    </row>
    <row r="35116" spans="1:4" x14ac:dyDescent="0.25">
      <c r="A35116" t="s">
        <v>51256</v>
      </c>
      <c r="B35116" t="s">
        <v>51259</v>
      </c>
      <c r="C35116">
        <v>2</v>
      </c>
      <c r="D35116">
        <v>0</v>
      </c>
    </row>
    <row r="35117" spans="1:4" x14ac:dyDescent="0.25">
      <c r="A35117" t="s">
        <v>51260</v>
      </c>
      <c r="B35117" t="s">
        <v>51261</v>
      </c>
      <c r="C35117">
        <v>0</v>
      </c>
      <c r="D35117">
        <v>0</v>
      </c>
    </row>
    <row r="35118" spans="1:4" x14ac:dyDescent="0.25">
      <c r="A35118" t="s">
        <v>51260</v>
      </c>
      <c r="B35118" t="s">
        <v>51262</v>
      </c>
      <c r="C35118">
        <v>1</v>
      </c>
      <c r="D35118">
        <v>0</v>
      </c>
    </row>
    <row r="35119" spans="1:4" x14ac:dyDescent="0.25">
      <c r="A35119" t="s">
        <v>51260</v>
      </c>
      <c r="B35119" t="s">
        <v>5864</v>
      </c>
      <c r="C35119">
        <v>1</v>
      </c>
      <c r="D35119">
        <v>0</v>
      </c>
    </row>
    <row r="35120" spans="1:4" x14ac:dyDescent="0.25">
      <c r="A35120" t="s">
        <v>51260</v>
      </c>
      <c r="B35120" t="s">
        <v>51263</v>
      </c>
      <c r="C35120">
        <v>0</v>
      </c>
      <c r="D35120">
        <v>0</v>
      </c>
    </row>
    <row r="35121" spans="1:4" x14ac:dyDescent="0.25">
      <c r="A35121" t="s">
        <v>51264</v>
      </c>
      <c r="B35121" t="s">
        <v>51265</v>
      </c>
      <c r="C35121">
        <v>1</v>
      </c>
      <c r="D35121">
        <v>0</v>
      </c>
    </row>
    <row r="35122" spans="1:4" x14ac:dyDescent="0.25">
      <c r="A35122" t="s">
        <v>51264</v>
      </c>
      <c r="B35122" t="s">
        <v>51266</v>
      </c>
      <c r="C35122">
        <v>1</v>
      </c>
      <c r="D35122">
        <v>0</v>
      </c>
    </row>
    <row r="35123" spans="1:4" x14ac:dyDescent="0.25">
      <c r="A35123" t="s">
        <v>51264</v>
      </c>
      <c r="B35123" t="s">
        <v>51267</v>
      </c>
      <c r="C35123">
        <v>1</v>
      </c>
      <c r="D35123">
        <v>0</v>
      </c>
    </row>
    <row r="35124" spans="1:4" x14ac:dyDescent="0.25">
      <c r="A35124" t="s">
        <v>51264</v>
      </c>
      <c r="B35124" t="s">
        <v>51268</v>
      </c>
      <c r="C35124">
        <v>2</v>
      </c>
      <c r="D35124">
        <v>0</v>
      </c>
    </row>
    <row r="35125" spans="1:4" x14ac:dyDescent="0.25">
      <c r="A35125" t="s">
        <v>51264</v>
      </c>
      <c r="B35125" t="s">
        <v>5713</v>
      </c>
      <c r="C35125">
        <v>1</v>
      </c>
      <c r="D35125">
        <v>0</v>
      </c>
    </row>
    <row r="35126" spans="1:4" x14ac:dyDescent="0.25">
      <c r="A35126" t="s">
        <v>51269</v>
      </c>
      <c r="B35126" t="s">
        <v>51270</v>
      </c>
      <c r="C35126">
        <v>2</v>
      </c>
      <c r="D35126">
        <v>0</v>
      </c>
    </row>
    <row r="35127" spans="1:4" x14ac:dyDescent="0.25">
      <c r="A35127" t="s">
        <v>51269</v>
      </c>
      <c r="B35127" t="s">
        <v>51271</v>
      </c>
      <c r="C35127">
        <v>1</v>
      </c>
      <c r="D35127">
        <v>0</v>
      </c>
    </row>
    <row r="35128" spans="1:4" x14ac:dyDescent="0.25">
      <c r="A35128" t="s">
        <v>51269</v>
      </c>
      <c r="B35128" t="s">
        <v>51272</v>
      </c>
      <c r="C35128">
        <v>0</v>
      </c>
      <c r="D35128">
        <v>0</v>
      </c>
    </row>
    <row r="35129" spans="1:4" x14ac:dyDescent="0.25">
      <c r="A35129" t="s">
        <v>51269</v>
      </c>
      <c r="B35129" t="s">
        <v>5434</v>
      </c>
      <c r="C35129">
        <v>1</v>
      </c>
      <c r="D35129">
        <v>0</v>
      </c>
    </row>
    <row r="35130" spans="1:4" x14ac:dyDescent="0.25">
      <c r="A35130" t="s">
        <v>51273</v>
      </c>
      <c r="B35130" t="s">
        <v>51274</v>
      </c>
      <c r="C35130">
        <v>0</v>
      </c>
      <c r="D35130">
        <v>0</v>
      </c>
    </row>
    <row r="35131" spans="1:4" x14ac:dyDescent="0.25">
      <c r="A35131" t="s">
        <v>51273</v>
      </c>
      <c r="B35131" t="s">
        <v>51275</v>
      </c>
      <c r="C35131">
        <v>1</v>
      </c>
      <c r="D35131">
        <v>0</v>
      </c>
    </row>
    <row r="35132" spans="1:4" x14ac:dyDescent="0.25">
      <c r="A35132" t="s">
        <v>51273</v>
      </c>
      <c r="B35132" t="s">
        <v>51276</v>
      </c>
      <c r="C35132">
        <v>1</v>
      </c>
      <c r="D35132">
        <v>0</v>
      </c>
    </row>
    <row r="35133" spans="1:4" x14ac:dyDescent="0.25">
      <c r="A35133" t="s">
        <v>51273</v>
      </c>
      <c r="B35133" t="s">
        <v>51277</v>
      </c>
      <c r="C35133">
        <v>1</v>
      </c>
      <c r="D35133">
        <v>0</v>
      </c>
    </row>
    <row r="35134" spans="1:4" x14ac:dyDescent="0.25">
      <c r="A35134" t="s">
        <v>51278</v>
      </c>
      <c r="B35134" t="s">
        <v>1938</v>
      </c>
      <c r="C35134">
        <v>0</v>
      </c>
      <c r="D35134">
        <v>0</v>
      </c>
    </row>
    <row r="35135" spans="1:4" x14ac:dyDescent="0.25">
      <c r="A35135" t="s">
        <v>51278</v>
      </c>
      <c r="B35135" t="s">
        <v>3195</v>
      </c>
      <c r="C35135">
        <v>1</v>
      </c>
      <c r="D35135">
        <v>0</v>
      </c>
    </row>
    <row r="35136" spans="1:4" x14ac:dyDescent="0.25">
      <c r="A35136" t="s">
        <v>51278</v>
      </c>
      <c r="B35136" t="s">
        <v>51279</v>
      </c>
      <c r="C35136">
        <v>0</v>
      </c>
      <c r="D35136">
        <v>0</v>
      </c>
    </row>
    <row r="35137" spans="1:4" x14ac:dyDescent="0.25">
      <c r="A35137" t="s">
        <v>51280</v>
      </c>
      <c r="B35137" t="s">
        <v>51281</v>
      </c>
      <c r="C35137">
        <v>0</v>
      </c>
      <c r="D35137">
        <v>0</v>
      </c>
    </row>
    <row r="35138" spans="1:4" x14ac:dyDescent="0.25">
      <c r="A35138" t="s">
        <v>51280</v>
      </c>
      <c r="B35138" t="s">
        <v>51282</v>
      </c>
      <c r="C35138">
        <v>0</v>
      </c>
      <c r="D35138">
        <v>0</v>
      </c>
    </row>
    <row r="35139" spans="1:4" x14ac:dyDescent="0.25">
      <c r="A35139" t="s">
        <v>51280</v>
      </c>
      <c r="B35139" t="s">
        <v>5713</v>
      </c>
      <c r="C35139">
        <v>1</v>
      </c>
      <c r="D35139">
        <v>0</v>
      </c>
    </row>
    <row r="35140" spans="1:4" x14ac:dyDescent="0.25">
      <c r="A35140" t="s">
        <v>51280</v>
      </c>
      <c r="B35140" t="s">
        <v>2651</v>
      </c>
      <c r="C35140">
        <v>0</v>
      </c>
      <c r="D35140">
        <v>0</v>
      </c>
    </row>
    <row r="35141" spans="1:4" x14ac:dyDescent="0.25">
      <c r="A35141" t="s">
        <v>51283</v>
      </c>
      <c r="B35141" t="s">
        <v>51284</v>
      </c>
      <c r="C35141">
        <v>1</v>
      </c>
      <c r="D35141">
        <v>0</v>
      </c>
    </row>
    <row r="35142" spans="1:4" x14ac:dyDescent="0.25">
      <c r="A35142" t="s">
        <v>51285</v>
      </c>
      <c r="B35142" t="s">
        <v>51286</v>
      </c>
      <c r="C35142">
        <v>1</v>
      </c>
      <c r="D35142">
        <v>0</v>
      </c>
    </row>
    <row r="35143" spans="1:4" x14ac:dyDescent="0.25">
      <c r="A35143" t="s">
        <v>51285</v>
      </c>
      <c r="B35143" t="s">
        <v>51287</v>
      </c>
      <c r="C35143">
        <v>1</v>
      </c>
      <c r="D35143">
        <v>0</v>
      </c>
    </row>
    <row r="35144" spans="1:4" x14ac:dyDescent="0.25">
      <c r="A35144" t="s">
        <v>51285</v>
      </c>
      <c r="B35144" t="s">
        <v>51288</v>
      </c>
      <c r="C35144">
        <v>0</v>
      </c>
      <c r="D35144">
        <v>0</v>
      </c>
    </row>
    <row r="35145" spans="1:4" x14ac:dyDescent="0.25">
      <c r="A35145" t="s">
        <v>51285</v>
      </c>
      <c r="B35145" t="s">
        <v>51289</v>
      </c>
      <c r="C35145">
        <v>1</v>
      </c>
      <c r="D35145">
        <v>0</v>
      </c>
    </row>
    <row r="35146" spans="1:4" x14ac:dyDescent="0.25">
      <c r="A35146" t="s">
        <v>51285</v>
      </c>
      <c r="B35146" t="s">
        <v>51290</v>
      </c>
      <c r="C35146">
        <v>0</v>
      </c>
      <c r="D35146">
        <v>0</v>
      </c>
    </row>
    <row r="35147" spans="1:4" x14ac:dyDescent="0.25">
      <c r="A35147" t="s">
        <v>51285</v>
      </c>
      <c r="B35147" t="s">
        <v>46986</v>
      </c>
      <c r="C35147">
        <v>1</v>
      </c>
      <c r="D35147">
        <v>0</v>
      </c>
    </row>
    <row r="35148" spans="1:4" x14ac:dyDescent="0.25">
      <c r="A35148" t="s">
        <v>51285</v>
      </c>
      <c r="B35148" t="s">
        <v>51291</v>
      </c>
      <c r="C35148">
        <v>0</v>
      </c>
      <c r="D35148">
        <v>0</v>
      </c>
    </row>
    <row r="35149" spans="1:4" x14ac:dyDescent="0.25">
      <c r="A35149" t="s">
        <v>51292</v>
      </c>
      <c r="B35149" t="s">
        <v>51293</v>
      </c>
      <c r="C35149">
        <v>1</v>
      </c>
      <c r="D35149">
        <v>0</v>
      </c>
    </row>
    <row r="35150" spans="1:4" x14ac:dyDescent="0.25">
      <c r="A35150" t="s">
        <v>51292</v>
      </c>
      <c r="B35150" t="s">
        <v>51294</v>
      </c>
      <c r="C35150">
        <v>0</v>
      </c>
      <c r="D35150">
        <v>0</v>
      </c>
    </row>
    <row r="35151" spans="1:4" x14ac:dyDescent="0.25">
      <c r="A35151" t="s">
        <v>51292</v>
      </c>
      <c r="B35151" t="s">
        <v>51295</v>
      </c>
      <c r="C35151">
        <v>1</v>
      </c>
      <c r="D35151">
        <v>0</v>
      </c>
    </row>
    <row r="35152" spans="1:4" x14ac:dyDescent="0.25">
      <c r="A35152" t="s">
        <v>51292</v>
      </c>
      <c r="B35152" t="s">
        <v>25060</v>
      </c>
      <c r="C35152">
        <v>0</v>
      </c>
      <c r="D35152">
        <v>0</v>
      </c>
    </row>
    <row r="35153" spans="1:4" x14ac:dyDescent="0.25">
      <c r="A35153" t="s">
        <v>51296</v>
      </c>
      <c r="B35153" t="s">
        <v>51297</v>
      </c>
      <c r="C35153">
        <v>0</v>
      </c>
      <c r="D35153">
        <v>0</v>
      </c>
    </row>
    <row r="35154" spans="1:4" x14ac:dyDescent="0.25">
      <c r="A35154" t="s">
        <v>51298</v>
      </c>
      <c r="B35154" t="s">
        <v>5713</v>
      </c>
      <c r="C35154">
        <v>1</v>
      </c>
      <c r="D35154">
        <v>0</v>
      </c>
    </row>
    <row r="35155" spans="1:4" x14ac:dyDescent="0.25">
      <c r="A35155" t="s">
        <v>51298</v>
      </c>
      <c r="B35155" t="s">
        <v>51299</v>
      </c>
      <c r="C35155">
        <v>2</v>
      </c>
      <c r="D35155">
        <v>0</v>
      </c>
    </row>
    <row r="35156" spans="1:4" x14ac:dyDescent="0.25">
      <c r="A35156" t="s">
        <v>51298</v>
      </c>
      <c r="B35156" t="s">
        <v>51300</v>
      </c>
      <c r="C35156">
        <v>1</v>
      </c>
      <c r="D35156">
        <v>0</v>
      </c>
    </row>
    <row r="35157" spans="1:4" x14ac:dyDescent="0.25">
      <c r="A35157" t="s">
        <v>51298</v>
      </c>
      <c r="B35157" t="s">
        <v>51301</v>
      </c>
      <c r="C35157">
        <v>1</v>
      </c>
      <c r="D35157">
        <v>0</v>
      </c>
    </row>
    <row r="35158" spans="1:4" x14ac:dyDescent="0.25">
      <c r="A35158" t="s">
        <v>51302</v>
      </c>
      <c r="B35158" t="s">
        <v>51303</v>
      </c>
      <c r="C35158">
        <v>0</v>
      </c>
      <c r="D35158">
        <v>0</v>
      </c>
    </row>
    <row r="35159" spans="1:4" x14ac:dyDescent="0.25">
      <c r="A35159" t="s">
        <v>51302</v>
      </c>
      <c r="B35159" t="s">
        <v>51304</v>
      </c>
      <c r="C35159">
        <v>0</v>
      </c>
      <c r="D35159">
        <v>0</v>
      </c>
    </row>
    <row r="35160" spans="1:4" x14ac:dyDescent="0.25">
      <c r="A35160" t="s">
        <v>51302</v>
      </c>
      <c r="B35160" t="s">
        <v>51305</v>
      </c>
      <c r="C35160">
        <v>1</v>
      </c>
      <c r="D35160">
        <v>0</v>
      </c>
    </row>
    <row r="35161" spans="1:4" x14ac:dyDescent="0.25">
      <c r="A35161" t="s">
        <v>51302</v>
      </c>
      <c r="B35161" t="s">
        <v>51306</v>
      </c>
      <c r="C35161">
        <v>0</v>
      </c>
      <c r="D35161">
        <v>0</v>
      </c>
    </row>
    <row r="35162" spans="1:4" x14ac:dyDescent="0.25">
      <c r="A35162" t="s">
        <v>51302</v>
      </c>
      <c r="B35162" t="s">
        <v>51307</v>
      </c>
      <c r="C35162">
        <v>2</v>
      </c>
      <c r="D35162">
        <v>0</v>
      </c>
    </row>
    <row r="35163" spans="1:4" x14ac:dyDescent="0.25">
      <c r="A35163" t="s">
        <v>51308</v>
      </c>
      <c r="B35163" t="s">
        <v>51309</v>
      </c>
      <c r="C35163">
        <v>1</v>
      </c>
      <c r="D35163">
        <v>0</v>
      </c>
    </row>
    <row r="35164" spans="1:4" x14ac:dyDescent="0.25">
      <c r="A35164" t="s">
        <v>51308</v>
      </c>
      <c r="B35164" t="s">
        <v>51310</v>
      </c>
      <c r="C35164">
        <v>0</v>
      </c>
      <c r="D35164">
        <v>0</v>
      </c>
    </row>
    <row r="35165" spans="1:4" x14ac:dyDescent="0.25">
      <c r="A35165" t="s">
        <v>51308</v>
      </c>
      <c r="B35165" t="s">
        <v>51311</v>
      </c>
      <c r="C35165">
        <v>1</v>
      </c>
      <c r="D35165">
        <v>0</v>
      </c>
    </row>
    <row r="35166" spans="1:4" x14ac:dyDescent="0.25">
      <c r="A35166" t="s">
        <v>51308</v>
      </c>
      <c r="B35166" t="s">
        <v>51312</v>
      </c>
      <c r="C35166">
        <v>0</v>
      </c>
      <c r="D35166">
        <v>0</v>
      </c>
    </row>
    <row r="35167" spans="1:4" x14ac:dyDescent="0.25">
      <c r="A35167" t="s">
        <v>51313</v>
      </c>
      <c r="B35167" t="s">
        <v>51314</v>
      </c>
      <c r="C35167">
        <v>0</v>
      </c>
      <c r="D35167">
        <v>0</v>
      </c>
    </row>
    <row r="35168" spans="1:4" x14ac:dyDescent="0.25">
      <c r="A35168" t="s">
        <v>51313</v>
      </c>
      <c r="B35168" t="s">
        <v>51315</v>
      </c>
      <c r="C35168">
        <v>0</v>
      </c>
      <c r="D35168">
        <v>0</v>
      </c>
    </row>
    <row r="35169" spans="1:4" x14ac:dyDescent="0.25">
      <c r="A35169" t="s">
        <v>51313</v>
      </c>
      <c r="B35169" t="s">
        <v>51316</v>
      </c>
      <c r="C35169">
        <v>2</v>
      </c>
      <c r="D35169">
        <v>0</v>
      </c>
    </row>
    <row r="35170" spans="1:4" x14ac:dyDescent="0.25">
      <c r="A35170" t="s">
        <v>51317</v>
      </c>
      <c r="B35170" t="s">
        <v>51318</v>
      </c>
      <c r="C35170">
        <v>2</v>
      </c>
      <c r="D35170">
        <v>0</v>
      </c>
    </row>
    <row r="35171" spans="1:4" x14ac:dyDescent="0.25">
      <c r="A35171" t="s">
        <v>51317</v>
      </c>
      <c r="B35171" t="s">
        <v>51319</v>
      </c>
      <c r="C35171">
        <v>2</v>
      </c>
      <c r="D35171">
        <v>0</v>
      </c>
    </row>
    <row r="35172" spans="1:4" x14ac:dyDescent="0.25">
      <c r="A35172" t="s">
        <v>51320</v>
      </c>
      <c r="B35172" t="s">
        <v>51321</v>
      </c>
      <c r="C35172">
        <v>1</v>
      </c>
      <c r="D35172">
        <v>0</v>
      </c>
    </row>
    <row r="35173" spans="1:4" x14ac:dyDescent="0.25">
      <c r="A35173" t="s">
        <v>51320</v>
      </c>
      <c r="B35173" t="s">
        <v>51322</v>
      </c>
      <c r="C35173">
        <v>2</v>
      </c>
      <c r="D35173">
        <v>0</v>
      </c>
    </row>
    <row r="35174" spans="1:4" x14ac:dyDescent="0.25">
      <c r="A35174" t="s">
        <v>51323</v>
      </c>
      <c r="B35174" t="s">
        <v>51324</v>
      </c>
      <c r="C35174">
        <v>1</v>
      </c>
      <c r="D35174">
        <v>0</v>
      </c>
    </row>
    <row r="35175" spans="1:4" x14ac:dyDescent="0.25">
      <c r="A35175" t="s">
        <v>51323</v>
      </c>
      <c r="B35175" t="s">
        <v>49037</v>
      </c>
      <c r="C35175">
        <v>1</v>
      </c>
      <c r="D35175">
        <v>0</v>
      </c>
    </row>
    <row r="35176" spans="1:4" x14ac:dyDescent="0.25">
      <c r="A35176" t="s">
        <v>51323</v>
      </c>
      <c r="B35176" t="s">
        <v>51325</v>
      </c>
      <c r="C35176">
        <v>1</v>
      </c>
      <c r="D35176">
        <v>0</v>
      </c>
    </row>
    <row r="35177" spans="1:4" x14ac:dyDescent="0.25">
      <c r="A35177" t="s">
        <v>51326</v>
      </c>
      <c r="B35177" t="s">
        <v>51327</v>
      </c>
      <c r="C35177">
        <v>1</v>
      </c>
      <c r="D35177">
        <v>0</v>
      </c>
    </row>
    <row r="35178" spans="1:4" x14ac:dyDescent="0.25">
      <c r="A35178" t="s">
        <v>51326</v>
      </c>
      <c r="B35178" t="s">
        <v>51328</v>
      </c>
      <c r="C35178">
        <v>1</v>
      </c>
      <c r="D35178">
        <v>0</v>
      </c>
    </row>
    <row r="35179" spans="1:4" x14ac:dyDescent="0.25">
      <c r="A35179" t="s">
        <v>51326</v>
      </c>
      <c r="B35179" t="s">
        <v>51329</v>
      </c>
      <c r="C35179">
        <v>1</v>
      </c>
      <c r="D35179">
        <v>0</v>
      </c>
    </row>
    <row r="35180" spans="1:4" x14ac:dyDescent="0.25">
      <c r="A35180" t="s">
        <v>51326</v>
      </c>
      <c r="B35180" t="s">
        <v>51330</v>
      </c>
      <c r="C35180">
        <v>1</v>
      </c>
      <c r="D35180">
        <v>0</v>
      </c>
    </row>
    <row r="35181" spans="1:4" x14ac:dyDescent="0.25">
      <c r="A35181" t="s">
        <v>51326</v>
      </c>
      <c r="B35181" t="s">
        <v>51331</v>
      </c>
      <c r="C35181">
        <v>0</v>
      </c>
      <c r="D35181">
        <v>0</v>
      </c>
    </row>
    <row r="35182" spans="1:4" x14ac:dyDescent="0.25">
      <c r="A35182" t="s">
        <v>51326</v>
      </c>
      <c r="B35182" t="s">
        <v>51332</v>
      </c>
      <c r="C35182">
        <v>0</v>
      </c>
      <c r="D35182">
        <v>0</v>
      </c>
    </row>
    <row r="35183" spans="1:4" x14ac:dyDescent="0.25">
      <c r="A35183" t="s">
        <v>51333</v>
      </c>
      <c r="B35183" t="s">
        <v>51334</v>
      </c>
      <c r="C35183">
        <v>1</v>
      </c>
      <c r="D35183">
        <v>0</v>
      </c>
    </row>
    <row r="35184" spans="1:4" x14ac:dyDescent="0.25">
      <c r="A35184" t="s">
        <v>51333</v>
      </c>
      <c r="B35184" t="s">
        <v>51335</v>
      </c>
      <c r="C35184">
        <v>1</v>
      </c>
      <c r="D35184">
        <v>0</v>
      </c>
    </row>
    <row r="35185" spans="1:4" x14ac:dyDescent="0.25">
      <c r="A35185" t="s">
        <v>51333</v>
      </c>
      <c r="B35185" t="s">
        <v>51336</v>
      </c>
      <c r="C35185">
        <v>1</v>
      </c>
      <c r="D35185">
        <v>0</v>
      </c>
    </row>
    <row r="35186" spans="1:4" x14ac:dyDescent="0.25">
      <c r="A35186" t="s">
        <v>51337</v>
      </c>
      <c r="B35186" t="s">
        <v>51338</v>
      </c>
      <c r="C35186">
        <v>1</v>
      </c>
      <c r="D35186">
        <v>0</v>
      </c>
    </row>
    <row r="35187" spans="1:4" x14ac:dyDescent="0.25">
      <c r="A35187" t="s">
        <v>51337</v>
      </c>
      <c r="B35187" t="s">
        <v>51339</v>
      </c>
      <c r="C35187">
        <v>1</v>
      </c>
      <c r="D35187">
        <v>0</v>
      </c>
    </row>
    <row r="35188" spans="1:4" x14ac:dyDescent="0.25">
      <c r="A35188" t="s">
        <v>51337</v>
      </c>
      <c r="B35188" t="s">
        <v>51340</v>
      </c>
      <c r="C35188">
        <v>0</v>
      </c>
      <c r="D35188">
        <v>0</v>
      </c>
    </row>
    <row r="35189" spans="1:4" x14ac:dyDescent="0.25">
      <c r="A35189" t="s">
        <v>51337</v>
      </c>
      <c r="B35189" t="s">
        <v>51341</v>
      </c>
      <c r="C35189">
        <v>1</v>
      </c>
      <c r="D35189">
        <v>0</v>
      </c>
    </row>
    <row r="35190" spans="1:4" x14ac:dyDescent="0.25">
      <c r="A35190" t="s">
        <v>51337</v>
      </c>
      <c r="B35190" t="s">
        <v>51342</v>
      </c>
      <c r="C35190">
        <v>0</v>
      </c>
      <c r="D35190">
        <v>0</v>
      </c>
    </row>
    <row r="35191" spans="1:4" x14ac:dyDescent="0.25">
      <c r="A35191" t="s">
        <v>51343</v>
      </c>
      <c r="B35191" t="s">
        <v>11506</v>
      </c>
      <c r="C35191">
        <v>1</v>
      </c>
      <c r="D35191">
        <v>0</v>
      </c>
    </row>
    <row r="35192" spans="1:4" x14ac:dyDescent="0.25">
      <c r="A35192" t="s">
        <v>51343</v>
      </c>
      <c r="B35192" t="s">
        <v>51344</v>
      </c>
      <c r="C35192">
        <v>1</v>
      </c>
      <c r="D35192">
        <v>0</v>
      </c>
    </row>
    <row r="35193" spans="1:4" x14ac:dyDescent="0.25">
      <c r="A35193" t="s">
        <v>51343</v>
      </c>
      <c r="B35193" t="s">
        <v>51345</v>
      </c>
      <c r="C35193">
        <v>1</v>
      </c>
      <c r="D35193">
        <v>0</v>
      </c>
    </row>
    <row r="35194" spans="1:4" x14ac:dyDescent="0.25">
      <c r="A35194" t="s">
        <v>51343</v>
      </c>
      <c r="B35194" t="s">
        <v>51346</v>
      </c>
      <c r="C35194">
        <v>1</v>
      </c>
      <c r="D35194">
        <v>0</v>
      </c>
    </row>
    <row r="35195" spans="1:4" x14ac:dyDescent="0.25">
      <c r="A35195" t="s">
        <v>51347</v>
      </c>
      <c r="B35195" t="s">
        <v>51348</v>
      </c>
      <c r="C35195">
        <v>1</v>
      </c>
      <c r="D35195">
        <v>0</v>
      </c>
    </row>
    <row r="35196" spans="1:4" x14ac:dyDescent="0.25">
      <c r="A35196" t="s">
        <v>51347</v>
      </c>
      <c r="B35196" t="s">
        <v>51349</v>
      </c>
      <c r="C35196">
        <v>1</v>
      </c>
      <c r="D35196">
        <v>0</v>
      </c>
    </row>
    <row r="35197" spans="1:4" x14ac:dyDescent="0.25">
      <c r="A35197" t="s">
        <v>51347</v>
      </c>
      <c r="B35197" t="s">
        <v>51350</v>
      </c>
      <c r="C35197">
        <v>1</v>
      </c>
      <c r="D35197">
        <v>0</v>
      </c>
    </row>
    <row r="35198" spans="1:4" x14ac:dyDescent="0.25">
      <c r="A35198" t="s">
        <v>51347</v>
      </c>
      <c r="B35198" t="s">
        <v>51351</v>
      </c>
      <c r="C35198">
        <v>0</v>
      </c>
      <c r="D35198">
        <v>0</v>
      </c>
    </row>
    <row r="35199" spans="1:4" x14ac:dyDescent="0.25">
      <c r="A35199" t="s">
        <v>51347</v>
      </c>
      <c r="B35199" t="s">
        <v>51352</v>
      </c>
      <c r="C35199">
        <v>2</v>
      </c>
      <c r="D35199">
        <v>0</v>
      </c>
    </row>
    <row r="35200" spans="1:4" x14ac:dyDescent="0.25">
      <c r="A35200" t="s">
        <v>51353</v>
      </c>
      <c r="B35200" t="s">
        <v>51354</v>
      </c>
      <c r="C35200">
        <v>2</v>
      </c>
      <c r="D35200">
        <v>0</v>
      </c>
    </row>
    <row r="35201" spans="1:4" x14ac:dyDescent="0.25">
      <c r="A35201" t="s">
        <v>51353</v>
      </c>
      <c r="B35201" t="s">
        <v>51355</v>
      </c>
      <c r="C35201">
        <v>2</v>
      </c>
      <c r="D35201">
        <v>0</v>
      </c>
    </row>
    <row r="35202" spans="1:4" x14ac:dyDescent="0.25">
      <c r="A35202" t="s">
        <v>51356</v>
      </c>
      <c r="B35202" t="s">
        <v>51357</v>
      </c>
      <c r="C35202">
        <v>1</v>
      </c>
      <c r="D35202">
        <v>0</v>
      </c>
    </row>
    <row r="35203" spans="1:4" x14ac:dyDescent="0.25">
      <c r="A35203" t="s">
        <v>51356</v>
      </c>
      <c r="B35203" t="s">
        <v>51358</v>
      </c>
      <c r="C35203">
        <v>1</v>
      </c>
      <c r="D35203">
        <v>0</v>
      </c>
    </row>
    <row r="35204" spans="1:4" x14ac:dyDescent="0.25">
      <c r="A35204" t="s">
        <v>51356</v>
      </c>
      <c r="B35204" t="s">
        <v>51359</v>
      </c>
      <c r="C35204">
        <v>0</v>
      </c>
      <c r="D35204">
        <v>0</v>
      </c>
    </row>
    <row r="35205" spans="1:4" x14ac:dyDescent="0.25">
      <c r="A35205" t="s">
        <v>51360</v>
      </c>
      <c r="B35205" t="s">
        <v>51361</v>
      </c>
      <c r="C35205">
        <v>1</v>
      </c>
      <c r="D35205">
        <v>0</v>
      </c>
    </row>
    <row r="35206" spans="1:4" x14ac:dyDescent="0.25">
      <c r="A35206" t="s">
        <v>51360</v>
      </c>
      <c r="B35206" t="s">
        <v>51362</v>
      </c>
      <c r="C35206">
        <v>2</v>
      </c>
      <c r="D35206">
        <v>0</v>
      </c>
    </row>
    <row r="35207" spans="1:4" x14ac:dyDescent="0.25">
      <c r="A35207" t="s">
        <v>51360</v>
      </c>
      <c r="B35207" t="s">
        <v>51363</v>
      </c>
      <c r="C35207">
        <v>1</v>
      </c>
      <c r="D35207">
        <v>0</v>
      </c>
    </row>
    <row r="35208" spans="1:4" x14ac:dyDescent="0.25">
      <c r="A35208" t="s">
        <v>51360</v>
      </c>
      <c r="B35208" t="s">
        <v>51364</v>
      </c>
      <c r="C35208">
        <v>1</v>
      </c>
      <c r="D35208">
        <v>0</v>
      </c>
    </row>
    <row r="35209" spans="1:4" x14ac:dyDescent="0.25">
      <c r="A35209" t="s">
        <v>51360</v>
      </c>
      <c r="B35209" t="s">
        <v>51365</v>
      </c>
      <c r="C35209">
        <v>1</v>
      </c>
      <c r="D35209">
        <v>0</v>
      </c>
    </row>
    <row r="35210" spans="1:4" x14ac:dyDescent="0.25">
      <c r="A35210" t="s">
        <v>51366</v>
      </c>
      <c r="B35210" t="s">
        <v>51367</v>
      </c>
      <c r="C35210">
        <v>2</v>
      </c>
      <c r="D35210">
        <v>0</v>
      </c>
    </row>
    <row r="35211" spans="1:4" x14ac:dyDescent="0.25">
      <c r="A35211" t="s">
        <v>51366</v>
      </c>
      <c r="B35211" t="s">
        <v>51368</v>
      </c>
      <c r="C35211">
        <v>1</v>
      </c>
      <c r="D35211">
        <v>0</v>
      </c>
    </row>
    <row r="35212" spans="1:4" x14ac:dyDescent="0.25">
      <c r="A35212" t="s">
        <v>51366</v>
      </c>
      <c r="B35212" t="s">
        <v>51369</v>
      </c>
      <c r="C35212">
        <v>1</v>
      </c>
      <c r="D35212">
        <v>0</v>
      </c>
    </row>
    <row r="35213" spans="1:4" x14ac:dyDescent="0.25">
      <c r="A35213" t="s">
        <v>51366</v>
      </c>
      <c r="B35213" t="s">
        <v>51370</v>
      </c>
      <c r="C35213">
        <v>1</v>
      </c>
      <c r="D35213">
        <v>0</v>
      </c>
    </row>
    <row r="35214" spans="1:4" x14ac:dyDescent="0.25">
      <c r="A35214" t="s">
        <v>51366</v>
      </c>
      <c r="B35214" t="s">
        <v>51371</v>
      </c>
      <c r="C35214">
        <v>1</v>
      </c>
      <c r="D35214">
        <v>0</v>
      </c>
    </row>
    <row r="35215" spans="1:4" x14ac:dyDescent="0.25">
      <c r="A35215" t="s">
        <v>51372</v>
      </c>
      <c r="B35215" t="s">
        <v>51373</v>
      </c>
      <c r="C35215">
        <v>1</v>
      </c>
      <c r="D35215">
        <v>0</v>
      </c>
    </row>
    <row r="35216" spans="1:4" x14ac:dyDescent="0.25">
      <c r="A35216" t="s">
        <v>51372</v>
      </c>
      <c r="B35216" t="s">
        <v>51374</v>
      </c>
      <c r="C35216">
        <v>1</v>
      </c>
      <c r="D35216">
        <v>0</v>
      </c>
    </row>
    <row r="35217" spans="1:4" x14ac:dyDescent="0.25">
      <c r="A35217" t="s">
        <v>51375</v>
      </c>
      <c r="B35217" t="s">
        <v>51376</v>
      </c>
      <c r="C35217">
        <v>1</v>
      </c>
      <c r="D35217">
        <v>0</v>
      </c>
    </row>
    <row r="35218" spans="1:4" x14ac:dyDescent="0.25">
      <c r="A35218" t="s">
        <v>51375</v>
      </c>
      <c r="B35218" t="s">
        <v>51377</v>
      </c>
      <c r="C35218">
        <v>0</v>
      </c>
      <c r="D35218">
        <v>0</v>
      </c>
    </row>
    <row r="35219" spans="1:4" x14ac:dyDescent="0.25">
      <c r="A35219" t="s">
        <v>51375</v>
      </c>
      <c r="B35219" t="s">
        <v>51378</v>
      </c>
      <c r="C35219">
        <v>1</v>
      </c>
      <c r="D35219">
        <v>0</v>
      </c>
    </row>
    <row r="35220" spans="1:4" x14ac:dyDescent="0.25">
      <c r="A35220" t="s">
        <v>51375</v>
      </c>
      <c r="B35220" t="s">
        <v>51379</v>
      </c>
      <c r="C35220">
        <v>1</v>
      </c>
      <c r="D35220">
        <v>0</v>
      </c>
    </row>
    <row r="35221" spans="1:4" x14ac:dyDescent="0.25">
      <c r="A35221" t="s">
        <v>51375</v>
      </c>
      <c r="B35221" t="s">
        <v>51380</v>
      </c>
      <c r="C35221">
        <v>1</v>
      </c>
      <c r="D35221">
        <v>0</v>
      </c>
    </row>
    <row r="35222" spans="1:4" x14ac:dyDescent="0.25">
      <c r="A35222" t="s">
        <v>51381</v>
      </c>
      <c r="B35222" t="s">
        <v>51382</v>
      </c>
      <c r="C35222">
        <v>2</v>
      </c>
      <c r="D35222">
        <v>0</v>
      </c>
    </row>
    <row r="35223" spans="1:4" x14ac:dyDescent="0.25">
      <c r="A35223" t="s">
        <v>51381</v>
      </c>
      <c r="B35223" t="s">
        <v>51383</v>
      </c>
      <c r="C35223">
        <v>0</v>
      </c>
      <c r="D35223">
        <v>0</v>
      </c>
    </row>
    <row r="35224" spans="1:4" x14ac:dyDescent="0.25">
      <c r="A35224" t="s">
        <v>51381</v>
      </c>
      <c r="B35224" t="s">
        <v>51384</v>
      </c>
      <c r="C35224">
        <v>1</v>
      </c>
      <c r="D35224">
        <v>0</v>
      </c>
    </row>
    <row r="35225" spans="1:4" x14ac:dyDescent="0.25">
      <c r="A35225" t="s">
        <v>51385</v>
      </c>
      <c r="B35225" t="s">
        <v>51386</v>
      </c>
      <c r="C35225">
        <v>2</v>
      </c>
      <c r="D35225">
        <v>0</v>
      </c>
    </row>
    <row r="35226" spans="1:4" x14ac:dyDescent="0.25">
      <c r="A35226" t="s">
        <v>51385</v>
      </c>
      <c r="B35226" t="s">
        <v>51387</v>
      </c>
      <c r="C35226">
        <v>1</v>
      </c>
      <c r="D35226">
        <v>0</v>
      </c>
    </row>
    <row r="35227" spans="1:4" x14ac:dyDescent="0.25">
      <c r="A35227" t="s">
        <v>51385</v>
      </c>
      <c r="B35227" t="s">
        <v>51388</v>
      </c>
      <c r="C35227">
        <v>2</v>
      </c>
      <c r="D35227">
        <v>0</v>
      </c>
    </row>
    <row r="35228" spans="1:4" x14ac:dyDescent="0.25">
      <c r="A35228" t="s">
        <v>51385</v>
      </c>
      <c r="B35228" t="s">
        <v>51389</v>
      </c>
      <c r="C35228">
        <v>2</v>
      </c>
      <c r="D35228">
        <v>0</v>
      </c>
    </row>
    <row r="35229" spans="1:4" x14ac:dyDescent="0.25">
      <c r="A35229" t="s">
        <v>51385</v>
      </c>
      <c r="B35229" t="s">
        <v>51390</v>
      </c>
      <c r="C35229">
        <v>0</v>
      </c>
      <c r="D35229">
        <v>0</v>
      </c>
    </row>
    <row r="35230" spans="1:4" x14ac:dyDescent="0.25">
      <c r="A35230" t="s">
        <v>51385</v>
      </c>
      <c r="B35230" t="s">
        <v>51391</v>
      </c>
      <c r="C35230">
        <v>2</v>
      </c>
      <c r="D35230">
        <v>0</v>
      </c>
    </row>
    <row r="35231" spans="1:4" x14ac:dyDescent="0.25">
      <c r="A35231" t="s">
        <v>51392</v>
      </c>
      <c r="B35231" t="s">
        <v>51393</v>
      </c>
      <c r="C35231">
        <v>1</v>
      </c>
      <c r="D35231">
        <v>0</v>
      </c>
    </row>
    <row r="35232" spans="1:4" x14ac:dyDescent="0.25">
      <c r="A35232" t="s">
        <v>51394</v>
      </c>
      <c r="B35232" t="s">
        <v>51395</v>
      </c>
      <c r="C35232">
        <v>0</v>
      </c>
      <c r="D35232">
        <v>0</v>
      </c>
    </row>
    <row r="35233" spans="1:4" x14ac:dyDescent="0.25">
      <c r="A35233" t="s">
        <v>51396</v>
      </c>
      <c r="B35233" t="s">
        <v>51397</v>
      </c>
      <c r="C35233">
        <v>1</v>
      </c>
      <c r="D35233">
        <v>0</v>
      </c>
    </row>
    <row r="35234" spans="1:4" x14ac:dyDescent="0.25">
      <c r="A35234" t="s">
        <v>51398</v>
      </c>
      <c r="B35234" t="s">
        <v>51399</v>
      </c>
      <c r="C35234">
        <v>0</v>
      </c>
      <c r="D35234">
        <v>0</v>
      </c>
    </row>
    <row r="35235" spans="1:4" x14ac:dyDescent="0.25">
      <c r="A35235" t="s">
        <v>51398</v>
      </c>
      <c r="B35235" t="s">
        <v>51400</v>
      </c>
      <c r="C35235">
        <v>0</v>
      </c>
      <c r="D35235">
        <v>0</v>
      </c>
    </row>
    <row r="35236" spans="1:4" x14ac:dyDescent="0.25">
      <c r="A35236" t="s">
        <v>51398</v>
      </c>
      <c r="B35236" t="s">
        <v>51401</v>
      </c>
      <c r="C35236">
        <v>0</v>
      </c>
      <c r="D35236">
        <v>0</v>
      </c>
    </row>
    <row r="35237" spans="1:4" x14ac:dyDescent="0.25">
      <c r="A35237" t="s">
        <v>51398</v>
      </c>
      <c r="B35237" t="s">
        <v>51402</v>
      </c>
      <c r="C35237">
        <v>0</v>
      </c>
      <c r="D35237">
        <v>0</v>
      </c>
    </row>
    <row r="35238" spans="1:4" x14ac:dyDescent="0.25">
      <c r="A35238" t="s">
        <v>51398</v>
      </c>
      <c r="B35238" t="s">
        <v>51403</v>
      </c>
      <c r="C35238">
        <v>0</v>
      </c>
      <c r="D35238">
        <v>0</v>
      </c>
    </row>
    <row r="35239" spans="1:4" x14ac:dyDescent="0.25">
      <c r="A35239" t="s">
        <v>51398</v>
      </c>
      <c r="B35239" t="s">
        <v>34345</v>
      </c>
      <c r="C35239">
        <v>1</v>
      </c>
      <c r="D35239">
        <v>0</v>
      </c>
    </row>
    <row r="35240" spans="1:4" x14ac:dyDescent="0.25">
      <c r="A35240" t="s">
        <v>51398</v>
      </c>
      <c r="B35240" t="s">
        <v>51404</v>
      </c>
      <c r="C35240">
        <v>0</v>
      </c>
      <c r="D35240">
        <v>0</v>
      </c>
    </row>
    <row r="35241" spans="1:4" x14ac:dyDescent="0.25">
      <c r="A35241" t="s">
        <v>51405</v>
      </c>
      <c r="B35241" t="s">
        <v>51406</v>
      </c>
      <c r="C35241">
        <v>0</v>
      </c>
      <c r="D35241">
        <v>0</v>
      </c>
    </row>
    <row r="35242" spans="1:4" x14ac:dyDescent="0.25">
      <c r="A35242" t="s">
        <v>51405</v>
      </c>
      <c r="B35242" t="s">
        <v>51407</v>
      </c>
      <c r="C35242">
        <v>1</v>
      </c>
      <c r="D35242">
        <v>0</v>
      </c>
    </row>
    <row r="35243" spans="1:4" x14ac:dyDescent="0.25">
      <c r="A35243" t="s">
        <v>51408</v>
      </c>
      <c r="B35243" t="s">
        <v>51409</v>
      </c>
      <c r="C35243">
        <v>1</v>
      </c>
      <c r="D35243">
        <v>0</v>
      </c>
    </row>
    <row r="35244" spans="1:4" x14ac:dyDescent="0.25">
      <c r="A35244" t="s">
        <v>51408</v>
      </c>
      <c r="B35244" t="s">
        <v>51410</v>
      </c>
      <c r="C35244">
        <v>1</v>
      </c>
      <c r="D35244">
        <v>0</v>
      </c>
    </row>
    <row r="35245" spans="1:4" x14ac:dyDescent="0.25">
      <c r="A35245" t="s">
        <v>51408</v>
      </c>
      <c r="B35245" t="s">
        <v>51411</v>
      </c>
      <c r="C35245">
        <v>2</v>
      </c>
      <c r="D35245">
        <v>0</v>
      </c>
    </row>
    <row r="35246" spans="1:4" x14ac:dyDescent="0.25">
      <c r="A35246" t="s">
        <v>51408</v>
      </c>
      <c r="B35246" t="s">
        <v>51412</v>
      </c>
      <c r="C35246">
        <v>1</v>
      </c>
      <c r="D35246">
        <v>0</v>
      </c>
    </row>
    <row r="35247" spans="1:4" x14ac:dyDescent="0.25">
      <c r="A35247" t="s">
        <v>51408</v>
      </c>
      <c r="B35247" t="s">
        <v>51413</v>
      </c>
      <c r="C35247">
        <v>0</v>
      </c>
      <c r="D35247">
        <v>0</v>
      </c>
    </row>
    <row r="35248" spans="1:4" x14ac:dyDescent="0.25">
      <c r="A35248" t="s">
        <v>51408</v>
      </c>
      <c r="B35248" t="s">
        <v>51414</v>
      </c>
      <c r="C35248">
        <v>1</v>
      </c>
      <c r="D35248">
        <v>0</v>
      </c>
    </row>
    <row r="35249" spans="1:4" x14ac:dyDescent="0.25">
      <c r="A35249" t="s">
        <v>51415</v>
      </c>
      <c r="B35249" t="s">
        <v>51416</v>
      </c>
      <c r="C35249">
        <v>1</v>
      </c>
      <c r="D35249">
        <v>0</v>
      </c>
    </row>
    <row r="35250" spans="1:4" x14ac:dyDescent="0.25">
      <c r="A35250" t="s">
        <v>51415</v>
      </c>
      <c r="B35250" t="s">
        <v>51417</v>
      </c>
      <c r="C35250">
        <v>1</v>
      </c>
      <c r="D35250">
        <v>0</v>
      </c>
    </row>
    <row r="35251" spans="1:4" x14ac:dyDescent="0.25">
      <c r="A35251" t="s">
        <v>51415</v>
      </c>
      <c r="B35251" t="s">
        <v>1001</v>
      </c>
      <c r="C35251">
        <v>1</v>
      </c>
      <c r="D35251">
        <v>0</v>
      </c>
    </row>
    <row r="35252" spans="1:4" x14ac:dyDescent="0.25">
      <c r="A35252" t="s">
        <v>51415</v>
      </c>
      <c r="B35252" t="s">
        <v>51418</v>
      </c>
      <c r="C35252">
        <v>2</v>
      </c>
      <c r="D35252">
        <v>0</v>
      </c>
    </row>
    <row r="35253" spans="1:4" x14ac:dyDescent="0.25">
      <c r="A35253" t="s">
        <v>51415</v>
      </c>
      <c r="B35253" t="s">
        <v>51419</v>
      </c>
      <c r="C35253">
        <v>1</v>
      </c>
      <c r="D35253">
        <v>0</v>
      </c>
    </row>
    <row r="35254" spans="1:4" x14ac:dyDescent="0.25">
      <c r="A35254" t="s">
        <v>51415</v>
      </c>
      <c r="B35254" t="s">
        <v>51420</v>
      </c>
      <c r="C35254">
        <v>0</v>
      </c>
      <c r="D35254">
        <v>0</v>
      </c>
    </row>
    <row r="35255" spans="1:4" x14ac:dyDescent="0.25">
      <c r="A35255" t="s">
        <v>51415</v>
      </c>
      <c r="B35255" t="s">
        <v>51421</v>
      </c>
      <c r="C35255">
        <v>1</v>
      </c>
      <c r="D35255">
        <v>0</v>
      </c>
    </row>
    <row r="35256" spans="1:4" x14ac:dyDescent="0.25">
      <c r="A35256" t="s">
        <v>51422</v>
      </c>
      <c r="B35256" t="s">
        <v>51423</v>
      </c>
      <c r="C35256">
        <v>0</v>
      </c>
      <c r="D35256">
        <v>0</v>
      </c>
    </row>
    <row r="35257" spans="1:4" x14ac:dyDescent="0.25">
      <c r="A35257" t="s">
        <v>51422</v>
      </c>
      <c r="B35257" t="s">
        <v>51424</v>
      </c>
      <c r="C35257">
        <v>0</v>
      </c>
      <c r="D35257">
        <v>0</v>
      </c>
    </row>
    <row r="35258" spans="1:4" x14ac:dyDescent="0.25">
      <c r="A35258" t="s">
        <v>51422</v>
      </c>
      <c r="B35258" t="s">
        <v>51425</v>
      </c>
      <c r="C35258">
        <v>1</v>
      </c>
      <c r="D35258">
        <v>0</v>
      </c>
    </row>
    <row r="35259" spans="1:4" x14ac:dyDescent="0.25">
      <c r="A35259" t="s">
        <v>51422</v>
      </c>
      <c r="B35259" t="s">
        <v>51426</v>
      </c>
      <c r="C35259">
        <v>0</v>
      </c>
      <c r="D35259">
        <v>0</v>
      </c>
    </row>
    <row r="35260" spans="1:4" x14ac:dyDescent="0.25">
      <c r="A35260" t="s">
        <v>51422</v>
      </c>
      <c r="B35260" t="s">
        <v>51427</v>
      </c>
      <c r="C35260">
        <v>0</v>
      </c>
      <c r="D35260">
        <v>0</v>
      </c>
    </row>
    <row r="35261" spans="1:4" x14ac:dyDescent="0.25">
      <c r="A35261" t="s">
        <v>51422</v>
      </c>
      <c r="B35261" t="s">
        <v>51428</v>
      </c>
      <c r="C35261">
        <v>1</v>
      </c>
      <c r="D35261">
        <v>0</v>
      </c>
    </row>
    <row r="35262" spans="1:4" x14ac:dyDescent="0.25">
      <c r="A35262" t="s">
        <v>51422</v>
      </c>
      <c r="B35262" t="s">
        <v>51429</v>
      </c>
      <c r="C35262">
        <v>0</v>
      </c>
      <c r="D35262">
        <v>0</v>
      </c>
    </row>
    <row r="35263" spans="1:4" x14ac:dyDescent="0.25">
      <c r="A35263" t="s">
        <v>51430</v>
      </c>
      <c r="B35263" t="s">
        <v>51431</v>
      </c>
      <c r="C35263">
        <v>1</v>
      </c>
      <c r="D35263">
        <v>0</v>
      </c>
    </row>
    <row r="35264" spans="1:4" x14ac:dyDescent="0.25">
      <c r="A35264" t="s">
        <v>51430</v>
      </c>
      <c r="B35264" t="s">
        <v>51432</v>
      </c>
      <c r="C35264">
        <v>1</v>
      </c>
      <c r="D35264">
        <v>0</v>
      </c>
    </row>
    <row r="35265" spans="1:4" x14ac:dyDescent="0.25">
      <c r="A35265" t="s">
        <v>51433</v>
      </c>
      <c r="B35265" t="s">
        <v>51434</v>
      </c>
      <c r="C35265">
        <v>1</v>
      </c>
      <c r="D35265">
        <v>0</v>
      </c>
    </row>
    <row r="35266" spans="1:4" x14ac:dyDescent="0.25">
      <c r="A35266" t="s">
        <v>51433</v>
      </c>
      <c r="B35266" t="s">
        <v>51435</v>
      </c>
      <c r="C35266">
        <v>1</v>
      </c>
      <c r="D35266">
        <v>0</v>
      </c>
    </row>
    <row r="35267" spans="1:4" x14ac:dyDescent="0.25">
      <c r="A35267" t="s">
        <v>51433</v>
      </c>
      <c r="B35267" t="s">
        <v>17257</v>
      </c>
      <c r="C35267">
        <v>0</v>
      </c>
      <c r="D35267">
        <v>0</v>
      </c>
    </row>
    <row r="35268" spans="1:4" x14ac:dyDescent="0.25">
      <c r="A35268" t="s">
        <v>51433</v>
      </c>
      <c r="B35268" t="s">
        <v>51436</v>
      </c>
      <c r="C35268">
        <v>1</v>
      </c>
      <c r="D35268">
        <v>0</v>
      </c>
    </row>
    <row r="35269" spans="1:4" x14ac:dyDescent="0.25">
      <c r="A35269" t="s">
        <v>51433</v>
      </c>
      <c r="B35269" t="s">
        <v>51437</v>
      </c>
      <c r="C35269">
        <v>0</v>
      </c>
      <c r="D35269">
        <v>0</v>
      </c>
    </row>
    <row r="35270" spans="1:4" x14ac:dyDescent="0.25">
      <c r="A35270" t="s">
        <v>51438</v>
      </c>
      <c r="B35270" t="s">
        <v>51439</v>
      </c>
      <c r="C35270">
        <v>1</v>
      </c>
      <c r="D35270">
        <v>0</v>
      </c>
    </row>
    <row r="35271" spans="1:4" x14ac:dyDescent="0.25">
      <c r="A35271" t="s">
        <v>51438</v>
      </c>
      <c r="B35271" t="s">
        <v>51440</v>
      </c>
      <c r="C35271">
        <v>2</v>
      </c>
      <c r="D35271">
        <v>0</v>
      </c>
    </row>
    <row r="35272" spans="1:4" x14ac:dyDescent="0.25">
      <c r="A35272" t="s">
        <v>51438</v>
      </c>
      <c r="B35272" t="s">
        <v>51441</v>
      </c>
      <c r="C35272">
        <v>1</v>
      </c>
      <c r="D35272">
        <v>0</v>
      </c>
    </row>
    <row r="35273" spans="1:4" x14ac:dyDescent="0.25">
      <c r="A35273" t="s">
        <v>51438</v>
      </c>
      <c r="B35273" t="s">
        <v>51442</v>
      </c>
      <c r="C35273">
        <v>0</v>
      </c>
      <c r="D35273">
        <v>0</v>
      </c>
    </row>
    <row r="35274" spans="1:4" x14ac:dyDescent="0.25">
      <c r="A35274" t="s">
        <v>51438</v>
      </c>
      <c r="B35274" t="s">
        <v>51443</v>
      </c>
      <c r="C35274">
        <v>2</v>
      </c>
      <c r="D35274">
        <v>0</v>
      </c>
    </row>
    <row r="35275" spans="1:4" x14ac:dyDescent="0.25">
      <c r="A35275" t="s">
        <v>51444</v>
      </c>
      <c r="B35275" t="s">
        <v>51445</v>
      </c>
      <c r="C35275">
        <v>2</v>
      </c>
      <c r="D35275">
        <v>0</v>
      </c>
    </row>
    <row r="35276" spans="1:4" x14ac:dyDescent="0.25">
      <c r="A35276" t="s">
        <v>51444</v>
      </c>
      <c r="B35276" t="s">
        <v>51446</v>
      </c>
      <c r="C35276">
        <v>2</v>
      </c>
      <c r="D35276">
        <v>0</v>
      </c>
    </row>
    <row r="35277" spans="1:4" x14ac:dyDescent="0.25">
      <c r="A35277" t="s">
        <v>51444</v>
      </c>
      <c r="B35277" t="s">
        <v>51447</v>
      </c>
      <c r="C35277">
        <v>1</v>
      </c>
      <c r="D35277">
        <v>0</v>
      </c>
    </row>
    <row r="35278" spans="1:4" x14ac:dyDescent="0.25">
      <c r="A35278" t="s">
        <v>51448</v>
      </c>
      <c r="B35278" t="s">
        <v>51449</v>
      </c>
      <c r="C35278">
        <v>1</v>
      </c>
      <c r="D35278">
        <v>0</v>
      </c>
    </row>
    <row r="35279" spans="1:4" x14ac:dyDescent="0.25">
      <c r="A35279" t="s">
        <v>51448</v>
      </c>
      <c r="B35279" t="s">
        <v>51450</v>
      </c>
      <c r="C35279">
        <v>1</v>
      </c>
      <c r="D35279">
        <v>0</v>
      </c>
    </row>
    <row r="35280" spans="1:4" x14ac:dyDescent="0.25">
      <c r="A35280" t="s">
        <v>51448</v>
      </c>
      <c r="B35280" t="s">
        <v>51451</v>
      </c>
      <c r="C35280">
        <v>1</v>
      </c>
      <c r="D35280">
        <v>0</v>
      </c>
    </row>
    <row r="35281" spans="1:4" x14ac:dyDescent="0.25">
      <c r="A35281" t="s">
        <v>51448</v>
      </c>
      <c r="B35281" t="s">
        <v>51452</v>
      </c>
      <c r="C35281">
        <v>1</v>
      </c>
      <c r="D35281">
        <v>0</v>
      </c>
    </row>
    <row r="35282" spans="1:4" x14ac:dyDescent="0.25">
      <c r="A35282" t="s">
        <v>51448</v>
      </c>
      <c r="B35282" t="s">
        <v>51453</v>
      </c>
      <c r="C35282">
        <v>1</v>
      </c>
      <c r="D35282">
        <v>0</v>
      </c>
    </row>
    <row r="35283" spans="1:4" x14ac:dyDescent="0.25">
      <c r="A35283" t="s">
        <v>51454</v>
      </c>
      <c r="B35283" t="s">
        <v>38442</v>
      </c>
      <c r="C35283">
        <v>1</v>
      </c>
      <c r="D35283">
        <v>0</v>
      </c>
    </row>
    <row r="35284" spans="1:4" x14ac:dyDescent="0.25">
      <c r="A35284" t="s">
        <v>51455</v>
      </c>
      <c r="B35284" t="s">
        <v>51456</v>
      </c>
      <c r="C35284">
        <v>0</v>
      </c>
      <c r="D35284">
        <v>0</v>
      </c>
    </row>
    <row r="35285" spans="1:4" x14ac:dyDescent="0.25">
      <c r="A35285" t="s">
        <v>51455</v>
      </c>
      <c r="B35285" t="s">
        <v>51457</v>
      </c>
      <c r="C35285">
        <v>0</v>
      </c>
      <c r="D35285">
        <v>0</v>
      </c>
    </row>
    <row r="35286" spans="1:4" x14ac:dyDescent="0.25">
      <c r="A35286" t="s">
        <v>51458</v>
      </c>
      <c r="B35286" t="s">
        <v>51459</v>
      </c>
      <c r="C35286">
        <v>0</v>
      </c>
      <c r="D35286">
        <v>0</v>
      </c>
    </row>
    <row r="35287" spans="1:4" x14ac:dyDescent="0.25">
      <c r="A35287" t="s">
        <v>51458</v>
      </c>
      <c r="B35287" t="s">
        <v>51460</v>
      </c>
      <c r="C35287">
        <v>0</v>
      </c>
      <c r="D35287">
        <v>0</v>
      </c>
    </row>
    <row r="35288" spans="1:4" x14ac:dyDescent="0.25">
      <c r="A35288" t="s">
        <v>51458</v>
      </c>
      <c r="B35288" t="s">
        <v>51461</v>
      </c>
      <c r="C35288">
        <v>0</v>
      </c>
      <c r="D35288">
        <v>0</v>
      </c>
    </row>
    <row r="35289" spans="1:4" x14ac:dyDescent="0.25">
      <c r="A35289" t="s">
        <v>51462</v>
      </c>
      <c r="B35289" t="s">
        <v>5864</v>
      </c>
      <c r="C35289">
        <v>1</v>
      </c>
      <c r="D35289">
        <v>0</v>
      </c>
    </row>
    <row r="35290" spans="1:4" x14ac:dyDescent="0.25">
      <c r="A35290" t="s">
        <v>51463</v>
      </c>
      <c r="B35290" t="s">
        <v>51464</v>
      </c>
      <c r="C35290">
        <v>1</v>
      </c>
      <c r="D35290">
        <v>0</v>
      </c>
    </row>
    <row r="35291" spans="1:4" x14ac:dyDescent="0.25">
      <c r="A35291" t="s">
        <v>51463</v>
      </c>
      <c r="B35291" t="s">
        <v>51465</v>
      </c>
      <c r="C35291">
        <v>1</v>
      </c>
      <c r="D35291">
        <v>0</v>
      </c>
    </row>
    <row r="35292" spans="1:4" x14ac:dyDescent="0.25">
      <c r="A35292" t="s">
        <v>51463</v>
      </c>
      <c r="B35292" t="s">
        <v>51466</v>
      </c>
      <c r="C35292">
        <v>0</v>
      </c>
      <c r="D35292">
        <v>0</v>
      </c>
    </row>
    <row r="35293" spans="1:4" x14ac:dyDescent="0.25">
      <c r="A35293" t="s">
        <v>51463</v>
      </c>
      <c r="B35293" t="s">
        <v>51467</v>
      </c>
      <c r="C35293">
        <v>1</v>
      </c>
      <c r="D35293">
        <v>0</v>
      </c>
    </row>
    <row r="35294" spans="1:4" x14ac:dyDescent="0.25">
      <c r="A35294" t="s">
        <v>51468</v>
      </c>
      <c r="B35294" t="s">
        <v>51469</v>
      </c>
      <c r="C35294">
        <v>0</v>
      </c>
      <c r="D35294">
        <v>0</v>
      </c>
    </row>
    <row r="35295" spans="1:4" x14ac:dyDescent="0.25">
      <c r="A35295" t="s">
        <v>51468</v>
      </c>
      <c r="B35295" t="s">
        <v>51470</v>
      </c>
      <c r="C35295">
        <v>0</v>
      </c>
      <c r="D35295">
        <v>0</v>
      </c>
    </row>
    <row r="35296" spans="1:4" x14ac:dyDescent="0.25">
      <c r="A35296" t="s">
        <v>51468</v>
      </c>
      <c r="B35296" t="s">
        <v>51471</v>
      </c>
      <c r="C35296">
        <v>0</v>
      </c>
      <c r="D35296">
        <v>0</v>
      </c>
    </row>
    <row r="35297" spans="1:4" x14ac:dyDescent="0.25">
      <c r="A35297" t="s">
        <v>51468</v>
      </c>
      <c r="B35297" t="s">
        <v>51472</v>
      </c>
      <c r="C35297">
        <v>0</v>
      </c>
      <c r="D35297">
        <v>0</v>
      </c>
    </row>
    <row r="35298" spans="1:4" x14ac:dyDescent="0.25">
      <c r="A35298" t="s">
        <v>51468</v>
      </c>
      <c r="B35298" t="s">
        <v>51473</v>
      </c>
      <c r="C35298">
        <v>0</v>
      </c>
      <c r="D35298">
        <v>0</v>
      </c>
    </row>
    <row r="35299" spans="1:4" x14ac:dyDescent="0.25">
      <c r="A35299" t="s">
        <v>51468</v>
      </c>
      <c r="B35299" t="s">
        <v>51474</v>
      </c>
      <c r="C35299">
        <v>0</v>
      </c>
      <c r="D35299">
        <v>0</v>
      </c>
    </row>
    <row r="35300" spans="1:4" x14ac:dyDescent="0.25">
      <c r="A35300" t="s">
        <v>51468</v>
      </c>
      <c r="B35300" t="s">
        <v>51475</v>
      </c>
      <c r="C35300">
        <v>2</v>
      </c>
      <c r="D35300">
        <v>0</v>
      </c>
    </row>
    <row r="35301" spans="1:4" x14ac:dyDescent="0.25">
      <c r="A35301" t="s">
        <v>51476</v>
      </c>
      <c r="B35301" t="s">
        <v>51477</v>
      </c>
      <c r="C35301">
        <v>1</v>
      </c>
      <c r="D35301">
        <v>0</v>
      </c>
    </row>
    <row r="35302" spans="1:4" x14ac:dyDescent="0.25">
      <c r="A35302" t="s">
        <v>51476</v>
      </c>
      <c r="B35302" t="s">
        <v>51478</v>
      </c>
      <c r="C35302">
        <v>1</v>
      </c>
      <c r="D35302">
        <v>0</v>
      </c>
    </row>
    <row r="35303" spans="1:4" x14ac:dyDescent="0.25">
      <c r="A35303" t="s">
        <v>51476</v>
      </c>
      <c r="B35303" t="s">
        <v>51479</v>
      </c>
      <c r="C35303">
        <v>0</v>
      </c>
      <c r="D35303">
        <v>0</v>
      </c>
    </row>
    <row r="35304" spans="1:4" x14ac:dyDescent="0.25">
      <c r="A35304" t="s">
        <v>51480</v>
      </c>
      <c r="B35304" t="s">
        <v>51481</v>
      </c>
      <c r="C35304">
        <v>1</v>
      </c>
      <c r="D35304">
        <v>0</v>
      </c>
    </row>
    <row r="35305" spans="1:4" x14ac:dyDescent="0.25">
      <c r="A35305" t="s">
        <v>51480</v>
      </c>
      <c r="B35305" t="s">
        <v>816</v>
      </c>
      <c r="C35305">
        <v>1</v>
      </c>
      <c r="D35305">
        <v>0</v>
      </c>
    </row>
    <row r="35306" spans="1:4" x14ac:dyDescent="0.25">
      <c r="A35306" t="s">
        <v>51480</v>
      </c>
      <c r="B35306" t="s">
        <v>51482</v>
      </c>
      <c r="C35306">
        <v>1</v>
      </c>
      <c r="D35306">
        <v>0</v>
      </c>
    </row>
    <row r="35307" spans="1:4" x14ac:dyDescent="0.25">
      <c r="A35307" t="s">
        <v>51480</v>
      </c>
      <c r="B35307" t="s">
        <v>51483</v>
      </c>
      <c r="C35307">
        <v>2</v>
      </c>
      <c r="D35307">
        <v>0</v>
      </c>
    </row>
    <row r="35308" spans="1:4" x14ac:dyDescent="0.25">
      <c r="A35308" t="s">
        <v>51480</v>
      </c>
      <c r="B35308" t="s">
        <v>51484</v>
      </c>
      <c r="C35308">
        <v>2</v>
      </c>
      <c r="D35308">
        <v>0</v>
      </c>
    </row>
    <row r="35309" spans="1:4" x14ac:dyDescent="0.25">
      <c r="A35309" t="s">
        <v>51480</v>
      </c>
      <c r="B35309" t="s">
        <v>51485</v>
      </c>
      <c r="C35309">
        <v>2</v>
      </c>
      <c r="D35309">
        <v>0</v>
      </c>
    </row>
    <row r="35310" spans="1:4" x14ac:dyDescent="0.25">
      <c r="A35310" t="s">
        <v>51486</v>
      </c>
      <c r="B35310" t="s">
        <v>51487</v>
      </c>
      <c r="C35310">
        <v>1</v>
      </c>
      <c r="D35310">
        <v>0</v>
      </c>
    </row>
    <row r="35311" spans="1:4" x14ac:dyDescent="0.25">
      <c r="A35311" t="s">
        <v>51488</v>
      </c>
      <c r="B35311" t="s">
        <v>51489</v>
      </c>
      <c r="C35311">
        <v>1</v>
      </c>
      <c r="D35311">
        <v>0</v>
      </c>
    </row>
    <row r="35312" spans="1:4" x14ac:dyDescent="0.25">
      <c r="A35312" t="s">
        <v>51488</v>
      </c>
      <c r="B35312" t="s">
        <v>22565</v>
      </c>
      <c r="C35312">
        <v>2</v>
      </c>
      <c r="D35312">
        <v>0</v>
      </c>
    </row>
    <row r="35313" spans="1:4" x14ac:dyDescent="0.25">
      <c r="A35313" t="s">
        <v>51488</v>
      </c>
      <c r="B35313" t="s">
        <v>51490</v>
      </c>
      <c r="C35313">
        <v>1</v>
      </c>
      <c r="D35313">
        <v>0</v>
      </c>
    </row>
    <row r="35314" spans="1:4" x14ac:dyDescent="0.25">
      <c r="A35314" t="s">
        <v>51488</v>
      </c>
      <c r="B35314" t="s">
        <v>51491</v>
      </c>
      <c r="C35314">
        <v>1</v>
      </c>
      <c r="D35314">
        <v>0</v>
      </c>
    </row>
    <row r="35315" spans="1:4" x14ac:dyDescent="0.25">
      <c r="A35315" t="s">
        <v>51488</v>
      </c>
      <c r="B35315" t="s">
        <v>51492</v>
      </c>
      <c r="C35315">
        <v>0</v>
      </c>
      <c r="D35315">
        <v>0</v>
      </c>
    </row>
    <row r="35316" spans="1:4" x14ac:dyDescent="0.25">
      <c r="A35316" t="s">
        <v>51493</v>
      </c>
      <c r="B35316" t="s">
        <v>51494</v>
      </c>
      <c r="C35316">
        <v>1</v>
      </c>
      <c r="D35316">
        <v>0</v>
      </c>
    </row>
    <row r="35317" spans="1:4" x14ac:dyDescent="0.25">
      <c r="A35317" t="s">
        <v>51493</v>
      </c>
      <c r="B35317" t="s">
        <v>51495</v>
      </c>
      <c r="C35317">
        <v>1</v>
      </c>
      <c r="D35317">
        <v>0</v>
      </c>
    </row>
    <row r="35318" spans="1:4" x14ac:dyDescent="0.25">
      <c r="A35318" t="s">
        <v>51496</v>
      </c>
      <c r="B35318" t="s">
        <v>51497</v>
      </c>
      <c r="C35318">
        <v>2</v>
      </c>
      <c r="D35318">
        <v>0</v>
      </c>
    </row>
    <row r="35319" spans="1:4" x14ac:dyDescent="0.25">
      <c r="A35319" t="s">
        <v>51496</v>
      </c>
      <c r="B35319" t="s">
        <v>51498</v>
      </c>
      <c r="C35319">
        <v>1</v>
      </c>
      <c r="D35319">
        <v>0</v>
      </c>
    </row>
    <row r="35320" spans="1:4" x14ac:dyDescent="0.25">
      <c r="A35320" t="s">
        <v>51496</v>
      </c>
      <c r="B35320" t="s">
        <v>51499</v>
      </c>
      <c r="C35320">
        <v>0</v>
      </c>
      <c r="D35320">
        <v>0</v>
      </c>
    </row>
    <row r="35321" spans="1:4" x14ac:dyDescent="0.25">
      <c r="A35321" t="s">
        <v>51496</v>
      </c>
      <c r="B35321" t="s">
        <v>51500</v>
      </c>
      <c r="C35321">
        <v>2</v>
      </c>
      <c r="D35321">
        <v>0</v>
      </c>
    </row>
    <row r="35322" spans="1:4" x14ac:dyDescent="0.25">
      <c r="A35322" t="s">
        <v>51501</v>
      </c>
      <c r="B35322" t="s">
        <v>51502</v>
      </c>
      <c r="C35322">
        <v>1</v>
      </c>
      <c r="D35322">
        <v>0</v>
      </c>
    </row>
    <row r="35323" spans="1:4" x14ac:dyDescent="0.25">
      <c r="A35323" t="s">
        <v>51501</v>
      </c>
      <c r="B35323" t="s">
        <v>51503</v>
      </c>
      <c r="C35323">
        <v>2</v>
      </c>
      <c r="D35323">
        <v>0</v>
      </c>
    </row>
    <row r="35324" spans="1:4" x14ac:dyDescent="0.25">
      <c r="A35324" t="s">
        <v>51501</v>
      </c>
      <c r="B35324" t="s">
        <v>51504</v>
      </c>
      <c r="C35324">
        <v>2</v>
      </c>
      <c r="D35324">
        <v>0</v>
      </c>
    </row>
    <row r="35325" spans="1:4" x14ac:dyDescent="0.25">
      <c r="A35325" t="s">
        <v>51501</v>
      </c>
      <c r="B35325" t="s">
        <v>51505</v>
      </c>
      <c r="C35325">
        <v>1</v>
      </c>
      <c r="D35325">
        <v>0</v>
      </c>
    </row>
    <row r="35326" spans="1:4" x14ac:dyDescent="0.25">
      <c r="A35326" t="s">
        <v>51506</v>
      </c>
      <c r="B35326" t="s">
        <v>51507</v>
      </c>
      <c r="C35326">
        <v>0</v>
      </c>
      <c r="D35326">
        <v>0</v>
      </c>
    </row>
    <row r="35327" spans="1:4" x14ac:dyDescent="0.25">
      <c r="A35327" t="s">
        <v>51506</v>
      </c>
      <c r="B35327" t="s">
        <v>51508</v>
      </c>
      <c r="C35327">
        <v>0</v>
      </c>
      <c r="D35327">
        <v>0</v>
      </c>
    </row>
    <row r="35328" spans="1:4" x14ac:dyDescent="0.25">
      <c r="A35328" t="s">
        <v>51506</v>
      </c>
      <c r="B35328" t="s">
        <v>51509</v>
      </c>
      <c r="C35328">
        <v>1</v>
      </c>
      <c r="D35328">
        <v>0</v>
      </c>
    </row>
    <row r="35329" spans="1:4" x14ac:dyDescent="0.25">
      <c r="A35329" t="s">
        <v>51506</v>
      </c>
      <c r="B35329" t="s">
        <v>51510</v>
      </c>
      <c r="C35329">
        <v>1</v>
      </c>
      <c r="D35329">
        <v>0</v>
      </c>
    </row>
    <row r="35330" spans="1:4" x14ac:dyDescent="0.25">
      <c r="A35330" t="s">
        <v>51506</v>
      </c>
      <c r="B35330" t="s">
        <v>51511</v>
      </c>
      <c r="C35330">
        <v>0</v>
      </c>
      <c r="D35330">
        <v>0</v>
      </c>
    </row>
    <row r="35331" spans="1:4" x14ac:dyDescent="0.25">
      <c r="A35331" t="s">
        <v>51506</v>
      </c>
      <c r="B35331" t="s">
        <v>51512</v>
      </c>
      <c r="C35331">
        <v>0</v>
      </c>
      <c r="D35331">
        <v>0</v>
      </c>
    </row>
    <row r="35332" spans="1:4" x14ac:dyDescent="0.25">
      <c r="A35332" t="s">
        <v>51506</v>
      </c>
      <c r="B35332" t="s">
        <v>51513</v>
      </c>
      <c r="C35332">
        <v>0</v>
      </c>
      <c r="D35332">
        <v>0</v>
      </c>
    </row>
    <row r="35333" spans="1:4" x14ac:dyDescent="0.25">
      <c r="A35333" t="s">
        <v>51514</v>
      </c>
      <c r="B35333" t="s">
        <v>51515</v>
      </c>
      <c r="C35333">
        <v>1</v>
      </c>
      <c r="D35333">
        <v>0</v>
      </c>
    </row>
    <row r="35334" spans="1:4" x14ac:dyDescent="0.25">
      <c r="A35334" t="s">
        <v>51514</v>
      </c>
      <c r="B35334" t="s">
        <v>51516</v>
      </c>
      <c r="C35334">
        <v>2</v>
      </c>
      <c r="D35334">
        <v>0</v>
      </c>
    </row>
    <row r="35335" spans="1:4" x14ac:dyDescent="0.25">
      <c r="A35335" t="s">
        <v>51514</v>
      </c>
      <c r="B35335" t="s">
        <v>51517</v>
      </c>
      <c r="C35335">
        <v>0</v>
      </c>
      <c r="D35335">
        <v>0</v>
      </c>
    </row>
    <row r="35336" spans="1:4" x14ac:dyDescent="0.25">
      <c r="A35336" t="s">
        <v>51518</v>
      </c>
      <c r="B35336" t="s">
        <v>51519</v>
      </c>
      <c r="C35336">
        <v>1</v>
      </c>
      <c r="D35336">
        <v>0</v>
      </c>
    </row>
    <row r="35337" spans="1:4" x14ac:dyDescent="0.25">
      <c r="A35337" t="s">
        <v>51518</v>
      </c>
      <c r="B35337" t="s">
        <v>51520</v>
      </c>
      <c r="C35337">
        <v>1</v>
      </c>
      <c r="D35337">
        <v>0</v>
      </c>
    </row>
    <row r="35338" spans="1:4" x14ac:dyDescent="0.25">
      <c r="A35338" t="s">
        <v>51518</v>
      </c>
      <c r="B35338" t="s">
        <v>51521</v>
      </c>
      <c r="C35338">
        <v>1</v>
      </c>
      <c r="D35338">
        <v>0</v>
      </c>
    </row>
    <row r="35339" spans="1:4" x14ac:dyDescent="0.25">
      <c r="A35339" t="s">
        <v>51518</v>
      </c>
      <c r="B35339" t="s">
        <v>51522</v>
      </c>
      <c r="C35339">
        <v>1</v>
      </c>
      <c r="D35339">
        <v>0</v>
      </c>
    </row>
    <row r="35340" spans="1:4" x14ac:dyDescent="0.25">
      <c r="A35340" t="s">
        <v>51518</v>
      </c>
      <c r="B35340" t="s">
        <v>51523</v>
      </c>
      <c r="C35340">
        <v>1</v>
      </c>
      <c r="D35340">
        <v>0</v>
      </c>
    </row>
    <row r="35341" spans="1:4" x14ac:dyDescent="0.25">
      <c r="A35341" t="s">
        <v>51524</v>
      </c>
      <c r="B35341" t="s">
        <v>51525</v>
      </c>
      <c r="C35341">
        <v>1</v>
      </c>
      <c r="D35341">
        <v>0</v>
      </c>
    </row>
    <row r="35342" spans="1:4" x14ac:dyDescent="0.25">
      <c r="A35342" t="s">
        <v>51524</v>
      </c>
      <c r="B35342" t="s">
        <v>51526</v>
      </c>
      <c r="C35342">
        <v>1</v>
      </c>
      <c r="D35342">
        <v>0</v>
      </c>
    </row>
    <row r="35343" spans="1:4" x14ac:dyDescent="0.25">
      <c r="A35343" t="s">
        <v>51527</v>
      </c>
      <c r="B35343" t="s">
        <v>51528</v>
      </c>
      <c r="C35343">
        <v>2</v>
      </c>
      <c r="D35343">
        <v>0</v>
      </c>
    </row>
    <row r="35344" spans="1:4" x14ac:dyDescent="0.25">
      <c r="A35344" t="s">
        <v>51527</v>
      </c>
      <c r="B35344" t="s">
        <v>2651</v>
      </c>
      <c r="C35344">
        <v>1</v>
      </c>
      <c r="D35344">
        <v>0</v>
      </c>
    </row>
    <row r="35345" spans="1:4" x14ac:dyDescent="0.25">
      <c r="A35345" t="s">
        <v>51529</v>
      </c>
      <c r="B35345" t="s">
        <v>51530</v>
      </c>
      <c r="C35345">
        <v>1</v>
      </c>
      <c r="D35345">
        <v>0</v>
      </c>
    </row>
    <row r="35346" spans="1:4" x14ac:dyDescent="0.25">
      <c r="A35346" t="s">
        <v>51529</v>
      </c>
      <c r="B35346" t="s">
        <v>51531</v>
      </c>
      <c r="C35346">
        <v>1</v>
      </c>
      <c r="D35346">
        <v>0</v>
      </c>
    </row>
    <row r="35347" spans="1:4" x14ac:dyDescent="0.25">
      <c r="A35347" t="s">
        <v>51532</v>
      </c>
      <c r="B35347" t="s">
        <v>51533</v>
      </c>
      <c r="C35347">
        <v>1</v>
      </c>
      <c r="D35347">
        <v>0</v>
      </c>
    </row>
    <row r="35348" spans="1:4" x14ac:dyDescent="0.25">
      <c r="A35348" t="s">
        <v>51532</v>
      </c>
      <c r="B35348" t="s">
        <v>51534</v>
      </c>
      <c r="C35348">
        <v>0</v>
      </c>
      <c r="D35348">
        <v>0</v>
      </c>
    </row>
    <row r="35349" spans="1:4" x14ac:dyDescent="0.25">
      <c r="A35349" t="s">
        <v>51532</v>
      </c>
      <c r="B35349" t="s">
        <v>51535</v>
      </c>
      <c r="C35349">
        <v>1</v>
      </c>
      <c r="D35349">
        <v>0</v>
      </c>
    </row>
    <row r="35350" spans="1:4" x14ac:dyDescent="0.25">
      <c r="A35350" t="s">
        <v>51532</v>
      </c>
      <c r="B35350" t="s">
        <v>51536</v>
      </c>
      <c r="C35350">
        <v>0</v>
      </c>
      <c r="D35350">
        <v>0</v>
      </c>
    </row>
    <row r="35351" spans="1:4" x14ac:dyDescent="0.25">
      <c r="A35351" t="s">
        <v>51532</v>
      </c>
      <c r="B35351" t="s">
        <v>51537</v>
      </c>
      <c r="C35351">
        <v>2</v>
      </c>
      <c r="D35351">
        <v>0</v>
      </c>
    </row>
    <row r="35352" spans="1:4" x14ac:dyDescent="0.25">
      <c r="A35352" t="s">
        <v>51538</v>
      </c>
      <c r="B35352" t="s">
        <v>5434</v>
      </c>
      <c r="C35352">
        <v>1</v>
      </c>
      <c r="D35352">
        <v>0</v>
      </c>
    </row>
    <row r="35353" spans="1:4" x14ac:dyDescent="0.25">
      <c r="A35353" t="s">
        <v>51538</v>
      </c>
      <c r="B35353" t="s">
        <v>51539</v>
      </c>
      <c r="C35353">
        <v>0</v>
      </c>
      <c r="D35353">
        <v>0</v>
      </c>
    </row>
    <row r="35354" spans="1:4" x14ac:dyDescent="0.25">
      <c r="A35354" t="s">
        <v>51540</v>
      </c>
      <c r="B35354" t="s">
        <v>51541</v>
      </c>
      <c r="C35354">
        <v>1</v>
      </c>
      <c r="D35354">
        <v>0</v>
      </c>
    </row>
    <row r="35355" spans="1:4" x14ac:dyDescent="0.25">
      <c r="A35355" t="s">
        <v>51540</v>
      </c>
      <c r="B35355" t="s">
        <v>51542</v>
      </c>
      <c r="C35355">
        <v>1</v>
      </c>
      <c r="D35355">
        <v>0</v>
      </c>
    </row>
    <row r="35356" spans="1:4" x14ac:dyDescent="0.25">
      <c r="A35356" t="s">
        <v>51540</v>
      </c>
      <c r="B35356" t="s">
        <v>1001</v>
      </c>
      <c r="C35356">
        <v>1</v>
      </c>
      <c r="D35356">
        <v>0</v>
      </c>
    </row>
    <row r="35357" spans="1:4" x14ac:dyDescent="0.25">
      <c r="A35357" t="s">
        <v>51540</v>
      </c>
      <c r="B35357" t="s">
        <v>21395</v>
      </c>
      <c r="C35357">
        <v>1</v>
      </c>
      <c r="D35357">
        <v>0</v>
      </c>
    </row>
    <row r="35358" spans="1:4" x14ac:dyDescent="0.25">
      <c r="A35358" t="s">
        <v>51540</v>
      </c>
      <c r="B35358" t="s">
        <v>51543</v>
      </c>
      <c r="C35358">
        <v>0</v>
      </c>
      <c r="D35358">
        <v>0</v>
      </c>
    </row>
    <row r="35359" spans="1:4" x14ac:dyDescent="0.25">
      <c r="A35359" t="s">
        <v>51540</v>
      </c>
      <c r="B35359" t="s">
        <v>51544</v>
      </c>
      <c r="C35359">
        <v>1</v>
      </c>
      <c r="D35359">
        <v>0</v>
      </c>
    </row>
    <row r="35360" spans="1:4" x14ac:dyDescent="0.25">
      <c r="A35360" t="s">
        <v>51540</v>
      </c>
      <c r="B35360" t="s">
        <v>51545</v>
      </c>
      <c r="C35360">
        <v>1</v>
      </c>
      <c r="D35360">
        <v>0</v>
      </c>
    </row>
    <row r="35361" spans="1:4" x14ac:dyDescent="0.25">
      <c r="A35361" t="s">
        <v>51546</v>
      </c>
      <c r="B35361" t="s">
        <v>51547</v>
      </c>
      <c r="C35361">
        <v>0</v>
      </c>
      <c r="D35361">
        <v>0</v>
      </c>
    </row>
    <row r="35362" spans="1:4" x14ac:dyDescent="0.25">
      <c r="A35362" t="s">
        <v>51546</v>
      </c>
      <c r="B35362" t="s">
        <v>51548</v>
      </c>
      <c r="C35362">
        <v>0</v>
      </c>
      <c r="D35362">
        <v>0</v>
      </c>
    </row>
    <row r="35363" spans="1:4" x14ac:dyDescent="0.25">
      <c r="A35363" t="s">
        <v>51546</v>
      </c>
      <c r="B35363" t="s">
        <v>51549</v>
      </c>
      <c r="C35363">
        <v>0</v>
      </c>
      <c r="D35363">
        <v>0</v>
      </c>
    </row>
    <row r="35364" spans="1:4" x14ac:dyDescent="0.25">
      <c r="A35364" t="s">
        <v>51546</v>
      </c>
      <c r="B35364" t="s">
        <v>51550</v>
      </c>
      <c r="C35364">
        <v>0</v>
      </c>
      <c r="D35364">
        <v>0</v>
      </c>
    </row>
    <row r="35365" spans="1:4" x14ac:dyDescent="0.25">
      <c r="A35365" t="s">
        <v>51546</v>
      </c>
      <c r="B35365" t="s">
        <v>5396</v>
      </c>
      <c r="C35365">
        <v>0</v>
      </c>
      <c r="D35365">
        <v>0</v>
      </c>
    </row>
    <row r="35366" spans="1:4" x14ac:dyDescent="0.25">
      <c r="A35366" t="s">
        <v>51551</v>
      </c>
      <c r="B35366" t="s">
        <v>51552</v>
      </c>
      <c r="C35366">
        <v>1</v>
      </c>
      <c r="D35366">
        <v>0</v>
      </c>
    </row>
    <row r="35367" spans="1:4" x14ac:dyDescent="0.25">
      <c r="A35367" t="s">
        <v>51551</v>
      </c>
      <c r="B35367" t="s">
        <v>51553</v>
      </c>
      <c r="C35367">
        <v>1</v>
      </c>
      <c r="D35367">
        <v>0</v>
      </c>
    </row>
    <row r="35368" spans="1:4" x14ac:dyDescent="0.25">
      <c r="A35368" t="s">
        <v>51551</v>
      </c>
      <c r="B35368" t="s">
        <v>51554</v>
      </c>
      <c r="C35368">
        <v>1</v>
      </c>
      <c r="D35368">
        <v>0</v>
      </c>
    </row>
    <row r="35369" spans="1:4" x14ac:dyDescent="0.25">
      <c r="A35369" t="s">
        <v>51551</v>
      </c>
      <c r="B35369" t="s">
        <v>51555</v>
      </c>
      <c r="C35369">
        <v>1</v>
      </c>
      <c r="D35369">
        <v>0</v>
      </c>
    </row>
    <row r="35370" spans="1:4" x14ac:dyDescent="0.25">
      <c r="A35370" t="s">
        <v>51551</v>
      </c>
      <c r="B35370" t="s">
        <v>51556</v>
      </c>
      <c r="C35370">
        <v>1</v>
      </c>
      <c r="D35370">
        <v>0</v>
      </c>
    </row>
    <row r="35371" spans="1:4" x14ac:dyDescent="0.25">
      <c r="A35371" t="s">
        <v>51557</v>
      </c>
      <c r="B35371" t="s">
        <v>51558</v>
      </c>
      <c r="C35371">
        <v>2</v>
      </c>
      <c r="D35371">
        <v>0</v>
      </c>
    </row>
    <row r="35372" spans="1:4" x14ac:dyDescent="0.25">
      <c r="A35372" t="s">
        <v>51557</v>
      </c>
      <c r="B35372" t="s">
        <v>51559</v>
      </c>
      <c r="C35372">
        <v>0</v>
      </c>
      <c r="D35372">
        <v>0</v>
      </c>
    </row>
    <row r="35373" spans="1:4" x14ac:dyDescent="0.25">
      <c r="A35373" t="s">
        <v>51557</v>
      </c>
      <c r="B35373" t="s">
        <v>17479</v>
      </c>
      <c r="C35373">
        <v>1</v>
      </c>
      <c r="D35373">
        <v>0</v>
      </c>
    </row>
    <row r="35374" spans="1:4" x14ac:dyDescent="0.25">
      <c r="A35374" t="s">
        <v>51557</v>
      </c>
      <c r="B35374" t="s">
        <v>51560</v>
      </c>
      <c r="C35374">
        <v>2</v>
      </c>
      <c r="D35374">
        <v>0</v>
      </c>
    </row>
    <row r="35375" spans="1:4" x14ac:dyDescent="0.25">
      <c r="A35375" t="s">
        <v>51561</v>
      </c>
      <c r="B35375" t="s">
        <v>51562</v>
      </c>
      <c r="C35375">
        <v>0</v>
      </c>
      <c r="D35375">
        <v>0</v>
      </c>
    </row>
    <row r="35376" spans="1:4" x14ac:dyDescent="0.25">
      <c r="A35376" t="s">
        <v>51561</v>
      </c>
      <c r="B35376" t="s">
        <v>51563</v>
      </c>
      <c r="C35376">
        <v>1</v>
      </c>
      <c r="D35376">
        <v>0</v>
      </c>
    </row>
    <row r="35377" spans="1:4" x14ac:dyDescent="0.25">
      <c r="A35377" t="s">
        <v>51561</v>
      </c>
      <c r="B35377" t="s">
        <v>51564</v>
      </c>
      <c r="C35377">
        <v>1</v>
      </c>
      <c r="D35377">
        <v>0</v>
      </c>
    </row>
    <row r="35378" spans="1:4" x14ac:dyDescent="0.25">
      <c r="A35378" t="s">
        <v>51561</v>
      </c>
      <c r="B35378" t="s">
        <v>51565</v>
      </c>
      <c r="C35378">
        <v>0</v>
      </c>
      <c r="D35378">
        <v>0</v>
      </c>
    </row>
    <row r="35379" spans="1:4" x14ac:dyDescent="0.25">
      <c r="A35379" t="s">
        <v>51561</v>
      </c>
      <c r="B35379" t="s">
        <v>51566</v>
      </c>
      <c r="C35379">
        <v>1</v>
      </c>
      <c r="D35379">
        <v>0</v>
      </c>
    </row>
    <row r="35380" spans="1:4" x14ac:dyDescent="0.25">
      <c r="A35380" t="s">
        <v>51561</v>
      </c>
      <c r="B35380" t="s">
        <v>51567</v>
      </c>
      <c r="C35380">
        <v>0</v>
      </c>
      <c r="D35380">
        <v>0</v>
      </c>
    </row>
    <row r="35381" spans="1:4" x14ac:dyDescent="0.25">
      <c r="A35381" t="s">
        <v>51568</v>
      </c>
      <c r="B35381" t="s">
        <v>51569</v>
      </c>
      <c r="C35381">
        <v>1</v>
      </c>
      <c r="D35381">
        <v>0</v>
      </c>
    </row>
    <row r="35382" spans="1:4" x14ac:dyDescent="0.25">
      <c r="A35382" t="s">
        <v>51568</v>
      </c>
      <c r="B35382" t="s">
        <v>51570</v>
      </c>
      <c r="C35382">
        <v>1</v>
      </c>
      <c r="D35382">
        <v>0</v>
      </c>
    </row>
    <row r="35383" spans="1:4" x14ac:dyDescent="0.25">
      <c r="A35383" t="s">
        <v>51568</v>
      </c>
      <c r="B35383" t="s">
        <v>51571</v>
      </c>
      <c r="C35383">
        <v>1</v>
      </c>
      <c r="D35383">
        <v>0</v>
      </c>
    </row>
    <row r="35384" spans="1:4" x14ac:dyDescent="0.25">
      <c r="A35384" t="s">
        <v>51568</v>
      </c>
      <c r="B35384" t="s">
        <v>51572</v>
      </c>
      <c r="C35384">
        <v>1</v>
      </c>
      <c r="D35384">
        <v>0</v>
      </c>
    </row>
    <row r="35385" spans="1:4" x14ac:dyDescent="0.25">
      <c r="A35385" t="s">
        <v>51568</v>
      </c>
      <c r="B35385" t="s">
        <v>51573</v>
      </c>
      <c r="C35385">
        <v>1</v>
      </c>
      <c r="D35385">
        <v>0</v>
      </c>
    </row>
    <row r="35386" spans="1:4" x14ac:dyDescent="0.25">
      <c r="A35386" t="s">
        <v>51574</v>
      </c>
      <c r="B35386" t="s">
        <v>51575</v>
      </c>
      <c r="C35386">
        <v>1</v>
      </c>
      <c r="D35386">
        <v>0</v>
      </c>
    </row>
    <row r="35387" spans="1:4" x14ac:dyDescent="0.25">
      <c r="A35387" t="s">
        <v>51574</v>
      </c>
      <c r="B35387" t="s">
        <v>51576</v>
      </c>
      <c r="C35387">
        <v>1</v>
      </c>
      <c r="D35387">
        <v>0</v>
      </c>
    </row>
    <row r="35388" spans="1:4" x14ac:dyDescent="0.25">
      <c r="A35388" t="s">
        <v>51574</v>
      </c>
      <c r="B35388" t="s">
        <v>51577</v>
      </c>
      <c r="C35388">
        <v>0</v>
      </c>
      <c r="D35388">
        <v>0</v>
      </c>
    </row>
    <row r="35389" spans="1:4" x14ac:dyDescent="0.25">
      <c r="A35389" t="s">
        <v>51574</v>
      </c>
      <c r="B35389" t="s">
        <v>51578</v>
      </c>
      <c r="C35389">
        <v>0</v>
      </c>
      <c r="D35389">
        <v>0</v>
      </c>
    </row>
    <row r="35390" spans="1:4" x14ac:dyDescent="0.25">
      <c r="A35390" t="s">
        <v>51574</v>
      </c>
      <c r="B35390" t="s">
        <v>51579</v>
      </c>
      <c r="C35390">
        <v>1</v>
      </c>
      <c r="D35390">
        <v>0</v>
      </c>
    </row>
    <row r="35391" spans="1:4" x14ac:dyDescent="0.25">
      <c r="A35391" t="s">
        <v>51574</v>
      </c>
      <c r="B35391" t="s">
        <v>51580</v>
      </c>
      <c r="C35391">
        <v>1</v>
      </c>
      <c r="D35391">
        <v>0</v>
      </c>
    </row>
    <row r="35392" spans="1:4" x14ac:dyDescent="0.25">
      <c r="A35392" t="s">
        <v>51574</v>
      </c>
      <c r="B35392" t="s">
        <v>51581</v>
      </c>
      <c r="C35392">
        <v>2</v>
      </c>
      <c r="D35392">
        <v>0</v>
      </c>
    </row>
    <row r="35393" spans="1:4" x14ac:dyDescent="0.25">
      <c r="A35393" t="s">
        <v>51574</v>
      </c>
      <c r="B35393" t="s">
        <v>51582</v>
      </c>
      <c r="C35393">
        <v>1</v>
      </c>
      <c r="D35393">
        <v>0</v>
      </c>
    </row>
    <row r="35394" spans="1:4" x14ac:dyDescent="0.25">
      <c r="A35394" t="s">
        <v>51574</v>
      </c>
      <c r="B35394" t="s">
        <v>51583</v>
      </c>
      <c r="C35394">
        <v>0</v>
      </c>
      <c r="D35394">
        <v>0</v>
      </c>
    </row>
    <row r="35395" spans="1:4" x14ac:dyDescent="0.25">
      <c r="A35395" t="s">
        <v>51584</v>
      </c>
      <c r="B35395" t="s">
        <v>27701</v>
      </c>
      <c r="C35395">
        <v>1</v>
      </c>
      <c r="D35395">
        <v>0</v>
      </c>
    </row>
    <row r="35396" spans="1:4" x14ac:dyDescent="0.25">
      <c r="A35396" t="s">
        <v>51584</v>
      </c>
      <c r="B35396" t="s">
        <v>51585</v>
      </c>
      <c r="C35396">
        <v>1</v>
      </c>
      <c r="D35396">
        <v>0</v>
      </c>
    </row>
    <row r="35397" spans="1:4" x14ac:dyDescent="0.25">
      <c r="A35397" t="s">
        <v>51584</v>
      </c>
      <c r="B35397" t="s">
        <v>23996</v>
      </c>
      <c r="C35397">
        <v>0</v>
      </c>
      <c r="D35397">
        <v>0</v>
      </c>
    </row>
    <row r="35398" spans="1:4" x14ac:dyDescent="0.25">
      <c r="A35398" t="s">
        <v>51586</v>
      </c>
      <c r="B35398" t="s">
        <v>51587</v>
      </c>
      <c r="C35398">
        <v>2</v>
      </c>
      <c r="D35398">
        <v>0</v>
      </c>
    </row>
    <row r="35399" spans="1:4" x14ac:dyDescent="0.25">
      <c r="A35399" t="s">
        <v>51586</v>
      </c>
      <c r="B35399" t="s">
        <v>51588</v>
      </c>
      <c r="C35399">
        <v>2</v>
      </c>
      <c r="D35399">
        <v>0</v>
      </c>
    </row>
    <row r="35400" spans="1:4" x14ac:dyDescent="0.25">
      <c r="A35400" t="s">
        <v>51586</v>
      </c>
      <c r="B35400" t="s">
        <v>51589</v>
      </c>
      <c r="C35400">
        <v>1</v>
      </c>
      <c r="D35400">
        <v>0</v>
      </c>
    </row>
    <row r="35401" spans="1:4" x14ac:dyDescent="0.25">
      <c r="A35401" t="s">
        <v>51586</v>
      </c>
      <c r="B35401" t="s">
        <v>51590</v>
      </c>
      <c r="C35401">
        <v>2</v>
      </c>
      <c r="D35401">
        <v>0</v>
      </c>
    </row>
    <row r="35402" spans="1:4" x14ac:dyDescent="0.25">
      <c r="A35402" t="s">
        <v>51591</v>
      </c>
      <c r="B35402" t="s">
        <v>51592</v>
      </c>
      <c r="C35402">
        <v>1</v>
      </c>
      <c r="D35402">
        <v>0</v>
      </c>
    </row>
    <row r="35403" spans="1:4" x14ac:dyDescent="0.25">
      <c r="A35403" t="s">
        <v>51591</v>
      </c>
      <c r="B35403" t="s">
        <v>51593</v>
      </c>
      <c r="C35403">
        <v>2</v>
      </c>
      <c r="D35403">
        <v>0</v>
      </c>
    </row>
    <row r="35404" spans="1:4" x14ac:dyDescent="0.25">
      <c r="A35404" t="s">
        <v>51591</v>
      </c>
      <c r="B35404" t="s">
        <v>51594</v>
      </c>
      <c r="C35404">
        <v>1</v>
      </c>
      <c r="D35404">
        <v>0</v>
      </c>
    </row>
    <row r="35405" spans="1:4" x14ac:dyDescent="0.25">
      <c r="A35405" t="s">
        <v>51591</v>
      </c>
      <c r="B35405" t="s">
        <v>51595</v>
      </c>
      <c r="C35405">
        <v>0</v>
      </c>
      <c r="D35405">
        <v>0</v>
      </c>
    </row>
    <row r="35406" spans="1:4" x14ac:dyDescent="0.25">
      <c r="A35406" t="s">
        <v>51591</v>
      </c>
      <c r="B35406" t="s">
        <v>51596</v>
      </c>
      <c r="C35406">
        <v>1</v>
      </c>
      <c r="D35406">
        <v>0</v>
      </c>
    </row>
    <row r="35407" spans="1:4" x14ac:dyDescent="0.25">
      <c r="A35407" t="s">
        <v>51591</v>
      </c>
      <c r="B35407" t="s">
        <v>51597</v>
      </c>
      <c r="C35407">
        <v>2</v>
      </c>
      <c r="D35407">
        <v>0</v>
      </c>
    </row>
    <row r="35408" spans="1:4" x14ac:dyDescent="0.25">
      <c r="A35408" t="s">
        <v>51591</v>
      </c>
      <c r="B35408" t="s">
        <v>51598</v>
      </c>
      <c r="C35408">
        <v>1</v>
      </c>
      <c r="D35408">
        <v>0</v>
      </c>
    </row>
    <row r="35409" spans="1:4" x14ac:dyDescent="0.25">
      <c r="A35409" t="s">
        <v>51591</v>
      </c>
      <c r="B35409" t="s">
        <v>51599</v>
      </c>
      <c r="C35409">
        <v>1</v>
      </c>
      <c r="D35409">
        <v>0</v>
      </c>
    </row>
    <row r="35410" spans="1:4" x14ac:dyDescent="0.25">
      <c r="A35410" t="s">
        <v>51600</v>
      </c>
      <c r="B35410" t="s">
        <v>2865</v>
      </c>
      <c r="C35410">
        <v>0</v>
      </c>
      <c r="D35410">
        <v>0</v>
      </c>
    </row>
    <row r="35411" spans="1:4" x14ac:dyDescent="0.25">
      <c r="A35411" t="s">
        <v>51600</v>
      </c>
      <c r="B35411" t="s">
        <v>5434</v>
      </c>
      <c r="C35411">
        <v>1</v>
      </c>
      <c r="D35411">
        <v>0</v>
      </c>
    </row>
    <row r="35412" spans="1:4" x14ac:dyDescent="0.25">
      <c r="A35412" t="s">
        <v>51600</v>
      </c>
      <c r="B35412" t="s">
        <v>2865</v>
      </c>
      <c r="C35412">
        <v>0</v>
      </c>
      <c r="D35412">
        <v>0</v>
      </c>
    </row>
    <row r="35413" spans="1:4" x14ac:dyDescent="0.25">
      <c r="A35413" t="s">
        <v>51600</v>
      </c>
      <c r="B35413" t="s">
        <v>5713</v>
      </c>
      <c r="C35413">
        <v>1</v>
      </c>
      <c r="D35413">
        <v>0</v>
      </c>
    </row>
    <row r="35414" spans="1:4" x14ac:dyDescent="0.25">
      <c r="A35414" t="s">
        <v>51600</v>
      </c>
      <c r="B35414" t="s">
        <v>9783</v>
      </c>
      <c r="C35414">
        <v>0</v>
      </c>
      <c r="D35414">
        <v>0</v>
      </c>
    </row>
    <row r="35415" spans="1:4" x14ac:dyDescent="0.25">
      <c r="A35415" t="s">
        <v>51600</v>
      </c>
      <c r="B35415" t="s">
        <v>51601</v>
      </c>
      <c r="C35415">
        <v>0</v>
      </c>
      <c r="D35415">
        <v>0</v>
      </c>
    </row>
    <row r="35416" spans="1:4" x14ac:dyDescent="0.25">
      <c r="A35416" t="s">
        <v>51600</v>
      </c>
      <c r="B35416" t="s">
        <v>51602</v>
      </c>
      <c r="C35416">
        <v>1</v>
      </c>
      <c r="D35416">
        <v>0</v>
      </c>
    </row>
    <row r="35417" spans="1:4" x14ac:dyDescent="0.25">
      <c r="A35417" t="s">
        <v>51603</v>
      </c>
      <c r="B35417" t="s">
        <v>51604</v>
      </c>
      <c r="C35417">
        <v>1</v>
      </c>
      <c r="D35417">
        <v>0</v>
      </c>
    </row>
    <row r="35418" spans="1:4" x14ac:dyDescent="0.25">
      <c r="A35418" t="s">
        <v>51603</v>
      </c>
      <c r="B35418" t="s">
        <v>51605</v>
      </c>
      <c r="C35418">
        <v>1</v>
      </c>
      <c r="D35418">
        <v>0</v>
      </c>
    </row>
    <row r="35419" spans="1:4" x14ac:dyDescent="0.25">
      <c r="A35419" t="s">
        <v>51603</v>
      </c>
      <c r="B35419" t="s">
        <v>51606</v>
      </c>
      <c r="C35419">
        <v>1</v>
      </c>
      <c r="D35419">
        <v>0</v>
      </c>
    </row>
    <row r="35420" spans="1:4" x14ac:dyDescent="0.25">
      <c r="A35420" t="s">
        <v>51603</v>
      </c>
      <c r="B35420" t="s">
        <v>51607</v>
      </c>
      <c r="C35420">
        <v>1</v>
      </c>
      <c r="D35420">
        <v>0</v>
      </c>
    </row>
    <row r="35421" spans="1:4" x14ac:dyDescent="0.25">
      <c r="A35421" t="s">
        <v>51603</v>
      </c>
      <c r="B35421" t="s">
        <v>51608</v>
      </c>
      <c r="C35421">
        <v>1</v>
      </c>
      <c r="D35421">
        <v>0</v>
      </c>
    </row>
    <row r="35422" spans="1:4" x14ac:dyDescent="0.25">
      <c r="A35422" t="s">
        <v>51609</v>
      </c>
      <c r="B35422" t="s">
        <v>51610</v>
      </c>
      <c r="C35422">
        <v>0</v>
      </c>
      <c r="D35422">
        <v>0</v>
      </c>
    </row>
    <row r="35423" spans="1:4" x14ac:dyDescent="0.25">
      <c r="A35423" t="s">
        <v>51609</v>
      </c>
      <c r="B35423" t="s">
        <v>51611</v>
      </c>
      <c r="C35423">
        <v>0</v>
      </c>
      <c r="D35423">
        <v>0</v>
      </c>
    </row>
    <row r="35424" spans="1:4" x14ac:dyDescent="0.25">
      <c r="A35424" t="s">
        <v>51609</v>
      </c>
      <c r="B35424" t="s">
        <v>51612</v>
      </c>
      <c r="C35424">
        <v>0</v>
      </c>
      <c r="D35424">
        <v>0</v>
      </c>
    </row>
    <row r="35425" spans="1:4" x14ac:dyDescent="0.25">
      <c r="A35425" t="s">
        <v>51609</v>
      </c>
      <c r="B35425" t="s">
        <v>51613</v>
      </c>
      <c r="C35425">
        <v>0</v>
      </c>
      <c r="D35425">
        <v>0</v>
      </c>
    </row>
    <row r="35426" spans="1:4" x14ac:dyDescent="0.25">
      <c r="A35426" t="s">
        <v>51614</v>
      </c>
      <c r="B35426" t="s">
        <v>51615</v>
      </c>
      <c r="C35426">
        <v>0</v>
      </c>
      <c r="D35426">
        <v>0</v>
      </c>
    </row>
    <row r="35427" spans="1:4" x14ac:dyDescent="0.25">
      <c r="A35427" t="s">
        <v>51614</v>
      </c>
      <c r="B35427" t="s">
        <v>51616</v>
      </c>
      <c r="C35427">
        <v>2</v>
      </c>
      <c r="D35427">
        <v>0</v>
      </c>
    </row>
    <row r="35428" spans="1:4" x14ac:dyDescent="0.25">
      <c r="A35428" t="s">
        <v>51614</v>
      </c>
      <c r="B35428" t="s">
        <v>51617</v>
      </c>
      <c r="C35428">
        <v>2</v>
      </c>
      <c r="D35428">
        <v>0</v>
      </c>
    </row>
    <row r="35429" spans="1:4" x14ac:dyDescent="0.25">
      <c r="A35429" t="s">
        <v>51614</v>
      </c>
      <c r="B35429" t="s">
        <v>51618</v>
      </c>
      <c r="C35429">
        <v>2</v>
      </c>
      <c r="D35429">
        <v>0</v>
      </c>
    </row>
    <row r="35430" spans="1:4" x14ac:dyDescent="0.25">
      <c r="A35430" t="s">
        <v>51614</v>
      </c>
      <c r="B35430" t="s">
        <v>51619</v>
      </c>
      <c r="C35430">
        <v>1</v>
      </c>
      <c r="D35430">
        <v>0</v>
      </c>
    </row>
    <row r="35431" spans="1:4" x14ac:dyDescent="0.25">
      <c r="A35431" t="s">
        <v>51614</v>
      </c>
      <c r="B35431" t="s">
        <v>51620</v>
      </c>
      <c r="C35431">
        <v>2</v>
      </c>
      <c r="D35431">
        <v>0</v>
      </c>
    </row>
    <row r="35432" spans="1:4" x14ac:dyDescent="0.25">
      <c r="A35432" t="s">
        <v>51621</v>
      </c>
      <c r="B35432" t="s">
        <v>51622</v>
      </c>
      <c r="C35432">
        <v>0</v>
      </c>
      <c r="D35432">
        <v>0</v>
      </c>
    </row>
    <row r="35433" spans="1:4" x14ac:dyDescent="0.25">
      <c r="A35433" t="s">
        <v>51621</v>
      </c>
      <c r="B35433" t="s">
        <v>51623</v>
      </c>
      <c r="C35433">
        <v>1</v>
      </c>
      <c r="D35433">
        <v>0</v>
      </c>
    </row>
    <row r="35434" spans="1:4" x14ac:dyDescent="0.25">
      <c r="A35434" t="s">
        <v>51621</v>
      </c>
      <c r="B35434" t="s">
        <v>51624</v>
      </c>
      <c r="C35434">
        <v>1</v>
      </c>
      <c r="D35434">
        <v>0</v>
      </c>
    </row>
    <row r="35435" spans="1:4" x14ac:dyDescent="0.25">
      <c r="A35435" t="s">
        <v>51621</v>
      </c>
      <c r="B35435" t="s">
        <v>51625</v>
      </c>
      <c r="C35435">
        <v>1</v>
      </c>
      <c r="D35435">
        <v>0</v>
      </c>
    </row>
    <row r="35436" spans="1:4" x14ac:dyDescent="0.25">
      <c r="A35436" t="s">
        <v>51626</v>
      </c>
      <c r="B35436" t="s">
        <v>51627</v>
      </c>
      <c r="C35436">
        <v>1</v>
      </c>
      <c r="D35436">
        <v>0</v>
      </c>
    </row>
    <row r="35437" spans="1:4" x14ac:dyDescent="0.25">
      <c r="A35437" t="s">
        <v>51626</v>
      </c>
      <c r="B35437" t="s">
        <v>51628</v>
      </c>
      <c r="C35437">
        <v>2</v>
      </c>
      <c r="D35437">
        <v>0</v>
      </c>
    </row>
    <row r="35438" spans="1:4" x14ac:dyDescent="0.25">
      <c r="A35438" t="s">
        <v>51626</v>
      </c>
      <c r="B35438" t="s">
        <v>51629</v>
      </c>
      <c r="C35438">
        <v>2</v>
      </c>
      <c r="D35438">
        <v>0</v>
      </c>
    </row>
    <row r="35439" spans="1:4" x14ac:dyDescent="0.25">
      <c r="A35439" t="s">
        <v>51626</v>
      </c>
      <c r="B35439" t="s">
        <v>51630</v>
      </c>
      <c r="C35439">
        <v>0</v>
      </c>
      <c r="D35439">
        <v>0</v>
      </c>
    </row>
    <row r="35440" spans="1:4" x14ac:dyDescent="0.25">
      <c r="A35440" t="s">
        <v>51626</v>
      </c>
      <c r="B35440" t="s">
        <v>51631</v>
      </c>
      <c r="C35440">
        <v>0</v>
      </c>
      <c r="D35440">
        <v>0</v>
      </c>
    </row>
    <row r="35441" spans="1:4" x14ac:dyDescent="0.25">
      <c r="A35441" t="s">
        <v>51626</v>
      </c>
      <c r="B35441" t="s">
        <v>51632</v>
      </c>
      <c r="C35441">
        <v>2</v>
      </c>
      <c r="D35441">
        <v>0</v>
      </c>
    </row>
    <row r="35442" spans="1:4" x14ac:dyDescent="0.25">
      <c r="A35442" t="s">
        <v>51626</v>
      </c>
      <c r="B35442" t="s">
        <v>51633</v>
      </c>
      <c r="C35442">
        <v>1</v>
      </c>
      <c r="D35442">
        <v>0</v>
      </c>
    </row>
    <row r="35443" spans="1:4" x14ac:dyDescent="0.25">
      <c r="A35443" t="s">
        <v>51634</v>
      </c>
      <c r="B35443" t="s">
        <v>51635</v>
      </c>
      <c r="C35443">
        <v>2</v>
      </c>
      <c r="D35443">
        <v>0</v>
      </c>
    </row>
    <row r="35444" spans="1:4" x14ac:dyDescent="0.25">
      <c r="A35444" t="s">
        <v>51634</v>
      </c>
      <c r="B35444" t="s">
        <v>51636</v>
      </c>
      <c r="C35444">
        <v>1</v>
      </c>
      <c r="D35444">
        <v>0</v>
      </c>
    </row>
    <row r="35445" spans="1:4" x14ac:dyDescent="0.25">
      <c r="A35445" t="s">
        <v>51634</v>
      </c>
      <c r="B35445" t="s">
        <v>51637</v>
      </c>
      <c r="C35445">
        <v>1</v>
      </c>
      <c r="D35445">
        <v>0</v>
      </c>
    </row>
    <row r="35446" spans="1:4" x14ac:dyDescent="0.25">
      <c r="A35446" t="s">
        <v>51638</v>
      </c>
      <c r="B35446" t="s">
        <v>23996</v>
      </c>
      <c r="C35446">
        <v>0</v>
      </c>
      <c r="D35446">
        <v>0</v>
      </c>
    </row>
    <row r="35447" spans="1:4" x14ac:dyDescent="0.25">
      <c r="A35447" t="s">
        <v>51638</v>
      </c>
      <c r="B35447" t="s">
        <v>51639</v>
      </c>
      <c r="C35447">
        <v>2</v>
      </c>
      <c r="D35447">
        <v>0</v>
      </c>
    </row>
    <row r="35448" spans="1:4" x14ac:dyDescent="0.25">
      <c r="A35448" t="s">
        <v>51638</v>
      </c>
      <c r="B35448" t="s">
        <v>51640</v>
      </c>
      <c r="C35448">
        <v>1</v>
      </c>
      <c r="D35448">
        <v>0</v>
      </c>
    </row>
    <row r="35449" spans="1:4" x14ac:dyDescent="0.25">
      <c r="A35449" t="s">
        <v>51638</v>
      </c>
      <c r="B35449" t="s">
        <v>51641</v>
      </c>
      <c r="C35449">
        <v>0</v>
      </c>
      <c r="D35449">
        <v>0</v>
      </c>
    </row>
    <row r="35450" spans="1:4" x14ac:dyDescent="0.25">
      <c r="A35450" t="s">
        <v>51638</v>
      </c>
      <c r="B35450" t="s">
        <v>51642</v>
      </c>
      <c r="C35450">
        <v>2</v>
      </c>
      <c r="D35450">
        <v>0</v>
      </c>
    </row>
    <row r="35451" spans="1:4" x14ac:dyDescent="0.25">
      <c r="A35451" t="s">
        <v>51638</v>
      </c>
      <c r="B35451" t="s">
        <v>51643</v>
      </c>
      <c r="C35451">
        <v>0</v>
      </c>
      <c r="D35451">
        <v>0</v>
      </c>
    </row>
    <row r="35452" spans="1:4" x14ac:dyDescent="0.25">
      <c r="A35452" t="s">
        <v>51638</v>
      </c>
      <c r="B35452" t="s">
        <v>51644</v>
      </c>
      <c r="C35452">
        <v>1</v>
      </c>
      <c r="D35452">
        <v>0</v>
      </c>
    </row>
    <row r="35453" spans="1:4" x14ac:dyDescent="0.25">
      <c r="A35453" t="s">
        <v>51638</v>
      </c>
      <c r="B35453" t="s">
        <v>51645</v>
      </c>
      <c r="C35453">
        <v>0</v>
      </c>
      <c r="D35453">
        <v>0</v>
      </c>
    </row>
    <row r="35454" spans="1:4" x14ac:dyDescent="0.25">
      <c r="A35454" t="s">
        <v>51646</v>
      </c>
      <c r="B35454" t="s">
        <v>51647</v>
      </c>
      <c r="C35454">
        <v>1</v>
      </c>
      <c r="D35454">
        <v>0</v>
      </c>
    </row>
    <row r="35455" spans="1:4" x14ac:dyDescent="0.25">
      <c r="A35455" t="s">
        <v>51646</v>
      </c>
      <c r="B35455" t="s">
        <v>51648</v>
      </c>
      <c r="C35455">
        <v>1</v>
      </c>
      <c r="D35455">
        <v>0</v>
      </c>
    </row>
    <row r="35456" spans="1:4" x14ac:dyDescent="0.25">
      <c r="A35456" t="s">
        <v>51646</v>
      </c>
      <c r="B35456" t="s">
        <v>51649</v>
      </c>
      <c r="C35456">
        <v>1</v>
      </c>
      <c r="D35456">
        <v>0</v>
      </c>
    </row>
    <row r="35457" spans="1:4" x14ac:dyDescent="0.25">
      <c r="A35457" t="s">
        <v>51646</v>
      </c>
      <c r="B35457" t="s">
        <v>51650</v>
      </c>
      <c r="C35457">
        <v>2</v>
      </c>
      <c r="D35457">
        <v>0</v>
      </c>
    </row>
    <row r="35458" spans="1:4" x14ac:dyDescent="0.25">
      <c r="A35458" t="s">
        <v>51646</v>
      </c>
      <c r="B35458" t="s">
        <v>51651</v>
      </c>
      <c r="C35458">
        <v>1</v>
      </c>
      <c r="D35458">
        <v>0</v>
      </c>
    </row>
    <row r="35459" spans="1:4" x14ac:dyDescent="0.25">
      <c r="A35459" t="s">
        <v>51652</v>
      </c>
      <c r="B35459" t="s">
        <v>51653</v>
      </c>
      <c r="C35459">
        <v>0</v>
      </c>
      <c r="D35459">
        <v>0</v>
      </c>
    </row>
    <row r="35460" spans="1:4" x14ac:dyDescent="0.25">
      <c r="A35460" t="s">
        <v>51652</v>
      </c>
      <c r="B35460" t="s">
        <v>51654</v>
      </c>
      <c r="C35460">
        <v>0</v>
      </c>
      <c r="D35460">
        <v>0</v>
      </c>
    </row>
    <row r="35461" spans="1:4" x14ac:dyDescent="0.25">
      <c r="A35461" t="s">
        <v>51652</v>
      </c>
      <c r="B35461" t="s">
        <v>51653</v>
      </c>
      <c r="C35461">
        <v>0</v>
      </c>
      <c r="D35461">
        <v>0</v>
      </c>
    </row>
    <row r="35462" spans="1:4" x14ac:dyDescent="0.25">
      <c r="A35462" t="s">
        <v>51655</v>
      </c>
      <c r="B35462" t="s">
        <v>51656</v>
      </c>
      <c r="C35462">
        <v>1</v>
      </c>
      <c r="D35462">
        <v>0</v>
      </c>
    </row>
    <row r="35463" spans="1:4" x14ac:dyDescent="0.25">
      <c r="A35463" t="s">
        <v>51655</v>
      </c>
      <c r="B35463" t="s">
        <v>51657</v>
      </c>
      <c r="C35463">
        <v>0</v>
      </c>
      <c r="D35463">
        <v>0</v>
      </c>
    </row>
    <row r="35464" spans="1:4" x14ac:dyDescent="0.25">
      <c r="A35464" t="s">
        <v>51655</v>
      </c>
      <c r="B35464" t="s">
        <v>51658</v>
      </c>
      <c r="C35464">
        <v>2</v>
      </c>
      <c r="D35464">
        <v>0</v>
      </c>
    </row>
    <row r="35465" spans="1:4" x14ac:dyDescent="0.25">
      <c r="A35465" t="s">
        <v>51659</v>
      </c>
      <c r="B35465" t="s">
        <v>46567</v>
      </c>
      <c r="C35465">
        <v>1</v>
      </c>
      <c r="D35465">
        <v>0</v>
      </c>
    </row>
    <row r="35466" spans="1:4" x14ac:dyDescent="0.25">
      <c r="A35466" t="s">
        <v>51659</v>
      </c>
      <c r="B35466" t="s">
        <v>51660</v>
      </c>
      <c r="C35466">
        <v>0</v>
      </c>
      <c r="D35466">
        <v>0</v>
      </c>
    </row>
    <row r="35467" spans="1:4" x14ac:dyDescent="0.25">
      <c r="A35467" t="s">
        <v>51659</v>
      </c>
      <c r="B35467" t="s">
        <v>51661</v>
      </c>
      <c r="C35467">
        <v>1</v>
      </c>
      <c r="D35467">
        <v>0</v>
      </c>
    </row>
    <row r="35468" spans="1:4" x14ac:dyDescent="0.25">
      <c r="A35468" t="s">
        <v>51659</v>
      </c>
      <c r="B35468" t="s">
        <v>51662</v>
      </c>
      <c r="C35468">
        <v>1</v>
      </c>
      <c r="D35468">
        <v>0</v>
      </c>
    </row>
    <row r="35469" spans="1:4" x14ac:dyDescent="0.25">
      <c r="A35469" t="s">
        <v>51659</v>
      </c>
      <c r="B35469" t="s">
        <v>51663</v>
      </c>
      <c r="C35469">
        <v>2</v>
      </c>
      <c r="D35469">
        <v>0</v>
      </c>
    </row>
    <row r="35470" spans="1:4" x14ac:dyDescent="0.25">
      <c r="A35470" t="s">
        <v>51664</v>
      </c>
      <c r="B35470" t="s">
        <v>51665</v>
      </c>
      <c r="C35470">
        <v>1</v>
      </c>
      <c r="D35470">
        <v>0</v>
      </c>
    </row>
    <row r="35471" spans="1:4" x14ac:dyDescent="0.25">
      <c r="A35471" t="s">
        <v>51664</v>
      </c>
      <c r="B35471" t="s">
        <v>51666</v>
      </c>
      <c r="C35471">
        <v>2</v>
      </c>
      <c r="D35471">
        <v>0</v>
      </c>
    </row>
    <row r="35472" spans="1:4" x14ac:dyDescent="0.25">
      <c r="A35472" t="s">
        <v>51664</v>
      </c>
      <c r="B35472" t="s">
        <v>51667</v>
      </c>
      <c r="C35472">
        <v>0</v>
      </c>
      <c r="D35472">
        <v>0</v>
      </c>
    </row>
    <row r="35473" spans="1:4" x14ac:dyDescent="0.25">
      <c r="A35473" t="s">
        <v>51664</v>
      </c>
      <c r="B35473" t="s">
        <v>51668</v>
      </c>
      <c r="C35473">
        <v>1</v>
      </c>
      <c r="D35473">
        <v>0</v>
      </c>
    </row>
    <row r="35474" spans="1:4" x14ac:dyDescent="0.25">
      <c r="A35474" t="s">
        <v>51669</v>
      </c>
      <c r="B35474" t="s">
        <v>51670</v>
      </c>
      <c r="C35474">
        <v>0</v>
      </c>
      <c r="D35474">
        <v>0</v>
      </c>
    </row>
    <row r="35475" spans="1:4" x14ac:dyDescent="0.25">
      <c r="A35475" t="s">
        <v>51669</v>
      </c>
      <c r="B35475" t="s">
        <v>51671</v>
      </c>
      <c r="C35475">
        <v>0</v>
      </c>
      <c r="D35475">
        <v>0</v>
      </c>
    </row>
    <row r="35476" spans="1:4" x14ac:dyDescent="0.25">
      <c r="A35476" t="s">
        <v>51669</v>
      </c>
      <c r="B35476" t="s">
        <v>2865</v>
      </c>
      <c r="C35476">
        <v>0</v>
      </c>
      <c r="D35476">
        <v>0</v>
      </c>
    </row>
    <row r="35477" spans="1:4" x14ac:dyDescent="0.25">
      <c r="A35477" t="s">
        <v>51672</v>
      </c>
      <c r="B35477" t="s">
        <v>51673</v>
      </c>
      <c r="C35477">
        <v>1</v>
      </c>
      <c r="D35477">
        <v>0</v>
      </c>
    </row>
    <row r="35478" spans="1:4" x14ac:dyDescent="0.25">
      <c r="A35478" t="s">
        <v>51672</v>
      </c>
      <c r="B35478" t="s">
        <v>51674</v>
      </c>
      <c r="C35478">
        <v>1</v>
      </c>
      <c r="D35478">
        <v>0</v>
      </c>
    </row>
    <row r="35479" spans="1:4" x14ac:dyDescent="0.25">
      <c r="A35479" t="s">
        <v>51672</v>
      </c>
      <c r="B35479" t="s">
        <v>51675</v>
      </c>
      <c r="C35479">
        <v>1</v>
      </c>
      <c r="D35479">
        <v>0</v>
      </c>
    </row>
    <row r="35480" spans="1:4" x14ac:dyDescent="0.25">
      <c r="A35480" t="s">
        <v>51672</v>
      </c>
      <c r="B35480" t="s">
        <v>51676</v>
      </c>
      <c r="C35480">
        <v>1</v>
      </c>
      <c r="D35480">
        <v>0</v>
      </c>
    </row>
    <row r="35481" spans="1:4" x14ac:dyDescent="0.25">
      <c r="A35481" t="s">
        <v>51672</v>
      </c>
      <c r="B35481" t="s">
        <v>51677</v>
      </c>
      <c r="C35481">
        <v>0</v>
      </c>
      <c r="D35481">
        <v>0</v>
      </c>
    </row>
    <row r="35482" spans="1:4" x14ac:dyDescent="0.25">
      <c r="A35482" t="s">
        <v>51672</v>
      </c>
      <c r="B35482" t="s">
        <v>51678</v>
      </c>
      <c r="C35482">
        <v>1</v>
      </c>
      <c r="D35482">
        <v>0</v>
      </c>
    </row>
    <row r="35483" spans="1:4" x14ac:dyDescent="0.25">
      <c r="A35483" t="s">
        <v>51672</v>
      </c>
      <c r="B35483" t="s">
        <v>51679</v>
      </c>
      <c r="C35483">
        <v>1</v>
      </c>
      <c r="D35483">
        <v>0</v>
      </c>
    </row>
    <row r="35484" spans="1:4" x14ac:dyDescent="0.25">
      <c r="A35484" t="s">
        <v>51680</v>
      </c>
      <c r="B35484" t="s">
        <v>51681</v>
      </c>
      <c r="C35484">
        <v>1</v>
      </c>
      <c r="D35484">
        <v>0</v>
      </c>
    </row>
    <row r="35485" spans="1:4" x14ac:dyDescent="0.25">
      <c r="A35485" t="s">
        <v>51680</v>
      </c>
      <c r="B35485" t="s">
        <v>51682</v>
      </c>
      <c r="C35485">
        <v>1</v>
      </c>
      <c r="D35485">
        <v>0</v>
      </c>
    </row>
    <row r="35486" spans="1:4" x14ac:dyDescent="0.25">
      <c r="A35486" t="s">
        <v>51680</v>
      </c>
      <c r="B35486" t="s">
        <v>51683</v>
      </c>
      <c r="C35486">
        <v>1</v>
      </c>
      <c r="D35486">
        <v>0</v>
      </c>
    </row>
    <row r="35487" spans="1:4" x14ac:dyDescent="0.25">
      <c r="A35487" t="s">
        <v>51680</v>
      </c>
      <c r="B35487" t="s">
        <v>51684</v>
      </c>
      <c r="C35487">
        <v>0</v>
      </c>
      <c r="D35487">
        <v>0</v>
      </c>
    </row>
    <row r="35488" spans="1:4" x14ac:dyDescent="0.25">
      <c r="A35488" t="s">
        <v>51680</v>
      </c>
      <c r="B35488" t="s">
        <v>51685</v>
      </c>
      <c r="C35488">
        <v>1</v>
      </c>
      <c r="D35488">
        <v>0</v>
      </c>
    </row>
    <row r="35489" spans="1:4" x14ac:dyDescent="0.25">
      <c r="A35489" t="s">
        <v>51686</v>
      </c>
      <c r="B35489" t="s">
        <v>51687</v>
      </c>
      <c r="C35489">
        <v>1</v>
      </c>
      <c r="D35489">
        <v>0</v>
      </c>
    </row>
    <row r="35490" spans="1:4" x14ac:dyDescent="0.25">
      <c r="A35490" t="s">
        <v>51686</v>
      </c>
      <c r="B35490" t="s">
        <v>51688</v>
      </c>
      <c r="C35490">
        <v>1</v>
      </c>
      <c r="D35490">
        <v>0</v>
      </c>
    </row>
    <row r="35491" spans="1:4" x14ac:dyDescent="0.25">
      <c r="A35491" t="s">
        <v>51686</v>
      </c>
      <c r="B35491" t="s">
        <v>51689</v>
      </c>
      <c r="C35491">
        <v>0</v>
      </c>
      <c r="D35491">
        <v>0</v>
      </c>
    </row>
    <row r="35492" spans="1:4" x14ac:dyDescent="0.25">
      <c r="A35492" t="s">
        <v>51690</v>
      </c>
      <c r="B35492" t="s">
        <v>51691</v>
      </c>
      <c r="C35492">
        <v>0</v>
      </c>
      <c r="D35492">
        <v>0</v>
      </c>
    </row>
    <row r="35493" spans="1:4" x14ac:dyDescent="0.25">
      <c r="A35493" t="s">
        <v>51690</v>
      </c>
      <c r="B35493" t="s">
        <v>51692</v>
      </c>
      <c r="C35493">
        <v>1</v>
      </c>
      <c r="D35493">
        <v>0</v>
      </c>
    </row>
    <row r="35494" spans="1:4" x14ac:dyDescent="0.25">
      <c r="A35494" t="s">
        <v>51693</v>
      </c>
      <c r="B35494" t="s">
        <v>51694</v>
      </c>
      <c r="C35494">
        <v>2</v>
      </c>
      <c r="D35494">
        <v>0</v>
      </c>
    </row>
    <row r="35495" spans="1:4" x14ac:dyDescent="0.25">
      <c r="A35495" t="s">
        <v>51693</v>
      </c>
      <c r="B35495" t="s">
        <v>51695</v>
      </c>
      <c r="C35495">
        <v>2</v>
      </c>
      <c r="D35495">
        <v>0</v>
      </c>
    </row>
    <row r="35496" spans="1:4" x14ac:dyDescent="0.25">
      <c r="A35496" t="s">
        <v>51693</v>
      </c>
      <c r="B35496" t="s">
        <v>51696</v>
      </c>
      <c r="C35496">
        <v>2</v>
      </c>
      <c r="D35496">
        <v>0</v>
      </c>
    </row>
    <row r="35497" spans="1:4" x14ac:dyDescent="0.25">
      <c r="A35497" t="s">
        <v>51693</v>
      </c>
      <c r="B35497" t="s">
        <v>51697</v>
      </c>
      <c r="C35497">
        <v>2</v>
      </c>
      <c r="D35497">
        <v>0</v>
      </c>
    </row>
    <row r="35498" spans="1:4" x14ac:dyDescent="0.25">
      <c r="A35498" t="s">
        <v>51698</v>
      </c>
      <c r="B35498" t="s">
        <v>51699</v>
      </c>
      <c r="C35498">
        <v>2</v>
      </c>
      <c r="D35498">
        <v>0</v>
      </c>
    </row>
    <row r="35499" spans="1:4" x14ac:dyDescent="0.25">
      <c r="A35499" t="s">
        <v>51700</v>
      </c>
      <c r="B35499" t="s">
        <v>51701</v>
      </c>
      <c r="C35499">
        <v>0</v>
      </c>
      <c r="D35499">
        <v>0</v>
      </c>
    </row>
    <row r="35500" spans="1:4" x14ac:dyDescent="0.25">
      <c r="A35500" t="s">
        <v>51700</v>
      </c>
      <c r="B35500" t="s">
        <v>51702</v>
      </c>
      <c r="C35500">
        <v>2</v>
      </c>
      <c r="D35500">
        <v>0</v>
      </c>
    </row>
    <row r="35501" spans="1:4" x14ac:dyDescent="0.25">
      <c r="A35501" t="s">
        <v>51700</v>
      </c>
      <c r="B35501" t="s">
        <v>51703</v>
      </c>
      <c r="C35501">
        <v>0</v>
      </c>
      <c r="D35501">
        <v>0</v>
      </c>
    </row>
    <row r="35502" spans="1:4" x14ac:dyDescent="0.25">
      <c r="A35502" t="s">
        <v>51700</v>
      </c>
      <c r="B35502" t="s">
        <v>51704</v>
      </c>
      <c r="C35502">
        <v>0</v>
      </c>
      <c r="D35502">
        <v>0</v>
      </c>
    </row>
    <row r="35503" spans="1:4" x14ac:dyDescent="0.25">
      <c r="A35503" t="s">
        <v>51700</v>
      </c>
      <c r="B35503" t="s">
        <v>51705</v>
      </c>
      <c r="C35503">
        <v>0</v>
      </c>
      <c r="D35503">
        <v>0</v>
      </c>
    </row>
    <row r="35504" spans="1:4" x14ac:dyDescent="0.25">
      <c r="A35504" t="s">
        <v>51700</v>
      </c>
      <c r="B35504" t="s">
        <v>51706</v>
      </c>
      <c r="C35504">
        <v>0</v>
      </c>
      <c r="D35504">
        <v>0</v>
      </c>
    </row>
    <row r="35505" spans="1:4" x14ac:dyDescent="0.25">
      <c r="A35505" t="s">
        <v>51707</v>
      </c>
      <c r="B35505" t="s">
        <v>51708</v>
      </c>
      <c r="C35505">
        <v>0</v>
      </c>
      <c r="D35505">
        <v>0</v>
      </c>
    </row>
    <row r="35506" spans="1:4" x14ac:dyDescent="0.25">
      <c r="A35506" t="s">
        <v>51707</v>
      </c>
      <c r="B35506" t="s">
        <v>51709</v>
      </c>
      <c r="C35506">
        <v>1</v>
      </c>
      <c r="D35506">
        <v>0</v>
      </c>
    </row>
    <row r="35507" spans="1:4" x14ac:dyDescent="0.25">
      <c r="A35507" t="s">
        <v>51707</v>
      </c>
      <c r="B35507" t="s">
        <v>51710</v>
      </c>
      <c r="C35507">
        <v>1</v>
      </c>
      <c r="D35507">
        <v>0</v>
      </c>
    </row>
    <row r="35508" spans="1:4" x14ac:dyDescent="0.25">
      <c r="A35508" t="s">
        <v>51711</v>
      </c>
      <c r="B35508" t="s">
        <v>51712</v>
      </c>
      <c r="C35508">
        <v>0</v>
      </c>
      <c r="D35508">
        <v>0</v>
      </c>
    </row>
    <row r="35509" spans="1:4" x14ac:dyDescent="0.25">
      <c r="A35509" t="s">
        <v>51711</v>
      </c>
      <c r="B35509" t="s">
        <v>51713</v>
      </c>
      <c r="C35509">
        <v>0</v>
      </c>
      <c r="D35509">
        <v>0</v>
      </c>
    </row>
    <row r="35510" spans="1:4" x14ac:dyDescent="0.25">
      <c r="A35510" t="s">
        <v>51711</v>
      </c>
      <c r="B35510" t="s">
        <v>51714</v>
      </c>
      <c r="C35510">
        <v>2</v>
      </c>
      <c r="D35510">
        <v>0</v>
      </c>
    </row>
    <row r="35511" spans="1:4" x14ac:dyDescent="0.25">
      <c r="A35511" t="s">
        <v>51711</v>
      </c>
      <c r="B35511" t="s">
        <v>51715</v>
      </c>
      <c r="C35511">
        <v>2</v>
      </c>
      <c r="D35511">
        <v>0</v>
      </c>
    </row>
    <row r="35512" spans="1:4" x14ac:dyDescent="0.25">
      <c r="A35512" t="s">
        <v>51711</v>
      </c>
      <c r="B35512" t="s">
        <v>51716</v>
      </c>
      <c r="C35512">
        <v>1</v>
      </c>
      <c r="D35512">
        <v>0</v>
      </c>
    </row>
    <row r="35513" spans="1:4" x14ac:dyDescent="0.25">
      <c r="A35513" t="s">
        <v>51717</v>
      </c>
      <c r="B35513" t="s">
        <v>51718</v>
      </c>
      <c r="C35513">
        <v>1</v>
      </c>
      <c r="D35513">
        <v>0</v>
      </c>
    </row>
    <row r="35514" spans="1:4" x14ac:dyDescent="0.25">
      <c r="A35514" t="s">
        <v>51717</v>
      </c>
      <c r="B35514" t="s">
        <v>51719</v>
      </c>
      <c r="C35514">
        <v>0</v>
      </c>
      <c r="D35514">
        <v>0</v>
      </c>
    </row>
    <row r="35515" spans="1:4" x14ac:dyDescent="0.25">
      <c r="A35515" t="s">
        <v>51717</v>
      </c>
      <c r="B35515" t="s">
        <v>51720</v>
      </c>
      <c r="C35515">
        <v>1</v>
      </c>
      <c r="D35515">
        <v>0</v>
      </c>
    </row>
    <row r="35516" spans="1:4" x14ac:dyDescent="0.25">
      <c r="A35516" t="s">
        <v>51721</v>
      </c>
      <c r="B35516" t="s">
        <v>51722</v>
      </c>
      <c r="C35516">
        <v>1</v>
      </c>
      <c r="D35516">
        <v>0</v>
      </c>
    </row>
    <row r="35517" spans="1:4" x14ac:dyDescent="0.25">
      <c r="A35517" t="s">
        <v>51721</v>
      </c>
      <c r="B35517" t="s">
        <v>51723</v>
      </c>
      <c r="C35517">
        <v>2</v>
      </c>
      <c r="D35517">
        <v>0</v>
      </c>
    </row>
    <row r="35518" spans="1:4" x14ac:dyDescent="0.25">
      <c r="A35518" t="s">
        <v>51721</v>
      </c>
      <c r="B35518" t="s">
        <v>51724</v>
      </c>
      <c r="C35518">
        <v>2</v>
      </c>
      <c r="D35518">
        <v>0</v>
      </c>
    </row>
    <row r="35519" spans="1:4" x14ac:dyDescent="0.25">
      <c r="A35519" t="s">
        <v>51721</v>
      </c>
      <c r="B35519" t="s">
        <v>51725</v>
      </c>
      <c r="C35519">
        <v>2</v>
      </c>
      <c r="D35519">
        <v>0</v>
      </c>
    </row>
    <row r="35520" spans="1:4" x14ac:dyDescent="0.25">
      <c r="A35520" t="s">
        <v>51721</v>
      </c>
      <c r="B35520" t="s">
        <v>51726</v>
      </c>
      <c r="C35520">
        <v>1</v>
      </c>
      <c r="D35520">
        <v>0</v>
      </c>
    </row>
    <row r="35521" spans="1:4" x14ac:dyDescent="0.25">
      <c r="A35521" t="s">
        <v>51727</v>
      </c>
      <c r="B35521" t="s">
        <v>51728</v>
      </c>
      <c r="C35521">
        <v>0</v>
      </c>
      <c r="D35521">
        <v>0</v>
      </c>
    </row>
    <row r="35522" spans="1:4" x14ac:dyDescent="0.25">
      <c r="A35522" t="s">
        <v>51727</v>
      </c>
      <c r="B35522" t="s">
        <v>51729</v>
      </c>
      <c r="C35522">
        <v>1</v>
      </c>
      <c r="D35522">
        <v>0</v>
      </c>
    </row>
    <row r="35523" spans="1:4" x14ac:dyDescent="0.25">
      <c r="A35523" t="s">
        <v>51727</v>
      </c>
      <c r="B35523" t="s">
        <v>51730</v>
      </c>
      <c r="C35523">
        <v>1</v>
      </c>
      <c r="D35523">
        <v>0</v>
      </c>
    </row>
    <row r="35524" spans="1:4" x14ac:dyDescent="0.25">
      <c r="A35524" t="s">
        <v>51727</v>
      </c>
      <c r="B35524" t="s">
        <v>35545</v>
      </c>
      <c r="C35524">
        <v>1</v>
      </c>
      <c r="D35524">
        <v>0</v>
      </c>
    </row>
    <row r="35525" spans="1:4" x14ac:dyDescent="0.25">
      <c r="A35525" t="s">
        <v>51727</v>
      </c>
      <c r="B35525" t="s">
        <v>51731</v>
      </c>
      <c r="C35525">
        <v>2</v>
      </c>
      <c r="D35525">
        <v>0</v>
      </c>
    </row>
    <row r="35526" spans="1:4" x14ac:dyDescent="0.25">
      <c r="A35526" t="s">
        <v>51732</v>
      </c>
      <c r="B35526" t="s">
        <v>51733</v>
      </c>
      <c r="C35526">
        <v>0</v>
      </c>
      <c r="D35526">
        <v>0</v>
      </c>
    </row>
    <row r="35527" spans="1:4" x14ac:dyDescent="0.25">
      <c r="A35527" t="s">
        <v>51732</v>
      </c>
      <c r="B35527" t="s">
        <v>51734</v>
      </c>
      <c r="C35527">
        <v>0</v>
      </c>
      <c r="D35527">
        <v>0</v>
      </c>
    </row>
    <row r="35528" spans="1:4" x14ac:dyDescent="0.25">
      <c r="A35528" t="s">
        <v>51732</v>
      </c>
      <c r="B35528" t="s">
        <v>51735</v>
      </c>
      <c r="C35528">
        <v>1</v>
      </c>
      <c r="D35528">
        <v>0</v>
      </c>
    </row>
    <row r="35529" spans="1:4" x14ac:dyDescent="0.25">
      <c r="A35529" t="s">
        <v>51732</v>
      </c>
      <c r="B35529" t="s">
        <v>51736</v>
      </c>
      <c r="C35529">
        <v>1</v>
      </c>
      <c r="D35529">
        <v>0</v>
      </c>
    </row>
    <row r="35530" spans="1:4" x14ac:dyDescent="0.25">
      <c r="A35530" t="s">
        <v>51732</v>
      </c>
      <c r="B35530" t="s">
        <v>51737</v>
      </c>
      <c r="C35530">
        <v>1</v>
      </c>
      <c r="D35530">
        <v>0</v>
      </c>
    </row>
    <row r="35531" spans="1:4" x14ac:dyDescent="0.25">
      <c r="A35531" t="s">
        <v>51738</v>
      </c>
      <c r="B35531" t="s">
        <v>51739</v>
      </c>
      <c r="C35531">
        <v>2</v>
      </c>
      <c r="D35531">
        <v>0</v>
      </c>
    </row>
    <row r="35532" spans="1:4" x14ac:dyDescent="0.25">
      <c r="A35532" t="s">
        <v>51738</v>
      </c>
      <c r="B35532" t="s">
        <v>51740</v>
      </c>
      <c r="C35532">
        <v>1</v>
      </c>
      <c r="D35532">
        <v>0</v>
      </c>
    </row>
    <row r="35533" spans="1:4" x14ac:dyDescent="0.25">
      <c r="A35533" t="s">
        <v>51738</v>
      </c>
      <c r="B35533" t="s">
        <v>51741</v>
      </c>
      <c r="C35533">
        <v>0</v>
      </c>
      <c r="D35533">
        <v>0</v>
      </c>
    </row>
    <row r="35534" spans="1:4" x14ac:dyDescent="0.25">
      <c r="A35534" t="s">
        <v>51742</v>
      </c>
      <c r="B35534" t="s">
        <v>48846</v>
      </c>
      <c r="C35534">
        <v>1</v>
      </c>
      <c r="D35534">
        <v>0</v>
      </c>
    </row>
    <row r="35535" spans="1:4" x14ac:dyDescent="0.25">
      <c r="A35535" t="s">
        <v>51743</v>
      </c>
      <c r="B35535" t="s">
        <v>51744</v>
      </c>
      <c r="C35535">
        <v>1</v>
      </c>
      <c r="D35535">
        <v>0</v>
      </c>
    </row>
    <row r="35536" spans="1:4" x14ac:dyDescent="0.25">
      <c r="A35536" t="s">
        <v>51743</v>
      </c>
      <c r="B35536" t="s">
        <v>51745</v>
      </c>
      <c r="C35536">
        <v>1</v>
      </c>
      <c r="D35536">
        <v>0</v>
      </c>
    </row>
    <row r="35537" spans="1:4" x14ac:dyDescent="0.25">
      <c r="A35537" t="s">
        <v>51743</v>
      </c>
      <c r="B35537" t="s">
        <v>51746</v>
      </c>
      <c r="C35537">
        <v>1</v>
      </c>
      <c r="D35537">
        <v>0</v>
      </c>
    </row>
    <row r="35538" spans="1:4" x14ac:dyDescent="0.25">
      <c r="A35538" t="s">
        <v>51747</v>
      </c>
      <c r="B35538" t="s">
        <v>51748</v>
      </c>
      <c r="C35538">
        <v>1</v>
      </c>
      <c r="D35538">
        <v>0</v>
      </c>
    </row>
    <row r="35539" spans="1:4" x14ac:dyDescent="0.25">
      <c r="A35539" t="s">
        <v>51747</v>
      </c>
      <c r="B35539" t="s">
        <v>51749</v>
      </c>
      <c r="C35539">
        <v>1</v>
      </c>
      <c r="D35539">
        <v>0</v>
      </c>
    </row>
    <row r="35540" spans="1:4" x14ac:dyDescent="0.25">
      <c r="A35540" t="s">
        <v>51747</v>
      </c>
      <c r="B35540" t="s">
        <v>51750</v>
      </c>
      <c r="C35540">
        <v>1</v>
      </c>
      <c r="D35540">
        <v>0</v>
      </c>
    </row>
    <row r="35541" spans="1:4" x14ac:dyDescent="0.25">
      <c r="A35541" t="s">
        <v>51747</v>
      </c>
      <c r="B35541" t="s">
        <v>51751</v>
      </c>
      <c r="C35541">
        <v>0</v>
      </c>
      <c r="D35541">
        <v>0</v>
      </c>
    </row>
    <row r="35542" spans="1:4" x14ac:dyDescent="0.25">
      <c r="A35542" t="s">
        <v>51747</v>
      </c>
      <c r="B35542" t="s">
        <v>51752</v>
      </c>
      <c r="C35542">
        <v>1</v>
      </c>
      <c r="D35542">
        <v>0</v>
      </c>
    </row>
    <row r="35543" spans="1:4" x14ac:dyDescent="0.25">
      <c r="A35543" t="s">
        <v>51747</v>
      </c>
      <c r="B35543" t="s">
        <v>51753</v>
      </c>
      <c r="C35543">
        <v>1</v>
      </c>
      <c r="D35543">
        <v>0</v>
      </c>
    </row>
    <row r="35544" spans="1:4" x14ac:dyDescent="0.25">
      <c r="A35544" t="s">
        <v>51754</v>
      </c>
      <c r="B35544" t="s">
        <v>51755</v>
      </c>
      <c r="C35544">
        <v>1</v>
      </c>
      <c r="D35544">
        <v>0</v>
      </c>
    </row>
    <row r="35545" spans="1:4" x14ac:dyDescent="0.25">
      <c r="A35545" t="s">
        <v>51754</v>
      </c>
      <c r="B35545" t="s">
        <v>51756</v>
      </c>
      <c r="C35545">
        <v>1</v>
      </c>
      <c r="D35545">
        <v>0</v>
      </c>
    </row>
    <row r="35546" spans="1:4" x14ac:dyDescent="0.25">
      <c r="A35546" t="s">
        <v>51754</v>
      </c>
      <c r="B35546" t="s">
        <v>51757</v>
      </c>
      <c r="C35546">
        <v>1</v>
      </c>
      <c r="D35546">
        <v>0</v>
      </c>
    </row>
    <row r="35547" spans="1:4" x14ac:dyDescent="0.25">
      <c r="A35547" t="s">
        <v>51758</v>
      </c>
      <c r="B35547" t="s">
        <v>51759</v>
      </c>
      <c r="C35547">
        <v>1</v>
      </c>
      <c r="D35547">
        <v>0</v>
      </c>
    </row>
    <row r="35548" spans="1:4" x14ac:dyDescent="0.25">
      <c r="A35548" t="s">
        <v>51758</v>
      </c>
      <c r="B35548" t="s">
        <v>51760</v>
      </c>
      <c r="C35548">
        <v>2</v>
      </c>
      <c r="D35548">
        <v>0</v>
      </c>
    </row>
    <row r="35549" spans="1:4" x14ac:dyDescent="0.25">
      <c r="A35549" t="s">
        <v>51761</v>
      </c>
      <c r="B35549" t="s">
        <v>51762</v>
      </c>
      <c r="C35549">
        <v>1</v>
      </c>
      <c r="D35549">
        <v>0</v>
      </c>
    </row>
    <row r="35550" spans="1:4" x14ac:dyDescent="0.25">
      <c r="A35550" t="s">
        <v>51761</v>
      </c>
      <c r="B35550" t="s">
        <v>51763</v>
      </c>
      <c r="C35550">
        <v>1</v>
      </c>
      <c r="D35550">
        <v>0</v>
      </c>
    </row>
    <row r="35551" spans="1:4" x14ac:dyDescent="0.25">
      <c r="A35551" t="s">
        <v>51761</v>
      </c>
      <c r="B35551" t="s">
        <v>5434</v>
      </c>
      <c r="C35551">
        <v>1</v>
      </c>
      <c r="D35551">
        <v>0</v>
      </c>
    </row>
    <row r="35552" spans="1:4" x14ac:dyDescent="0.25">
      <c r="A35552" t="s">
        <v>51764</v>
      </c>
      <c r="B35552" t="s">
        <v>51765</v>
      </c>
      <c r="C35552">
        <v>1</v>
      </c>
      <c r="D35552">
        <v>0</v>
      </c>
    </row>
    <row r="35553" spans="1:4" x14ac:dyDescent="0.25">
      <c r="A35553" t="s">
        <v>51764</v>
      </c>
      <c r="B35553" t="s">
        <v>51766</v>
      </c>
      <c r="C35553">
        <v>2</v>
      </c>
      <c r="D35553">
        <v>0</v>
      </c>
    </row>
    <row r="35554" spans="1:4" x14ac:dyDescent="0.25">
      <c r="A35554" t="s">
        <v>51767</v>
      </c>
      <c r="B35554" t="s">
        <v>51768</v>
      </c>
      <c r="C35554">
        <v>2</v>
      </c>
      <c r="D35554">
        <v>0</v>
      </c>
    </row>
    <row r="35555" spans="1:4" x14ac:dyDescent="0.25">
      <c r="A35555" t="s">
        <v>51767</v>
      </c>
      <c r="B35555" t="s">
        <v>51769</v>
      </c>
      <c r="C35555">
        <v>2</v>
      </c>
      <c r="D35555">
        <v>0</v>
      </c>
    </row>
    <row r="35556" spans="1:4" x14ac:dyDescent="0.25">
      <c r="A35556" t="s">
        <v>51767</v>
      </c>
      <c r="B35556" t="s">
        <v>51770</v>
      </c>
      <c r="C35556">
        <v>1</v>
      </c>
      <c r="D35556">
        <v>0</v>
      </c>
    </row>
    <row r="35557" spans="1:4" x14ac:dyDescent="0.25">
      <c r="A35557" t="s">
        <v>51767</v>
      </c>
      <c r="B35557" t="s">
        <v>51771</v>
      </c>
      <c r="C35557">
        <v>1</v>
      </c>
      <c r="D35557">
        <v>0</v>
      </c>
    </row>
    <row r="35558" spans="1:4" x14ac:dyDescent="0.25">
      <c r="A35558" t="s">
        <v>51767</v>
      </c>
      <c r="B35558" t="s">
        <v>5713</v>
      </c>
      <c r="C35558">
        <v>1</v>
      </c>
      <c r="D35558">
        <v>0</v>
      </c>
    </row>
    <row r="35559" spans="1:4" x14ac:dyDescent="0.25">
      <c r="A35559" t="s">
        <v>51767</v>
      </c>
      <c r="B35559" t="s">
        <v>51772</v>
      </c>
      <c r="C35559">
        <v>1</v>
      </c>
      <c r="D35559">
        <v>0</v>
      </c>
    </row>
    <row r="35560" spans="1:4" x14ac:dyDescent="0.25">
      <c r="A35560" t="s">
        <v>51767</v>
      </c>
      <c r="B35560" t="s">
        <v>51773</v>
      </c>
      <c r="C35560">
        <v>2</v>
      </c>
      <c r="D35560">
        <v>0</v>
      </c>
    </row>
    <row r="35561" spans="1:4" x14ac:dyDescent="0.25">
      <c r="A35561" t="s">
        <v>51767</v>
      </c>
      <c r="B35561" t="s">
        <v>51774</v>
      </c>
      <c r="C35561">
        <v>1</v>
      </c>
      <c r="D35561">
        <v>0</v>
      </c>
    </row>
    <row r="35562" spans="1:4" x14ac:dyDescent="0.25">
      <c r="A35562" t="s">
        <v>51767</v>
      </c>
      <c r="B35562" t="s">
        <v>51775</v>
      </c>
      <c r="C35562">
        <v>2</v>
      </c>
      <c r="D35562">
        <v>0</v>
      </c>
    </row>
    <row r="35563" spans="1:4" x14ac:dyDescent="0.25">
      <c r="A35563" t="s">
        <v>51776</v>
      </c>
      <c r="B35563" t="s">
        <v>51777</v>
      </c>
      <c r="C35563">
        <v>1</v>
      </c>
      <c r="D35563">
        <v>0</v>
      </c>
    </row>
    <row r="35564" spans="1:4" x14ac:dyDescent="0.25">
      <c r="A35564" t="s">
        <v>51776</v>
      </c>
      <c r="B35564" t="s">
        <v>51778</v>
      </c>
      <c r="C35564">
        <v>2</v>
      </c>
      <c r="D35564">
        <v>0</v>
      </c>
    </row>
    <row r="35565" spans="1:4" x14ac:dyDescent="0.25">
      <c r="A35565" t="s">
        <v>51776</v>
      </c>
      <c r="B35565" t="s">
        <v>51777</v>
      </c>
      <c r="C35565">
        <v>1</v>
      </c>
      <c r="D35565">
        <v>0</v>
      </c>
    </row>
    <row r="35566" spans="1:4" x14ac:dyDescent="0.25">
      <c r="A35566" t="s">
        <v>51776</v>
      </c>
      <c r="B35566" t="s">
        <v>51779</v>
      </c>
      <c r="C35566">
        <v>1</v>
      </c>
      <c r="D35566">
        <v>0</v>
      </c>
    </row>
    <row r="35567" spans="1:4" x14ac:dyDescent="0.25">
      <c r="A35567" t="s">
        <v>51780</v>
      </c>
      <c r="B35567" t="s">
        <v>51781</v>
      </c>
      <c r="C35567">
        <v>0</v>
      </c>
      <c r="D35567">
        <v>0</v>
      </c>
    </row>
    <row r="35568" spans="1:4" x14ac:dyDescent="0.25">
      <c r="A35568" t="s">
        <v>51780</v>
      </c>
      <c r="B35568" t="s">
        <v>51782</v>
      </c>
      <c r="C35568">
        <v>0</v>
      </c>
      <c r="D35568">
        <v>0</v>
      </c>
    </row>
    <row r="35569" spans="1:4" x14ac:dyDescent="0.25">
      <c r="A35569" t="s">
        <v>51780</v>
      </c>
      <c r="B35569" t="s">
        <v>51783</v>
      </c>
      <c r="C35569">
        <v>1</v>
      </c>
      <c r="D35569">
        <v>0</v>
      </c>
    </row>
    <row r="35570" spans="1:4" x14ac:dyDescent="0.25">
      <c r="A35570" t="s">
        <v>51780</v>
      </c>
      <c r="B35570" t="s">
        <v>51784</v>
      </c>
      <c r="C35570">
        <v>1</v>
      </c>
      <c r="D35570">
        <v>0</v>
      </c>
    </row>
    <row r="35571" spans="1:4" x14ac:dyDescent="0.25">
      <c r="A35571" t="s">
        <v>51785</v>
      </c>
      <c r="B35571" t="s">
        <v>23181</v>
      </c>
      <c r="C35571">
        <v>1</v>
      </c>
      <c r="D35571">
        <v>0</v>
      </c>
    </row>
    <row r="35572" spans="1:4" x14ac:dyDescent="0.25">
      <c r="A35572" t="s">
        <v>51785</v>
      </c>
      <c r="B35572" t="s">
        <v>51786</v>
      </c>
      <c r="C35572">
        <v>1</v>
      </c>
      <c r="D35572">
        <v>0</v>
      </c>
    </row>
    <row r="35573" spans="1:4" x14ac:dyDescent="0.25">
      <c r="A35573" t="s">
        <v>51787</v>
      </c>
      <c r="B35573" t="s">
        <v>51788</v>
      </c>
      <c r="C35573">
        <v>0</v>
      </c>
      <c r="D35573">
        <v>0</v>
      </c>
    </row>
    <row r="35574" spans="1:4" x14ac:dyDescent="0.25">
      <c r="A35574" t="s">
        <v>51787</v>
      </c>
      <c r="B35574" t="s">
        <v>51789</v>
      </c>
      <c r="C35574">
        <v>0</v>
      </c>
      <c r="D35574">
        <v>0</v>
      </c>
    </row>
    <row r="35575" spans="1:4" x14ac:dyDescent="0.25">
      <c r="A35575" t="s">
        <v>51787</v>
      </c>
      <c r="B35575" t="s">
        <v>51790</v>
      </c>
      <c r="C35575">
        <v>1</v>
      </c>
      <c r="D35575">
        <v>0</v>
      </c>
    </row>
    <row r="35576" spans="1:4" x14ac:dyDescent="0.25">
      <c r="A35576" t="s">
        <v>51787</v>
      </c>
      <c r="B35576" t="s">
        <v>51791</v>
      </c>
      <c r="C35576">
        <v>0</v>
      </c>
      <c r="D35576">
        <v>0</v>
      </c>
    </row>
    <row r="35577" spans="1:4" x14ac:dyDescent="0.25">
      <c r="A35577" t="s">
        <v>51787</v>
      </c>
      <c r="B35577" t="s">
        <v>51792</v>
      </c>
      <c r="C35577">
        <v>0</v>
      </c>
      <c r="D35577">
        <v>0</v>
      </c>
    </row>
    <row r="35578" spans="1:4" x14ac:dyDescent="0.25">
      <c r="A35578" t="s">
        <v>51787</v>
      </c>
      <c r="B35578" t="s">
        <v>51793</v>
      </c>
      <c r="C35578">
        <v>0</v>
      </c>
      <c r="D35578">
        <v>0</v>
      </c>
    </row>
    <row r="35579" spans="1:4" x14ac:dyDescent="0.25">
      <c r="A35579" t="s">
        <v>51794</v>
      </c>
      <c r="B35579" t="s">
        <v>51795</v>
      </c>
      <c r="C35579">
        <v>1</v>
      </c>
      <c r="D35579">
        <v>0</v>
      </c>
    </row>
    <row r="35580" spans="1:4" x14ac:dyDescent="0.25">
      <c r="A35580" t="s">
        <v>51794</v>
      </c>
      <c r="B35580" t="s">
        <v>51796</v>
      </c>
      <c r="C35580">
        <v>1</v>
      </c>
      <c r="D35580">
        <v>0</v>
      </c>
    </row>
    <row r="35581" spans="1:4" x14ac:dyDescent="0.25">
      <c r="A35581" t="s">
        <v>51797</v>
      </c>
      <c r="B35581" t="s">
        <v>51798</v>
      </c>
      <c r="C35581">
        <v>1</v>
      </c>
      <c r="D35581">
        <v>0</v>
      </c>
    </row>
    <row r="35582" spans="1:4" x14ac:dyDescent="0.25">
      <c r="A35582" t="s">
        <v>51797</v>
      </c>
      <c r="B35582" t="s">
        <v>20393</v>
      </c>
      <c r="C35582">
        <v>1</v>
      </c>
      <c r="D35582">
        <v>0</v>
      </c>
    </row>
    <row r="35583" spans="1:4" x14ac:dyDescent="0.25">
      <c r="A35583" t="s">
        <v>51797</v>
      </c>
      <c r="B35583" t="s">
        <v>51799</v>
      </c>
      <c r="C35583">
        <v>1</v>
      </c>
      <c r="D35583">
        <v>0</v>
      </c>
    </row>
    <row r="35584" spans="1:4" x14ac:dyDescent="0.25">
      <c r="A35584" t="s">
        <v>51800</v>
      </c>
      <c r="B35584" t="s">
        <v>51801</v>
      </c>
      <c r="C35584">
        <v>2</v>
      </c>
      <c r="D35584">
        <v>0</v>
      </c>
    </row>
    <row r="35585" spans="1:4" x14ac:dyDescent="0.25">
      <c r="A35585" t="s">
        <v>51800</v>
      </c>
      <c r="B35585" t="s">
        <v>51802</v>
      </c>
      <c r="C35585">
        <v>1</v>
      </c>
      <c r="D35585">
        <v>0</v>
      </c>
    </row>
    <row r="35586" spans="1:4" x14ac:dyDescent="0.25">
      <c r="A35586" t="s">
        <v>51800</v>
      </c>
      <c r="B35586" t="s">
        <v>51803</v>
      </c>
      <c r="C35586">
        <v>1</v>
      </c>
      <c r="D35586">
        <v>0</v>
      </c>
    </row>
    <row r="35587" spans="1:4" x14ac:dyDescent="0.25">
      <c r="A35587" t="s">
        <v>51800</v>
      </c>
      <c r="B35587" t="s">
        <v>51804</v>
      </c>
      <c r="C35587">
        <v>1</v>
      </c>
      <c r="D35587">
        <v>0</v>
      </c>
    </row>
    <row r="35588" spans="1:4" x14ac:dyDescent="0.25">
      <c r="A35588" t="s">
        <v>51800</v>
      </c>
      <c r="B35588" t="s">
        <v>51805</v>
      </c>
      <c r="C35588">
        <v>0</v>
      </c>
      <c r="D35588">
        <v>0</v>
      </c>
    </row>
    <row r="35589" spans="1:4" x14ac:dyDescent="0.25">
      <c r="A35589" t="s">
        <v>51800</v>
      </c>
      <c r="B35589" t="s">
        <v>51806</v>
      </c>
      <c r="C35589">
        <v>0</v>
      </c>
      <c r="D35589">
        <v>0</v>
      </c>
    </row>
    <row r="35590" spans="1:4" x14ac:dyDescent="0.25">
      <c r="A35590" t="s">
        <v>51800</v>
      </c>
      <c r="B35590" t="s">
        <v>51807</v>
      </c>
      <c r="C35590">
        <v>0</v>
      </c>
      <c r="D35590">
        <v>0</v>
      </c>
    </row>
    <row r="35591" spans="1:4" x14ac:dyDescent="0.25">
      <c r="A35591" t="s">
        <v>51808</v>
      </c>
      <c r="B35591" t="s">
        <v>51809</v>
      </c>
      <c r="C35591">
        <v>1</v>
      </c>
      <c r="D35591">
        <v>0</v>
      </c>
    </row>
    <row r="35592" spans="1:4" x14ac:dyDescent="0.25">
      <c r="A35592" t="s">
        <v>51808</v>
      </c>
      <c r="B35592" t="s">
        <v>51810</v>
      </c>
      <c r="C35592">
        <v>1</v>
      </c>
      <c r="D35592">
        <v>0</v>
      </c>
    </row>
    <row r="35593" spans="1:4" x14ac:dyDescent="0.25">
      <c r="A35593" t="s">
        <v>51808</v>
      </c>
      <c r="B35593" t="s">
        <v>51811</v>
      </c>
      <c r="C35593">
        <v>2</v>
      </c>
      <c r="D35593">
        <v>0</v>
      </c>
    </row>
    <row r="35594" spans="1:4" x14ac:dyDescent="0.25">
      <c r="A35594" t="s">
        <v>51808</v>
      </c>
      <c r="B35594" t="s">
        <v>51812</v>
      </c>
      <c r="C35594">
        <v>1</v>
      </c>
      <c r="D35594">
        <v>0</v>
      </c>
    </row>
    <row r="35595" spans="1:4" x14ac:dyDescent="0.25">
      <c r="A35595" t="s">
        <v>51813</v>
      </c>
      <c r="B35595" t="s">
        <v>51814</v>
      </c>
      <c r="C35595">
        <v>1</v>
      </c>
      <c r="D35595">
        <v>0</v>
      </c>
    </row>
    <row r="35596" spans="1:4" x14ac:dyDescent="0.25">
      <c r="A35596" t="s">
        <v>51813</v>
      </c>
      <c r="B35596" t="s">
        <v>51815</v>
      </c>
      <c r="C35596">
        <v>1</v>
      </c>
      <c r="D35596">
        <v>0</v>
      </c>
    </row>
    <row r="35597" spans="1:4" x14ac:dyDescent="0.25">
      <c r="A35597" t="s">
        <v>51816</v>
      </c>
      <c r="B35597" t="s">
        <v>51817</v>
      </c>
      <c r="C35597">
        <v>0</v>
      </c>
      <c r="D35597">
        <v>0</v>
      </c>
    </row>
    <row r="35598" spans="1:4" x14ac:dyDescent="0.25">
      <c r="A35598" t="s">
        <v>51816</v>
      </c>
      <c r="B35598" t="s">
        <v>51818</v>
      </c>
      <c r="C35598">
        <v>0</v>
      </c>
      <c r="D35598">
        <v>0</v>
      </c>
    </row>
    <row r="35599" spans="1:4" x14ac:dyDescent="0.25">
      <c r="A35599" t="s">
        <v>51819</v>
      </c>
      <c r="B35599" t="s">
        <v>51820</v>
      </c>
      <c r="C35599">
        <v>0</v>
      </c>
      <c r="D35599">
        <v>0</v>
      </c>
    </row>
    <row r="35600" spans="1:4" x14ac:dyDescent="0.25">
      <c r="A35600" t="s">
        <v>51819</v>
      </c>
      <c r="B35600" t="s">
        <v>51821</v>
      </c>
      <c r="C35600">
        <v>1</v>
      </c>
      <c r="D35600">
        <v>0</v>
      </c>
    </row>
    <row r="35601" spans="1:4" x14ac:dyDescent="0.25">
      <c r="A35601" t="s">
        <v>51819</v>
      </c>
      <c r="B35601" t="s">
        <v>51822</v>
      </c>
      <c r="C35601">
        <v>1</v>
      </c>
      <c r="D35601">
        <v>0</v>
      </c>
    </row>
    <row r="35602" spans="1:4" x14ac:dyDescent="0.25">
      <c r="A35602" t="s">
        <v>51819</v>
      </c>
      <c r="B35602" t="s">
        <v>51823</v>
      </c>
      <c r="C35602">
        <v>0</v>
      </c>
      <c r="D35602">
        <v>0</v>
      </c>
    </row>
    <row r="35603" spans="1:4" x14ac:dyDescent="0.25">
      <c r="A35603" t="s">
        <v>51819</v>
      </c>
      <c r="B35603" t="s">
        <v>51824</v>
      </c>
      <c r="C35603">
        <v>0</v>
      </c>
      <c r="D35603">
        <v>0</v>
      </c>
    </row>
    <row r="35604" spans="1:4" x14ac:dyDescent="0.25">
      <c r="A35604" t="s">
        <v>51825</v>
      </c>
      <c r="B35604" t="s">
        <v>51826</v>
      </c>
      <c r="C35604">
        <v>0</v>
      </c>
      <c r="D35604">
        <v>0</v>
      </c>
    </row>
    <row r="35605" spans="1:4" x14ac:dyDescent="0.25">
      <c r="A35605" t="s">
        <v>51825</v>
      </c>
      <c r="B35605" t="s">
        <v>51827</v>
      </c>
      <c r="C35605">
        <v>0</v>
      </c>
      <c r="D35605">
        <v>0</v>
      </c>
    </row>
    <row r="35606" spans="1:4" x14ac:dyDescent="0.25">
      <c r="A35606" t="s">
        <v>51825</v>
      </c>
      <c r="B35606" t="s">
        <v>51828</v>
      </c>
      <c r="C35606">
        <v>0</v>
      </c>
      <c r="D35606">
        <v>0</v>
      </c>
    </row>
    <row r="35607" spans="1:4" x14ac:dyDescent="0.25">
      <c r="A35607" t="s">
        <v>51825</v>
      </c>
      <c r="B35607" t="s">
        <v>51829</v>
      </c>
      <c r="C35607">
        <v>0</v>
      </c>
      <c r="D35607">
        <v>0</v>
      </c>
    </row>
    <row r="35608" spans="1:4" x14ac:dyDescent="0.25">
      <c r="A35608" t="s">
        <v>51825</v>
      </c>
      <c r="B35608" t="s">
        <v>51830</v>
      </c>
      <c r="C35608">
        <v>1</v>
      </c>
      <c r="D35608">
        <v>0</v>
      </c>
    </row>
    <row r="35609" spans="1:4" x14ac:dyDescent="0.25">
      <c r="A35609" t="s">
        <v>51825</v>
      </c>
      <c r="B35609" t="s">
        <v>51831</v>
      </c>
      <c r="C35609">
        <v>0</v>
      </c>
      <c r="D35609">
        <v>0</v>
      </c>
    </row>
    <row r="35610" spans="1:4" x14ac:dyDescent="0.25">
      <c r="A35610" t="s">
        <v>51832</v>
      </c>
      <c r="B35610" t="s">
        <v>2651</v>
      </c>
      <c r="C35610">
        <v>1</v>
      </c>
      <c r="D35610">
        <v>0</v>
      </c>
    </row>
    <row r="35611" spans="1:4" x14ac:dyDescent="0.25">
      <c r="A35611" t="s">
        <v>51832</v>
      </c>
      <c r="B35611" t="s">
        <v>51833</v>
      </c>
      <c r="C35611">
        <v>1</v>
      </c>
      <c r="D35611">
        <v>0</v>
      </c>
    </row>
    <row r="35612" spans="1:4" x14ac:dyDescent="0.25">
      <c r="A35612" t="s">
        <v>51832</v>
      </c>
      <c r="B35612" t="s">
        <v>51834</v>
      </c>
      <c r="C35612">
        <v>1</v>
      </c>
      <c r="D35612">
        <v>0</v>
      </c>
    </row>
    <row r="35613" spans="1:4" x14ac:dyDescent="0.25">
      <c r="A35613" t="s">
        <v>51832</v>
      </c>
      <c r="B35613" t="s">
        <v>51835</v>
      </c>
      <c r="C35613">
        <v>0</v>
      </c>
      <c r="D35613">
        <v>0</v>
      </c>
    </row>
    <row r="35614" spans="1:4" x14ac:dyDescent="0.25">
      <c r="A35614" t="s">
        <v>51832</v>
      </c>
      <c r="B35614" t="s">
        <v>51836</v>
      </c>
      <c r="C35614">
        <v>0</v>
      </c>
      <c r="D35614">
        <v>0</v>
      </c>
    </row>
    <row r="35615" spans="1:4" x14ac:dyDescent="0.25">
      <c r="A35615" t="s">
        <v>51832</v>
      </c>
      <c r="B35615" t="s">
        <v>51837</v>
      </c>
      <c r="C35615">
        <v>0</v>
      </c>
      <c r="D35615">
        <v>0</v>
      </c>
    </row>
    <row r="35616" spans="1:4" x14ac:dyDescent="0.25">
      <c r="A35616" t="s">
        <v>51832</v>
      </c>
      <c r="B35616" t="s">
        <v>51838</v>
      </c>
      <c r="C35616">
        <v>0</v>
      </c>
      <c r="D35616">
        <v>0</v>
      </c>
    </row>
    <row r="35617" spans="1:4" x14ac:dyDescent="0.25">
      <c r="A35617" t="s">
        <v>51832</v>
      </c>
      <c r="B35617" t="s">
        <v>51839</v>
      </c>
      <c r="C35617">
        <v>2</v>
      </c>
      <c r="D35617">
        <v>0</v>
      </c>
    </row>
    <row r="35618" spans="1:4" x14ac:dyDescent="0.25">
      <c r="A35618" t="s">
        <v>51832</v>
      </c>
      <c r="B35618" t="s">
        <v>51840</v>
      </c>
      <c r="C35618">
        <v>0</v>
      </c>
      <c r="D35618">
        <v>0</v>
      </c>
    </row>
    <row r="35619" spans="1:4" x14ac:dyDescent="0.25">
      <c r="A35619" t="s">
        <v>51832</v>
      </c>
      <c r="B35619" t="s">
        <v>51841</v>
      </c>
      <c r="C35619">
        <v>0</v>
      </c>
      <c r="D35619">
        <v>0</v>
      </c>
    </row>
    <row r="35620" spans="1:4" x14ac:dyDescent="0.25">
      <c r="A35620" t="s">
        <v>51832</v>
      </c>
      <c r="B35620" t="s">
        <v>51842</v>
      </c>
      <c r="C35620">
        <v>2</v>
      </c>
      <c r="D35620">
        <v>0</v>
      </c>
    </row>
    <row r="35621" spans="1:4" x14ac:dyDescent="0.25">
      <c r="A35621" t="s">
        <v>51843</v>
      </c>
      <c r="B35621" t="s">
        <v>51844</v>
      </c>
      <c r="C35621">
        <v>2</v>
      </c>
      <c r="D35621">
        <v>0</v>
      </c>
    </row>
    <row r="35622" spans="1:4" x14ac:dyDescent="0.25">
      <c r="A35622" t="s">
        <v>51843</v>
      </c>
      <c r="B35622" t="s">
        <v>51845</v>
      </c>
      <c r="C35622">
        <v>2</v>
      </c>
      <c r="D35622">
        <v>0</v>
      </c>
    </row>
    <row r="35623" spans="1:4" x14ac:dyDescent="0.25">
      <c r="A35623" t="s">
        <v>51843</v>
      </c>
      <c r="B35623" t="s">
        <v>51846</v>
      </c>
      <c r="C35623">
        <v>0</v>
      </c>
      <c r="D35623">
        <v>0</v>
      </c>
    </row>
    <row r="35624" spans="1:4" x14ac:dyDescent="0.25">
      <c r="A35624" t="s">
        <v>51843</v>
      </c>
      <c r="B35624" t="s">
        <v>51847</v>
      </c>
      <c r="C35624">
        <v>1</v>
      </c>
      <c r="D35624">
        <v>0</v>
      </c>
    </row>
    <row r="35625" spans="1:4" x14ac:dyDescent="0.25">
      <c r="A35625" t="s">
        <v>51843</v>
      </c>
      <c r="B35625" t="s">
        <v>51848</v>
      </c>
      <c r="C35625">
        <v>0</v>
      </c>
      <c r="D35625">
        <v>0</v>
      </c>
    </row>
    <row r="35626" spans="1:4" x14ac:dyDescent="0.25">
      <c r="A35626" t="s">
        <v>51843</v>
      </c>
      <c r="B35626" t="s">
        <v>51849</v>
      </c>
      <c r="C35626">
        <v>0</v>
      </c>
      <c r="D35626">
        <v>0</v>
      </c>
    </row>
    <row r="35627" spans="1:4" x14ac:dyDescent="0.25">
      <c r="A35627" t="s">
        <v>51850</v>
      </c>
      <c r="B35627" t="s">
        <v>51851</v>
      </c>
      <c r="C35627">
        <v>2</v>
      </c>
      <c r="D35627">
        <v>0</v>
      </c>
    </row>
    <row r="35628" spans="1:4" x14ac:dyDescent="0.25">
      <c r="A35628" t="s">
        <v>51850</v>
      </c>
      <c r="B35628" t="s">
        <v>51852</v>
      </c>
      <c r="C35628">
        <v>2</v>
      </c>
      <c r="D35628">
        <v>0</v>
      </c>
    </row>
    <row r="35629" spans="1:4" x14ac:dyDescent="0.25">
      <c r="A35629" t="s">
        <v>51850</v>
      </c>
      <c r="B35629" t="s">
        <v>51853</v>
      </c>
      <c r="C35629">
        <v>2</v>
      </c>
      <c r="D35629">
        <v>0</v>
      </c>
    </row>
    <row r="35630" spans="1:4" x14ac:dyDescent="0.25">
      <c r="A35630" t="s">
        <v>51850</v>
      </c>
      <c r="B35630" t="s">
        <v>51854</v>
      </c>
      <c r="C35630">
        <v>2</v>
      </c>
      <c r="D35630">
        <v>0</v>
      </c>
    </row>
    <row r="35631" spans="1:4" x14ac:dyDescent="0.25">
      <c r="A35631" t="s">
        <v>51850</v>
      </c>
      <c r="B35631" t="s">
        <v>51855</v>
      </c>
      <c r="C35631">
        <v>0</v>
      </c>
      <c r="D35631">
        <v>0</v>
      </c>
    </row>
    <row r="35632" spans="1:4" x14ac:dyDescent="0.25">
      <c r="A35632" t="s">
        <v>51856</v>
      </c>
      <c r="B35632" t="s">
        <v>51857</v>
      </c>
      <c r="C35632">
        <v>1</v>
      </c>
      <c r="D35632">
        <v>0</v>
      </c>
    </row>
    <row r="35633" spans="1:4" x14ac:dyDescent="0.25">
      <c r="A35633" t="s">
        <v>51856</v>
      </c>
      <c r="B35633" t="s">
        <v>51858</v>
      </c>
      <c r="C35633">
        <v>2</v>
      </c>
      <c r="D35633">
        <v>0</v>
      </c>
    </row>
    <row r="35634" spans="1:4" x14ac:dyDescent="0.25">
      <c r="A35634" t="s">
        <v>51856</v>
      </c>
      <c r="B35634" t="s">
        <v>51859</v>
      </c>
      <c r="C35634">
        <v>1</v>
      </c>
      <c r="D35634">
        <v>0</v>
      </c>
    </row>
    <row r="35635" spans="1:4" x14ac:dyDescent="0.25">
      <c r="A35635" t="s">
        <v>51856</v>
      </c>
      <c r="B35635" t="s">
        <v>51860</v>
      </c>
      <c r="C35635">
        <v>0</v>
      </c>
      <c r="D35635">
        <v>0</v>
      </c>
    </row>
    <row r="35636" spans="1:4" x14ac:dyDescent="0.25">
      <c r="A35636" t="s">
        <v>51856</v>
      </c>
      <c r="B35636" t="s">
        <v>51861</v>
      </c>
      <c r="C35636">
        <v>0</v>
      </c>
      <c r="D35636">
        <v>0</v>
      </c>
    </row>
    <row r="35637" spans="1:4" x14ac:dyDescent="0.25">
      <c r="A35637" t="s">
        <v>51862</v>
      </c>
      <c r="B35637" t="s">
        <v>51863</v>
      </c>
      <c r="C35637">
        <v>1</v>
      </c>
      <c r="D35637">
        <v>0</v>
      </c>
    </row>
    <row r="35638" spans="1:4" x14ac:dyDescent="0.25">
      <c r="A35638" t="s">
        <v>51862</v>
      </c>
      <c r="B35638" t="s">
        <v>51864</v>
      </c>
      <c r="C35638">
        <v>0</v>
      </c>
      <c r="D35638">
        <v>0</v>
      </c>
    </row>
    <row r="35639" spans="1:4" x14ac:dyDescent="0.25">
      <c r="A35639" t="s">
        <v>51862</v>
      </c>
      <c r="B35639" t="s">
        <v>51865</v>
      </c>
      <c r="C35639">
        <v>1</v>
      </c>
      <c r="D35639">
        <v>0</v>
      </c>
    </row>
    <row r="35640" spans="1:4" x14ac:dyDescent="0.25">
      <c r="A35640" t="s">
        <v>51862</v>
      </c>
      <c r="B35640" t="s">
        <v>51866</v>
      </c>
      <c r="C35640">
        <v>1</v>
      </c>
      <c r="D35640">
        <v>0</v>
      </c>
    </row>
    <row r="35641" spans="1:4" x14ac:dyDescent="0.25">
      <c r="A35641" t="s">
        <v>51862</v>
      </c>
      <c r="B35641" t="s">
        <v>49794</v>
      </c>
      <c r="C35641">
        <v>1</v>
      </c>
      <c r="D35641">
        <v>0</v>
      </c>
    </row>
    <row r="35642" spans="1:4" x14ac:dyDescent="0.25">
      <c r="A35642" t="s">
        <v>51862</v>
      </c>
      <c r="B35642" t="s">
        <v>51867</v>
      </c>
      <c r="C35642">
        <v>0</v>
      </c>
      <c r="D35642">
        <v>0</v>
      </c>
    </row>
    <row r="35643" spans="1:4" x14ac:dyDescent="0.25">
      <c r="A35643" t="s">
        <v>51862</v>
      </c>
      <c r="B35643" t="s">
        <v>49794</v>
      </c>
      <c r="C35643">
        <v>1</v>
      </c>
      <c r="D35643">
        <v>0</v>
      </c>
    </row>
    <row r="35644" spans="1:4" x14ac:dyDescent="0.25">
      <c r="A35644" t="s">
        <v>51862</v>
      </c>
      <c r="B35644" t="s">
        <v>51868</v>
      </c>
      <c r="C35644">
        <v>2</v>
      </c>
      <c r="D35644">
        <v>0</v>
      </c>
    </row>
    <row r="35645" spans="1:4" x14ac:dyDescent="0.25">
      <c r="A35645" t="s">
        <v>51862</v>
      </c>
      <c r="B35645" t="s">
        <v>51869</v>
      </c>
      <c r="C35645">
        <v>2</v>
      </c>
      <c r="D35645">
        <v>0</v>
      </c>
    </row>
    <row r="35646" spans="1:4" x14ac:dyDescent="0.25">
      <c r="A35646" t="s">
        <v>51870</v>
      </c>
      <c r="B35646" t="s">
        <v>51871</v>
      </c>
      <c r="C35646">
        <v>1</v>
      </c>
      <c r="D35646">
        <v>0</v>
      </c>
    </row>
    <row r="35647" spans="1:4" x14ac:dyDescent="0.25">
      <c r="A35647" t="s">
        <v>51870</v>
      </c>
      <c r="B35647" t="s">
        <v>51872</v>
      </c>
      <c r="C35647">
        <v>1</v>
      </c>
      <c r="D35647">
        <v>0</v>
      </c>
    </row>
    <row r="35648" spans="1:4" x14ac:dyDescent="0.25">
      <c r="A35648" t="s">
        <v>51873</v>
      </c>
      <c r="B35648" t="s">
        <v>51874</v>
      </c>
      <c r="C35648">
        <v>1</v>
      </c>
      <c r="D35648">
        <v>0</v>
      </c>
    </row>
    <row r="35649" spans="1:4" x14ac:dyDescent="0.25">
      <c r="A35649" t="s">
        <v>51873</v>
      </c>
      <c r="B35649" t="s">
        <v>30683</v>
      </c>
      <c r="C35649">
        <v>1</v>
      </c>
      <c r="D35649">
        <v>0</v>
      </c>
    </row>
    <row r="35650" spans="1:4" x14ac:dyDescent="0.25">
      <c r="A35650" t="s">
        <v>51873</v>
      </c>
      <c r="B35650" t="s">
        <v>51875</v>
      </c>
      <c r="C35650">
        <v>1</v>
      </c>
      <c r="D35650">
        <v>0</v>
      </c>
    </row>
    <row r="35651" spans="1:4" x14ac:dyDescent="0.25">
      <c r="A35651" t="s">
        <v>51873</v>
      </c>
      <c r="B35651" t="s">
        <v>51876</v>
      </c>
      <c r="C35651">
        <v>1</v>
      </c>
      <c r="D35651">
        <v>0</v>
      </c>
    </row>
    <row r="35652" spans="1:4" x14ac:dyDescent="0.25">
      <c r="A35652" t="s">
        <v>51873</v>
      </c>
      <c r="B35652" t="s">
        <v>51877</v>
      </c>
      <c r="C35652">
        <v>1</v>
      </c>
      <c r="D35652">
        <v>0</v>
      </c>
    </row>
    <row r="35653" spans="1:4" x14ac:dyDescent="0.25">
      <c r="A35653" t="s">
        <v>51878</v>
      </c>
      <c r="B35653" t="s">
        <v>51879</v>
      </c>
      <c r="C35653">
        <v>0</v>
      </c>
      <c r="D35653">
        <v>0</v>
      </c>
    </row>
    <row r="35654" spans="1:4" x14ac:dyDescent="0.25">
      <c r="A35654" t="s">
        <v>51878</v>
      </c>
      <c r="B35654" t="s">
        <v>51880</v>
      </c>
      <c r="C35654">
        <v>0</v>
      </c>
      <c r="D35654">
        <v>0</v>
      </c>
    </row>
    <row r="35655" spans="1:4" x14ac:dyDescent="0.25">
      <c r="A35655" t="s">
        <v>51878</v>
      </c>
      <c r="B35655" t="s">
        <v>51881</v>
      </c>
      <c r="C35655">
        <v>0</v>
      </c>
      <c r="D35655">
        <v>0</v>
      </c>
    </row>
    <row r="35656" spans="1:4" x14ac:dyDescent="0.25">
      <c r="A35656" t="s">
        <v>51882</v>
      </c>
      <c r="B35656" t="s">
        <v>51883</v>
      </c>
      <c r="C35656">
        <v>1</v>
      </c>
      <c r="D35656">
        <v>0</v>
      </c>
    </row>
    <row r="35657" spans="1:4" x14ac:dyDescent="0.25">
      <c r="A35657" t="s">
        <v>51882</v>
      </c>
      <c r="B35657" t="s">
        <v>51884</v>
      </c>
      <c r="C35657">
        <v>1</v>
      </c>
      <c r="D35657">
        <v>0</v>
      </c>
    </row>
    <row r="35658" spans="1:4" x14ac:dyDescent="0.25">
      <c r="A35658" t="s">
        <v>51885</v>
      </c>
      <c r="B35658" t="s">
        <v>51886</v>
      </c>
      <c r="C35658">
        <v>2</v>
      </c>
      <c r="D35658">
        <v>0</v>
      </c>
    </row>
    <row r="35659" spans="1:4" x14ac:dyDescent="0.25">
      <c r="A35659" t="s">
        <v>51887</v>
      </c>
      <c r="B35659" t="s">
        <v>51888</v>
      </c>
      <c r="C35659">
        <v>2</v>
      </c>
      <c r="D35659">
        <v>0</v>
      </c>
    </row>
    <row r="35660" spans="1:4" x14ac:dyDescent="0.25">
      <c r="A35660" t="s">
        <v>51887</v>
      </c>
      <c r="B35660" t="s">
        <v>51889</v>
      </c>
      <c r="C35660">
        <v>2</v>
      </c>
      <c r="D35660">
        <v>0</v>
      </c>
    </row>
    <row r="35661" spans="1:4" x14ac:dyDescent="0.25">
      <c r="A35661" t="s">
        <v>51887</v>
      </c>
      <c r="B35661" t="s">
        <v>51890</v>
      </c>
      <c r="C35661">
        <v>0</v>
      </c>
      <c r="D35661">
        <v>0</v>
      </c>
    </row>
    <row r="35662" spans="1:4" x14ac:dyDescent="0.25">
      <c r="A35662" t="s">
        <v>51887</v>
      </c>
      <c r="B35662" t="s">
        <v>51891</v>
      </c>
      <c r="C35662">
        <v>1</v>
      </c>
      <c r="D35662">
        <v>0</v>
      </c>
    </row>
    <row r="35663" spans="1:4" x14ac:dyDescent="0.25">
      <c r="A35663" t="s">
        <v>51887</v>
      </c>
      <c r="B35663" t="s">
        <v>51892</v>
      </c>
      <c r="C35663">
        <v>1</v>
      </c>
      <c r="D35663">
        <v>0</v>
      </c>
    </row>
    <row r="35664" spans="1:4" x14ac:dyDescent="0.25">
      <c r="A35664" t="s">
        <v>51893</v>
      </c>
      <c r="B35664" t="s">
        <v>51894</v>
      </c>
      <c r="C35664">
        <v>1</v>
      </c>
      <c r="D35664">
        <v>0</v>
      </c>
    </row>
    <row r="35665" spans="1:4" x14ac:dyDescent="0.25">
      <c r="A35665" t="s">
        <v>51895</v>
      </c>
      <c r="B35665" t="s">
        <v>51896</v>
      </c>
      <c r="C35665">
        <v>2</v>
      </c>
      <c r="D35665">
        <v>0</v>
      </c>
    </row>
    <row r="35666" spans="1:4" x14ac:dyDescent="0.25">
      <c r="A35666" t="s">
        <v>51895</v>
      </c>
      <c r="B35666" t="s">
        <v>1151</v>
      </c>
      <c r="C35666">
        <v>1</v>
      </c>
      <c r="D35666">
        <v>0</v>
      </c>
    </row>
    <row r="35667" spans="1:4" x14ac:dyDescent="0.25">
      <c r="A35667" t="s">
        <v>51895</v>
      </c>
      <c r="B35667" t="s">
        <v>51897</v>
      </c>
      <c r="C35667">
        <v>1</v>
      </c>
      <c r="D35667">
        <v>0</v>
      </c>
    </row>
    <row r="35668" spans="1:4" x14ac:dyDescent="0.25">
      <c r="A35668" t="s">
        <v>51898</v>
      </c>
      <c r="B35668" t="s">
        <v>51899</v>
      </c>
      <c r="C35668">
        <v>2</v>
      </c>
      <c r="D35668">
        <v>0</v>
      </c>
    </row>
    <row r="35669" spans="1:4" x14ac:dyDescent="0.25">
      <c r="A35669" t="s">
        <v>51898</v>
      </c>
      <c r="B35669" t="s">
        <v>51900</v>
      </c>
      <c r="C35669">
        <v>1</v>
      </c>
      <c r="D35669">
        <v>0</v>
      </c>
    </row>
    <row r="35670" spans="1:4" x14ac:dyDescent="0.25">
      <c r="A35670" t="s">
        <v>51901</v>
      </c>
      <c r="B35670" t="s">
        <v>51902</v>
      </c>
      <c r="C35670">
        <v>1</v>
      </c>
      <c r="D35670">
        <v>0</v>
      </c>
    </row>
    <row r="35671" spans="1:4" x14ac:dyDescent="0.25">
      <c r="A35671" t="s">
        <v>51901</v>
      </c>
      <c r="B35671" t="s">
        <v>51903</v>
      </c>
      <c r="C35671">
        <v>0</v>
      </c>
      <c r="D35671">
        <v>0</v>
      </c>
    </row>
    <row r="35672" spans="1:4" x14ac:dyDescent="0.25">
      <c r="A35672" t="s">
        <v>51901</v>
      </c>
      <c r="B35672" t="s">
        <v>51904</v>
      </c>
      <c r="C35672">
        <v>1</v>
      </c>
      <c r="D35672">
        <v>0</v>
      </c>
    </row>
    <row r="35673" spans="1:4" x14ac:dyDescent="0.25">
      <c r="A35673" t="s">
        <v>51905</v>
      </c>
      <c r="B35673" t="s">
        <v>51906</v>
      </c>
      <c r="C35673">
        <v>1</v>
      </c>
      <c r="D35673">
        <v>0</v>
      </c>
    </row>
    <row r="35674" spans="1:4" x14ac:dyDescent="0.25">
      <c r="A35674" t="s">
        <v>51905</v>
      </c>
      <c r="B35674" t="s">
        <v>51907</v>
      </c>
      <c r="C35674">
        <v>1</v>
      </c>
      <c r="D35674">
        <v>0</v>
      </c>
    </row>
    <row r="35675" spans="1:4" x14ac:dyDescent="0.25">
      <c r="A35675" t="s">
        <v>51908</v>
      </c>
      <c r="B35675" t="s">
        <v>51909</v>
      </c>
      <c r="C35675">
        <v>1</v>
      </c>
      <c r="D35675">
        <v>0</v>
      </c>
    </row>
    <row r="35676" spans="1:4" x14ac:dyDescent="0.25">
      <c r="A35676" t="s">
        <v>51908</v>
      </c>
      <c r="B35676" t="s">
        <v>51910</v>
      </c>
      <c r="C35676">
        <v>1</v>
      </c>
      <c r="D35676">
        <v>0</v>
      </c>
    </row>
    <row r="35677" spans="1:4" x14ac:dyDescent="0.25">
      <c r="A35677" t="s">
        <v>51908</v>
      </c>
      <c r="B35677" t="s">
        <v>51911</v>
      </c>
      <c r="C35677">
        <v>1</v>
      </c>
      <c r="D35677">
        <v>0</v>
      </c>
    </row>
    <row r="35678" spans="1:4" x14ac:dyDescent="0.25">
      <c r="A35678" t="s">
        <v>51908</v>
      </c>
      <c r="B35678" t="s">
        <v>51912</v>
      </c>
      <c r="C35678">
        <v>1</v>
      </c>
      <c r="D35678">
        <v>0</v>
      </c>
    </row>
    <row r="35679" spans="1:4" x14ac:dyDescent="0.25">
      <c r="A35679" t="s">
        <v>51908</v>
      </c>
      <c r="B35679" t="s">
        <v>51913</v>
      </c>
      <c r="C35679">
        <v>1</v>
      </c>
      <c r="D35679">
        <v>0</v>
      </c>
    </row>
    <row r="35680" spans="1:4" x14ac:dyDescent="0.25">
      <c r="A35680" t="s">
        <v>51908</v>
      </c>
      <c r="B35680" t="s">
        <v>51914</v>
      </c>
      <c r="C35680">
        <v>1</v>
      </c>
      <c r="D35680">
        <v>0</v>
      </c>
    </row>
    <row r="35681" spans="1:4" x14ac:dyDescent="0.25">
      <c r="A35681" t="s">
        <v>51915</v>
      </c>
      <c r="B35681" t="s">
        <v>51916</v>
      </c>
      <c r="C35681">
        <v>0</v>
      </c>
      <c r="D35681">
        <v>0</v>
      </c>
    </row>
    <row r="35682" spans="1:4" x14ac:dyDescent="0.25">
      <c r="A35682" t="s">
        <v>51915</v>
      </c>
      <c r="B35682" t="s">
        <v>51835</v>
      </c>
      <c r="C35682">
        <v>2</v>
      </c>
      <c r="D35682">
        <v>0</v>
      </c>
    </row>
    <row r="35683" spans="1:4" x14ac:dyDescent="0.25">
      <c r="A35683" t="s">
        <v>51915</v>
      </c>
      <c r="B35683" t="s">
        <v>51917</v>
      </c>
      <c r="C35683">
        <v>1</v>
      </c>
      <c r="D35683">
        <v>0</v>
      </c>
    </row>
    <row r="35684" spans="1:4" x14ac:dyDescent="0.25">
      <c r="A35684" t="s">
        <v>51915</v>
      </c>
      <c r="B35684" t="s">
        <v>51918</v>
      </c>
      <c r="C35684">
        <v>1</v>
      </c>
      <c r="D35684">
        <v>0</v>
      </c>
    </row>
    <row r="35685" spans="1:4" x14ac:dyDescent="0.25">
      <c r="A35685" t="s">
        <v>51915</v>
      </c>
      <c r="B35685" t="s">
        <v>51919</v>
      </c>
      <c r="C35685">
        <v>1</v>
      </c>
      <c r="D35685">
        <v>0</v>
      </c>
    </row>
    <row r="35686" spans="1:4" x14ac:dyDescent="0.25">
      <c r="A35686" t="s">
        <v>51915</v>
      </c>
      <c r="B35686" t="s">
        <v>51920</v>
      </c>
      <c r="C35686">
        <v>1</v>
      </c>
      <c r="D35686">
        <v>0</v>
      </c>
    </row>
    <row r="35687" spans="1:4" x14ac:dyDescent="0.25">
      <c r="A35687" t="s">
        <v>51915</v>
      </c>
      <c r="B35687" t="s">
        <v>51921</v>
      </c>
      <c r="C35687">
        <v>0</v>
      </c>
      <c r="D35687">
        <v>0</v>
      </c>
    </row>
    <row r="35688" spans="1:4" x14ac:dyDescent="0.25">
      <c r="A35688" t="s">
        <v>51922</v>
      </c>
      <c r="B35688" t="s">
        <v>51923</v>
      </c>
      <c r="C35688">
        <v>0</v>
      </c>
      <c r="D35688">
        <v>0</v>
      </c>
    </row>
    <row r="35689" spans="1:4" x14ac:dyDescent="0.25">
      <c r="A35689" t="s">
        <v>51922</v>
      </c>
      <c r="B35689" t="s">
        <v>51924</v>
      </c>
      <c r="C35689">
        <v>0</v>
      </c>
      <c r="D35689">
        <v>0</v>
      </c>
    </row>
    <row r="35690" spans="1:4" x14ac:dyDescent="0.25">
      <c r="A35690" t="s">
        <v>51922</v>
      </c>
      <c r="B35690" t="s">
        <v>51925</v>
      </c>
      <c r="C35690">
        <v>2</v>
      </c>
      <c r="D35690">
        <v>0</v>
      </c>
    </row>
    <row r="35691" spans="1:4" x14ac:dyDescent="0.25">
      <c r="A35691" t="s">
        <v>51922</v>
      </c>
      <c r="B35691" t="s">
        <v>51926</v>
      </c>
      <c r="C35691">
        <v>0</v>
      </c>
      <c r="D35691">
        <v>0</v>
      </c>
    </row>
    <row r="35692" spans="1:4" x14ac:dyDescent="0.25">
      <c r="A35692" t="s">
        <v>51922</v>
      </c>
      <c r="B35692" t="s">
        <v>51927</v>
      </c>
      <c r="C35692">
        <v>1</v>
      </c>
      <c r="D35692">
        <v>0</v>
      </c>
    </row>
    <row r="35693" spans="1:4" x14ac:dyDescent="0.25">
      <c r="A35693" t="s">
        <v>51922</v>
      </c>
      <c r="B35693" t="s">
        <v>51928</v>
      </c>
      <c r="C35693">
        <v>0</v>
      </c>
      <c r="D35693">
        <v>0</v>
      </c>
    </row>
    <row r="35694" spans="1:4" x14ac:dyDescent="0.25">
      <c r="A35694" t="s">
        <v>51929</v>
      </c>
      <c r="B35694" t="s">
        <v>51930</v>
      </c>
      <c r="C35694">
        <v>0</v>
      </c>
      <c r="D35694">
        <v>0</v>
      </c>
    </row>
    <row r="35695" spans="1:4" x14ac:dyDescent="0.25">
      <c r="A35695" t="s">
        <v>51929</v>
      </c>
      <c r="B35695" t="s">
        <v>51931</v>
      </c>
      <c r="C35695">
        <v>1</v>
      </c>
      <c r="D35695">
        <v>0</v>
      </c>
    </row>
    <row r="35696" spans="1:4" x14ac:dyDescent="0.25">
      <c r="A35696" t="s">
        <v>51929</v>
      </c>
      <c r="B35696" t="s">
        <v>51932</v>
      </c>
      <c r="C35696">
        <v>0</v>
      </c>
      <c r="D35696">
        <v>0</v>
      </c>
    </row>
    <row r="35697" spans="1:4" x14ac:dyDescent="0.25">
      <c r="A35697" t="s">
        <v>51929</v>
      </c>
      <c r="B35697" t="s">
        <v>1151</v>
      </c>
      <c r="C35697">
        <v>1</v>
      </c>
      <c r="D35697">
        <v>0</v>
      </c>
    </row>
    <row r="35698" spans="1:4" x14ac:dyDescent="0.25">
      <c r="A35698" t="s">
        <v>51933</v>
      </c>
      <c r="B35698" t="s">
        <v>51934</v>
      </c>
      <c r="C35698">
        <v>2</v>
      </c>
      <c r="D35698">
        <v>0</v>
      </c>
    </row>
    <row r="35699" spans="1:4" x14ac:dyDescent="0.25">
      <c r="A35699" t="s">
        <v>51933</v>
      </c>
      <c r="B35699" t="s">
        <v>51935</v>
      </c>
      <c r="C35699">
        <v>1</v>
      </c>
      <c r="D35699">
        <v>0</v>
      </c>
    </row>
    <row r="35700" spans="1:4" x14ac:dyDescent="0.25">
      <c r="A35700" t="s">
        <v>51933</v>
      </c>
      <c r="B35700" t="s">
        <v>51936</v>
      </c>
      <c r="C35700">
        <v>2</v>
      </c>
      <c r="D35700">
        <v>0</v>
      </c>
    </row>
    <row r="35701" spans="1:4" x14ac:dyDescent="0.25">
      <c r="A35701" t="s">
        <v>51933</v>
      </c>
      <c r="B35701" t="s">
        <v>51937</v>
      </c>
      <c r="C35701">
        <v>1</v>
      </c>
      <c r="D35701">
        <v>0</v>
      </c>
    </row>
    <row r="35702" spans="1:4" x14ac:dyDescent="0.25">
      <c r="A35702" t="s">
        <v>51933</v>
      </c>
      <c r="B35702" t="s">
        <v>51938</v>
      </c>
      <c r="C35702">
        <v>0</v>
      </c>
      <c r="D35702">
        <v>0</v>
      </c>
    </row>
    <row r="35703" spans="1:4" x14ac:dyDescent="0.25">
      <c r="A35703" t="s">
        <v>51933</v>
      </c>
      <c r="B35703" t="s">
        <v>51939</v>
      </c>
      <c r="C35703">
        <v>0</v>
      </c>
      <c r="D35703">
        <v>0</v>
      </c>
    </row>
    <row r="35704" spans="1:4" x14ac:dyDescent="0.25">
      <c r="A35704" t="s">
        <v>51933</v>
      </c>
      <c r="B35704" t="s">
        <v>51940</v>
      </c>
      <c r="C35704">
        <v>2</v>
      </c>
      <c r="D35704">
        <v>0</v>
      </c>
    </row>
    <row r="35705" spans="1:4" x14ac:dyDescent="0.25">
      <c r="A35705" t="s">
        <v>51933</v>
      </c>
      <c r="B35705" t="s">
        <v>51941</v>
      </c>
      <c r="C35705">
        <v>0</v>
      </c>
      <c r="D35705">
        <v>0</v>
      </c>
    </row>
    <row r="35706" spans="1:4" x14ac:dyDescent="0.25">
      <c r="A35706" t="s">
        <v>51933</v>
      </c>
      <c r="B35706" t="s">
        <v>51942</v>
      </c>
      <c r="C35706">
        <v>2</v>
      </c>
      <c r="D35706">
        <v>0</v>
      </c>
    </row>
    <row r="35707" spans="1:4" x14ac:dyDescent="0.25">
      <c r="A35707" t="s">
        <v>51943</v>
      </c>
      <c r="B35707" t="s">
        <v>51944</v>
      </c>
      <c r="C35707">
        <v>0</v>
      </c>
      <c r="D35707">
        <v>0</v>
      </c>
    </row>
    <row r="35708" spans="1:4" x14ac:dyDescent="0.25">
      <c r="A35708" t="s">
        <v>51943</v>
      </c>
      <c r="B35708" t="s">
        <v>51945</v>
      </c>
      <c r="C35708">
        <v>2</v>
      </c>
      <c r="D35708">
        <v>0</v>
      </c>
    </row>
    <row r="35709" spans="1:4" x14ac:dyDescent="0.25">
      <c r="A35709" t="s">
        <v>51943</v>
      </c>
      <c r="B35709" t="s">
        <v>51946</v>
      </c>
      <c r="C35709">
        <v>1</v>
      </c>
      <c r="D35709">
        <v>0</v>
      </c>
    </row>
    <row r="35710" spans="1:4" x14ac:dyDescent="0.25">
      <c r="A35710" t="s">
        <v>51943</v>
      </c>
      <c r="B35710" t="s">
        <v>51947</v>
      </c>
      <c r="C35710">
        <v>1</v>
      </c>
      <c r="D35710">
        <v>0</v>
      </c>
    </row>
    <row r="35711" spans="1:4" x14ac:dyDescent="0.25">
      <c r="A35711" t="s">
        <v>51943</v>
      </c>
      <c r="B35711" t="s">
        <v>51948</v>
      </c>
      <c r="C35711">
        <v>2</v>
      </c>
      <c r="D35711">
        <v>0</v>
      </c>
    </row>
    <row r="35712" spans="1:4" x14ac:dyDescent="0.25">
      <c r="A35712" t="s">
        <v>51949</v>
      </c>
      <c r="B35712" t="s">
        <v>51950</v>
      </c>
      <c r="C35712">
        <v>2</v>
      </c>
      <c r="D35712">
        <v>0</v>
      </c>
    </row>
    <row r="35713" spans="1:4" x14ac:dyDescent="0.25">
      <c r="A35713" t="s">
        <v>51949</v>
      </c>
      <c r="B35713" t="s">
        <v>51951</v>
      </c>
      <c r="C35713">
        <v>1</v>
      </c>
      <c r="D35713">
        <v>0</v>
      </c>
    </row>
    <row r="35714" spans="1:4" x14ac:dyDescent="0.25">
      <c r="A35714" t="s">
        <v>51949</v>
      </c>
      <c r="B35714" t="s">
        <v>51952</v>
      </c>
      <c r="C35714">
        <v>2</v>
      </c>
      <c r="D35714">
        <v>0</v>
      </c>
    </row>
    <row r="35715" spans="1:4" x14ac:dyDescent="0.25">
      <c r="A35715" t="s">
        <v>51949</v>
      </c>
      <c r="B35715" t="s">
        <v>51953</v>
      </c>
      <c r="C35715">
        <v>1</v>
      </c>
      <c r="D35715">
        <v>0</v>
      </c>
    </row>
    <row r="35716" spans="1:4" x14ac:dyDescent="0.25">
      <c r="A35716" t="s">
        <v>51949</v>
      </c>
      <c r="B35716" t="s">
        <v>51954</v>
      </c>
      <c r="C35716">
        <v>2</v>
      </c>
      <c r="D35716">
        <v>0</v>
      </c>
    </row>
    <row r="35717" spans="1:4" x14ac:dyDescent="0.25">
      <c r="A35717" t="s">
        <v>51949</v>
      </c>
      <c r="B35717" t="s">
        <v>51955</v>
      </c>
      <c r="C35717">
        <v>2</v>
      </c>
      <c r="D35717">
        <v>0</v>
      </c>
    </row>
    <row r="35718" spans="1:4" x14ac:dyDescent="0.25">
      <c r="A35718" t="s">
        <v>51956</v>
      </c>
      <c r="B35718" t="s">
        <v>51957</v>
      </c>
      <c r="C35718">
        <v>1</v>
      </c>
      <c r="D35718">
        <v>0</v>
      </c>
    </row>
    <row r="35719" spans="1:4" x14ac:dyDescent="0.25">
      <c r="A35719" t="s">
        <v>51956</v>
      </c>
      <c r="B35719" t="s">
        <v>51958</v>
      </c>
      <c r="C35719">
        <v>0</v>
      </c>
      <c r="D35719">
        <v>0</v>
      </c>
    </row>
    <row r="35720" spans="1:4" x14ac:dyDescent="0.25">
      <c r="A35720" t="s">
        <v>51956</v>
      </c>
      <c r="B35720" t="s">
        <v>51959</v>
      </c>
      <c r="C35720">
        <v>1</v>
      </c>
      <c r="D35720">
        <v>0</v>
      </c>
    </row>
    <row r="35721" spans="1:4" x14ac:dyDescent="0.25">
      <c r="A35721" t="s">
        <v>51956</v>
      </c>
      <c r="B35721" t="s">
        <v>37896</v>
      </c>
      <c r="C35721">
        <v>0</v>
      </c>
      <c r="D35721">
        <v>0</v>
      </c>
    </row>
    <row r="35722" spans="1:4" x14ac:dyDescent="0.25">
      <c r="A35722" t="s">
        <v>51960</v>
      </c>
      <c r="B35722" t="s">
        <v>51961</v>
      </c>
      <c r="C35722">
        <v>0</v>
      </c>
      <c r="D35722">
        <v>0</v>
      </c>
    </row>
    <row r="35723" spans="1:4" x14ac:dyDescent="0.25">
      <c r="A35723" t="s">
        <v>51960</v>
      </c>
      <c r="B35723" t="s">
        <v>51962</v>
      </c>
      <c r="C35723">
        <v>0</v>
      </c>
      <c r="D35723">
        <v>0</v>
      </c>
    </row>
    <row r="35724" spans="1:4" x14ac:dyDescent="0.25">
      <c r="A35724" t="s">
        <v>51960</v>
      </c>
      <c r="B35724" t="s">
        <v>51963</v>
      </c>
      <c r="C35724">
        <v>1</v>
      </c>
      <c r="D35724">
        <v>0</v>
      </c>
    </row>
    <row r="35725" spans="1:4" x14ac:dyDescent="0.25">
      <c r="A35725" t="s">
        <v>51960</v>
      </c>
      <c r="B35725" t="s">
        <v>51964</v>
      </c>
      <c r="C35725">
        <v>1</v>
      </c>
      <c r="D35725">
        <v>0</v>
      </c>
    </row>
    <row r="35726" spans="1:4" x14ac:dyDescent="0.25">
      <c r="A35726" t="s">
        <v>51960</v>
      </c>
      <c r="B35726" t="s">
        <v>51965</v>
      </c>
      <c r="C35726">
        <v>1</v>
      </c>
      <c r="D35726">
        <v>0</v>
      </c>
    </row>
    <row r="35727" spans="1:4" x14ac:dyDescent="0.25">
      <c r="A35727" t="s">
        <v>51960</v>
      </c>
      <c r="B35727" t="s">
        <v>51966</v>
      </c>
      <c r="C35727">
        <v>0</v>
      </c>
      <c r="D35727">
        <v>0</v>
      </c>
    </row>
    <row r="35728" spans="1:4" x14ac:dyDescent="0.25">
      <c r="A35728" t="s">
        <v>51960</v>
      </c>
      <c r="B35728" t="s">
        <v>51967</v>
      </c>
      <c r="C35728">
        <v>0</v>
      </c>
      <c r="D35728">
        <v>0</v>
      </c>
    </row>
    <row r="35729" spans="1:4" x14ac:dyDescent="0.25">
      <c r="A35729" t="s">
        <v>51960</v>
      </c>
      <c r="B35729" t="s">
        <v>51968</v>
      </c>
      <c r="C35729">
        <v>2</v>
      </c>
      <c r="D35729">
        <v>0</v>
      </c>
    </row>
    <row r="35730" spans="1:4" x14ac:dyDescent="0.25">
      <c r="A35730" t="s">
        <v>51960</v>
      </c>
      <c r="B35730" t="s">
        <v>51969</v>
      </c>
      <c r="C35730">
        <v>1</v>
      </c>
      <c r="D35730">
        <v>0</v>
      </c>
    </row>
    <row r="35731" spans="1:4" x14ac:dyDescent="0.25">
      <c r="A35731" t="s">
        <v>51960</v>
      </c>
      <c r="B35731" t="s">
        <v>51970</v>
      </c>
      <c r="C35731">
        <v>0</v>
      </c>
      <c r="D35731">
        <v>0</v>
      </c>
    </row>
    <row r="35732" spans="1:4" x14ac:dyDescent="0.25">
      <c r="A35732" t="s">
        <v>51960</v>
      </c>
      <c r="B35732" t="s">
        <v>51971</v>
      </c>
      <c r="C35732">
        <v>1</v>
      </c>
      <c r="D35732">
        <v>0</v>
      </c>
    </row>
    <row r="35733" spans="1:4" x14ac:dyDescent="0.25">
      <c r="A35733" t="s">
        <v>51960</v>
      </c>
      <c r="B35733" t="s">
        <v>51972</v>
      </c>
      <c r="C35733">
        <v>2</v>
      </c>
      <c r="D35733">
        <v>0</v>
      </c>
    </row>
    <row r="35734" spans="1:4" x14ac:dyDescent="0.25">
      <c r="A35734" t="s">
        <v>51960</v>
      </c>
      <c r="B35734" t="s">
        <v>51973</v>
      </c>
      <c r="C35734">
        <v>2</v>
      </c>
      <c r="D35734">
        <v>0</v>
      </c>
    </row>
    <row r="35735" spans="1:4" x14ac:dyDescent="0.25">
      <c r="A35735" t="s">
        <v>51974</v>
      </c>
      <c r="B35735" t="s">
        <v>51975</v>
      </c>
      <c r="C35735">
        <v>0</v>
      </c>
      <c r="D35735">
        <v>0</v>
      </c>
    </row>
    <row r="35736" spans="1:4" x14ac:dyDescent="0.25">
      <c r="A35736" t="s">
        <v>51974</v>
      </c>
      <c r="B35736" t="s">
        <v>51976</v>
      </c>
      <c r="C35736">
        <v>1</v>
      </c>
      <c r="D35736">
        <v>0</v>
      </c>
    </row>
    <row r="35737" spans="1:4" x14ac:dyDescent="0.25">
      <c r="A35737" t="s">
        <v>51974</v>
      </c>
      <c r="B35737" t="s">
        <v>51977</v>
      </c>
      <c r="C35737">
        <v>1</v>
      </c>
      <c r="D35737">
        <v>0</v>
      </c>
    </row>
    <row r="35738" spans="1:4" x14ac:dyDescent="0.25">
      <c r="A35738" t="s">
        <v>51974</v>
      </c>
      <c r="B35738" t="s">
        <v>51978</v>
      </c>
      <c r="C35738">
        <v>0</v>
      </c>
      <c r="D35738">
        <v>0</v>
      </c>
    </row>
    <row r="35739" spans="1:4" x14ac:dyDescent="0.25">
      <c r="A35739" t="s">
        <v>51974</v>
      </c>
      <c r="B35739" t="s">
        <v>51979</v>
      </c>
      <c r="C35739">
        <v>1</v>
      </c>
      <c r="D35739">
        <v>0</v>
      </c>
    </row>
    <row r="35740" spans="1:4" x14ac:dyDescent="0.25">
      <c r="A35740" t="s">
        <v>51974</v>
      </c>
      <c r="B35740" t="s">
        <v>51980</v>
      </c>
      <c r="C35740">
        <v>0</v>
      </c>
      <c r="D35740">
        <v>0</v>
      </c>
    </row>
    <row r="35741" spans="1:4" x14ac:dyDescent="0.25">
      <c r="A35741" t="s">
        <v>51981</v>
      </c>
      <c r="B35741" t="s">
        <v>51982</v>
      </c>
      <c r="C35741">
        <v>1</v>
      </c>
      <c r="D35741">
        <v>0</v>
      </c>
    </row>
    <row r="35742" spans="1:4" x14ac:dyDescent="0.25">
      <c r="A35742" t="s">
        <v>51981</v>
      </c>
      <c r="B35742" t="s">
        <v>51983</v>
      </c>
      <c r="C35742">
        <v>1</v>
      </c>
      <c r="D35742">
        <v>0</v>
      </c>
    </row>
    <row r="35743" spans="1:4" x14ac:dyDescent="0.25">
      <c r="A35743" t="s">
        <v>51984</v>
      </c>
      <c r="B35743" t="s">
        <v>51985</v>
      </c>
      <c r="C35743">
        <v>1</v>
      </c>
      <c r="D35743">
        <v>0</v>
      </c>
    </row>
    <row r="35744" spans="1:4" x14ac:dyDescent="0.25">
      <c r="A35744" t="s">
        <v>51984</v>
      </c>
      <c r="B35744" t="s">
        <v>51986</v>
      </c>
      <c r="C35744">
        <v>2</v>
      </c>
      <c r="D35744">
        <v>0</v>
      </c>
    </row>
    <row r="35745" spans="1:4" x14ac:dyDescent="0.25">
      <c r="A35745" t="s">
        <v>51987</v>
      </c>
      <c r="B35745" t="s">
        <v>51988</v>
      </c>
      <c r="C35745">
        <v>1</v>
      </c>
      <c r="D35745">
        <v>0</v>
      </c>
    </row>
    <row r="35746" spans="1:4" x14ac:dyDescent="0.25">
      <c r="A35746" t="s">
        <v>51987</v>
      </c>
      <c r="B35746" t="s">
        <v>51989</v>
      </c>
      <c r="C35746">
        <v>0</v>
      </c>
      <c r="D35746">
        <v>0</v>
      </c>
    </row>
    <row r="35747" spans="1:4" x14ac:dyDescent="0.25">
      <c r="A35747" t="s">
        <v>51987</v>
      </c>
      <c r="B35747" t="s">
        <v>51990</v>
      </c>
      <c r="C35747">
        <v>2</v>
      </c>
      <c r="D35747">
        <v>0</v>
      </c>
    </row>
    <row r="35748" spans="1:4" x14ac:dyDescent="0.25">
      <c r="A35748" t="s">
        <v>51991</v>
      </c>
      <c r="B35748" t="s">
        <v>35537</v>
      </c>
      <c r="C35748">
        <v>1</v>
      </c>
      <c r="D35748">
        <v>0</v>
      </c>
    </row>
    <row r="35749" spans="1:4" x14ac:dyDescent="0.25">
      <c r="A35749" t="s">
        <v>51991</v>
      </c>
      <c r="B35749" t="s">
        <v>51992</v>
      </c>
      <c r="C35749">
        <v>1</v>
      </c>
      <c r="D35749">
        <v>0</v>
      </c>
    </row>
    <row r="35750" spans="1:4" x14ac:dyDescent="0.25">
      <c r="A35750" t="s">
        <v>51991</v>
      </c>
      <c r="B35750" t="s">
        <v>51993</v>
      </c>
      <c r="C35750">
        <v>2</v>
      </c>
      <c r="D35750">
        <v>0</v>
      </c>
    </row>
    <row r="35751" spans="1:4" x14ac:dyDescent="0.25">
      <c r="A35751" t="s">
        <v>51994</v>
      </c>
      <c r="B35751" t="s">
        <v>51995</v>
      </c>
      <c r="C35751">
        <v>1</v>
      </c>
      <c r="D35751">
        <v>0</v>
      </c>
    </row>
    <row r="35752" spans="1:4" x14ac:dyDescent="0.25">
      <c r="A35752" t="s">
        <v>51994</v>
      </c>
      <c r="B35752" t="s">
        <v>51996</v>
      </c>
      <c r="C35752">
        <v>1</v>
      </c>
      <c r="D35752">
        <v>0</v>
      </c>
    </row>
    <row r="35753" spans="1:4" x14ac:dyDescent="0.25">
      <c r="A35753" t="s">
        <v>51997</v>
      </c>
      <c r="B35753" t="s">
        <v>51998</v>
      </c>
      <c r="C35753">
        <v>1</v>
      </c>
      <c r="D35753">
        <v>0</v>
      </c>
    </row>
    <row r="35754" spans="1:4" x14ac:dyDescent="0.25">
      <c r="A35754" t="s">
        <v>51997</v>
      </c>
      <c r="B35754" t="s">
        <v>20844</v>
      </c>
      <c r="C35754">
        <v>1</v>
      </c>
      <c r="D35754">
        <v>0</v>
      </c>
    </row>
    <row r="35755" spans="1:4" x14ac:dyDescent="0.25">
      <c r="A35755" t="s">
        <v>51997</v>
      </c>
      <c r="B35755" t="s">
        <v>51999</v>
      </c>
      <c r="C35755">
        <v>1</v>
      </c>
      <c r="D35755">
        <v>0</v>
      </c>
    </row>
    <row r="35756" spans="1:4" x14ac:dyDescent="0.25">
      <c r="A35756" t="s">
        <v>52000</v>
      </c>
      <c r="B35756" t="s">
        <v>52001</v>
      </c>
      <c r="C35756">
        <v>0</v>
      </c>
      <c r="D35756">
        <v>0</v>
      </c>
    </row>
    <row r="35757" spans="1:4" x14ac:dyDescent="0.25">
      <c r="A35757" t="s">
        <v>52002</v>
      </c>
      <c r="B35757" t="s">
        <v>52003</v>
      </c>
      <c r="C35757">
        <v>1</v>
      </c>
      <c r="D35757">
        <v>0</v>
      </c>
    </row>
    <row r="35758" spans="1:4" x14ac:dyDescent="0.25">
      <c r="A35758" t="s">
        <v>52002</v>
      </c>
      <c r="B35758" t="s">
        <v>52004</v>
      </c>
      <c r="C35758">
        <v>1</v>
      </c>
      <c r="D35758">
        <v>0</v>
      </c>
    </row>
    <row r="35759" spans="1:4" x14ac:dyDescent="0.25">
      <c r="A35759" t="s">
        <v>52002</v>
      </c>
      <c r="B35759" t="s">
        <v>52005</v>
      </c>
      <c r="C35759">
        <v>1</v>
      </c>
      <c r="D35759">
        <v>0</v>
      </c>
    </row>
    <row r="35760" spans="1:4" x14ac:dyDescent="0.25">
      <c r="A35760" t="s">
        <v>52002</v>
      </c>
      <c r="B35760" t="s">
        <v>52006</v>
      </c>
      <c r="C35760">
        <v>1</v>
      </c>
      <c r="D35760">
        <v>0</v>
      </c>
    </row>
    <row r="35761" spans="1:4" x14ac:dyDescent="0.25">
      <c r="A35761" t="s">
        <v>52002</v>
      </c>
      <c r="B35761" t="s">
        <v>52007</v>
      </c>
      <c r="C35761">
        <v>2</v>
      </c>
      <c r="D35761">
        <v>0</v>
      </c>
    </row>
    <row r="35762" spans="1:4" x14ac:dyDescent="0.25">
      <c r="A35762" t="s">
        <v>52002</v>
      </c>
      <c r="B35762" t="s">
        <v>52008</v>
      </c>
      <c r="C35762">
        <v>2</v>
      </c>
      <c r="D35762">
        <v>0</v>
      </c>
    </row>
    <row r="35763" spans="1:4" x14ac:dyDescent="0.25">
      <c r="A35763" t="s">
        <v>52009</v>
      </c>
      <c r="B35763" t="s">
        <v>52010</v>
      </c>
      <c r="C35763">
        <v>1</v>
      </c>
      <c r="D35763">
        <v>0</v>
      </c>
    </row>
    <row r="35764" spans="1:4" x14ac:dyDescent="0.25">
      <c r="A35764" t="s">
        <v>52011</v>
      </c>
      <c r="B35764" t="s">
        <v>52012</v>
      </c>
      <c r="C35764">
        <v>1</v>
      </c>
      <c r="D35764">
        <v>0</v>
      </c>
    </row>
    <row r="35765" spans="1:4" x14ac:dyDescent="0.25">
      <c r="A35765" t="s">
        <v>52011</v>
      </c>
      <c r="B35765" t="s">
        <v>52013</v>
      </c>
      <c r="C35765">
        <v>1</v>
      </c>
      <c r="D35765">
        <v>0</v>
      </c>
    </row>
    <row r="35766" spans="1:4" x14ac:dyDescent="0.25">
      <c r="A35766" t="s">
        <v>52011</v>
      </c>
      <c r="B35766" t="s">
        <v>52014</v>
      </c>
      <c r="C35766">
        <v>2</v>
      </c>
      <c r="D35766">
        <v>0</v>
      </c>
    </row>
    <row r="35767" spans="1:4" x14ac:dyDescent="0.25">
      <c r="A35767" t="s">
        <v>52011</v>
      </c>
      <c r="B35767" t="s">
        <v>52015</v>
      </c>
      <c r="C35767">
        <v>1</v>
      </c>
      <c r="D35767">
        <v>0</v>
      </c>
    </row>
    <row r="35768" spans="1:4" x14ac:dyDescent="0.25">
      <c r="A35768" t="s">
        <v>52011</v>
      </c>
      <c r="B35768" t="s">
        <v>52016</v>
      </c>
      <c r="C35768">
        <v>2</v>
      </c>
      <c r="D35768">
        <v>0</v>
      </c>
    </row>
    <row r="35769" spans="1:4" x14ac:dyDescent="0.25">
      <c r="A35769" t="s">
        <v>52017</v>
      </c>
      <c r="B35769" t="s">
        <v>52018</v>
      </c>
      <c r="C35769">
        <v>2</v>
      </c>
      <c r="D35769">
        <v>0</v>
      </c>
    </row>
    <row r="35770" spans="1:4" x14ac:dyDescent="0.25">
      <c r="A35770" t="s">
        <v>52017</v>
      </c>
      <c r="B35770" t="s">
        <v>52019</v>
      </c>
      <c r="C35770">
        <v>2</v>
      </c>
      <c r="D35770">
        <v>0</v>
      </c>
    </row>
    <row r="35771" spans="1:4" x14ac:dyDescent="0.25">
      <c r="A35771" t="s">
        <v>52017</v>
      </c>
      <c r="B35771" t="s">
        <v>52020</v>
      </c>
      <c r="C35771">
        <v>2</v>
      </c>
      <c r="D35771">
        <v>0</v>
      </c>
    </row>
    <row r="35772" spans="1:4" x14ac:dyDescent="0.25">
      <c r="A35772" t="s">
        <v>52017</v>
      </c>
      <c r="B35772" t="s">
        <v>52021</v>
      </c>
      <c r="C35772">
        <v>2</v>
      </c>
      <c r="D35772">
        <v>0</v>
      </c>
    </row>
    <row r="35773" spans="1:4" x14ac:dyDescent="0.25">
      <c r="A35773" t="s">
        <v>52017</v>
      </c>
      <c r="B35773" t="s">
        <v>52022</v>
      </c>
      <c r="C35773">
        <v>1</v>
      </c>
      <c r="D35773">
        <v>0</v>
      </c>
    </row>
    <row r="35774" spans="1:4" x14ac:dyDescent="0.25">
      <c r="A35774" t="s">
        <v>52017</v>
      </c>
      <c r="B35774" t="s">
        <v>52023</v>
      </c>
      <c r="C35774">
        <v>2</v>
      </c>
      <c r="D35774">
        <v>0</v>
      </c>
    </row>
    <row r="35775" spans="1:4" x14ac:dyDescent="0.25">
      <c r="A35775" t="s">
        <v>52024</v>
      </c>
      <c r="B35775" t="s">
        <v>52025</v>
      </c>
      <c r="C35775">
        <v>1</v>
      </c>
      <c r="D35775">
        <v>0</v>
      </c>
    </row>
    <row r="35776" spans="1:4" x14ac:dyDescent="0.25">
      <c r="A35776" t="s">
        <v>52024</v>
      </c>
      <c r="B35776" t="s">
        <v>52026</v>
      </c>
      <c r="C35776">
        <v>1</v>
      </c>
      <c r="D35776">
        <v>0</v>
      </c>
    </row>
    <row r="35777" spans="1:4" x14ac:dyDescent="0.25">
      <c r="A35777" t="s">
        <v>52027</v>
      </c>
      <c r="B35777" t="s">
        <v>52028</v>
      </c>
      <c r="C35777">
        <v>1</v>
      </c>
      <c r="D35777">
        <v>0</v>
      </c>
    </row>
    <row r="35778" spans="1:4" x14ac:dyDescent="0.25">
      <c r="A35778" t="s">
        <v>52027</v>
      </c>
      <c r="B35778" t="s">
        <v>35545</v>
      </c>
      <c r="C35778">
        <v>1</v>
      </c>
      <c r="D35778">
        <v>0</v>
      </c>
    </row>
    <row r="35779" spans="1:4" x14ac:dyDescent="0.25">
      <c r="A35779" t="s">
        <v>52027</v>
      </c>
      <c r="B35779" t="s">
        <v>52029</v>
      </c>
      <c r="C35779">
        <v>1</v>
      </c>
      <c r="D35779">
        <v>0</v>
      </c>
    </row>
    <row r="35780" spans="1:4" x14ac:dyDescent="0.25">
      <c r="A35780" t="s">
        <v>52027</v>
      </c>
      <c r="B35780" t="s">
        <v>52030</v>
      </c>
      <c r="C35780">
        <v>1</v>
      </c>
      <c r="D35780">
        <v>0</v>
      </c>
    </row>
    <row r="35781" spans="1:4" x14ac:dyDescent="0.25">
      <c r="A35781" t="s">
        <v>52027</v>
      </c>
      <c r="B35781" t="s">
        <v>52031</v>
      </c>
      <c r="C35781">
        <v>2</v>
      </c>
      <c r="D35781">
        <v>0</v>
      </c>
    </row>
    <row r="35782" spans="1:4" x14ac:dyDescent="0.25">
      <c r="A35782" t="s">
        <v>52027</v>
      </c>
      <c r="B35782" t="s">
        <v>52032</v>
      </c>
      <c r="C35782">
        <v>1</v>
      </c>
      <c r="D35782">
        <v>0</v>
      </c>
    </row>
    <row r="35783" spans="1:4" x14ac:dyDescent="0.25">
      <c r="A35783" t="s">
        <v>52027</v>
      </c>
      <c r="B35783" t="s">
        <v>52033</v>
      </c>
      <c r="C35783">
        <v>1</v>
      </c>
      <c r="D35783">
        <v>0</v>
      </c>
    </row>
    <row r="35784" spans="1:4" x14ac:dyDescent="0.25">
      <c r="A35784" t="s">
        <v>52027</v>
      </c>
      <c r="B35784" t="s">
        <v>35545</v>
      </c>
      <c r="C35784">
        <v>1</v>
      </c>
      <c r="D35784">
        <v>0</v>
      </c>
    </row>
    <row r="35785" spans="1:4" x14ac:dyDescent="0.25">
      <c r="A35785" t="s">
        <v>52034</v>
      </c>
      <c r="B35785" t="s">
        <v>52035</v>
      </c>
      <c r="C35785">
        <v>1</v>
      </c>
      <c r="D35785">
        <v>0</v>
      </c>
    </row>
    <row r="35786" spans="1:4" x14ac:dyDescent="0.25">
      <c r="A35786" t="s">
        <v>52034</v>
      </c>
      <c r="B35786" t="s">
        <v>52036</v>
      </c>
      <c r="C35786">
        <v>1</v>
      </c>
      <c r="D35786">
        <v>0</v>
      </c>
    </row>
    <row r="35787" spans="1:4" x14ac:dyDescent="0.25">
      <c r="A35787" t="s">
        <v>52034</v>
      </c>
      <c r="B35787" t="s">
        <v>52037</v>
      </c>
      <c r="C35787">
        <v>2</v>
      </c>
      <c r="D35787">
        <v>0</v>
      </c>
    </row>
    <row r="35788" spans="1:4" x14ac:dyDescent="0.25">
      <c r="A35788" t="s">
        <v>52034</v>
      </c>
      <c r="B35788" t="s">
        <v>52038</v>
      </c>
      <c r="C35788">
        <v>1</v>
      </c>
      <c r="D35788">
        <v>0</v>
      </c>
    </row>
    <row r="35789" spans="1:4" x14ac:dyDescent="0.25">
      <c r="A35789" t="s">
        <v>52039</v>
      </c>
      <c r="B35789" t="s">
        <v>5713</v>
      </c>
      <c r="C35789">
        <v>1</v>
      </c>
      <c r="D35789">
        <v>0</v>
      </c>
    </row>
    <row r="35790" spans="1:4" x14ac:dyDescent="0.25">
      <c r="A35790" t="s">
        <v>52039</v>
      </c>
      <c r="B35790" t="s">
        <v>52040</v>
      </c>
      <c r="C35790">
        <v>0</v>
      </c>
      <c r="D35790">
        <v>0</v>
      </c>
    </row>
    <row r="35791" spans="1:4" x14ac:dyDescent="0.25">
      <c r="A35791" t="s">
        <v>52039</v>
      </c>
      <c r="B35791" t="s">
        <v>52041</v>
      </c>
      <c r="C35791">
        <v>1</v>
      </c>
      <c r="D35791">
        <v>0</v>
      </c>
    </row>
    <row r="35792" spans="1:4" x14ac:dyDescent="0.25">
      <c r="A35792" t="s">
        <v>52039</v>
      </c>
      <c r="B35792" t="s">
        <v>52042</v>
      </c>
      <c r="C35792">
        <v>0</v>
      </c>
      <c r="D35792">
        <v>0</v>
      </c>
    </row>
    <row r="35793" spans="1:4" x14ac:dyDescent="0.25">
      <c r="A35793" t="s">
        <v>52039</v>
      </c>
      <c r="B35793" t="s">
        <v>52043</v>
      </c>
      <c r="C35793">
        <v>2</v>
      </c>
      <c r="D35793">
        <v>0</v>
      </c>
    </row>
    <row r="35794" spans="1:4" x14ac:dyDescent="0.25">
      <c r="A35794" t="s">
        <v>52039</v>
      </c>
      <c r="B35794" t="s">
        <v>52042</v>
      </c>
      <c r="C35794">
        <v>0</v>
      </c>
      <c r="D35794">
        <v>0</v>
      </c>
    </row>
    <row r="35795" spans="1:4" x14ac:dyDescent="0.25">
      <c r="A35795" t="s">
        <v>52044</v>
      </c>
      <c r="B35795" t="s">
        <v>52045</v>
      </c>
      <c r="C35795">
        <v>2</v>
      </c>
      <c r="D35795">
        <v>0</v>
      </c>
    </row>
    <row r="35796" spans="1:4" x14ac:dyDescent="0.25">
      <c r="A35796" t="s">
        <v>52044</v>
      </c>
      <c r="B35796" t="s">
        <v>52046</v>
      </c>
      <c r="C35796">
        <v>1</v>
      </c>
      <c r="D35796">
        <v>0</v>
      </c>
    </row>
    <row r="35797" spans="1:4" x14ac:dyDescent="0.25">
      <c r="A35797" t="s">
        <v>52044</v>
      </c>
      <c r="B35797" t="s">
        <v>52047</v>
      </c>
      <c r="C35797">
        <v>0</v>
      </c>
      <c r="D35797">
        <v>0</v>
      </c>
    </row>
    <row r="35798" spans="1:4" x14ac:dyDescent="0.25">
      <c r="A35798" t="s">
        <v>52044</v>
      </c>
      <c r="B35798" t="s">
        <v>52048</v>
      </c>
      <c r="C35798">
        <v>1</v>
      </c>
      <c r="D35798">
        <v>0</v>
      </c>
    </row>
    <row r="35799" spans="1:4" x14ac:dyDescent="0.25">
      <c r="A35799" t="s">
        <v>52044</v>
      </c>
      <c r="B35799" t="s">
        <v>52049</v>
      </c>
      <c r="C35799">
        <v>1</v>
      </c>
      <c r="D35799">
        <v>0</v>
      </c>
    </row>
    <row r="35800" spans="1:4" x14ac:dyDescent="0.25">
      <c r="A35800" t="s">
        <v>52044</v>
      </c>
      <c r="B35800" t="s">
        <v>52050</v>
      </c>
      <c r="C35800">
        <v>0</v>
      </c>
      <c r="D35800">
        <v>0</v>
      </c>
    </row>
    <row r="35801" spans="1:4" x14ac:dyDescent="0.25">
      <c r="A35801" t="s">
        <v>52051</v>
      </c>
      <c r="B35801" t="s">
        <v>52052</v>
      </c>
      <c r="C35801">
        <v>1</v>
      </c>
      <c r="D35801">
        <v>0</v>
      </c>
    </row>
    <row r="35802" spans="1:4" x14ac:dyDescent="0.25">
      <c r="A35802" t="s">
        <v>52051</v>
      </c>
      <c r="B35802" t="s">
        <v>52053</v>
      </c>
      <c r="C35802">
        <v>1</v>
      </c>
      <c r="D35802">
        <v>0</v>
      </c>
    </row>
    <row r="35803" spans="1:4" x14ac:dyDescent="0.25">
      <c r="A35803" t="s">
        <v>52051</v>
      </c>
      <c r="B35803" t="s">
        <v>52054</v>
      </c>
      <c r="C35803">
        <v>1</v>
      </c>
      <c r="D35803">
        <v>0</v>
      </c>
    </row>
    <row r="35804" spans="1:4" x14ac:dyDescent="0.25">
      <c r="A35804" t="s">
        <v>52051</v>
      </c>
      <c r="B35804">
        <v>6</v>
      </c>
      <c r="C35804">
        <v>1</v>
      </c>
      <c r="D35804">
        <v>0</v>
      </c>
    </row>
    <row r="35805" spans="1:4" x14ac:dyDescent="0.25">
      <c r="A35805" t="s">
        <v>52055</v>
      </c>
      <c r="B35805" t="s">
        <v>52056</v>
      </c>
      <c r="C35805">
        <v>0</v>
      </c>
      <c r="D35805">
        <v>0</v>
      </c>
    </row>
    <row r="35806" spans="1:4" x14ac:dyDescent="0.25">
      <c r="A35806" t="s">
        <v>52055</v>
      </c>
      <c r="B35806" t="s">
        <v>52057</v>
      </c>
      <c r="C35806">
        <v>0</v>
      </c>
      <c r="D35806">
        <v>0</v>
      </c>
    </row>
    <row r="35807" spans="1:4" x14ac:dyDescent="0.25">
      <c r="A35807" t="s">
        <v>52055</v>
      </c>
      <c r="B35807" t="s">
        <v>52058</v>
      </c>
      <c r="C35807">
        <v>1</v>
      </c>
      <c r="D35807">
        <v>0</v>
      </c>
    </row>
    <row r="35808" spans="1:4" x14ac:dyDescent="0.25">
      <c r="A35808" t="s">
        <v>52055</v>
      </c>
      <c r="B35808" t="s">
        <v>52059</v>
      </c>
      <c r="C35808">
        <v>1</v>
      </c>
      <c r="D35808">
        <v>0</v>
      </c>
    </row>
    <row r="35809" spans="1:4" x14ac:dyDescent="0.25">
      <c r="A35809" t="s">
        <v>52055</v>
      </c>
      <c r="B35809" t="s">
        <v>52060</v>
      </c>
      <c r="C35809">
        <v>1</v>
      </c>
      <c r="D35809">
        <v>0</v>
      </c>
    </row>
    <row r="35810" spans="1:4" x14ac:dyDescent="0.25">
      <c r="A35810" t="s">
        <v>52055</v>
      </c>
      <c r="B35810" t="s">
        <v>52061</v>
      </c>
      <c r="C35810">
        <v>1</v>
      </c>
      <c r="D35810">
        <v>0</v>
      </c>
    </row>
    <row r="35811" spans="1:4" x14ac:dyDescent="0.25">
      <c r="A35811" t="s">
        <v>52055</v>
      </c>
      <c r="B35811" t="s">
        <v>52062</v>
      </c>
      <c r="C35811">
        <v>1</v>
      </c>
      <c r="D35811">
        <v>0</v>
      </c>
    </row>
    <row r="35812" spans="1:4" x14ac:dyDescent="0.25">
      <c r="A35812" t="s">
        <v>52063</v>
      </c>
      <c r="B35812" t="s">
        <v>52064</v>
      </c>
      <c r="C35812">
        <v>1</v>
      </c>
      <c r="D35812">
        <v>0</v>
      </c>
    </row>
    <row r="35813" spans="1:4" x14ac:dyDescent="0.25">
      <c r="A35813" t="s">
        <v>52063</v>
      </c>
      <c r="B35813" t="s">
        <v>5434</v>
      </c>
      <c r="C35813">
        <v>1</v>
      </c>
      <c r="D35813">
        <v>0</v>
      </c>
    </row>
    <row r="35814" spans="1:4" x14ac:dyDescent="0.25">
      <c r="A35814" t="s">
        <v>52063</v>
      </c>
      <c r="B35814" t="s">
        <v>52065</v>
      </c>
      <c r="C35814">
        <v>1</v>
      </c>
      <c r="D35814">
        <v>0</v>
      </c>
    </row>
    <row r="35815" spans="1:4" x14ac:dyDescent="0.25">
      <c r="A35815" t="s">
        <v>52066</v>
      </c>
      <c r="B35815" t="s">
        <v>52067</v>
      </c>
      <c r="C35815">
        <v>0</v>
      </c>
      <c r="D35815">
        <v>0</v>
      </c>
    </row>
    <row r="35816" spans="1:4" x14ac:dyDescent="0.25">
      <c r="A35816" t="s">
        <v>52066</v>
      </c>
      <c r="B35816" t="s">
        <v>52068</v>
      </c>
      <c r="C35816">
        <v>1</v>
      </c>
      <c r="D35816">
        <v>0</v>
      </c>
    </row>
    <row r="35817" spans="1:4" x14ac:dyDescent="0.25">
      <c r="A35817" t="s">
        <v>52066</v>
      </c>
      <c r="B35817" t="s">
        <v>52069</v>
      </c>
      <c r="C35817">
        <v>1</v>
      </c>
      <c r="D35817">
        <v>0</v>
      </c>
    </row>
    <row r="35818" spans="1:4" x14ac:dyDescent="0.25">
      <c r="A35818" t="s">
        <v>52066</v>
      </c>
      <c r="B35818" t="s">
        <v>52070</v>
      </c>
      <c r="C35818">
        <v>1</v>
      </c>
      <c r="D35818">
        <v>0</v>
      </c>
    </row>
    <row r="35819" spans="1:4" x14ac:dyDescent="0.25">
      <c r="A35819" t="s">
        <v>52066</v>
      </c>
      <c r="B35819" t="s">
        <v>52071</v>
      </c>
      <c r="C35819">
        <v>1</v>
      </c>
      <c r="D35819">
        <v>0</v>
      </c>
    </row>
    <row r="35820" spans="1:4" x14ac:dyDescent="0.25">
      <c r="A35820" t="s">
        <v>52072</v>
      </c>
      <c r="B35820" t="s">
        <v>5864</v>
      </c>
      <c r="C35820">
        <v>1</v>
      </c>
      <c r="D35820">
        <v>0</v>
      </c>
    </row>
    <row r="35821" spans="1:4" x14ac:dyDescent="0.25">
      <c r="A35821" t="s">
        <v>52072</v>
      </c>
      <c r="B35821" t="s">
        <v>52073</v>
      </c>
      <c r="C35821">
        <v>1</v>
      </c>
      <c r="D35821">
        <v>0</v>
      </c>
    </row>
    <row r="35822" spans="1:4" x14ac:dyDescent="0.25">
      <c r="A35822" t="s">
        <v>52072</v>
      </c>
      <c r="B35822" t="s">
        <v>17257</v>
      </c>
      <c r="C35822">
        <v>0</v>
      </c>
      <c r="D35822">
        <v>0</v>
      </c>
    </row>
    <row r="35823" spans="1:4" x14ac:dyDescent="0.25">
      <c r="A35823" t="s">
        <v>52072</v>
      </c>
      <c r="B35823" t="s">
        <v>52074</v>
      </c>
      <c r="C35823">
        <v>1</v>
      </c>
      <c r="D35823">
        <v>0</v>
      </c>
    </row>
    <row r="35824" spans="1:4" x14ac:dyDescent="0.25">
      <c r="A35824" t="s">
        <v>52072</v>
      </c>
      <c r="B35824" t="s">
        <v>52075</v>
      </c>
      <c r="C35824">
        <v>1</v>
      </c>
      <c r="D35824">
        <v>0</v>
      </c>
    </row>
    <row r="35825" spans="1:4" x14ac:dyDescent="0.25">
      <c r="A35825" t="s">
        <v>52076</v>
      </c>
      <c r="B35825" t="s">
        <v>52077</v>
      </c>
      <c r="C35825">
        <v>0</v>
      </c>
      <c r="D35825">
        <v>0</v>
      </c>
    </row>
    <row r="35826" spans="1:4" x14ac:dyDescent="0.25">
      <c r="A35826" t="s">
        <v>52076</v>
      </c>
      <c r="B35826" t="s">
        <v>52078</v>
      </c>
      <c r="C35826">
        <v>1</v>
      </c>
      <c r="D35826">
        <v>0</v>
      </c>
    </row>
    <row r="35827" spans="1:4" x14ac:dyDescent="0.25">
      <c r="A35827" t="s">
        <v>52076</v>
      </c>
      <c r="B35827" t="s">
        <v>52079</v>
      </c>
      <c r="C35827">
        <v>0</v>
      </c>
      <c r="D35827">
        <v>0</v>
      </c>
    </row>
    <row r="35828" spans="1:4" x14ac:dyDescent="0.25">
      <c r="A35828" t="s">
        <v>52076</v>
      </c>
      <c r="B35828" t="s">
        <v>52080</v>
      </c>
      <c r="C35828">
        <v>1</v>
      </c>
      <c r="D35828">
        <v>0</v>
      </c>
    </row>
    <row r="35829" spans="1:4" x14ac:dyDescent="0.25">
      <c r="A35829" t="s">
        <v>52076</v>
      </c>
      <c r="B35829" t="s">
        <v>52081</v>
      </c>
      <c r="C35829">
        <v>0</v>
      </c>
      <c r="D35829">
        <v>0</v>
      </c>
    </row>
    <row r="35830" spans="1:4" x14ac:dyDescent="0.25">
      <c r="A35830" t="s">
        <v>52076</v>
      </c>
      <c r="B35830" t="s">
        <v>52082</v>
      </c>
      <c r="C35830">
        <v>1</v>
      </c>
      <c r="D35830">
        <v>0</v>
      </c>
    </row>
    <row r="35831" spans="1:4" x14ac:dyDescent="0.25">
      <c r="A35831" t="s">
        <v>52076</v>
      </c>
      <c r="B35831" t="s">
        <v>52083</v>
      </c>
      <c r="C35831">
        <v>0</v>
      </c>
      <c r="D35831">
        <v>0</v>
      </c>
    </row>
    <row r="35832" spans="1:4" x14ac:dyDescent="0.25">
      <c r="A35832" t="s">
        <v>52076</v>
      </c>
      <c r="B35832" t="s">
        <v>52084</v>
      </c>
      <c r="C35832">
        <v>1</v>
      </c>
      <c r="D35832">
        <v>0</v>
      </c>
    </row>
    <row r="35833" spans="1:4" x14ac:dyDescent="0.25">
      <c r="A35833" t="s">
        <v>52085</v>
      </c>
      <c r="B35833" t="s">
        <v>52086</v>
      </c>
      <c r="C35833">
        <v>0</v>
      </c>
      <c r="D35833">
        <v>0</v>
      </c>
    </row>
    <row r="35834" spans="1:4" x14ac:dyDescent="0.25">
      <c r="A35834" t="s">
        <v>52085</v>
      </c>
      <c r="B35834" t="s">
        <v>52087</v>
      </c>
      <c r="C35834">
        <v>0</v>
      </c>
      <c r="D35834">
        <v>0</v>
      </c>
    </row>
    <row r="35835" spans="1:4" x14ac:dyDescent="0.25">
      <c r="A35835" t="s">
        <v>52085</v>
      </c>
      <c r="B35835" t="s">
        <v>52088</v>
      </c>
      <c r="C35835">
        <v>1</v>
      </c>
      <c r="D35835">
        <v>0</v>
      </c>
    </row>
    <row r="35836" spans="1:4" x14ac:dyDescent="0.25">
      <c r="A35836" t="s">
        <v>52085</v>
      </c>
      <c r="B35836" t="s">
        <v>52089</v>
      </c>
      <c r="C35836">
        <v>1</v>
      </c>
      <c r="D35836">
        <v>0</v>
      </c>
    </row>
    <row r="35837" spans="1:4" x14ac:dyDescent="0.25">
      <c r="A35837" t="s">
        <v>52090</v>
      </c>
      <c r="B35837" t="s">
        <v>52091</v>
      </c>
      <c r="C35837">
        <v>2</v>
      </c>
      <c r="D35837">
        <v>0</v>
      </c>
    </row>
    <row r="35838" spans="1:4" x14ac:dyDescent="0.25">
      <c r="A35838" t="s">
        <v>52090</v>
      </c>
      <c r="B35838" t="s">
        <v>52092</v>
      </c>
      <c r="C35838">
        <v>0</v>
      </c>
      <c r="D35838">
        <v>0</v>
      </c>
    </row>
    <row r="35839" spans="1:4" x14ac:dyDescent="0.25">
      <c r="A35839" t="s">
        <v>52090</v>
      </c>
      <c r="B35839" t="s">
        <v>52093</v>
      </c>
      <c r="C35839">
        <v>2</v>
      </c>
      <c r="D35839">
        <v>0</v>
      </c>
    </row>
    <row r="35840" spans="1:4" x14ac:dyDescent="0.25">
      <c r="A35840" t="s">
        <v>52090</v>
      </c>
      <c r="B35840" t="s">
        <v>52094</v>
      </c>
      <c r="C35840">
        <v>1</v>
      </c>
      <c r="D35840">
        <v>0</v>
      </c>
    </row>
    <row r="35841" spans="1:4" x14ac:dyDescent="0.25">
      <c r="A35841" t="s">
        <v>52095</v>
      </c>
      <c r="B35841" t="s">
        <v>52096</v>
      </c>
      <c r="C35841">
        <v>2</v>
      </c>
      <c r="D35841">
        <v>0</v>
      </c>
    </row>
    <row r="35842" spans="1:4" x14ac:dyDescent="0.25">
      <c r="A35842" t="s">
        <v>52095</v>
      </c>
      <c r="B35842" t="s">
        <v>52097</v>
      </c>
      <c r="C35842">
        <v>2</v>
      </c>
      <c r="D35842">
        <v>0</v>
      </c>
    </row>
    <row r="35843" spans="1:4" x14ac:dyDescent="0.25">
      <c r="A35843" t="s">
        <v>52098</v>
      </c>
      <c r="B35843" t="s">
        <v>52099</v>
      </c>
      <c r="C35843">
        <v>0</v>
      </c>
      <c r="D35843">
        <v>0</v>
      </c>
    </row>
    <row r="35844" spans="1:4" x14ac:dyDescent="0.25">
      <c r="A35844" t="s">
        <v>52098</v>
      </c>
      <c r="B35844" t="s">
        <v>52100</v>
      </c>
      <c r="C35844">
        <v>2</v>
      </c>
      <c r="D35844">
        <v>0</v>
      </c>
    </row>
    <row r="35845" spans="1:4" x14ac:dyDescent="0.25">
      <c r="A35845" t="s">
        <v>52098</v>
      </c>
      <c r="B35845" t="s">
        <v>52101</v>
      </c>
      <c r="C35845">
        <v>1</v>
      </c>
      <c r="D35845">
        <v>0</v>
      </c>
    </row>
    <row r="35846" spans="1:4" x14ac:dyDescent="0.25">
      <c r="A35846" t="s">
        <v>52098</v>
      </c>
      <c r="B35846" t="s">
        <v>52102</v>
      </c>
      <c r="C35846">
        <v>2</v>
      </c>
      <c r="D35846">
        <v>0</v>
      </c>
    </row>
    <row r="35847" spans="1:4" x14ac:dyDescent="0.25">
      <c r="A35847" t="s">
        <v>52098</v>
      </c>
      <c r="B35847" t="s">
        <v>52103</v>
      </c>
      <c r="C35847">
        <v>1</v>
      </c>
      <c r="D35847">
        <v>0</v>
      </c>
    </row>
    <row r="35848" spans="1:4" x14ac:dyDescent="0.25">
      <c r="A35848" t="s">
        <v>52104</v>
      </c>
      <c r="B35848" t="s">
        <v>1813</v>
      </c>
      <c r="C35848">
        <v>0</v>
      </c>
      <c r="D35848">
        <v>0</v>
      </c>
    </row>
    <row r="35849" spans="1:4" x14ac:dyDescent="0.25">
      <c r="A35849" t="s">
        <v>52104</v>
      </c>
      <c r="B35849" t="s">
        <v>52105</v>
      </c>
      <c r="C35849">
        <v>2</v>
      </c>
      <c r="D35849">
        <v>0</v>
      </c>
    </row>
    <row r="35850" spans="1:4" x14ac:dyDescent="0.25">
      <c r="A35850" t="s">
        <v>52104</v>
      </c>
      <c r="B35850" t="s">
        <v>52106</v>
      </c>
      <c r="C35850">
        <v>1</v>
      </c>
      <c r="D35850">
        <v>0</v>
      </c>
    </row>
    <row r="35851" spans="1:4" x14ac:dyDescent="0.25">
      <c r="A35851" t="s">
        <v>52104</v>
      </c>
      <c r="B35851" t="s">
        <v>52107</v>
      </c>
      <c r="C35851">
        <v>0</v>
      </c>
      <c r="D35851">
        <v>0</v>
      </c>
    </row>
    <row r="35852" spans="1:4" x14ac:dyDescent="0.25">
      <c r="A35852" t="s">
        <v>52108</v>
      </c>
      <c r="B35852" t="s">
        <v>52109</v>
      </c>
      <c r="C35852">
        <v>1</v>
      </c>
      <c r="D35852">
        <v>0</v>
      </c>
    </row>
    <row r="35853" spans="1:4" x14ac:dyDescent="0.25">
      <c r="A35853" t="s">
        <v>52108</v>
      </c>
      <c r="B35853" t="s">
        <v>52110</v>
      </c>
      <c r="C35853">
        <v>1</v>
      </c>
      <c r="D35853">
        <v>0</v>
      </c>
    </row>
    <row r="35854" spans="1:4" x14ac:dyDescent="0.25">
      <c r="A35854" t="s">
        <v>52108</v>
      </c>
      <c r="B35854" t="s">
        <v>52111</v>
      </c>
      <c r="C35854">
        <v>0</v>
      </c>
      <c r="D35854">
        <v>0</v>
      </c>
    </row>
    <row r="35855" spans="1:4" x14ac:dyDescent="0.25">
      <c r="A35855" t="s">
        <v>52112</v>
      </c>
      <c r="B35855" t="s">
        <v>52113</v>
      </c>
      <c r="C35855">
        <v>1</v>
      </c>
      <c r="D35855">
        <v>0</v>
      </c>
    </row>
    <row r="35856" spans="1:4" x14ac:dyDescent="0.25">
      <c r="A35856" t="s">
        <v>52114</v>
      </c>
      <c r="B35856" t="s">
        <v>52115</v>
      </c>
      <c r="C35856">
        <v>0</v>
      </c>
      <c r="D35856">
        <v>0</v>
      </c>
    </row>
    <row r="35857" spans="1:4" x14ac:dyDescent="0.25">
      <c r="A35857" t="s">
        <v>52114</v>
      </c>
      <c r="B35857" t="s">
        <v>52116</v>
      </c>
      <c r="C35857">
        <v>1</v>
      </c>
      <c r="D35857">
        <v>0</v>
      </c>
    </row>
    <row r="35858" spans="1:4" x14ac:dyDescent="0.25">
      <c r="A35858" t="s">
        <v>52114</v>
      </c>
      <c r="B35858" t="s">
        <v>52117</v>
      </c>
      <c r="C35858">
        <v>1</v>
      </c>
      <c r="D35858">
        <v>0</v>
      </c>
    </row>
    <row r="35859" spans="1:4" x14ac:dyDescent="0.25">
      <c r="A35859" t="s">
        <v>52114</v>
      </c>
      <c r="B35859" t="s">
        <v>52118</v>
      </c>
      <c r="C35859">
        <v>1</v>
      </c>
      <c r="D35859">
        <v>0</v>
      </c>
    </row>
    <row r="35860" spans="1:4" x14ac:dyDescent="0.25">
      <c r="A35860" t="s">
        <v>52114</v>
      </c>
      <c r="B35860" t="s">
        <v>52119</v>
      </c>
      <c r="C35860">
        <v>0</v>
      </c>
      <c r="D35860">
        <v>0</v>
      </c>
    </row>
    <row r="35861" spans="1:4" x14ac:dyDescent="0.25">
      <c r="A35861" t="s">
        <v>52120</v>
      </c>
      <c r="B35861" t="s">
        <v>52121</v>
      </c>
      <c r="C35861">
        <v>2</v>
      </c>
      <c r="D35861">
        <v>0</v>
      </c>
    </row>
    <row r="35862" spans="1:4" x14ac:dyDescent="0.25">
      <c r="A35862" t="s">
        <v>52122</v>
      </c>
      <c r="B35862" t="s">
        <v>52123</v>
      </c>
      <c r="C35862">
        <v>1</v>
      </c>
      <c r="D35862">
        <v>0</v>
      </c>
    </row>
    <row r="35863" spans="1:4" x14ac:dyDescent="0.25">
      <c r="A35863" t="s">
        <v>52124</v>
      </c>
      <c r="B35863" t="s">
        <v>52125</v>
      </c>
      <c r="C35863">
        <v>1</v>
      </c>
      <c r="D35863">
        <v>0</v>
      </c>
    </row>
    <row r="35864" spans="1:4" x14ac:dyDescent="0.25">
      <c r="A35864" t="s">
        <v>52124</v>
      </c>
      <c r="B35864" t="s">
        <v>52126</v>
      </c>
      <c r="C35864">
        <v>0</v>
      </c>
      <c r="D35864">
        <v>0</v>
      </c>
    </row>
    <row r="35865" spans="1:4" x14ac:dyDescent="0.25">
      <c r="A35865" t="s">
        <v>52124</v>
      </c>
      <c r="B35865" t="s">
        <v>52127</v>
      </c>
      <c r="C35865">
        <v>1</v>
      </c>
      <c r="D35865">
        <v>0</v>
      </c>
    </row>
    <row r="35866" spans="1:4" x14ac:dyDescent="0.25">
      <c r="A35866" t="s">
        <v>52124</v>
      </c>
      <c r="B35866" t="s">
        <v>52128</v>
      </c>
      <c r="C35866">
        <v>2</v>
      </c>
      <c r="D35866">
        <v>0</v>
      </c>
    </row>
    <row r="35867" spans="1:4" x14ac:dyDescent="0.25">
      <c r="A35867" t="s">
        <v>52124</v>
      </c>
      <c r="B35867" t="s">
        <v>52129</v>
      </c>
      <c r="C35867">
        <v>1</v>
      </c>
      <c r="D35867">
        <v>0</v>
      </c>
    </row>
    <row r="35868" spans="1:4" x14ac:dyDescent="0.25">
      <c r="A35868" t="s">
        <v>52130</v>
      </c>
      <c r="B35868" t="s">
        <v>52131</v>
      </c>
      <c r="C35868">
        <v>0</v>
      </c>
      <c r="D35868">
        <v>0</v>
      </c>
    </row>
    <row r="35869" spans="1:4" x14ac:dyDescent="0.25">
      <c r="A35869" t="s">
        <v>52130</v>
      </c>
      <c r="B35869" t="s">
        <v>19309</v>
      </c>
      <c r="C35869">
        <v>0</v>
      </c>
      <c r="D35869">
        <v>0</v>
      </c>
    </row>
    <row r="35870" spans="1:4" x14ac:dyDescent="0.25">
      <c r="A35870" t="s">
        <v>52130</v>
      </c>
      <c r="B35870" t="s">
        <v>52132</v>
      </c>
      <c r="C35870">
        <v>0</v>
      </c>
      <c r="D35870">
        <v>0</v>
      </c>
    </row>
    <row r="35871" spans="1:4" x14ac:dyDescent="0.25">
      <c r="A35871" t="s">
        <v>52130</v>
      </c>
      <c r="B35871" t="s">
        <v>52133</v>
      </c>
      <c r="C35871">
        <v>1</v>
      </c>
      <c r="D35871">
        <v>0</v>
      </c>
    </row>
    <row r="35872" spans="1:4" x14ac:dyDescent="0.25">
      <c r="A35872" t="s">
        <v>52130</v>
      </c>
      <c r="B35872" t="s">
        <v>52134</v>
      </c>
      <c r="C35872">
        <v>1</v>
      </c>
      <c r="D35872">
        <v>0</v>
      </c>
    </row>
    <row r="35873" spans="1:4" x14ac:dyDescent="0.25">
      <c r="A35873" t="s">
        <v>52130</v>
      </c>
      <c r="B35873" t="s">
        <v>52135</v>
      </c>
      <c r="C35873">
        <v>1</v>
      </c>
      <c r="D35873">
        <v>0</v>
      </c>
    </row>
    <row r="35874" spans="1:4" x14ac:dyDescent="0.25">
      <c r="A35874" t="s">
        <v>52130</v>
      </c>
      <c r="B35874" t="s">
        <v>52136</v>
      </c>
      <c r="C35874">
        <v>1</v>
      </c>
      <c r="D35874">
        <v>0</v>
      </c>
    </row>
    <row r="35875" spans="1:4" x14ac:dyDescent="0.25">
      <c r="A35875" t="s">
        <v>52130</v>
      </c>
      <c r="B35875" t="s">
        <v>35954</v>
      </c>
      <c r="C35875">
        <v>0</v>
      </c>
      <c r="D35875">
        <v>0</v>
      </c>
    </row>
    <row r="35876" spans="1:4" x14ac:dyDescent="0.25">
      <c r="A35876" t="s">
        <v>52137</v>
      </c>
      <c r="B35876" t="s">
        <v>52138</v>
      </c>
      <c r="C35876">
        <v>1</v>
      </c>
      <c r="D35876">
        <v>0</v>
      </c>
    </row>
    <row r="35877" spans="1:4" x14ac:dyDescent="0.25">
      <c r="A35877" t="s">
        <v>52137</v>
      </c>
      <c r="B35877" t="s">
        <v>52139</v>
      </c>
      <c r="C35877">
        <v>2</v>
      </c>
      <c r="D35877">
        <v>0</v>
      </c>
    </row>
    <row r="35878" spans="1:4" x14ac:dyDescent="0.25">
      <c r="A35878" t="s">
        <v>52137</v>
      </c>
      <c r="B35878" t="s">
        <v>52140</v>
      </c>
      <c r="C35878">
        <v>1</v>
      </c>
      <c r="D35878">
        <v>0</v>
      </c>
    </row>
    <row r="35879" spans="1:4" x14ac:dyDescent="0.25">
      <c r="A35879" t="s">
        <v>52137</v>
      </c>
      <c r="B35879" t="s">
        <v>51939</v>
      </c>
      <c r="C35879">
        <v>0</v>
      </c>
      <c r="D35879">
        <v>0</v>
      </c>
    </row>
    <row r="35880" spans="1:4" x14ac:dyDescent="0.25">
      <c r="A35880" t="s">
        <v>52137</v>
      </c>
      <c r="B35880" t="s">
        <v>52141</v>
      </c>
      <c r="C35880">
        <v>0</v>
      </c>
      <c r="D35880">
        <v>0</v>
      </c>
    </row>
    <row r="35881" spans="1:4" x14ac:dyDescent="0.25">
      <c r="A35881" t="s">
        <v>52137</v>
      </c>
      <c r="B35881" t="s">
        <v>52142</v>
      </c>
      <c r="C35881">
        <v>0</v>
      </c>
      <c r="D35881">
        <v>0</v>
      </c>
    </row>
    <row r="35882" spans="1:4" x14ac:dyDescent="0.25">
      <c r="A35882" t="s">
        <v>52137</v>
      </c>
      <c r="B35882" t="s">
        <v>52143</v>
      </c>
      <c r="C35882">
        <v>0</v>
      </c>
      <c r="D35882">
        <v>0</v>
      </c>
    </row>
    <row r="35883" spans="1:4" x14ac:dyDescent="0.25">
      <c r="A35883" t="s">
        <v>52137</v>
      </c>
      <c r="B35883" t="s">
        <v>52144</v>
      </c>
      <c r="C35883">
        <v>0</v>
      </c>
      <c r="D35883">
        <v>0</v>
      </c>
    </row>
    <row r="35884" spans="1:4" x14ac:dyDescent="0.25">
      <c r="A35884" t="s">
        <v>52145</v>
      </c>
      <c r="B35884" t="s">
        <v>52146</v>
      </c>
      <c r="C35884">
        <v>0</v>
      </c>
      <c r="D35884">
        <v>0</v>
      </c>
    </row>
    <row r="35885" spans="1:4" x14ac:dyDescent="0.25">
      <c r="A35885" t="s">
        <v>52145</v>
      </c>
      <c r="B35885" t="s">
        <v>52147</v>
      </c>
      <c r="C35885">
        <v>0</v>
      </c>
      <c r="D35885">
        <v>0</v>
      </c>
    </row>
    <row r="35886" spans="1:4" x14ac:dyDescent="0.25">
      <c r="A35886" t="s">
        <v>52145</v>
      </c>
      <c r="B35886" t="s">
        <v>52148</v>
      </c>
      <c r="C35886">
        <v>0</v>
      </c>
      <c r="D35886">
        <v>0</v>
      </c>
    </row>
    <row r="35887" spans="1:4" x14ac:dyDescent="0.25">
      <c r="A35887" t="s">
        <v>52145</v>
      </c>
      <c r="B35887" t="s">
        <v>52149</v>
      </c>
      <c r="C35887">
        <v>2</v>
      </c>
      <c r="D35887">
        <v>0</v>
      </c>
    </row>
    <row r="35888" spans="1:4" x14ac:dyDescent="0.25">
      <c r="A35888" t="s">
        <v>52145</v>
      </c>
      <c r="B35888" t="s">
        <v>52150</v>
      </c>
      <c r="C35888">
        <v>2</v>
      </c>
      <c r="D35888">
        <v>0</v>
      </c>
    </row>
    <row r="35889" spans="1:4" x14ac:dyDescent="0.25">
      <c r="A35889" t="s">
        <v>52151</v>
      </c>
      <c r="B35889" t="s">
        <v>52152</v>
      </c>
      <c r="C35889">
        <v>1</v>
      </c>
      <c r="D35889">
        <v>0</v>
      </c>
    </row>
    <row r="35890" spans="1:4" x14ac:dyDescent="0.25">
      <c r="A35890" t="s">
        <v>52151</v>
      </c>
      <c r="B35890" t="s">
        <v>52153</v>
      </c>
      <c r="C35890">
        <v>1</v>
      </c>
      <c r="D35890">
        <v>0</v>
      </c>
    </row>
    <row r="35891" spans="1:4" x14ac:dyDescent="0.25">
      <c r="A35891" t="s">
        <v>52151</v>
      </c>
      <c r="B35891" t="s">
        <v>52154</v>
      </c>
      <c r="C35891">
        <v>1</v>
      </c>
      <c r="D35891">
        <v>0</v>
      </c>
    </row>
    <row r="35892" spans="1:4" x14ac:dyDescent="0.25">
      <c r="A35892" t="s">
        <v>52151</v>
      </c>
      <c r="B35892" t="s">
        <v>52155</v>
      </c>
      <c r="C35892">
        <v>1</v>
      </c>
      <c r="D35892">
        <v>0</v>
      </c>
    </row>
    <row r="35893" spans="1:4" x14ac:dyDescent="0.25">
      <c r="A35893" t="s">
        <v>52151</v>
      </c>
      <c r="B35893" t="s">
        <v>5713</v>
      </c>
      <c r="C35893">
        <v>1</v>
      </c>
      <c r="D35893">
        <v>0</v>
      </c>
    </row>
    <row r="35894" spans="1:4" x14ac:dyDescent="0.25">
      <c r="A35894" t="s">
        <v>52151</v>
      </c>
      <c r="B35894" t="s">
        <v>5434</v>
      </c>
      <c r="C35894">
        <v>1</v>
      </c>
      <c r="D35894">
        <v>0</v>
      </c>
    </row>
    <row r="35895" spans="1:4" x14ac:dyDescent="0.25">
      <c r="A35895" t="s">
        <v>52156</v>
      </c>
      <c r="B35895" t="s">
        <v>52157</v>
      </c>
      <c r="C35895">
        <v>0</v>
      </c>
      <c r="D35895">
        <v>0</v>
      </c>
    </row>
    <row r="35896" spans="1:4" x14ac:dyDescent="0.25">
      <c r="A35896" t="s">
        <v>52156</v>
      </c>
      <c r="B35896" t="s">
        <v>52158</v>
      </c>
      <c r="C35896">
        <v>1</v>
      </c>
      <c r="D35896">
        <v>0</v>
      </c>
    </row>
    <row r="35897" spans="1:4" x14ac:dyDescent="0.25">
      <c r="A35897" t="s">
        <v>52156</v>
      </c>
      <c r="B35897" t="s">
        <v>52159</v>
      </c>
      <c r="C35897">
        <v>0</v>
      </c>
      <c r="D35897">
        <v>0</v>
      </c>
    </row>
    <row r="35898" spans="1:4" x14ac:dyDescent="0.25">
      <c r="A35898" t="s">
        <v>52156</v>
      </c>
      <c r="B35898" t="s">
        <v>52160</v>
      </c>
      <c r="C35898">
        <v>0</v>
      </c>
      <c r="D35898">
        <v>0</v>
      </c>
    </row>
    <row r="35899" spans="1:4" x14ac:dyDescent="0.25">
      <c r="A35899" t="s">
        <v>52161</v>
      </c>
      <c r="B35899" t="s">
        <v>52162</v>
      </c>
      <c r="C35899">
        <v>1</v>
      </c>
      <c r="D35899">
        <v>0</v>
      </c>
    </row>
    <row r="35900" spans="1:4" x14ac:dyDescent="0.25">
      <c r="A35900" t="s">
        <v>52161</v>
      </c>
      <c r="B35900" t="s">
        <v>52163</v>
      </c>
      <c r="C35900">
        <v>2</v>
      </c>
      <c r="D35900">
        <v>0</v>
      </c>
    </row>
    <row r="35901" spans="1:4" x14ac:dyDescent="0.25">
      <c r="A35901" t="s">
        <v>52164</v>
      </c>
      <c r="B35901" t="s">
        <v>52165</v>
      </c>
      <c r="C35901">
        <v>2</v>
      </c>
      <c r="D35901">
        <v>0</v>
      </c>
    </row>
    <row r="35902" spans="1:4" x14ac:dyDescent="0.25">
      <c r="A35902" t="s">
        <v>52164</v>
      </c>
      <c r="B35902" t="s">
        <v>52166</v>
      </c>
      <c r="C35902">
        <v>2</v>
      </c>
      <c r="D35902">
        <v>0</v>
      </c>
    </row>
    <row r="35903" spans="1:4" x14ac:dyDescent="0.25">
      <c r="A35903" t="s">
        <v>52164</v>
      </c>
      <c r="B35903" t="s">
        <v>52167</v>
      </c>
      <c r="C35903">
        <v>0</v>
      </c>
      <c r="D35903">
        <v>0</v>
      </c>
    </row>
    <row r="35904" spans="1:4" x14ac:dyDescent="0.25">
      <c r="A35904" t="s">
        <v>52168</v>
      </c>
      <c r="B35904" t="s">
        <v>52169</v>
      </c>
      <c r="C35904">
        <v>1</v>
      </c>
      <c r="D35904">
        <v>0</v>
      </c>
    </row>
    <row r="35905" spans="1:4" x14ac:dyDescent="0.25">
      <c r="A35905" t="s">
        <v>52168</v>
      </c>
      <c r="B35905" t="s">
        <v>2865</v>
      </c>
      <c r="C35905">
        <v>0</v>
      </c>
      <c r="D35905">
        <v>0</v>
      </c>
    </row>
    <row r="35906" spans="1:4" x14ac:dyDescent="0.25">
      <c r="A35906" t="s">
        <v>52168</v>
      </c>
      <c r="B35906" t="s">
        <v>52170</v>
      </c>
      <c r="C35906">
        <v>1</v>
      </c>
      <c r="D35906">
        <v>0</v>
      </c>
    </row>
    <row r="35907" spans="1:4" x14ac:dyDescent="0.25">
      <c r="A35907" t="s">
        <v>52171</v>
      </c>
      <c r="B35907" t="s">
        <v>52172</v>
      </c>
      <c r="C35907">
        <v>1</v>
      </c>
      <c r="D35907">
        <v>0</v>
      </c>
    </row>
    <row r="35908" spans="1:4" x14ac:dyDescent="0.25">
      <c r="A35908" t="s">
        <v>52171</v>
      </c>
      <c r="B35908" t="s">
        <v>52173</v>
      </c>
      <c r="C35908">
        <v>2</v>
      </c>
      <c r="D35908">
        <v>0</v>
      </c>
    </row>
    <row r="35909" spans="1:4" x14ac:dyDescent="0.25">
      <c r="A35909" t="s">
        <v>52171</v>
      </c>
      <c r="B35909" t="s">
        <v>52174</v>
      </c>
      <c r="C35909">
        <v>2</v>
      </c>
      <c r="D35909">
        <v>0</v>
      </c>
    </row>
    <row r="35910" spans="1:4" x14ac:dyDescent="0.25">
      <c r="A35910" t="s">
        <v>52175</v>
      </c>
      <c r="B35910" t="s">
        <v>52176</v>
      </c>
      <c r="C35910">
        <v>0</v>
      </c>
      <c r="D35910">
        <v>0</v>
      </c>
    </row>
    <row r="35911" spans="1:4" x14ac:dyDescent="0.25">
      <c r="A35911" t="s">
        <v>52175</v>
      </c>
      <c r="B35911" t="s">
        <v>52177</v>
      </c>
      <c r="C35911">
        <v>0</v>
      </c>
      <c r="D35911">
        <v>0</v>
      </c>
    </row>
    <row r="35912" spans="1:4" x14ac:dyDescent="0.25">
      <c r="A35912" t="s">
        <v>52175</v>
      </c>
      <c r="B35912" t="s">
        <v>52178</v>
      </c>
      <c r="C35912">
        <v>0</v>
      </c>
      <c r="D35912">
        <v>0</v>
      </c>
    </row>
    <row r="35913" spans="1:4" x14ac:dyDescent="0.25">
      <c r="A35913" t="s">
        <v>52175</v>
      </c>
      <c r="B35913" t="s">
        <v>52179</v>
      </c>
      <c r="C35913">
        <v>0</v>
      </c>
      <c r="D35913">
        <v>0</v>
      </c>
    </row>
    <row r="35914" spans="1:4" x14ac:dyDescent="0.25">
      <c r="A35914" t="s">
        <v>52175</v>
      </c>
      <c r="B35914" t="s">
        <v>52180</v>
      </c>
      <c r="C35914">
        <v>0</v>
      </c>
      <c r="D35914">
        <v>0</v>
      </c>
    </row>
    <row r="35915" spans="1:4" x14ac:dyDescent="0.25">
      <c r="A35915" t="s">
        <v>52181</v>
      </c>
      <c r="B35915" t="s">
        <v>5713</v>
      </c>
      <c r="C35915">
        <v>1</v>
      </c>
      <c r="D35915">
        <v>0</v>
      </c>
    </row>
    <row r="35916" spans="1:4" x14ac:dyDescent="0.25">
      <c r="A35916" t="s">
        <v>52181</v>
      </c>
      <c r="B35916" t="s">
        <v>52182</v>
      </c>
      <c r="C35916">
        <v>2</v>
      </c>
      <c r="D35916">
        <v>0</v>
      </c>
    </row>
    <row r="35917" spans="1:4" x14ac:dyDescent="0.25">
      <c r="A35917" t="s">
        <v>52181</v>
      </c>
      <c r="B35917" t="s">
        <v>52183</v>
      </c>
      <c r="C35917">
        <v>2</v>
      </c>
      <c r="D35917">
        <v>0</v>
      </c>
    </row>
    <row r="35918" spans="1:4" x14ac:dyDescent="0.25">
      <c r="A35918" t="s">
        <v>52181</v>
      </c>
      <c r="B35918" t="s">
        <v>48863</v>
      </c>
      <c r="C35918">
        <v>1</v>
      </c>
      <c r="D35918">
        <v>0</v>
      </c>
    </row>
    <row r="35919" spans="1:4" x14ac:dyDescent="0.25">
      <c r="A35919" t="s">
        <v>52184</v>
      </c>
      <c r="B35919" t="s">
        <v>52185</v>
      </c>
      <c r="C35919">
        <v>0</v>
      </c>
      <c r="D35919">
        <v>0</v>
      </c>
    </row>
    <row r="35920" spans="1:4" x14ac:dyDescent="0.25">
      <c r="A35920" t="s">
        <v>52184</v>
      </c>
      <c r="B35920" t="s">
        <v>52186</v>
      </c>
      <c r="C35920">
        <v>1</v>
      </c>
      <c r="D35920">
        <v>0</v>
      </c>
    </row>
    <row r="35921" spans="1:4" x14ac:dyDescent="0.25">
      <c r="A35921" t="s">
        <v>52184</v>
      </c>
      <c r="B35921" t="s">
        <v>52187</v>
      </c>
      <c r="C35921">
        <v>1</v>
      </c>
      <c r="D35921">
        <v>0</v>
      </c>
    </row>
    <row r="35922" spans="1:4" x14ac:dyDescent="0.25">
      <c r="A35922" t="s">
        <v>52184</v>
      </c>
      <c r="B35922" t="s">
        <v>52188</v>
      </c>
      <c r="C35922">
        <v>2</v>
      </c>
      <c r="D35922">
        <v>0</v>
      </c>
    </row>
    <row r="35923" spans="1:4" x14ac:dyDescent="0.25">
      <c r="A35923" t="s">
        <v>52189</v>
      </c>
      <c r="B35923" t="s">
        <v>52190</v>
      </c>
      <c r="C35923">
        <v>1</v>
      </c>
      <c r="D35923">
        <v>0</v>
      </c>
    </row>
    <row r="35924" spans="1:4" x14ac:dyDescent="0.25">
      <c r="A35924" t="s">
        <v>52189</v>
      </c>
      <c r="B35924" t="s">
        <v>52191</v>
      </c>
      <c r="C35924">
        <v>0</v>
      </c>
      <c r="D35924">
        <v>0</v>
      </c>
    </row>
    <row r="35925" spans="1:4" x14ac:dyDescent="0.25">
      <c r="A35925" t="s">
        <v>52189</v>
      </c>
      <c r="B35925" t="s">
        <v>52192</v>
      </c>
      <c r="C35925">
        <v>0</v>
      </c>
      <c r="D35925">
        <v>0</v>
      </c>
    </row>
    <row r="35926" spans="1:4" x14ac:dyDescent="0.25">
      <c r="A35926" t="s">
        <v>52189</v>
      </c>
      <c r="B35926" t="s">
        <v>52193</v>
      </c>
      <c r="C35926">
        <v>1</v>
      </c>
      <c r="D35926">
        <v>0</v>
      </c>
    </row>
    <row r="35927" spans="1:4" x14ac:dyDescent="0.25">
      <c r="A35927" t="s">
        <v>52194</v>
      </c>
      <c r="B35927" t="s">
        <v>52195</v>
      </c>
      <c r="C35927">
        <v>1</v>
      </c>
      <c r="D35927">
        <v>0</v>
      </c>
    </row>
    <row r="35928" spans="1:4" x14ac:dyDescent="0.25">
      <c r="A35928" t="s">
        <v>52194</v>
      </c>
      <c r="B35928" t="s">
        <v>52196</v>
      </c>
      <c r="C35928">
        <v>0</v>
      </c>
      <c r="D35928">
        <v>0</v>
      </c>
    </row>
    <row r="35929" spans="1:4" x14ac:dyDescent="0.25">
      <c r="A35929" t="s">
        <v>52194</v>
      </c>
      <c r="B35929" t="s">
        <v>52197</v>
      </c>
      <c r="C35929">
        <v>2</v>
      </c>
      <c r="D35929">
        <v>0</v>
      </c>
    </row>
    <row r="35930" spans="1:4" x14ac:dyDescent="0.25">
      <c r="A35930" t="s">
        <v>52194</v>
      </c>
      <c r="B35930" t="s">
        <v>52198</v>
      </c>
      <c r="C35930">
        <v>1</v>
      </c>
      <c r="D35930">
        <v>0</v>
      </c>
    </row>
    <row r="35931" spans="1:4" x14ac:dyDescent="0.25">
      <c r="A35931" t="s">
        <v>52194</v>
      </c>
      <c r="B35931" t="s">
        <v>52199</v>
      </c>
      <c r="C35931">
        <v>1</v>
      </c>
      <c r="D35931">
        <v>0</v>
      </c>
    </row>
    <row r="35932" spans="1:4" x14ac:dyDescent="0.25">
      <c r="A35932" t="s">
        <v>52194</v>
      </c>
      <c r="B35932" t="s">
        <v>52200</v>
      </c>
      <c r="C35932">
        <v>2</v>
      </c>
      <c r="D35932">
        <v>0</v>
      </c>
    </row>
    <row r="35933" spans="1:4" x14ac:dyDescent="0.25">
      <c r="A35933" t="s">
        <v>52201</v>
      </c>
      <c r="B35933" t="s">
        <v>52202</v>
      </c>
      <c r="C35933">
        <v>1</v>
      </c>
      <c r="D35933">
        <v>0</v>
      </c>
    </row>
    <row r="35934" spans="1:4" x14ac:dyDescent="0.25">
      <c r="A35934" t="s">
        <v>52201</v>
      </c>
      <c r="B35934" t="s">
        <v>52203</v>
      </c>
      <c r="C35934">
        <v>1</v>
      </c>
      <c r="D35934">
        <v>0</v>
      </c>
    </row>
    <row r="35935" spans="1:4" x14ac:dyDescent="0.25">
      <c r="A35935" t="s">
        <v>52201</v>
      </c>
      <c r="B35935" t="s">
        <v>52204</v>
      </c>
      <c r="C35935">
        <v>1</v>
      </c>
      <c r="D35935">
        <v>0</v>
      </c>
    </row>
    <row r="35936" spans="1:4" x14ac:dyDescent="0.25">
      <c r="A35936" t="s">
        <v>52201</v>
      </c>
      <c r="B35936" t="s">
        <v>52205</v>
      </c>
      <c r="C35936">
        <v>1</v>
      </c>
      <c r="D35936">
        <v>0</v>
      </c>
    </row>
    <row r="35937" spans="1:4" x14ac:dyDescent="0.25">
      <c r="A35937" t="s">
        <v>52201</v>
      </c>
      <c r="B35937" t="s">
        <v>52206</v>
      </c>
      <c r="C35937">
        <v>2</v>
      </c>
      <c r="D35937">
        <v>0</v>
      </c>
    </row>
    <row r="35938" spans="1:4" x14ac:dyDescent="0.25">
      <c r="A35938" t="s">
        <v>52201</v>
      </c>
      <c r="B35938" t="s">
        <v>52207</v>
      </c>
      <c r="C35938">
        <v>2</v>
      </c>
      <c r="D35938">
        <v>0</v>
      </c>
    </row>
    <row r="35939" spans="1:4" x14ac:dyDescent="0.25">
      <c r="A35939" t="s">
        <v>52201</v>
      </c>
      <c r="B35939" t="s">
        <v>52208</v>
      </c>
      <c r="C35939">
        <v>1</v>
      </c>
      <c r="D35939">
        <v>0</v>
      </c>
    </row>
    <row r="35940" spans="1:4" x14ac:dyDescent="0.25">
      <c r="A35940" t="s">
        <v>52201</v>
      </c>
      <c r="B35940" t="s">
        <v>52209</v>
      </c>
      <c r="C35940">
        <v>1</v>
      </c>
      <c r="D35940">
        <v>0</v>
      </c>
    </row>
    <row r="35941" spans="1:4" x14ac:dyDescent="0.25">
      <c r="A35941" t="s">
        <v>52210</v>
      </c>
      <c r="B35941" t="s">
        <v>52211</v>
      </c>
      <c r="C35941">
        <v>2</v>
      </c>
      <c r="D35941">
        <v>0</v>
      </c>
    </row>
    <row r="35942" spans="1:4" x14ac:dyDescent="0.25">
      <c r="A35942" t="s">
        <v>52212</v>
      </c>
      <c r="B35942" t="s">
        <v>52213</v>
      </c>
      <c r="C35942">
        <v>1</v>
      </c>
      <c r="D35942">
        <v>0</v>
      </c>
    </row>
    <row r="35943" spans="1:4" x14ac:dyDescent="0.25">
      <c r="A35943" t="s">
        <v>52212</v>
      </c>
      <c r="B35943" t="s">
        <v>52214</v>
      </c>
      <c r="C35943">
        <v>0</v>
      </c>
      <c r="D35943">
        <v>0</v>
      </c>
    </row>
    <row r="35944" spans="1:4" x14ac:dyDescent="0.25">
      <c r="A35944" t="s">
        <v>52212</v>
      </c>
      <c r="B35944" t="s">
        <v>52215</v>
      </c>
      <c r="C35944">
        <v>2</v>
      </c>
      <c r="D35944">
        <v>0</v>
      </c>
    </row>
    <row r="35945" spans="1:4" x14ac:dyDescent="0.25">
      <c r="A35945" t="s">
        <v>52216</v>
      </c>
      <c r="B35945" t="s">
        <v>52217</v>
      </c>
      <c r="C35945">
        <v>0</v>
      </c>
      <c r="D35945">
        <v>0</v>
      </c>
    </row>
    <row r="35946" spans="1:4" x14ac:dyDescent="0.25">
      <c r="A35946" t="s">
        <v>52216</v>
      </c>
      <c r="B35946" t="s">
        <v>52218</v>
      </c>
      <c r="C35946">
        <v>1</v>
      </c>
      <c r="D35946">
        <v>0</v>
      </c>
    </row>
    <row r="35947" spans="1:4" x14ac:dyDescent="0.25">
      <c r="A35947" t="s">
        <v>52216</v>
      </c>
      <c r="B35947" t="s">
        <v>52219</v>
      </c>
      <c r="C35947">
        <v>2</v>
      </c>
      <c r="D35947">
        <v>0</v>
      </c>
    </row>
    <row r="35948" spans="1:4" x14ac:dyDescent="0.25">
      <c r="A35948" t="s">
        <v>52216</v>
      </c>
      <c r="B35948" t="s">
        <v>52220</v>
      </c>
      <c r="C35948">
        <v>1</v>
      </c>
      <c r="D35948">
        <v>0</v>
      </c>
    </row>
    <row r="35949" spans="1:4" x14ac:dyDescent="0.25">
      <c r="A35949" t="s">
        <v>52216</v>
      </c>
      <c r="B35949" t="s">
        <v>52221</v>
      </c>
      <c r="C35949">
        <v>1</v>
      </c>
      <c r="D35949">
        <v>0</v>
      </c>
    </row>
    <row r="35950" spans="1:4" x14ac:dyDescent="0.25">
      <c r="A35950" t="s">
        <v>52216</v>
      </c>
      <c r="B35950" t="s">
        <v>52222</v>
      </c>
      <c r="C35950">
        <v>1</v>
      </c>
      <c r="D35950">
        <v>0</v>
      </c>
    </row>
    <row r="35951" spans="1:4" x14ac:dyDescent="0.25">
      <c r="A35951" t="s">
        <v>52223</v>
      </c>
      <c r="B35951" t="s">
        <v>52224</v>
      </c>
      <c r="C35951">
        <v>1</v>
      </c>
      <c r="D35951">
        <v>0</v>
      </c>
    </row>
    <row r="35952" spans="1:4" x14ac:dyDescent="0.25">
      <c r="A35952" t="s">
        <v>52223</v>
      </c>
      <c r="B35952" t="s">
        <v>52225</v>
      </c>
      <c r="C35952">
        <v>0</v>
      </c>
      <c r="D35952">
        <v>0</v>
      </c>
    </row>
    <row r="35953" spans="1:4" x14ac:dyDescent="0.25">
      <c r="A35953" t="s">
        <v>52223</v>
      </c>
      <c r="B35953" t="s">
        <v>52226</v>
      </c>
      <c r="C35953">
        <v>1</v>
      </c>
      <c r="D35953">
        <v>0</v>
      </c>
    </row>
    <row r="35954" spans="1:4" x14ac:dyDescent="0.25">
      <c r="A35954" t="s">
        <v>52223</v>
      </c>
      <c r="B35954" t="s">
        <v>52227</v>
      </c>
      <c r="C35954">
        <v>2</v>
      </c>
      <c r="D35954">
        <v>0</v>
      </c>
    </row>
    <row r="35955" spans="1:4" x14ac:dyDescent="0.25">
      <c r="A35955" t="s">
        <v>52223</v>
      </c>
      <c r="B35955" t="s">
        <v>52228</v>
      </c>
      <c r="C35955">
        <v>1</v>
      </c>
      <c r="D35955">
        <v>0</v>
      </c>
    </row>
    <row r="35956" spans="1:4" x14ac:dyDescent="0.25">
      <c r="A35956" t="s">
        <v>52223</v>
      </c>
      <c r="B35956" t="s">
        <v>52229</v>
      </c>
      <c r="C35956">
        <v>0</v>
      </c>
      <c r="D35956">
        <v>0</v>
      </c>
    </row>
    <row r="35957" spans="1:4" x14ac:dyDescent="0.25">
      <c r="A35957" t="s">
        <v>52223</v>
      </c>
      <c r="B35957" t="s">
        <v>52230</v>
      </c>
      <c r="C35957">
        <v>1</v>
      </c>
      <c r="D35957">
        <v>0</v>
      </c>
    </row>
    <row r="35958" spans="1:4" x14ac:dyDescent="0.25">
      <c r="A35958" t="s">
        <v>52223</v>
      </c>
      <c r="B35958" t="s">
        <v>52231</v>
      </c>
      <c r="C35958">
        <v>1</v>
      </c>
      <c r="D35958">
        <v>0</v>
      </c>
    </row>
    <row r="35959" spans="1:4" x14ac:dyDescent="0.25">
      <c r="A35959" t="s">
        <v>52232</v>
      </c>
      <c r="B35959" t="s">
        <v>52233</v>
      </c>
      <c r="C35959">
        <v>1</v>
      </c>
      <c r="D35959">
        <v>0</v>
      </c>
    </row>
    <row r="35960" spans="1:4" x14ac:dyDescent="0.25">
      <c r="A35960" t="s">
        <v>52232</v>
      </c>
      <c r="B35960" t="s">
        <v>52234</v>
      </c>
      <c r="C35960">
        <v>0</v>
      </c>
      <c r="D35960">
        <v>0</v>
      </c>
    </row>
    <row r="35961" spans="1:4" x14ac:dyDescent="0.25">
      <c r="A35961" t="s">
        <v>52232</v>
      </c>
      <c r="B35961" t="s">
        <v>52235</v>
      </c>
      <c r="C35961">
        <v>1</v>
      </c>
      <c r="D35961">
        <v>0</v>
      </c>
    </row>
    <row r="35962" spans="1:4" x14ac:dyDescent="0.25">
      <c r="A35962" t="s">
        <v>52232</v>
      </c>
      <c r="B35962" t="s">
        <v>52236</v>
      </c>
      <c r="C35962">
        <v>1</v>
      </c>
      <c r="D35962">
        <v>0</v>
      </c>
    </row>
    <row r="35963" spans="1:4" x14ac:dyDescent="0.25">
      <c r="A35963" t="s">
        <v>52232</v>
      </c>
      <c r="B35963" t="s">
        <v>52237</v>
      </c>
      <c r="C35963">
        <v>1</v>
      </c>
      <c r="D35963">
        <v>0</v>
      </c>
    </row>
    <row r="35964" spans="1:4" x14ac:dyDescent="0.25">
      <c r="A35964" t="s">
        <v>52232</v>
      </c>
      <c r="B35964" t="s">
        <v>52238</v>
      </c>
      <c r="C35964">
        <v>1</v>
      </c>
      <c r="D35964">
        <v>0</v>
      </c>
    </row>
    <row r="35965" spans="1:4" x14ac:dyDescent="0.25">
      <c r="A35965" t="s">
        <v>52239</v>
      </c>
      <c r="B35965" t="s">
        <v>52240</v>
      </c>
      <c r="C35965">
        <v>1</v>
      </c>
      <c r="D35965">
        <v>0</v>
      </c>
    </row>
    <row r="35966" spans="1:4" x14ac:dyDescent="0.25">
      <c r="A35966" t="s">
        <v>52239</v>
      </c>
      <c r="B35966" t="s">
        <v>52241</v>
      </c>
      <c r="C35966">
        <v>1</v>
      </c>
      <c r="D35966">
        <v>0</v>
      </c>
    </row>
    <row r="35967" spans="1:4" x14ac:dyDescent="0.25">
      <c r="A35967" t="s">
        <v>52239</v>
      </c>
      <c r="B35967" t="s">
        <v>52242</v>
      </c>
      <c r="C35967">
        <v>1</v>
      </c>
      <c r="D35967">
        <v>0</v>
      </c>
    </row>
    <row r="35968" spans="1:4" x14ac:dyDescent="0.25">
      <c r="A35968" t="s">
        <v>52239</v>
      </c>
      <c r="B35968" t="s">
        <v>17257</v>
      </c>
      <c r="C35968">
        <v>0</v>
      </c>
      <c r="D35968">
        <v>0</v>
      </c>
    </row>
    <row r="35969" spans="1:4" x14ac:dyDescent="0.25">
      <c r="A35969" t="s">
        <v>52239</v>
      </c>
      <c r="B35969" t="s">
        <v>17257</v>
      </c>
      <c r="C35969">
        <v>2</v>
      </c>
      <c r="D35969">
        <v>0</v>
      </c>
    </row>
    <row r="35970" spans="1:4" x14ac:dyDescent="0.25">
      <c r="A35970" t="s">
        <v>52239</v>
      </c>
      <c r="B35970" t="s">
        <v>52243</v>
      </c>
      <c r="C35970">
        <v>1</v>
      </c>
      <c r="D35970">
        <v>0</v>
      </c>
    </row>
    <row r="35971" spans="1:4" x14ac:dyDescent="0.25">
      <c r="A35971" t="s">
        <v>52244</v>
      </c>
      <c r="B35971" t="s">
        <v>52245</v>
      </c>
      <c r="C35971">
        <v>1</v>
      </c>
      <c r="D35971">
        <v>0</v>
      </c>
    </row>
    <row r="35972" spans="1:4" x14ac:dyDescent="0.25">
      <c r="A35972" t="s">
        <v>52244</v>
      </c>
      <c r="B35972" t="s">
        <v>5864</v>
      </c>
      <c r="C35972">
        <v>1</v>
      </c>
      <c r="D35972">
        <v>0</v>
      </c>
    </row>
    <row r="35973" spans="1:4" x14ac:dyDescent="0.25">
      <c r="A35973" t="s">
        <v>52244</v>
      </c>
      <c r="B35973" t="s">
        <v>52246</v>
      </c>
      <c r="C35973">
        <v>0</v>
      </c>
      <c r="D35973">
        <v>0</v>
      </c>
    </row>
    <row r="35974" spans="1:4" x14ac:dyDescent="0.25">
      <c r="A35974" t="s">
        <v>52244</v>
      </c>
      <c r="B35974" t="s">
        <v>52245</v>
      </c>
      <c r="C35974">
        <v>1</v>
      </c>
      <c r="D35974">
        <v>0</v>
      </c>
    </row>
    <row r="35975" spans="1:4" x14ac:dyDescent="0.25">
      <c r="A35975" t="s">
        <v>52244</v>
      </c>
      <c r="B35975" t="s">
        <v>52247</v>
      </c>
      <c r="C35975">
        <v>1</v>
      </c>
      <c r="D35975">
        <v>0</v>
      </c>
    </row>
    <row r="35976" spans="1:4" x14ac:dyDescent="0.25">
      <c r="A35976" t="s">
        <v>52244</v>
      </c>
      <c r="B35976" t="s">
        <v>52248</v>
      </c>
      <c r="C35976">
        <v>1</v>
      </c>
      <c r="D35976">
        <v>0</v>
      </c>
    </row>
    <row r="35977" spans="1:4" x14ac:dyDescent="0.25">
      <c r="A35977" t="s">
        <v>52249</v>
      </c>
      <c r="B35977" t="s">
        <v>52250</v>
      </c>
      <c r="C35977">
        <v>1</v>
      </c>
      <c r="D35977">
        <v>0</v>
      </c>
    </row>
    <row r="35978" spans="1:4" x14ac:dyDescent="0.25">
      <c r="A35978" t="s">
        <v>52249</v>
      </c>
      <c r="B35978" t="s">
        <v>52251</v>
      </c>
      <c r="C35978">
        <v>0</v>
      </c>
      <c r="D35978">
        <v>0</v>
      </c>
    </row>
    <row r="35979" spans="1:4" x14ac:dyDescent="0.25">
      <c r="A35979" t="s">
        <v>52249</v>
      </c>
      <c r="B35979" t="s">
        <v>52252</v>
      </c>
      <c r="C35979">
        <v>2</v>
      </c>
      <c r="D35979">
        <v>0</v>
      </c>
    </row>
    <row r="35980" spans="1:4" x14ac:dyDescent="0.25">
      <c r="A35980" t="s">
        <v>52249</v>
      </c>
      <c r="B35980" t="s">
        <v>52253</v>
      </c>
      <c r="C35980">
        <v>1</v>
      </c>
      <c r="D35980">
        <v>0</v>
      </c>
    </row>
    <row r="35981" spans="1:4" x14ac:dyDescent="0.25">
      <c r="A35981" t="s">
        <v>52249</v>
      </c>
      <c r="B35981" t="s">
        <v>52254</v>
      </c>
      <c r="C35981">
        <v>1</v>
      </c>
      <c r="D35981">
        <v>0</v>
      </c>
    </row>
    <row r="35982" spans="1:4" x14ac:dyDescent="0.25">
      <c r="A35982" t="s">
        <v>52249</v>
      </c>
      <c r="B35982" t="s">
        <v>52255</v>
      </c>
      <c r="C35982">
        <v>0</v>
      </c>
      <c r="D35982">
        <v>0</v>
      </c>
    </row>
    <row r="35983" spans="1:4" x14ac:dyDescent="0.25">
      <c r="A35983" t="s">
        <v>52256</v>
      </c>
      <c r="B35983" t="s">
        <v>52257</v>
      </c>
      <c r="C35983">
        <v>1</v>
      </c>
      <c r="D35983">
        <v>0</v>
      </c>
    </row>
    <row r="35984" spans="1:4" x14ac:dyDescent="0.25">
      <c r="A35984" t="s">
        <v>52258</v>
      </c>
      <c r="B35984" t="s">
        <v>52259</v>
      </c>
      <c r="C35984">
        <v>2</v>
      </c>
      <c r="D35984">
        <v>0</v>
      </c>
    </row>
    <row r="35985" spans="1:4" x14ac:dyDescent="0.25">
      <c r="A35985" t="s">
        <v>52258</v>
      </c>
      <c r="B35985" t="s">
        <v>52260</v>
      </c>
      <c r="C35985">
        <v>1</v>
      </c>
      <c r="D35985">
        <v>0</v>
      </c>
    </row>
    <row r="35986" spans="1:4" x14ac:dyDescent="0.25">
      <c r="A35986" t="s">
        <v>52258</v>
      </c>
      <c r="B35986" t="s">
        <v>52261</v>
      </c>
      <c r="C35986">
        <v>0</v>
      </c>
      <c r="D35986">
        <v>0</v>
      </c>
    </row>
    <row r="35987" spans="1:4" x14ac:dyDescent="0.25">
      <c r="A35987" t="s">
        <v>52258</v>
      </c>
      <c r="B35987" t="s">
        <v>52262</v>
      </c>
      <c r="C35987">
        <v>2</v>
      </c>
      <c r="D35987">
        <v>0</v>
      </c>
    </row>
    <row r="35988" spans="1:4" x14ac:dyDescent="0.25">
      <c r="A35988" t="s">
        <v>52263</v>
      </c>
      <c r="B35988" t="s">
        <v>52264</v>
      </c>
      <c r="C35988">
        <v>2</v>
      </c>
      <c r="D35988">
        <v>0</v>
      </c>
    </row>
    <row r="35989" spans="1:4" x14ac:dyDescent="0.25">
      <c r="A35989" t="s">
        <v>52265</v>
      </c>
      <c r="B35989" t="s">
        <v>52266</v>
      </c>
      <c r="C35989">
        <v>2</v>
      </c>
      <c r="D35989">
        <v>0</v>
      </c>
    </row>
    <row r="35990" spans="1:4" x14ac:dyDescent="0.25">
      <c r="A35990" t="s">
        <v>52265</v>
      </c>
      <c r="B35990" t="s">
        <v>17479</v>
      </c>
      <c r="C35990">
        <v>1</v>
      </c>
      <c r="D35990">
        <v>0</v>
      </c>
    </row>
    <row r="35991" spans="1:4" x14ac:dyDescent="0.25">
      <c r="A35991" t="s">
        <v>52267</v>
      </c>
      <c r="B35991" t="s">
        <v>52268</v>
      </c>
      <c r="C35991">
        <v>0</v>
      </c>
      <c r="D35991">
        <v>0</v>
      </c>
    </row>
    <row r="35992" spans="1:4" x14ac:dyDescent="0.25">
      <c r="A35992" t="s">
        <v>52269</v>
      </c>
      <c r="B35992" t="s">
        <v>52270</v>
      </c>
      <c r="C35992">
        <v>1</v>
      </c>
      <c r="D35992">
        <v>0</v>
      </c>
    </row>
    <row r="35993" spans="1:4" x14ac:dyDescent="0.25">
      <c r="A35993" t="s">
        <v>52269</v>
      </c>
      <c r="B35993" t="s">
        <v>52271</v>
      </c>
      <c r="C35993">
        <v>1</v>
      </c>
      <c r="D35993">
        <v>0</v>
      </c>
    </row>
    <row r="35994" spans="1:4" x14ac:dyDescent="0.25">
      <c r="A35994" t="s">
        <v>52269</v>
      </c>
      <c r="B35994" t="s">
        <v>52272</v>
      </c>
      <c r="C35994">
        <v>2</v>
      </c>
      <c r="D35994">
        <v>0</v>
      </c>
    </row>
    <row r="35995" spans="1:4" x14ac:dyDescent="0.25">
      <c r="A35995" t="s">
        <v>52269</v>
      </c>
      <c r="B35995" t="s">
        <v>52273</v>
      </c>
      <c r="C35995">
        <v>2</v>
      </c>
      <c r="D35995">
        <v>0</v>
      </c>
    </row>
    <row r="35996" spans="1:4" x14ac:dyDescent="0.25">
      <c r="A35996" t="s">
        <v>52274</v>
      </c>
      <c r="B35996" t="s">
        <v>52275</v>
      </c>
      <c r="C35996">
        <v>1</v>
      </c>
      <c r="D35996">
        <v>0</v>
      </c>
    </row>
    <row r="35997" spans="1:4" x14ac:dyDescent="0.25">
      <c r="A35997" t="s">
        <v>52274</v>
      </c>
      <c r="B35997" t="s">
        <v>5809</v>
      </c>
      <c r="C35997">
        <v>2</v>
      </c>
      <c r="D35997">
        <v>0</v>
      </c>
    </row>
    <row r="35998" spans="1:4" x14ac:dyDescent="0.25">
      <c r="A35998" t="s">
        <v>52274</v>
      </c>
      <c r="B35998" t="s">
        <v>52276</v>
      </c>
      <c r="C35998">
        <v>1</v>
      </c>
      <c r="D35998">
        <v>0</v>
      </c>
    </row>
    <row r="35999" spans="1:4" x14ac:dyDescent="0.25">
      <c r="A35999" t="s">
        <v>52274</v>
      </c>
      <c r="B35999" t="s">
        <v>52277</v>
      </c>
      <c r="C35999">
        <v>1</v>
      </c>
      <c r="D35999">
        <v>0</v>
      </c>
    </row>
    <row r="36000" spans="1:4" x14ac:dyDescent="0.25">
      <c r="A36000" t="s">
        <v>52274</v>
      </c>
      <c r="B36000" t="s">
        <v>5713</v>
      </c>
      <c r="C36000">
        <v>1</v>
      </c>
      <c r="D36000">
        <v>0</v>
      </c>
    </row>
    <row r="36001" spans="1:4" x14ac:dyDescent="0.25">
      <c r="A36001" t="s">
        <v>52274</v>
      </c>
      <c r="B36001" t="s">
        <v>52278</v>
      </c>
      <c r="C36001">
        <v>1</v>
      </c>
      <c r="D36001">
        <v>0</v>
      </c>
    </row>
    <row r="36002" spans="1:4" x14ac:dyDescent="0.25">
      <c r="A36002" t="s">
        <v>52274</v>
      </c>
      <c r="B36002" t="s">
        <v>52279</v>
      </c>
      <c r="C36002">
        <v>1</v>
      </c>
      <c r="D36002">
        <v>0</v>
      </c>
    </row>
    <row r="36003" spans="1:4" x14ac:dyDescent="0.25">
      <c r="A36003" t="s">
        <v>52274</v>
      </c>
      <c r="B36003" t="s">
        <v>52280</v>
      </c>
      <c r="C36003">
        <v>1</v>
      </c>
      <c r="D36003">
        <v>0</v>
      </c>
    </row>
    <row r="36004" spans="1:4" x14ac:dyDescent="0.25">
      <c r="A36004" t="s">
        <v>52281</v>
      </c>
      <c r="B36004" t="s">
        <v>52282</v>
      </c>
      <c r="C36004">
        <v>1</v>
      </c>
      <c r="D36004">
        <v>0</v>
      </c>
    </row>
    <row r="36005" spans="1:4" x14ac:dyDescent="0.25">
      <c r="A36005" t="s">
        <v>52281</v>
      </c>
      <c r="B36005" t="s">
        <v>52283</v>
      </c>
      <c r="C36005">
        <v>0</v>
      </c>
      <c r="D36005">
        <v>0</v>
      </c>
    </row>
    <row r="36006" spans="1:4" x14ac:dyDescent="0.25">
      <c r="A36006" t="s">
        <v>52281</v>
      </c>
      <c r="B36006" t="s">
        <v>52284</v>
      </c>
      <c r="C36006">
        <v>0</v>
      </c>
      <c r="D36006">
        <v>0</v>
      </c>
    </row>
    <row r="36007" spans="1:4" x14ac:dyDescent="0.25">
      <c r="A36007" t="s">
        <v>52281</v>
      </c>
      <c r="B36007" t="s">
        <v>52285</v>
      </c>
      <c r="C36007">
        <v>0</v>
      </c>
      <c r="D36007">
        <v>0</v>
      </c>
    </row>
    <row r="36008" spans="1:4" x14ac:dyDescent="0.25">
      <c r="A36008" t="s">
        <v>52286</v>
      </c>
      <c r="B36008" t="s">
        <v>52287</v>
      </c>
      <c r="C36008">
        <v>2</v>
      </c>
      <c r="D36008">
        <v>0</v>
      </c>
    </row>
    <row r="36009" spans="1:4" x14ac:dyDescent="0.25">
      <c r="A36009" t="s">
        <v>52286</v>
      </c>
      <c r="B36009" t="s">
        <v>52288</v>
      </c>
      <c r="C36009">
        <v>2</v>
      </c>
      <c r="D36009">
        <v>0</v>
      </c>
    </row>
    <row r="36010" spans="1:4" x14ac:dyDescent="0.25">
      <c r="A36010" t="s">
        <v>52286</v>
      </c>
      <c r="B36010" t="s">
        <v>52289</v>
      </c>
      <c r="C36010">
        <v>0</v>
      </c>
      <c r="D36010">
        <v>0</v>
      </c>
    </row>
    <row r="36011" spans="1:4" x14ac:dyDescent="0.25">
      <c r="A36011" t="s">
        <v>52286</v>
      </c>
      <c r="B36011" t="s">
        <v>52290</v>
      </c>
      <c r="C36011">
        <v>1</v>
      </c>
      <c r="D36011">
        <v>0</v>
      </c>
    </row>
    <row r="36012" spans="1:4" x14ac:dyDescent="0.25">
      <c r="A36012" t="s">
        <v>52286</v>
      </c>
      <c r="B36012" t="s">
        <v>52291</v>
      </c>
      <c r="C36012">
        <v>0</v>
      </c>
      <c r="D36012">
        <v>0</v>
      </c>
    </row>
    <row r="36013" spans="1:4" x14ac:dyDescent="0.25">
      <c r="A36013" t="s">
        <v>52292</v>
      </c>
      <c r="B36013" t="s">
        <v>52293</v>
      </c>
      <c r="C36013">
        <v>1</v>
      </c>
      <c r="D36013">
        <v>0</v>
      </c>
    </row>
    <row r="36014" spans="1:4" x14ac:dyDescent="0.25">
      <c r="A36014" t="s">
        <v>52292</v>
      </c>
      <c r="B36014" t="s">
        <v>52294</v>
      </c>
      <c r="C36014">
        <v>1</v>
      </c>
      <c r="D36014">
        <v>0</v>
      </c>
    </row>
    <row r="36015" spans="1:4" x14ac:dyDescent="0.25">
      <c r="A36015" t="s">
        <v>52292</v>
      </c>
      <c r="B36015" t="s">
        <v>52295</v>
      </c>
      <c r="C36015">
        <v>2</v>
      </c>
      <c r="D36015">
        <v>0</v>
      </c>
    </row>
    <row r="36016" spans="1:4" x14ac:dyDescent="0.25">
      <c r="A36016" t="s">
        <v>52292</v>
      </c>
      <c r="B36016" t="s">
        <v>52296</v>
      </c>
      <c r="C36016">
        <v>1</v>
      </c>
      <c r="D36016">
        <v>0</v>
      </c>
    </row>
    <row r="36017" spans="1:4" x14ac:dyDescent="0.25">
      <c r="A36017" t="s">
        <v>52292</v>
      </c>
      <c r="B36017" t="s">
        <v>52297</v>
      </c>
      <c r="C36017">
        <v>1</v>
      </c>
      <c r="D36017">
        <v>0</v>
      </c>
    </row>
    <row r="36018" spans="1:4" x14ac:dyDescent="0.25">
      <c r="A36018" t="s">
        <v>52298</v>
      </c>
      <c r="B36018" t="s">
        <v>52299</v>
      </c>
      <c r="C36018">
        <v>1</v>
      </c>
      <c r="D36018">
        <v>0</v>
      </c>
    </row>
    <row r="36019" spans="1:4" x14ac:dyDescent="0.25">
      <c r="A36019" t="s">
        <v>52298</v>
      </c>
      <c r="B36019" t="s">
        <v>52300</v>
      </c>
      <c r="C36019">
        <v>1</v>
      </c>
      <c r="D36019">
        <v>0</v>
      </c>
    </row>
    <row r="36020" spans="1:4" x14ac:dyDescent="0.25">
      <c r="A36020" t="s">
        <v>52298</v>
      </c>
      <c r="B36020" t="s">
        <v>52301</v>
      </c>
      <c r="C36020">
        <v>1</v>
      </c>
      <c r="D36020">
        <v>0</v>
      </c>
    </row>
    <row r="36021" spans="1:4" x14ac:dyDescent="0.25">
      <c r="A36021" t="s">
        <v>52298</v>
      </c>
      <c r="B36021" t="s">
        <v>52302</v>
      </c>
      <c r="C36021">
        <v>1</v>
      </c>
      <c r="D36021">
        <v>0</v>
      </c>
    </row>
    <row r="36022" spans="1:4" x14ac:dyDescent="0.25">
      <c r="A36022" t="s">
        <v>52303</v>
      </c>
      <c r="B36022" t="s">
        <v>52304</v>
      </c>
      <c r="C36022">
        <v>2</v>
      </c>
      <c r="D36022">
        <v>0</v>
      </c>
    </row>
    <row r="36023" spans="1:4" x14ac:dyDescent="0.25">
      <c r="A36023" t="s">
        <v>52303</v>
      </c>
      <c r="B36023" t="s">
        <v>52305</v>
      </c>
      <c r="C36023">
        <v>1</v>
      </c>
      <c r="D36023">
        <v>0</v>
      </c>
    </row>
    <row r="36024" spans="1:4" x14ac:dyDescent="0.25">
      <c r="A36024" t="s">
        <v>52306</v>
      </c>
      <c r="B36024" t="s">
        <v>52307</v>
      </c>
      <c r="C36024">
        <v>0</v>
      </c>
      <c r="D36024">
        <v>0</v>
      </c>
    </row>
    <row r="36025" spans="1:4" x14ac:dyDescent="0.25">
      <c r="A36025" t="s">
        <v>52306</v>
      </c>
      <c r="B36025" t="s">
        <v>52308</v>
      </c>
      <c r="C36025">
        <v>2</v>
      </c>
      <c r="D36025">
        <v>0</v>
      </c>
    </row>
    <row r="36026" spans="1:4" x14ac:dyDescent="0.25">
      <c r="A36026" t="s">
        <v>52306</v>
      </c>
      <c r="B36026" t="s">
        <v>52309</v>
      </c>
      <c r="C36026">
        <v>0</v>
      </c>
      <c r="D36026">
        <v>0</v>
      </c>
    </row>
    <row r="36027" spans="1:4" x14ac:dyDescent="0.25">
      <c r="A36027" t="s">
        <v>52306</v>
      </c>
      <c r="B36027" t="s">
        <v>52310</v>
      </c>
      <c r="C36027">
        <v>2</v>
      </c>
      <c r="D36027">
        <v>0</v>
      </c>
    </row>
    <row r="36028" spans="1:4" x14ac:dyDescent="0.25">
      <c r="A36028" t="s">
        <v>52306</v>
      </c>
      <c r="B36028" t="s">
        <v>52311</v>
      </c>
      <c r="C36028">
        <v>0</v>
      </c>
      <c r="D36028">
        <v>0</v>
      </c>
    </row>
    <row r="36029" spans="1:4" x14ac:dyDescent="0.25">
      <c r="A36029" t="s">
        <v>52312</v>
      </c>
      <c r="B36029" t="s">
        <v>52313</v>
      </c>
      <c r="C36029">
        <v>1</v>
      </c>
      <c r="D36029">
        <v>0</v>
      </c>
    </row>
    <row r="36030" spans="1:4" x14ac:dyDescent="0.25">
      <c r="A36030" t="s">
        <v>52312</v>
      </c>
      <c r="B36030" t="s">
        <v>5713</v>
      </c>
      <c r="C36030">
        <v>1</v>
      </c>
      <c r="D36030">
        <v>0</v>
      </c>
    </row>
    <row r="36031" spans="1:4" x14ac:dyDescent="0.25">
      <c r="A36031" t="s">
        <v>52314</v>
      </c>
      <c r="B36031" t="s">
        <v>52315</v>
      </c>
      <c r="C36031">
        <v>1</v>
      </c>
      <c r="D36031">
        <v>0</v>
      </c>
    </row>
    <row r="36032" spans="1:4" x14ac:dyDescent="0.25">
      <c r="A36032" t="s">
        <v>52314</v>
      </c>
      <c r="B36032" t="s">
        <v>52316</v>
      </c>
      <c r="C36032">
        <v>1</v>
      </c>
      <c r="D36032">
        <v>0</v>
      </c>
    </row>
    <row r="36033" spans="1:4" x14ac:dyDescent="0.25">
      <c r="A36033" t="s">
        <v>52314</v>
      </c>
      <c r="B36033" t="s">
        <v>52317</v>
      </c>
      <c r="C36033">
        <v>0</v>
      </c>
      <c r="D36033">
        <v>0</v>
      </c>
    </row>
    <row r="36034" spans="1:4" x14ac:dyDescent="0.25">
      <c r="A36034" t="s">
        <v>52314</v>
      </c>
      <c r="B36034" t="s">
        <v>52318</v>
      </c>
      <c r="C36034">
        <v>1</v>
      </c>
      <c r="D36034">
        <v>0</v>
      </c>
    </row>
    <row r="36035" spans="1:4" x14ac:dyDescent="0.25">
      <c r="A36035" t="s">
        <v>52314</v>
      </c>
      <c r="B36035" t="s">
        <v>52319</v>
      </c>
      <c r="C36035">
        <v>1</v>
      </c>
      <c r="D36035">
        <v>0</v>
      </c>
    </row>
    <row r="36036" spans="1:4" x14ac:dyDescent="0.25">
      <c r="A36036" t="s">
        <v>52314</v>
      </c>
      <c r="B36036" t="s">
        <v>52320</v>
      </c>
      <c r="C36036">
        <v>2</v>
      </c>
      <c r="D36036">
        <v>0</v>
      </c>
    </row>
    <row r="36037" spans="1:4" x14ac:dyDescent="0.25">
      <c r="A36037" t="s">
        <v>52321</v>
      </c>
      <c r="B36037" t="s">
        <v>14059</v>
      </c>
      <c r="C36037">
        <v>1</v>
      </c>
      <c r="D36037">
        <v>0</v>
      </c>
    </row>
    <row r="36038" spans="1:4" x14ac:dyDescent="0.25">
      <c r="A36038" t="s">
        <v>52321</v>
      </c>
      <c r="B36038" t="s">
        <v>52322</v>
      </c>
      <c r="C36038">
        <v>1</v>
      </c>
      <c r="D36038">
        <v>0</v>
      </c>
    </row>
    <row r="36039" spans="1:4" x14ac:dyDescent="0.25">
      <c r="A36039" t="s">
        <v>52321</v>
      </c>
      <c r="B36039" t="s">
        <v>52323</v>
      </c>
      <c r="C36039">
        <v>1</v>
      </c>
      <c r="D36039">
        <v>0</v>
      </c>
    </row>
    <row r="36040" spans="1:4" x14ac:dyDescent="0.25">
      <c r="A36040" t="s">
        <v>52321</v>
      </c>
      <c r="B36040" t="s">
        <v>52324</v>
      </c>
      <c r="C36040">
        <v>1</v>
      </c>
      <c r="D36040">
        <v>0</v>
      </c>
    </row>
    <row r="36041" spans="1:4" x14ac:dyDescent="0.25">
      <c r="A36041" t="s">
        <v>52321</v>
      </c>
      <c r="B36041" t="s">
        <v>52325</v>
      </c>
      <c r="C36041">
        <v>1</v>
      </c>
      <c r="D36041">
        <v>0</v>
      </c>
    </row>
    <row r="36042" spans="1:4" x14ac:dyDescent="0.25">
      <c r="A36042" t="s">
        <v>52326</v>
      </c>
      <c r="B36042" t="s">
        <v>52327</v>
      </c>
      <c r="C36042">
        <v>2</v>
      </c>
      <c r="D36042">
        <v>0</v>
      </c>
    </row>
    <row r="36043" spans="1:4" x14ac:dyDescent="0.25">
      <c r="A36043" t="s">
        <v>52326</v>
      </c>
      <c r="B36043" t="s">
        <v>52328</v>
      </c>
      <c r="C36043">
        <v>2</v>
      </c>
      <c r="D36043">
        <v>0</v>
      </c>
    </row>
    <row r="36044" spans="1:4" x14ac:dyDescent="0.25">
      <c r="A36044" t="s">
        <v>52326</v>
      </c>
      <c r="B36044" t="s">
        <v>52329</v>
      </c>
      <c r="C36044">
        <v>1</v>
      </c>
      <c r="D36044">
        <v>0</v>
      </c>
    </row>
    <row r="36045" spans="1:4" x14ac:dyDescent="0.25">
      <c r="A36045" t="s">
        <v>52326</v>
      </c>
      <c r="B36045" t="s">
        <v>52330</v>
      </c>
      <c r="C36045">
        <v>1</v>
      </c>
      <c r="D36045">
        <v>0</v>
      </c>
    </row>
    <row r="36046" spans="1:4" x14ac:dyDescent="0.25">
      <c r="A36046" t="s">
        <v>52331</v>
      </c>
      <c r="B36046" t="s">
        <v>398</v>
      </c>
      <c r="C36046">
        <v>1</v>
      </c>
      <c r="D36046">
        <v>0</v>
      </c>
    </row>
    <row r="36047" spans="1:4" x14ac:dyDescent="0.25">
      <c r="A36047" t="s">
        <v>52332</v>
      </c>
      <c r="B36047" t="s">
        <v>6262</v>
      </c>
      <c r="C36047">
        <v>0</v>
      </c>
      <c r="D36047">
        <v>0</v>
      </c>
    </row>
    <row r="36048" spans="1:4" x14ac:dyDescent="0.25">
      <c r="A36048" t="s">
        <v>52332</v>
      </c>
      <c r="B36048" t="s">
        <v>52333</v>
      </c>
      <c r="C36048">
        <v>1</v>
      </c>
      <c r="D36048">
        <v>0</v>
      </c>
    </row>
    <row r="36049" spans="1:4" x14ac:dyDescent="0.25">
      <c r="A36049" t="s">
        <v>52332</v>
      </c>
      <c r="B36049" t="s">
        <v>52334</v>
      </c>
      <c r="C36049">
        <v>2</v>
      </c>
      <c r="D36049">
        <v>0</v>
      </c>
    </row>
    <row r="36050" spans="1:4" x14ac:dyDescent="0.25">
      <c r="A36050" t="s">
        <v>52332</v>
      </c>
      <c r="B36050" t="s">
        <v>52335</v>
      </c>
      <c r="C36050">
        <v>0</v>
      </c>
      <c r="D36050">
        <v>0</v>
      </c>
    </row>
    <row r="36051" spans="1:4" x14ac:dyDescent="0.25">
      <c r="A36051" t="s">
        <v>52336</v>
      </c>
      <c r="B36051" t="s">
        <v>52337</v>
      </c>
      <c r="C36051">
        <v>2</v>
      </c>
      <c r="D36051">
        <v>0</v>
      </c>
    </row>
    <row r="36052" spans="1:4" x14ac:dyDescent="0.25">
      <c r="A36052" t="s">
        <v>52336</v>
      </c>
      <c r="B36052" t="s">
        <v>52338</v>
      </c>
      <c r="C36052">
        <v>0</v>
      </c>
      <c r="D36052">
        <v>0</v>
      </c>
    </row>
    <row r="36053" spans="1:4" x14ac:dyDescent="0.25">
      <c r="A36053" t="s">
        <v>52336</v>
      </c>
      <c r="B36053" t="s">
        <v>52339</v>
      </c>
      <c r="C36053">
        <v>1</v>
      </c>
      <c r="D36053">
        <v>0</v>
      </c>
    </row>
    <row r="36054" spans="1:4" x14ac:dyDescent="0.25">
      <c r="A36054" t="s">
        <v>52336</v>
      </c>
      <c r="B36054" t="s">
        <v>52340</v>
      </c>
      <c r="C36054">
        <v>2</v>
      </c>
      <c r="D36054">
        <v>0</v>
      </c>
    </row>
    <row r="36055" spans="1:4" x14ac:dyDescent="0.25">
      <c r="A36055" t="s">
        <v>52336</v>
      </c>
      <c r="B36055" t="s">
        <v>52341</v>
      </c>
      <c r="C36055">
        <v>1</v>
      </c>
      <c r="D36055">
        <v>0</v>
      </c>
    </row>
    <row r="36056" spans="1:4" x14ac:dyDescent="0.25">
      <c r="A36056" t="s">
        <v>52342</v>
      </c>
      <c r="B36056" t="s">
        <v>52343</v>
      </c>
      <c r="C36056">
        <v>1</v>
      </c>
      <c r="D36056">
        <v>0</v>
      </c>
    </row>
    <row r="36057" spans="1:4" x14ac:dyDescent="0.25">
      <c r="A36057" t="s">
        <v>52342</v>
      </c>
      <c r="B36057" t="s">
        <v>2651</v>
      </c>
      <c r="C36057">
        <v>0</v>
      </c>
      <c r="D36057">
        <v>0</v>
      </c>
    </row>
    <row r="36058" spans="1:4" x14ac:dyDescent="0.25">
      <c r="A36058" t="s">
        <v>52342</v>
      </c>
      <c r="B36058" t="s">
        <v>22416</v>
      </c>
      <c r="C36058">
        <v>1</v>
      </c>
      <c r="D36058">
        <v>0</v>
      </c>
    </row>
    <row r="36059" spans="1:4" x14ac:dyDescent="0.25">
      <c r="A36059" t="s">
        <v>52342</v>
      </c>
      <c r="B36059" t="s">
        <v>52344</v>
      </c>
      <c r="C36059">
        <v>1</v>
      </c>
      <c r="D36059">
        <v>0</v>
      </c>
    </row>
    <row r="36060" spans="1:4" x14ac:dyDescent="0.25">
      <c r="A36060" t="s">
        <v>52342</v>
      </c>
      <c r="B36060" t="s">
        <v>52345</v>
      </c>
      <c r="C36060">
        <v>1</v>
      </c>
      <c r="D36060">
        <v>0</v>
      </c>
    </row>
    <row r="36061" spans="1:4" x14ac:dyDescent="0.25">
      <c r="A36061" t="s">
        <v>52342</v>
      </c>
      <c r="B36061" t="s">
        <v>52346</v>
      </c>
      <c r="C36061">
        <v>1</v>
      </c>
      <c r="D36061">
        <v>0</v>
      </c>
    </row>
    <row r="36062" spans="1:4" x14ac:dyDescent="0.25">
      <c r="A36062" t="s">
        <v>52342</v>
      </c>
      <c r="B36062" t="s">
        <v>52347</v>
      </c>
      <c r="C36062">
        <v>0</v>
      </c>
      <c r="D36062">
        <v>0</v>
      </c>
    </row>
    <row r="36063" spans="1:4" x14ac:dyDescent="0.25">
      <c r="A36063" t="s">
        <v>52342</v>
      </c>
      <c r="B36063" t="s">
        <v>52348</v>
      </c>
      <c r="C36063">
        <v>1</v>
      </c>
      <c r="D36063">
        <v>0</v>
      </c>
    </row>
    <row r="36064" spans="1:4" x14ac:dyDescent="0.25">
      <c r="A36064" t="s">
        <v>52342</v>
      </c>
      <c r="B36064" t="s">
        <v>11075</v>
      </c>
      <c r="C36064">
        <v>1</v>
      </c>
      <c r="D36064">
        <v>0</v>
      </c>
    </row>
    <row r="36065" spans="1:4" x14ac:dyDescent="0.25">
      <c r="A36065" t="s">
        <v>52342</v>
      </c>
      <c r="B36065" t="s">
        <v>52349</v>
      </c>
      <c r="C36065">
        <v>1</v>
      </c>
      <c r="D36065">
        <v>0</v>
      </c>
    </row>
    <row r="36066" spans="1:4" x14ac:dyDescent="0.25">
      <c r="A36066" t="s">
        <v>52350</v>
      </c>
      <c r="B36066" t="s">
        <v>52351</v>
      </c>
      <c r="C36066">
        <v>2</v>
      </c>
      <c r="D36066">
        <v>0</v>
      </c>
    </row>
    <row r="36067" spans="1:4" x14ac:dyDescent="0.25">
      <c r="A36067" t="s">
        <v>52350</v>
      </c>
      <c r="B36067" t="s">
        <v>30881</v>
      </c>
      <c r="C36067">
        <v>1</v>
      </c>
      <c r="D36067">
        <v>0</v>
      </c>
    </row>
    <row r="36068" spans="1:4" x14ac:dyDescent="0.25">
      <c r="A36068" t="s">
        <v>52350</v>
      </c>
      <c r="B36068" t="s">
        <v>52352</v>
      </c>
      <c r="C36068">
        <v>1</v>
      </c>
      <c r="D36068">
        <v>0</v>
      </c>
    </row>
    <row r="36069" spans="1:4" x14ac:dyDescent="0.25">
      <c r="A36069" t="s">
        <v>52350</v>
      </c>
      <c r="B36069" t="s">
        <v>30881</v>
      </c>
      <c r="C36069">
        <v>1</v>
      </c>
      <c r="D36069">
        <v>0</v>
      </c>
    </row>
    <row r="36070" spans="1:4" x14ac:dyDescent="0.25">
      <c r="A36070" t="s">
        <v>52350</v>
      </c>
      <c r="B36070" t="s">
        <v>52353</v>
      </c>
      <c r="C36070">
        <v>0</v>
      </c>
      <c r="D36070">
        <v>0</v>
      </c>
    </row>
    <row r="36071" spans="1:4" x14ac:dyDescent="0.25">
      <c r="A36071" t="s">
        <v>52354</v>
      </c>
      <c r="B36071" t="s">
        <v>47873</v>
      </c>
      <c r="C36071">
        <v>0</v>
      </c>
      <c r="D36071">
        <v>0</v>
      </c>
    </row>
    <row r="36072" spans="1:4" x14ac:dyDescent="0.25">
      <c r="A36072" t="s">
        <v>52354</v>
      </c>
      <c r="B36072" t="s">
        <v>52355</v>
      </c>
      <c r="C36072">
        <v>2</v>
      </c>
      <c r="D36072">
        <v>0</v>
      </c>
    </row>
    <row r="36073" spans="1:4" x14ac:dyDescent="0.25">
      <c r="A36073" t="s">
        <v>52354</v>
      </c>
      <c r="B36073" t="s">
        <v>52356</v>
      </c>
      <c r="C36073">
        <v>1</v>
      </c>
      <c r="D36073">
        <v>0</v>
      </c>
    </row>
    <row r="36074" spans="1:4" x14ac:dyDescent="0.25">
      <c r="A36074" t="s">
        <v>52357</v>
      </c>
      <c r="B36074" t="s">
        <v>52358</v>
      </c>
      <c r="C36074">
        <v>0</v>
      </c>
      <c r="D36074">
        <v>0</v>
      </c>
    </row>
    <row r="36075" spans="1:4" x14ac:dyDescent="0.25">
      <c r="A36075" t="s">
        <v>52357</v>
      </c>
      <c r="B36075" t="s">
        <v>52359</v>
      </c>
      <c r="C36075">
        <v>0</v>
      </c>
      <c r="D36075">
        <v>0</v>
      </c>
    </row>
    <row r="36076" spans="1:4" x14ac:dyDescent="0.25">
      <c r="A36076" t="s">
        <v>52360</v>
      </c>
      <c r="B36076" t="s">
        <v>52361</v>
      </c>
      <c r="C36076">
        <v>0</v>
      </c>
      <c r="D36076">
        <v>0</v>
      </c>
    </row>
    <row r="36077" spans="1:4" x14ac:dyDescent="0.25">
      <c r="A36077" t="s">
        <v>52360</v>
      </c>
      <c r="B36077" t="s">
        <v>52362</v>
      </c>
      <c r="C36077">
        <v>0</v>
      </c>
      <c r="D36077">
        <v>0</v>
      </c>
    </row>
    <row r="36078" spans="1:4" x14ac:dyDescent="0.25">
      <c r="A36078" t="s">
        <v>52363</v>
      </c>
      <c r="B36078" t="s">
        <v>52364</v>
      </c>
      <c r="C36078">
        <v>0</v>
      </c>
      <c r="D36078">
        <v>0</v>
      </c>
    </row>
    <row r="36079" spans="1:4" x14ac:dyDescent="0.25">
      <c r="A36079" t="s">
        <v>52363</v>
      </c>
      <c r="B36079" t="s">
        <v>52365</v>
      </c>
      <c r="C36079">
        <v>0</v>
      </c>
      <c r="D36079">
        <v>0</v>
      </c>
    </row>
    <row r="36080" spans="1:4" x14ac:dyDescent="0.25">
      <c r="A36080" t="s">
        <v>52363</v>
      </c>
      <c r="B36080" t="s">
        <v>52366</v>
      </c>
      <c r="C36080">
        <v>0</v>
      </c>
      <c r="D36080">
        <v>0</v>
      </c>
    </row>
    <row r="36081" spans="1:4" x14ac:dyDescent="0.25">
      <c r="A36081" t="s">
        <v>52363</v>
      </c>
      <c r="B36081" t="s">
        <v>52367</v>
      </c>
      <c r="C36081">
        <v>0</v>
      </c>
      <c r="D36081">
        <v>0</v>
      </c>
    </row>
    <row r="36082" spans="1:4" x14ac:dyDescent="0.25">
      <c r="A36082" t="s">
        <v>52363</v>
      </c>
      <c r="B36082" t="s">
        <v>52368</v>
      </c>
      <c r="C36082">
        <v>0</v>
      </c>
      <c r="D36082">
        <v>0</v>
      </c>
    </row>
    <row r="36083" spans="1:4" x14ac:dyDescent="0.25">
      <c r="A36083" t="s">
        <v>52369</v>
      </c>
      <c r="B36083" t="s">
        <v>52370</v>
      </c>
      <c r="C36083">
        <v>1</v>
      </c>
      <c r="D36083">
        <v>0</v>
      </c>
    </row>
    <row r="36084" spans="1:4" x14ac:dyDescent="0.25">
      <c r="A36084" t="s">
        <v>52369</v>
      </c>
      <c r="B36084" t="s">
        <v>52371</v>
      </c>
      <c r="C36084">
        <v>0</v>
      </c>
      <c r="D36084">
        <v>0</v>
      </c>
    </row>
    <row r="36085" spans="1:4" x14ac:dyDescent="0.25">
      <c r="A36085" t="s">
        <v>52369</v>
      </c>
      <c r="B36085" t="s">
        <v>52372</v>
      </c>
      <c r="C36085">
        <v>1</v>
      </c>
      <c r="D36085">
        <v>0</v>
      </c>
    </row>
    <row r="36086" spans="1:4" x14ac:dyDescent="0.25">
      <c r="A36086" t="s">
        <v>52369</v>
      </c>
      <c r="B36086" t="s">
        <v>52373</v>
      </c>
      <c r="C36086">
        <v>1</v>
      </c>
      <c r="D36086">
        <v>0</v>
      </c>
    </row>
    <row r="36087" spans="1:4" x14ac:dyDescent="0.25">
      <c r="A36087" t="s">
        <v>52369</v>
      </c>
      <c r="B36087" t="s">
        <v>52374</v>
      </c>
      <c r="C36087">
        <v>1</v>
      </c>
      <c r="D36087">
        <v>0</v>
      </c>
    </row>
    <row r="36088" spans="1:4" x14ac:dyDescent="0.25">
      <c r="A36088" t="s">
        <v>52369</v>
      </c>
      <c r="B36088" t="s">
        <v>52375</v>
      </c>
      <c r="C36088">
        <v>2</v>
      </c>
      <c r="D36088">
        <v>0</v>
      </c>
    </row>
    <row r="36089" spans="1:4" x14ac:dyDescent="0.25">
      <c r="A36089" t="s">
        <v>52376</v>
      </c>
      <c r="B36089" t="s">
        <v>52377</v>
      </c>
      <c r="C36089">
        <v>1</v>
      </c>
      <c r="D36089">
        <v>0</v>
      </c>
    </row>
    <row r="36090" spans="1:4" x14ac:dyDescent="0.25">
      <c r="A36090" t="s">
        <v>52376</v>
      </c>
      <c r="B36090" t="s">
        <v>52378</v>
      </c>
      <c r="C36090">
        <v>1</v>
      </c>
      <c r="D36090">
        <v>0</v>
      </c>
    </row>
    <row r="36091" spans="1:4" x14ac:dyDescent="0.25">
      <c r="A36091" t="s">
        <v>52376</v>
      </c>
      <c r="B36091" t="s">
        <v>52379</v>
      </c>
      <c r="C36091">
        <v>1</v>
      </c>
      <c r="D36091">
        <v>0</v>
      </c>
    </row>
    <row r="36092" spans="1:4" x14ac:dyDescent="0.25">
      <c r="A36092" t="s">
        <v>52380</v>
      </c>
      <c r="B36092" t="s">
        <v>52381</v>
      </c>
      <c r="C36092">
        <v>0</v>
      </c>
      <c r="D36092">
        <v>0</v>
      </c>
    </row>
    <row r="36093" spans="1:4" x14ac:dyDescent="0.25">
      <c r="A36093" t="s">
        <v>52380</v>
      </c>
      <c r="B36093" t="s">
        <v>52382</v>
      </c>
      <c r="C36093">
        <v>0</v>
      </c>
      <c r="D36093">
        <v>0</v>
      </c>
    </row>
    <row r="36094" spans="1:4" x14ac:dyDescent="0.25">
      <c r="A36094" t="s">
        <v>52380</v>
      </c>
      <c r="B36094" t="s">
        <v>52383</v>
      </c>
      <c r="C36094">
        <v>0</v>
      </c>
      <c r="D36094">
        <v>0</v>
      </c>
    </row>
    <row r="36095" spans="1:4" x14ac:dyDescent="0.25">
      <c r="A36095" t="s">
        <v>52380</v>
      </c>
      <c r="B36095" t="s">
        <v>52384</v>
      </c>
      <c r="C36095">
        <v>0</v>
      </c>
      <c r="D36095">
        <v>0</v>
      </c>
    </row>
    <row r="36096" spans="1:4" x14ac:dyDescent="0.25">
      <c r="A36096" t="s">
        <v>52380</v>
      </c>
      <c r="B36096" t="s">
        <v>52382</v>
      </c>
      <c r="C36096">
        <v>0</v>
      </c>
      <c r="D36096">
        <v>0</v>
      </c>
    </row>
    <row r="36097" spans="1:4" x14ac:dyDescent="0.25">
      <c r="A36097" t="s">
        <v>52385</v>
      </c>
      <c r="B36097" t="s">
        <v>52386</v>
      </c>
      <c r="C36097">
        <v>1</v>
      </c>
      <c r="D36097">
        <v>0</v>
      </c>
    </row>
    <row r="36098" spans="1:4" x14ac:dyDescent="0.25">
      <c r="A36098" t="s">
        <v>52385</v>
      </c>
      <c r="B36098" t="s">
        <v>52387</v>
      </c>
      <c r="C36098">
        <v>0</v>
      </c>
      <c r="D36098">
        <v>0</v>
      </c>
    </row>
    <row r="36099" spans="1:4" x14ac:dyDescent="0.25">
      <c r="A36099" t="s">
        <v>52385</v>
      </c>
      <c r="B36099" t="s">
        <v>52388</v>
      </c>
      <c r="C36099">
        <v>1</v>
      </c>
      <c r="D36099">
        <v>0</v>
      </c>
    </row>
    <row r="36100" spans="1:4" x14ac:dyDescent="0.25">
      <c r="A36100" t="s">
        <v>52385</v>
      </c>
      <c r="B36100" t="s">
        <v>52389</v>
      </c>
      <c r="C36100">
        <v>1</v>
      </c>
      <c r="D36100">
        <v>0</v>
      </c>
    </row>
    <row r="36101" spans="1:4" x14ac:dyDescent="0.25">
      <c r="A36101" t="s">
        <v>52385</v>
      </c>
      <c r="B36101" t="s">
        <v>52390</v>
      </c>
      <c r="C36101">
        <v>1</v>
      </c>
      <c r="D36101">
        <v>0</v>
      </c>
    </row>
    <row r="36102" spans="1:4" x14ac:dyDescent="0.25">
      <c r="A36102" t="s">
        <v>52391</v>
      </c>
      <c r="B36102" t="s">
        <v>35545</v>
      </c>
      <c r="C36102">
        <v>1</v>
      </c>
      <c r="D36102">
        <v>0</v>
      </c>
    </row>
    <row r="36103" spans="1:4" x14ac:dyDescent="0.25">
      <c r="A36103" t="s">
        <v>52391</v>
      </c>
      <c r="B36103" t="s">
        <v>52392</v>
      </c>
      <c r="C36103">
        <v>1</v>
      </c>
      <c r="D36103">
        <v>0</v>
      </c>
    </row>
    <row r="36104" spans="1:4" x14ac:dyDescent="0.25">
      <c r="A36104" t="s">
        <v>52391</v>
      </c>
      <c r="B36104" t="s">
        <v>52393</v>
      </c>
      <c r="C36104">
        <v>1</v>
      </c>
      <c r="D36104">
        <v>0</v>
      </c>
    </row>
    <row r="36105" spans="1:4" x14ac:dyDescent="0.25">
      <c r="A36105" t="s">
        <v>52394</v>
      </c>
      <c r="B36105" t="s">
        <v>52395</v>
      </c>
      <c r="C36105">
        <v>2</v>
      </c>
      <c r="D36105">
        <v>0</v>
      </c>
    </row>
    <row r="36106" spans="1:4" x14ac:dyDescent="0.25">
      <c r="A36106" t="s">
        <v>52394</v>
      </c>
      <c r="B36106" t="s">
        <v>52396</v>
      </c>
      <c r="C36106">
        <v>0</v>
      </c>
      <c r="D36106">
        <v>0</v>
      </c>
    </row>
    <row r="36107" spans="1:4" x14ac:dyDescent="0.25">
      <c r="A36107" t="s">
        <v>52394</v>
      </c>
      <c r="B36107" t="s">
        <v>52397</v>
      </c>
      <c r="C36107">
        <v>0</v>
      </c>
      <c r="D36107">
        <v>0</v>
      </c>
    </row>
    <row r="36108" spans="1:4" x14ac:dyDescent="0.25">
      <c r="A36108" t="s">
        <v>52398</v>
      </c>
      <c r="B36108" t="s">
        <v>5713</v>
      </c>
      <c r="C36108">
        <v>1</v>
      </c>
      <c r="D36108">
        <v>0</v>
      </c>
    </row>
    <row r="36109" spans="1:4" x14ac:dyDescent="0.25">
      <c r="A36109" t="s">
        <v>52398</v>
      </c>
      <c r="B36109" t="s">
        <v>52399</v>
      </c>
      <c r="C36109">
        <v>1</v>
      </c>
      <c r="D36109">
        <v>0</v>
      </c>
    </row>
    <row r="36110" spans="1:4" x14ac:dyDescent="0.25">
      <c r="A36110" t="s">
        <v>52400</v>
      </c>
      <c r="B36110" t="s">
        <v>52401</v>
      </c>
      <c r="C36110">
        <v>0</v>
      </c>
      <c r="D36110">
        <v>0</v>
      </c>
    </row>
    <row r="36111" spans="1:4" x14ac:dyDescent="0.25">
      <c r="A36111" t="s">
        <v>52400</v>
      </c>
      <c r="B36111" t="s">
        <v>52402</v>
      </c>
      <c r="C36111">
        <v>1</v>
      </c>
      <c r="D36111">
        <v>0</v>
      </c>
    </row>
    <row r="36112" spans="1:4" x14ac:dyDescent="0.25">
      <c r="A36112" t="s">
        <v>52403</v>
      </c>
      <c r="B36112" t="s">
        <v>52404</v>
      </c>
      <c r="C36112">
        <v>0</v>
      </c>
      <c r="D36112">
        <v>0</v>
      </c>
    </row>
    <row r="36113" spans="1:4" x14ac:dyDescent="0.25">
      <c r="A36113" t="s">
        <v>52403</v>
      </c>
      <c r="B36113" t="s">
        <v>52405</v>
      </c>
      <c r="C36113">
        <v>1</v>
      </c>
      <c r="D36113">
        <v>0</v>
      </c>
    </row>
    <row r="36114" spans="1:4" x14ac:dyDescent="0.25">
      <c r="A36114" t="s">
        <v>52403</v>
      </c>
      <c r="B36114" t="s">
        <v>52406</v>
      </c>
      <c r="C36114">
        <v>0</v>
      </c>
      <c r="D36114">
        <v>0</v>
      </c>
    </row>
    <row r="36115" spans="1:4" x14ac:dyDescent="0.25">
      <c r="A36115" t="s">
        <v>52407</v>
      </c>
      <c r="B36115" t="s">
        <v>52408</v>
      </c>
      <c r="C36115">
        <v>0</v>
      </c>
      <c r="D36115">
        <v>0</v>
      </c>
    </row>
    <row r="36116" spans="1:4" x14ac:dyDescent="0.25">
      <c r="A36116" t="s">
        <v>52407</v>
      </c>
      <c r="B36116" t="s">
        <v>52409</v>
      </c>
      <c r="C36116">
        <v>0</v>
      </c>
      <c r="D36116">
        <v>0</v>
      </c>
    </row>
    <row r="36117" spans="1:4" x14ac:dyDescent="0.25">
      <c r="A36117" t="s">
        <v>52407</v>
      </c>
      <c r="B36117" t="s">
        <v>52410</v>
      </c>
      <c r="C36117">
        <v>2</v>
      </c>
      <c r="D36117">
        <v>0</v>
      </c>
    </row>
    <row r="36118" spans="1:4" x14ac:dyDescent="0.25">
      <c r="A36118" t="s">
        <v>52407</v>
      </c>
      <c r="B36118" t="s">
        <v>52411</v>
      </c>
      <c r="C36118">
        <v>1</v>
      </c>
      <c r="D36118">
        <v>0</v>
      </c>
    </row>
    <row r="36119" spans="1:4" x14ac:dyDescent="0.25">
      <c r="A36119" t="s">
        <v>52407</v>
      </c>
      <c r="B36119" t="s">
        <v>52412</v>
      </c>
      <c r="C36119">
        <v>1</v>
      </c>
      <c r="D36119">
        <v>0</v>
      </c>
    </row>
    <row r="36120" spans="1:4" x14ac:dyDescent="0.25">
      <c r="A36120" t="s">
        <v>52407</v>
      </c>
      <c r="B36120" t="s">
        <v>52413</v>
      </c>
      <c r="C36120">
        <v>1</v>
      </c>
      <c r="D36120">
        <v>0</v>
      </c>
    </row>
    <row r="36121" spans="1:4" x14ac:dyDescent="0.25">
      <c r="A36121" t="s">
        <v>52407</v>
      </c>
      <c r="B36121" t="s">
        <v>52414</v>
      </c>
      <c r="C36121">
        <v>1</v>
      </c>
      <c r="D36121">
        <v>0</v>
      </c>
    </row>
    <row r="36122" spans="1:4" x14ac:dyDescent="0.25">
      <c r="A36122" t="s">
        <v>52415</v>
      </c>
      <c r="B36122" t="s">
        <v>52416</v>
      </c>
      <c r="C36122">
        <v>1</v>
      </c>
      <c r="D36122">
        <v>0</v>
      </c>
    </row>
    <row r="36123" spans="1:4" x14ac:dyDescent="0.25">
      <c r="A36123" t="s">
        <v>52415</v>
      </c>
      <c r="B36123" t="s">
        <v>52417</v>
      </c>
      <c r="C36123">
        <v>0</v>
      </c>
      <c r="D36123">
        <v>0</v>
      </c>
    </row>
    <row r="36124" spans="1:4" x14ac:dyDescent="0.25">
      <c r="A36124" t="s">
        <v>52415</v>
      </c>
      <c r="B36124" t="s">
        <v>52418</v>
      </c>
      <c r="C36124">
        <v>1</v>
      </c>
      <c r="D36124">
        <v>0</v>
      </c>
    </row>
    <row r="36125" spans="1:4" x14ac:dyDescent="0.25">
      <c r="A36125" t="s">
        <v>52415</v>
      </c>
      <c r="B36125" t="s">
        <v>52419</v>
      </c>
      <c r="C36125">
        <v>0</v>
      </c>
      <c r="D36125">
        <v>0</v>
      </c>
    </row>
    <row r="36126" spans="1:4" x14ac:dyDescent="0.25">
      <c r="A36126" t="s">
        <v>52415</v>
      </c>
      <c r="B36126" t="s">
        <v>52420</v>
      </c>
      <c r="C36126">
        <v>1</v>
      </c>
      <c r="D36126">
        <v>0</v>
      </c>
    </row>
    <row r="36127" spans="1:4" x14ac:dyDescent="0.25">
      <c r="A36127" t="s">
        <v>52415</v>
      </c>
      <c r="B36127" t="s">
        <v>52421</v>
      </c>
      <c r="C36127">
        <v>1</v>
      </c>
      <c r="D36127">
        <v>0</v>
      </c>
    </row>
    <row r="36128" spans="1:4" x14ac:dyDescent="0.25">
      <c r="A36128" t="s">
        <v>52422</v>
      </c>
      <c r="B36128" t="s">
        <v>52423</v>
      </c>
      <c r="C36128">
        <v>0</v>
      </c>
      <c r="D36128">
        <v>0</v>
      </c>
    </row>
    <row r="36129" spans="1:4" x14ac:dyDescent="0.25">
      <c r="A36129" t="s">
        <v>52422</v>
      </c>
      <c r="B36129" t="s">
        <v>52424</v>
      </c>
      <c r="C36129">
        <v>1</v>
      </c>
      <c r="D36129">
        <v>0</v>
      </c>
    </row>
    <row r="36130" spans="1:4" x14ac:dyDescent="0.25">
      <c r="A36130" t="s">
        <v>52422</v>
      </c>
      <c r="B36130" t="s">
        <v>52425</v>
      </c>
      <c r="C36130">
        <v>1</v>
      </c>
      <c r="D36130">
        <v>0</v>
      </c>
    </row>
    <row r="36131" spans="1:4" x14ac:dyDescent="0.25">
      <c r="A36131" t="s">
        <v>52426</v>
      </c>
      <c r="B36131" t="s">
        <v>52427</v>
      </c>
      <c r="C36131">
        <v>2</v>
      </c>
      <c r="D36131">
        <v>0</v>
      </c>
    </row>
    <row r="36132" spans="1:4" x14ac:dyDescent="0.25">
      <c r="A36132" t="s">
        <v>52426</v>
      </c>
      <c r="B36132" t="s">
        <v>52428</v>
      </c>
      <c r="C36132">
        <v>1</v>
      </c>
      <c r="D36132">
        <v>0</v>
      </c>
    </row>
    <row r="36133" spans="1:4" x14ac:dyDescent="0.25">
      <c r="A36133" t="s">
        <v>52426</v>
      </c>
      <c r="B36133" t="s">
        <v>52429</v>
      </c>
      <c r="C36133">
        <v>0</v>
      </c>
      <c r="D36133">
        <v>0</v>
      </c>
    </row>
    <row r="36134" spans="1:4" x14ac:dyDescent="0.25">
      <c r="A36134" t="s">
        <v>52426</v>
      </c>
      <c r="B36134" t="s">
        <v>52430</v>
      </c>
      <c r="C36134">
        <v>1</v>
      </c>
      <c r="D36134">
        <v>0</v>
      </c>
    </row>
    <row r="36135" spans="1:4" x14ac:dyDescent="0.25">
      <c r="A36135" t="s">
        <v>52426</v>
      </c>
      <c r="B36135" t="s">
        <v>52431</v>
      </c>
      <c r="C36135">
        <v>0</v>
      </c>
      <c r="D36135">
        <v>0</v>
      </c>
    </row>
    <row r="36136" spans="1:4" x14ac:dyDescent="0.25">
      <c r="A36136" t="s">
        <v>52426</v>
      </c>
      <c r="B36136" t="s">
        <v>52432</v>
      </c>
      <c r="C36136">
        <v>2</v>
      </c>
      <c r="D36136">
        <v>0</v>
      </c>
    </row>
    <row r="36137" spans="1:4" x14ac:dyDescent="0.25">
      <c r="A36137" t="s">
        <v>52433</v>
      </c>
      <c r="B36137" t="s">
        <v>52434</v>
      </c>
      <c r="C36137">
        <v>1</v>
      </c>
      <c r="D36137">
        <v>0</v>
      </c>
    </row>
    <row r="36138" spans="1:4" x14ac:dyDescent="0.25">
      <c r="A36138" t="s">
        <v>52433</v>
      </c>
      <c r="B36138" t="s">
        <v>52435</v>
      </c>
      <c r="C36138">
        <v>0</v>
      </c>
      <c r="D36138">
        <v>0</v>
      </c>
    </row>
    <row r="36139" spans="1:4" x14ac:dyDescent="0.25">
      <c r="A36139" t="s">
        <v>52433</v>
      </c>
      <c r="B36139" t="s">
        <v>52436</v>
      </c>
      <c r="C36139">
        <v>1</v>
      </c>
      <c r="D36139">
        <v>0</v>
      </c>
    </row>
    <row r="36140" spans="1:4" x14ac:dyDescent="0.25">
      <c r="A36140" t="s">
        <v>52433</v>
      </c>
      <c r="B36140" t="s">
        <v>52437</v>
      </c>
      <c r="C36140">
        <v>1</v>
      </c>
      <c r="D36140">
        <v>0</v>
      </c>
    </row>
    <row r="36141" spans="1:4" x14ac:dyDescent="0.25">
      <c r="A36141" t="s">
        <v>52433</v>
      </c>
      <c r="B36141" t="s">
        <v>17257</v>
      </c>
      <c r="C36141">
        <v>0</v>
      </c>
      <c r="D36141">
        <v>0</v>
      </c>
    </row>
    <row r="36142" spans="1:4" x14ac:dyDescent="0.25">
      <c r="A36142" t="s">
        <v>52438</v>
      </c>
      <c r="B36142" t="s">
        <v>52439</v>
      </c>
      <c r="C36142">
        <v>0</v>
      </c>
      <c r="D36142">
        <v>0</v>
      </c>
    </row>
    <row r="36143" spans="1:4" x14ac:dyDescent="0.25">
      <c r="A36143" t="s">
        <v>52438</v>
      </c>
      <c r="B36143" t="s">
        <v>52440</v>
      </c>
      <c r="C36143">
        <v>0</v>
      </c>
      <c r="D36143">
        <v>0</v>
      </c>
    </row>
    <row r="36144" spans="1:4" x14ac:dyDescent="0.25">
      <c r="A36144" t="s">
        <v>52438</v>
      </c>
      <c r="B36144" t="s">
        <v>52441</v>
      </c>
      <c r="C36144">
        <v>2</v>
      </c>
      <c r="D36144">
        <v>0</v>
      </c>
    </row>
    <row r="36145" spans="1:4" x14ac:dyDescent="0.25">
      <c r="A36145" t="s">
        <v>52442</v>
      </c>
      <c r="B36145" t="s">
        <v>52443</v>
      </c>
      <c r="C36145">
        <v>1</v>
      </c>
      <c r="D36145">
        <v>0</v>
      </c>
    </row>
    <row r="36146" spans="1:4" x14ac:dyDescent="0.25">
      <c r="A36146" t="s">
        <v>52444</v>
      </c>
      <c r="B36146" t="s">
        <v>52445</v>
      </c>
      <c r="C36146">
        <v>1</v>
      </c>
      <c r="D36146">
        <v>0</v>
      </c>
    </row>
    <row r="36147" spans="1:4" x14ac:dyDescent="0.25">
      <c r="A36147" t="s">
        <v>52446</v>
      </c>
      <c r="B36147" t="s">
        <v>52447</v>
      </c>
      <c r="C36147">
        <v>0</v>
      </c>
      <c r="D36147">
        <v>0</v>
      </c>
    </row>
    <row r="36148" spans="1:4" x14ac:dyDescent="0.25">
      <c r="A36148" t="s">
        <v>52446</v>
      </c>
      <c r="B36148" t="s">
        <v>52448</v>
      </c>
      <c r="C36148">
        <v>2</v>
      </c>
      <c r="D36148">
        <v>0</v>
      </c>
    </row>
    <row r="36149" spans="1:4" x14ac:dyDescent="0.25">
      <c r="A36149" t="s">
        <v>52446</v>
      </c>
      <c r="B36149" t="s">
        <v>52449</v>
      </c>
      <c r="C36149">
        <v>2</v>
      </c>
      <c r="D36149">
        <v>0</v>
      </c>
    </row>
    <row r="36150" spans="1:4" x14ac:dyDescent="0.25">
      <c r="A36150" t="s">
        <v>52450</v>
      </c>
      <c r="B36150" t="s">
        <v>52451</v>
      </c>
      <c r="C36150">
        <v>1</v>
      </c>
      <c r="D36150">
        <v>0</v>
      </c>
    </row>
    <row r="36151" spans="1:4" x14ac:dyDescent="0.25">
      <c r="A36151" t="s">
        <v>52450</v>
      </c>
      <c r="B36151" t="s">
        <v>52452</v>
      </c>
      <c r="C36151">
        <v>1</v>
      </c>
      <c r="D36151">
        <v>0</v>
      </c>
    </row>
    <row r="36152" spans="1:4" x14ac:dyDescent="0.25">
      <c r="A36152" t="s">
        <v>52450</v>
      </c>
      <c r="B36152" t="s">
        <v>52453</v>
      </c>
      <c r="C36152">
        <v>1</v>
      </c>
      <c r="D36152">
        <v>0</v>
      </c>
    </row>
    <row r="36153" spans="1:4" x14ac:dyDescent="0.25">
      <c r="A36153" t="s">
        <v>52454</v>
      </c>
      <c r="B36153" t="s">
        <v>52455</v>
      </c>
      <c r="C36153">
        <v>0</v>
      </c>
      <c r="D36153">
        <v>0</v>
      </c>
    </row>
    <row r="36154" spans="1:4" x14ac:dyDescent="0.25">
      <c r="A36154" t="s">
        <v>52454</v>
      </c>
      <c r="B36154" t="s">
        <v>52456</v>
      </c>
      <c r="C36154">
        <v>0</v>
      </c>
      <c r="D36154">
        <v>0</v>
      </c>
    </row>
    <row r="36155" spans="1:4" x14ac:dyDescent="0.25">
      <c r="A36155" t="s">
        <v>52454</v>
      </c>
      <c r="B36155" t="s">
        <v>52457</v>
      </c>
      <c r="C36155">
        <v>0</v>
      </c>
      <c r="D36155">
        <v>0</v>
      </c>
    </row>
    <row r="36156" spans="1:4" x14ac:dyDescent="0.25">
      <c r="A36156" t="s">
        <v>52454</v>
      </c>
      <c r="B36156" t="s">
        <v>52458</v>
      </c>
      <c r="C36156">
        <v>1</v>
      </c>
      <c r="D36156">
        <v>0</v>
      </c>
    </row>
    <row r="36157" spans="1:4" x14ac:dyDescent="0.25">
      <c r="A36157" t="s">
        <v>52459</v>
      </c>
      <c r="B36157" t="s">
        <v>52460</v>
      </c>
      <c r="C36157">
        <v>1</v>
      </c>
      <c r="D36157">
        <v>0</v>
      </c>
    </row>
    <row r="36158" spans="1:4" x14ac:dyDescent="0.25">
      <c r="A36158" t="s">
        <v>52459</v>
      </c>
      <c r="B36158" t="s">
        <v>47001</v>
      </c>
      <c r="C36158">
        <v>0</v>
      </c>
      <c r="D36158">
        <v>0</v>
      </c>
    </row>
    <row r="36159" spans="1:4" x14ac:dyDescent="0.25">
      <c r="A36159" t="s">
        <v>52461</v>
      </c>
      <c r="B36159" t="s">
        <v>52462</v>
      </c>
      <c r="C36159">
        <v>1</v>
      </c>
      <c r="D36159">
        <v>0</v>
      </c>
    </row>
    <row r="36160" spans="1:4" x14ac:dyDescent="0.25">
      <c r="A36160" t="s">
        <v>52461</v>
      </c>
      <c r="B36160" t="s">
        <v>52463</v>
      </c>
      <c r="C36160">
        <v>1</v>
      </c>
      <c r="D36160">
        <v>0</v>
      </c>
    </row>
    <row r="36161" spans="1:4" x14ac:dyDescent="0.25">
      <c r="A36161" t="s">
        <v>52461</v>
      </c>
      <c r="B36161" t="s">
        <v>52464</v>
      </c>
      <c r="C36161">
        <v>1</v>
      </c>
      <c r="D36161">
        <v>0</v>
      </c>
    </row>
    <row r="36162" spans="1:4" x14ac:dyDescent="0.25">
      <c r="A36162" t="s">
        <v>52461</v>
      </c>
      <c r="B36162" t="s">
        <v>52465</v>
      </c>
      <c r="C36162">
        <v>1</v>
      </c>
      <c r="D36162">
        <v>0</v>
      </c>
    </row>
    <row r="36163" spans="1:4" x14ac:dyDescent="0.25">
      <c r="A36163" t="s">
        <v>52461</v>
      </c>
      <c r="B36163" t="s">
        <v>52466</v>
      </c>
      <c r="C36163">
        <v>1</v>
      </c>
      <c r="D36163">
        <v>0</v>
      </c>
    </row>
    <row r="36164" spans="1:4" x14ac:dyDescent="0.25">
      <c r="A36164" t="s">
        <v>52467</v>
      </c>
      <c r="B36164" t="s">
        <v>52468</v>
      </c>
      <c r="C36164">
        <v>1</v>
      </c>
      <c r="D36164">
        <v>0</v>
      </c>
    </row>
    <row r="36165" spans="1:4" x14ac:dyDescent="0.25">
      <c r="A36165" t="s">
        <v>52467</v>
      </c>
      <c r="B36165" t="s">
        <v>52469</v>
      </c>
      <c r="C36165">
        <v>1</v>
      </c>
      <c r="D36165">
        <v>0</v>
      </c>
    </row>
    <row r="36166" spans="1:4" x14ac:dyDescent="0.25">
      <c r="A36166" t="s">
        <v>52467</v>
      </c>
      <c r="B36166" t="s">
        <v>52470</v>
      </c>
      <c r="C36166">
        <v>1</v>
      </c>
      <c r="D36166">
        <v>0</v>
      </c>
    </row>
    <row r="36167" spans="1:4" x14ac:dyDescent="0.25">
      <c r="A36167" t="s">
        <v>52471</v>
      </c>
      <c r="B36167" t="s">
        <v>52472</v>
      </c>
      <c r="C36167">
        <v>2</v>
      </c>
      <c r="D36167">
        <v>0</v>
      </c>
    </row>
    <row r="36168" spans="1:4" x14ac:dyDescent="0.25">
      <c r="A36168" t="s">
        <v>52471</v>
      </c>
      <c r="B36168" t="s">
        <v>52473</v>
      </c>
      <c r="C36168">
        <v>1</v>
      </c>
      <c r="D36168">
        <v>0</v>
      </c>
    </row>
    <row r="36169" spans="1:4" x14ac:dyDescent="0.25">
      <c r="A36169" t="s">
        <v>52471</v>
      </c>
      <c r="B36169" t="s">
        <v>52474</v>
      </c>
      <c r="C36169">
        <v>2</v>
      </c>
      <c r="D36169">
        <v>0</v>
      </c>
    </row>
    <row r="36170" spans="1:4" x14ac:dyDescent="0.25">
      <c r="A36170" t="s">
        <v>52471</v>
      </c>
      <c r="B36170" t="s">
        <v>52475</v>
      </c>
      <c r="C36170">
        <v>1</v>
      </c>
      <c r="D36170">
        <v>0</v>
      </c>
    </row>
    <row r="36171" spans="1:4" x14ac:dyDescent="0.25">
      <c r="A36171" t="s">
        <v>52471</v>
      </c>
      <c r="B36171" t="s">
        <v>52476</v>
      </c>
      <c r="C36171">
        <v>1</v>
      </c>
      <c r="D36171">
        <v>0</v>
      </c>
    </row>
    <row r="36172" spans="1:4" x14ac:dyDescent="0.25">
      <c r="A36172" t="s">
        <v>52471</v>
      </c>
      <c r="B36172" t="s">
        <v>52477</v>
      </c>
      <c r="C36172">
        <v>1</v>
      </c>
      <c r="D36172">
        <v>0</v>
      </c>
    </row>
    <row r="36173" spans="1:4" x14ac:dyDescent="0.25">
      <c r="A36173" t="s">
        <v>52471</v>
      </c>
      <c r="B36173" t="s">
        <v>52478</v>
      </c>
      <c r="C36173">
        <v>1</v>
      </c>
      <c r="D36173">
        <v>0</v>
      </c>
    </row>
    <row r="36174" spans="1:4" x14ac:dyDescent="0.25">
      <c r="A36174" t="s">
        <v>52479</v>
      </c>
      <c r="B36174" t="s">
        <v>52480</v>
      </c>
      <c r="C36174">
        <v>1</v>
      </c>
      <c r="D36174">
        <v>0</v>
      </c>
    </row>
    <row r="36175" spans="1:4" x14ac:dyDescent="0.25">
      <c r="A36175" t="s">
        <v>52479</v>
      </c>
      <c r="B36175" t="s">
        <v>52481</v>
      </c>
      <c r="C36175">
        <v>0</v>
      </c>
      <c r="D36175">
        <v>0</v>
      </c>
    </row>
    <row r="36176" spans="1:4" x14ac:dyDescent="0.25">
      <c r="A36176" t="s">
        <v>52479</v>
      </c>
      <c r="B36176" t="s">
        <v>52482</v>
      </c>
      <c r="C36176">
        <v>1</v>
      </c>
      <c r="D36176">
        <v>0</v>
      </c>
    </row>
    <row r="36177" spans="1:4" x14ac:dyDescent="0.25">
      <c r="A36177" t="s">
        <v>52479</v>
      </c>
      <c r="B36177" t="s">
        <v>52483</v>
      </c>
      <c r="C36177">
        <v>2</v>
      </c>
      <c r="D36177">
        <v>0</v>
      </c>
    </row>
    <row r="36178" spans="1:4" x14ac:dyDescent="0.25">
      <c r="A36178" t="s">
        <v>52479</v>
      </c>
      <c r="B36178" t="s">
        <v>52484</v>
      </c>
      <c r="C36178">
        <v>0</v>
      </c>
      <c r="D36178">
        <v>0</v>
      </c>
    </row>
    <row r="36179" spans="1:4" x14ac:dyDescent="0.25">
      <c r="A36179" t="s">
        <v>52485</v>
      </c>
      <c r="B36179" t="s">
        <v>52486</v>
      </c>
      <c r="C36179">
        <v>1</v>
      </c>
      <c r="D36179">
        <v>0</v>
      </c>
    </row>
    <row r="36180" spans="1:4" x14ac:dyDescent="0.25">
      <c r="A36180" t="s">
        <v>52485</v>
      </c>
      <c r="B36180" t="s">
        <v>21395</v>
      </c>
      <c r="C36180">
        <v>1</v>
      </c>
      <c r="D36180">
        <v>0</v>
      </c>
    </row>
    <row r="36181" spans="1:4" x14ac:dyDescent="0.25">
      <c r="A36181" t="s">
        <v>52485</v>
      </c>
      <c r="B36181" t="s">
        <v>52487</v>
      </c>
      <c r="C36181">
        <v>1</v>
      </c>
      <c r="D36181">
        <v>0</v>
      </c>
    </row>
    <row r="36182" spans="1:4" x14ac:dyDescent="0.25">
      <c r="A36182" t="s">
        <v>52485</v>
      </c>
      <c r="B36182" t="s">
        <v>52488</v>
      </c>
      <c r="C36182">
        <v>1</v>
      </c>
      <c r="D36182">
        <v>0</v>
      </c>
    </row>
    <row r="36183" spans="1:4" x14ac:dyDescent="0.25">
      <c r="A36183" t="s">
        <v>52485</v>
      </c>
      <c r="B36183" t="s">
        <v>52489</v>
      </c>
      <c r="C36183">
        <v>1</v>
      </c>
      <c r="D36183">
        <v>0</v>
      </c>
    </row>
    <row r="36184" spans="1:4" x14ac:dyDescent="0.25">
      <c r="A36184" t="s">
        <v>52485</v>
      </c>
      <c r="B36184" t="s">
        <v>52490</v>
      </c>
      <c r="C36184">
        <v>1</v>
      </c>
      <c r="D36184">
        <v>0</v>
      </c>
    </row>
    <row r="36185" spans="1:4" x14ac:dyDescent="0.25">
      <c r="A36185" t="s">
        <v>52485</v>
      </c>
      <c r="B36185" t="s">
        <v>52491</v>
      </c>
      <c r="C36185">
        <v>2</v>
      </c>
      <c r="D36185">
        <v>0</v>
      </c>
    </row>
    <row r="36186" spans="1:4" x14ac:dyDescent="0.25">
      <c r="A36186" t="s">
        <v>52485</v>
      </c>
      <c r="B36186" t="s">
        <v>52492</v>
      </c>
      <c r="C36186">
        <v>2</v>
      </c>
      <c r="D36186">
        <v>0</v>
      </c>
    </row>
    <row r="36187" spans="1:4" x14ac:dyDescent="0.25">
      <c r="A36187" t="s">
        <v>52493</v>
      </c>
      <c r="B36187" t="s">
        <v>52494</v>
      </c>
      <c r="C36187">
        <v>0</v>
      </c>
      <c r="D36187">
        <v>0</v>
      </c>
    </row>
    <row r="36188" spans="1:4" x14ac:dyDescent="0.25">
      <c r="A36188" t="s">
        <v>52493</v>
      </c>
      <c r="B36188" t="s">
        <v>52495</v>
      </c>
      <c r="C36188">
        <v>0</v>
      </c>
      <c r="D36188">
        <v>0</v>
      </c>
    </row>
    <row r="36189" spans="1:4" x14ac:dyDescent="0.25">
      <c r="A36189" t="s">
        <v>52493</v>
      </c>
      <c r="B36189" t="s">
        <v>52496</v>
      </c>
      <c r="C36189">
        <v>0</v>
      </c>
      <c r="D36189">
        <v>0</v>
      </c>
    </row>
    <row r="36190" spans="1:4" x14ac:dyDescent="0.25">
      <c r="A36190" t="s">
        <v>52493</v>
      </c>
      <c r="B36190" t="s">
        <v>52497</v>
      </c>
      <c r="C36190">
        <v>0</v>
      </c>
      <c r="D36190">
        <v>0</v>
      </c>
    </row>
    <row r="36191" spans="1:4" x14ac:dyDescent="0.25">
      <c r="A36191" t="s">
        <v>52493</v>
      </c>
      <c r="B36191" t="s">
        <v>52498</v>
      </c>
      <c r="C36191">
        <v>1</v>
      </c>
      <c r="D36191">
        <v>0</v>
      </c>
    </row>
    <row r="36192" spans="1:4" x14ac:dyDescent="0.25">
      <c r="A36192" t="s">
        <v>52499</v>
      </c>
      <c r="B36192" t="s">
        <v>52500</v>
      </c>
      <c r="C36192">
        <v>2</v>
      </c>
      <c r="D36192">
        <v>0</v>
      </c>
    </row>
    <row r="36193" spans="1:4" x14ac:dyDescent="0.25">
      <c r="A36193" t="s">
        <v>52499</v>
      </c>
      <c r="B36193" t="s">
        <v>12217</v>
      </c>
      <c r="C36193">
        <v>1</v>
      </c>
      <c r="D36193">
        <v>0</v>
      </c>
    </row>
    <row r="36194" spans="1:4" x14ac:dyDescent="0.25">
      <c r="A36194" t="s">
        <v>52501</v>
      </c>
      <c r="B36194" t="s">
        <v>5713</v>
      </c>
      <c r="C36194">
        <v>1</v>
      </c>
      <c r="D36194">
        <v>0</v>
      </c>
    </row>
    <row r="36195" spans="1:4" x14ac:dyDescent="0.25">
      <c r="A36195" t="s">
        <v>52501</v>
      </c>
      <c r="B36195" t="s">
        <v>52502</v>
      </c>
      <c r="C36195">
        <v>1</v>
      </c>
      <c r="D36195">
        <v>0</v>
      </c>
    </row>
    <row r="36196" spans="1:4" x14ac:dyDescent="0.25">
      <c r="A36196" t="s">
        <v>52501</v>
      </c>
      <c r="B36196" t="s">
        <v>52503</v>
      </c>
      <c r="C36196">
        <v>0</v>
      </c>
      <c r="D36196">
        <v>0</v>
      </c>
    </row>
    <row r="36197" spans="1:4" x14ac:dyDescent="0.25">
      <c r="A36197" t="s">
        <v>52501</v>
      </c>
      <c r="B36197" t="s">
        <v>52504</v>
      </c>
      <c r="C36197">
        <v>2</v>
      </c>
      <c r="D36197">
        <v>0</v>
      </c>
    </row>
    <row r="36198" spans="1:4" x14ac:dyDescent="0.25">
      <c r="A36198" t="s">
        <v>52501</v>
      </c>
      <c r="B36198" t="s">
        <v>52505</v>
      </c>
      <c r="C36198">
        <v>1</v>
      </c>
      <c r="D36198">
        <v>0</v>
      </c>
    </row>
    <row r="36199" spans="1:4" x14ac:dyDescent="0.25">
      <c r="A36199" t="s">
        <v>52501</v>
      </c>
      <c r="B36199" t="s">
        <v>52506</v>
      </c>
      <c r="C36199">
        <v>2</v>
      </c>
      <c r="D36199">
        <v>0</v>
      </c>
    </row>
    <row r="36200" spans="1:4" x14ac:dyDescent="0.25">
      <c r="A36200" t="s">
        <v>52501</v>
      </c>
      <c r="B36200" t="s">
        <v>52507</v>
      </c>
      <c r="C36200">
        <v>2</v>
      </c>
      <c r="D36200">
        <v>0</v>
      </c>
    </row>
    <row r="36201" spans="1:4" x14ac:dyDescent="0.25">
      <c r="A36201" t="s">
        <v>52508</v>
      </c>
      <c r="B36201" t="s">
        <v>52509</v>
      </c>
      <c r="C36201">
        <v>1</v>
      </c>
      <c r="D36201">
        <v>0</v>
      </c>
    </row>
    <row r="36202" spans="1:4" x14ac:dyDescent="0.25">
      <c r="A36202" t="s">
        <v>52508</v>
      </c>
      <c r="B36202" t="s">
        <v>52510</v>
      </c>
      <c r="C36202">
        <v>1</v>
      </c>
      <c r="D36202">
        <v>0</v>
      </c>
    </row>
    <row r="36203" spans="1:4" x14ac:dyDescent="0.25">
      <c r="A36203" t="s">
        <v>52508</v>
      </c>
      <c r="B36203" t="s">
        <v>52511</v>
      </c>
      <c r="C36203">
        <v>1</v>
      </c>
      <c r="D36203">
        <v>0</v>
      </c>
    </row>
    <row r="36204" spans="1:4" x14ac:dyDescent="0.25">
      <c r="A36204" t="s">
        <v>52508</v>
      </c>
      <c r="B36204" t="s">
        <v>52512</v>
      </c>
      <c r="C36204">
        <v>2</v>
      </c>
      <c r="D36204">
        <v>0</v>
      </c>
    </row>
    <row r="36205" spans="1:4" x14ac:dyDescent="0.25">
      <c r="A36205" t="s">
        <v>52508</v>
      </c>
      <c r="B36205" t="s">
        <v>52513</v>
      </c>
      <c r="C36205">
        <v>1</v>
      </c>
      <c r="D36205">
        <v>0</v>
      </c>
    </row>
    <row r="36206" spans="1:4" x14ac:dyDescent="0.25">
      <c r="A36206" t="s">
        <v>52508</v>
      </c>
      <c r="B36206" t="s">
        <v>52514</v>
      </c>
      <c r="C36206">
        <v>2</v>
      </c>
      <c r="D36206">
        <v>0</v>
      </c>
    </row>
    <row r="36207" spans="1:4" x14ac:dyDescent="0.25">
      <c r="A36207" t="s">
        <v>52508</v>
      </c>
      <c r="B36207" t="s">
        <v>52515</v>
      </c>
      <c r="C36207">
        <v>1</v>
      </c>
      <c r="D36207">
        <v>0</v>
      </c>
    </row>
    <row r="36208" spans="1:4" x14ac:dyDescent="0.25">
      <c r="A36208" t="s">
        <v>52508</v>
      </c>
      <c r="B36208" t="s">
        <v>52516</v>
      </c>
      <c r="C36208">
        <v>2</v>
      </c>
      <c r="D36208">
        <v>0</v>
      </c>
    </row>
    <row r="36209" spans="1:4" x14ac:dyDescent="0.25">
      <c r="A36209" t="s">
        <v>52517</v>
      </c>
      <c r="B36209" t="s">
        <v>19309</v>
      </c>
      <c r="C36209">
        <v>0</v>
      </c>
      <c r="D36209">
        <v>0</v>
      </c>
    </row>
    <row r="36210" spans="1:4" x14ac:dyDescent="0.25">
      <c r="A36210" t="s">
        <v>52517</v>
      </c>
      <c r="B36210" t="s">
        <v>52518</v>
      </c>
      <c r="C36210">
        <v>1</v>
      </c>
      <c r="D36210">
        <v>0</v>
      </c>
    </row>
    <row r="36211" spans="1:4" x14ac:dyDescent="0.25">
      <c r="A36211" t="s">
        <v>52517</v>
      </c>
      <c r="B36211" t="s">
        <v>52519</v>
      </c>
      <c r="C36211">
        <v>1</v>
      </c>
      <c r="D36211">
        <v>0</v>
      </c>
    </row>
    <row r="36212" spans="1:4" x14ac:dyDescent="0.25">
      <c r="A36212" t="s">
        <v>52517</v>
      </c>
      <c r="B36212" t="s">
        <v>52520</v>
      </c>
      <c r="C36212">
        <v>2</v>
      </c>
      <c r="D36212">
        <v>0</v>
      </c>
    </row>
    <row r="36213" spans="1:4" x14ac:dyDescent="0.25">
      <c r="A36213" t="s">
        <v>52517</v>
      </c>
      <c r="B36213" t="s">
        <v>52521</v>
      </c>
      <c r="C36213">
        <v>1</v>
      </c>
      <c r="D36213">
        <v>0</v>
      </c>
    </row>
    <row r="36214" spans="1:4" x14ac:dyDescent="0.25">
      <c r="A36214" t="s">
        <v>52517</v>
      </c>
      <c r="B36214" t="s">
        <v>52522</v>
      </c>
      <c r="C36214">
        <v>2</v>
      </c>
      <c r="D36214">
        <v>0</v>
      </c>
    </row>
    <row r="36215" spans="1:4" x14ac:dyDescent="0.25">
      <c r="A36215" t="s">
        <v>52517</v>
      </c>
      <c r="B36215" t="s">
        <v>52523</v>
      </c>
      <c r="C36215">
        <v>0</v>
      </c>
      <c r="D36215">
        <v>0</v>
      </c>
    </row>
    <row r="36216" spans="1:4" x14ac:dyDescent="0.25">
      <c r="A36216" t="s">
        <v>52524</v>
      </c>
      <c r="B36216" t="s">
        <v>52525</v>
      </c>
      <c r="C36216">
        <v>1</v>
      </c>
      <c r="D36216">
        <v>0</v>
      </c>
    </row>
    <row r="36217" spans="1:4" x14ac:dyDescent="0.25">
      <c r="A36217" t="s">
        <v>52524</v>
      </c>
      <c r="B36217" t="s">
        <v>52526</v>
      </c>
      <c r="C36217">
        <v>2</v>
      </c>
      <c r="D36217">
        <v>0</v>
      </c>
    </row>
    <row r="36218" spans="1:4" x14ac:dyDescent="0.25">
      <c r="A36218" t="s">
        <v>52524</v>
      </c>
      <c r="B36218" t="s">
        <v>52527</v>
      </c>
      <c r="C36218">
        <v>1</v>
      </c>
      <c r="D36218">
        <v>0</v>
      </c>
    </row>
    <row r="36219" spans="1:4" x14ac:dyDescent="0.25">
      <c r="A36219" t="s">
        <v>52524</v>
      </c>
      <c r="B36219" t="s">
        <v>52528</v>
      </c>
      <c r="C36219">
        <v>1</v>
      </c>
      <c r="D36219">
        <v>0</v>
      </c>
    </row>
    <row r="36220" spans="1:4" x14ac:dyDescent="0.25">
      <c r="A36220" t="s">
        <v>52524</v>
      </c>
      <c r="B36220" t="s">
        <v>52529</v>
      </c>
      <c r="C36220">
        <v>1</v>
      </c>
      <c r="D36220">
        <v>0</v>
      </c>
    </row>
    <row r="36221" spans="1:4" x14ac:dyDescent="0.25">
      <c r="A36221" t="s">
        <v>52524</v>
      </c>
      <c r="B36221" t="s">
        <v>52530</v>
      </c>
      <c r="C36221">
        <v>1</v>
      </c>
      <c r="D36221">
        <v>0</v>
      </c>
    </row>
    <row r="36222" spans="1:4" x14ac:dyDescent="0.25">
      <c r="A36222" t="s">
        <v>52531</v>
      </c>
      <c r="B36222" t="s">
        <v>48510</v>
      </c>
      <c r="C36222">
        <v>1</v>
      </c>
      <c r="D36222">
        <v>0</v>
      </c>
    </row>
    <row r="36223" spans="1:4" x14ac:dyDescent="0.25">
      <c r="A36223" t="s">
        <v>52531</v>
      </c>
      <c r="B36223" t="s">
        <v>52532</v>
      </c>
      <c r="C36223">
        <v>2</v>
      </c>
      <c r="D36223">
        <v>0</v>
      </c>
    </row>
    <row r="36224" spans="1:4" x14ac:dyDescent="0.25">
      <c r="A36224" t="s">
        <v>52531</v>
      </c>
      <c r="B36224" t="s">
        <v>52533</v>
      </c>
      <c r="C36224">
        <v>0</v>
      </c>
      <c r="D36224">
        <v>0</v>
      </c>
    </row>
    <row r="36225" spans="1:4" x14ac:dyDescent="0.25">
      <c r="A36225" t="s">
        <v>52534</v>
      </c>
      <c r="B36225" t="s">
        <v>2651</v>
      </c>
      <c r="C36225">
        <v>0</v>
      </c>
      <c r="D36225">
        <v>0</v>
      </c>
    </row>
    <row r="36226" spans="1:4" x14ac:dyDescent="0.25">
      <c r="A36226" t="s">
        <v>52534</v>
      </c>
      <c r="B36226" t="s">
        <v>52535</v>
      </c>
      <c r="C36226">
        <v>0</v>
      </c>
      <c r="D36226">
        <v>0</v>
      </c>
    </row>
    <row r="36227" spans="1:4" x14ac:dyDescent="0.25">
      <c r="A36227" t="s">
        <v>52534</v>
      </c>
      <c r="B36227" t="s">
        <v>52536</v>
      </c>
      <c r="C36227">
        <v>1</v>
      </c>
      <c r="D36227">
        <v>0</v>
      </c>
    </row>
    <row r="36228" spans="1:4" x14ac:dyDescent="0.25">
      <c r="A36228" t="s">
        <v>52534</v>
      </c>
      <c r="B36228" t="s">
        <v>52537</v>
      </c>
      <c r="C36228">
        <v>1</v>
      </c>
      <c r="D36228">
        <v>0</v>
      </c>
    </row>
    <row r="36229" spans="1:4" x14ac:dyDescent="0.25">
      <c r="A36229" t="s">
        <v>52538</v>
      </c>
      <c r="B36229" t="s">
        <v>52539</v>
      </c>
      <c r="C36229">
        <v>1</v>
      </c>
      <c r="D36229">
        <v>0</v>
      </c>
    </row>
    <row r="36230" spans="1:4" x14ac:dyDescent="0.25">
      <c r="A36230" t="s">
        <v>52538</v>
      </c>
      <c r="B36230" t="s">
        <v>52540</v>
      </c>
      <c r="C36230">
        <v>1</v>
      </c>
      <c r="D36230">
        <v>0</v>
      </c>
    </row>
    <row r="36231" spans="1:4" x14ac:dyDescent="0.25">
      <c r="A36231" t="s">
        <v>52541</v>
      </c>
      <c r="B36231" t="s">
        <v>52542</v>
      </c>
      <c r="C36231">
        <v>1</v>
      </c>
      <c r="D36231">
        <v>0</v>
      </c>
    </row>
    <row r="36232" spans="1:4" x14ac:dyDescent="0.25">
      <c r="A36232" t="s">
        <v>52541</v>
      </c>
      <c r="B36232" t="s">
        <v>52543</v>
      </c>
      <c r="C36232">
        <v>1</v>
      </c>
      <c r="D36232">
        <v>0</v>
      </c>
    </row>
    <row r="36233" spans="1:4" x14ac:dyDescent="0.25">
      <c r="A36233" t="s">
        <v>52541</v>
      </c>
      <c r="B36233" t="s">
        <v>5434</v>
      </c>
      <c r="C36233">
        <v>1</v>
      </c>
      <c r="D36233">
        <v>0</v>
      </c>
    </row>
    <row r="36234" spans="1:4" x14ac:dyDescent="0.25">
      <c r="A36234" t="s">
        <v>52541</v>
      </c>
      <c r="B36234" t="s">
        <v>52544</v>
      </c>
      <c r="C36234">
        <v>1</v>
      </c>
      <c r="D36234">
        <v>0</v>
      </c>
    </row>
    <row r="36235" spans="1:4" x14ac:dyDescent="0.25">
      <c r="A36235" t="s">
        <v>52541</v>
      </c>
      <c r="B36235" t="s">
        <v>52545</v>
      </c>
      <c r="C36235">
        <v>1</v>
      </c>
      <c r="D36235">
        <v>0</v>
      </c>
    </row>
    <row r="36236" spans="1:4" x14ac:dyDescent="0.25">
      <c r="A36236" t="s">
        <v>52546</v>
      </c>
      <c r="B36236" t="s">
        <v>52547</v>
      </c>
      <c r="C36236">
        <v>1</v>
      </c>
      <c r="D36236">
        <v>0</v>
      </c>
    </row>
    <row r="36237" spans="1:4" x14ac:dyDescent="0.25">
      <c r="A36237" t="s">
        <v>52546</v>
      </c>
      <c r="B36237" t="s">
        <v>52548</v>
      </c>
      <c r="C36237">
        <v>0</v>
      </c>
      <c r="D36237">
        <v>0</v>
      </c>
    </row>
    <row r="36238" spans="1:4" x14ac:dyDescent="0.25">
      <c r="A36238" t="s">
        <v>52546</v>
      </c>
      <c r="B36238" t="s">
        <v>52549</v>
      </c>
      <c r="C36238">
        <v>0</v>
      </c>
      <c r="D36238">
        <v>0</v>
      </c>
    </row>
    <row r="36239" spans="1:4" x14ac:dyDescent="0.25">
      <c r="A36239" t="s">
        <v>52546</v>
      </c>
      <c r="B36239" t="s">
        <v>52550</v>
      </c>
      <c r="C36239">
        <v>1</v>
      </c>
      <c r="D36239">
        <v>0</v>
      </c>
    </row>
    <row r="36240" spans="1:4" x14ac:dyDescent="0.25">
      <c r="A36240" t="s">
        <v>52546</v>
      </c>
      <c r="B36240" t="s">
        <v>11948</v>
      </c>
      <c r="C36240">
        <v>0</v>
      </c>
      <c r="D36240">
        <v>0</v>
      </c>
    </row>
    <row r="36241" spans="1:4" x14ac:dyDescent="0.25">
      <c r="A36241" t="s">
        <v>52546</v>
      </c>
      <c r="B36241" t="s">
        <v>52551</v>
      </c>
      <c r="C36241">
        <v>0</v>
      </c>
      <c r="D36241">
        <v>0</v>
      </c>
    </row>
    <row r="36242" spans="1:4" x14ac:dyDescent="0.25">
      <c r="A36242" t="s">
        <v>52546</v>
      </c>
      <c r="B36242" t="s">
        <v>52552</v>
      </c>
      <c r="C36242">
        <v>1</v>
      </c>
      <c r="D36242">
        <v>0</v>
      </c>
    </row>
    <row r="36243" spans="1:4" x14ac:dyDescent="0.25">
      <c r="A36243" t="s">
        <v>52546</v>
      </c>
      <c r="B36243" t="s">
        <v>52553</v>
      </c>
      <c r="C36243">
        <v>0</v>
      </c>
      <c r="D36243">
        <v>0</v>
      </c>
    </row>
    <row r="36244" spans="1:4" x14ac:dyDescent="0.25">
      <c r="A36244" t="s">
        <v>52554</v>
      </c>
      <c r="B36244" t="s">
        <v>52555</v>
      </c>
      <c r="C36244">
        <v>1</v>
      </c>
      <c r="D36244">
        <v>0</v>
      </c>
    </row>
    <row r="36245" spans="1:4" x14ac:dyDescent="0.25">
      <c r="A36245" t="s">
        <v>52554</v>
      </c>
      <c r="B36245" t="s">
        <v>52555</v>
      </c>
      <c r="C36245">
        <v>1</v>
      </c>
      <c r="D36245">
        <v>0</v>
      </c>
    </row>
    <row r="36246" spans="1:4" x14ac:dyDescent="0.25">
      <c r="A36246" t="s">
        <v>52556</v>
      </c>
      <c r="B36246" t="s">
        <v>52557</v>
      </c>
      <c r="C36246">
        <v>1</v>
      </c>
      <c r="D36246">
        <v>0</v>
      </c>
    </row>
    <row r="36247" spans="1:4" x14ac:dyDescent="0.25">
      <c r="A36247" t="s">
        <v>52556</v>
      </c>
      <c r="B36247" t="s">
        <v>52558</v>
      </c>
      <c r="C36247">
        <v>1</v>
      </c>
      <c r="D36247">
        <v>0</v>
      </c>
    </row>
    <row r="36248" spans="1:4" x14ac:dyDescent="0.25">
      <c r="A36248" t="s">
        <v>52556</v>
      </c>
      <c r="B36248" t="s">
        <v>52559</v>
      </c>
      <c r="C36248">
        <v>1</v>
      </c>
      <c r="D36248">
        <v>0</v>
      </c>
    </row>
    <row r="36249" spans="1:4" x14ac:dyDescent="0.25">
      <c r="A36249" t="s">
        <v>52556</v>
      </c>
      <c r="B36249" t="s">
        <v>52560</v>
      </c>
      <c r="C36249">
        <v>1</v>
      </c>
      <c r="D36249">
        <v>0</v>
      </c>
    </row>
    <row r="36250" spans="1:4" x14ac:dyDescent="0.25">
      <c r="A36250" t="s">
        <v>52556</v>
      </c>
      <c r="B36250" t="s">
        <v>52561</v>
      </c>
      <c r="C36250">
        <v>1</v>
      </c>
      <c r="D36250">
        <v>0</v>
      </c>
    </row>
    <row r="36251" spans="1:4" x14ac:dyDescent="0.25">
      <c r="A36251" t="s">
        <v>52562</v>
      </c>
      <c r="B36251" t="s">
        <v>52563</v>
      </c>
      <c r="C36251">
        <v>0</v>
      </c>
      <c r="D36251">
        <v>0</v>
      </c>
    </row>
    <row r="36252" spans="1:4" x14ac:dyDescent="0.25">
      <c r="A36252" t="s">
        <v>52562</v>
      </c>
      <c r="B36252" t="s">
        <v>52564</v>
      </c>
      <c r="C36252">
        <v>0</v>
      </c>
      <c r="D36252">
        <v>0</v>
      </c>
    </row>
    <row r="36253" spans="1:4" x14ac:dyDescent="0.25">
      <c r="A36253" t="s">
        <v>52562</v>
      </c>
      <c r="B36253" t="s">
        <v>52565</v>
      </c>
      <c r="C36253">
        <v>0</v>
      </c>
      <c r="D36253">
        <v>0</v>
      </c>
    </row>
    <row r="36254" spans="1:4" x14ac:dyDescent="0.25">
      <c r="A36254" t="s">
        <v>52562</v>
      </c>
      <c r="B36254" t="s">
        <v>52566</v>
      </c>
      <c r="C36254">
        <v>1</v>
      </c>
      <c r="D36254">
        <v>0</v>
      </c>
    </row>
    <row r="36255" spans="1:4" x14ac:dyDescent="0.25">
      <c r="A36255" t="s">
        <v>52562</v>
      </c>
      <c r="B36255" t="s">
        <v>52567</v>
      </c>
      <c r="C36255">
        <v>1</v>
      </c>
      <c r="D36255">
        <v>0</v>
      </c>
    </row>
    <row r="36256" spans="1:4" x14ac:dyDescent="0.25">
      <c r="A36256" t="s">
        <v>52562</v>
      </c>
      <c r="B36256" t="s">
        <v>52568</v>
      </c>
      <c r="C36256">
        <v>1</v>
      </c>
      <c r="D36256">
        <v>0</v>
      </c>
    </row>
    <row r="36257" spans="1:4" x14ac:dyDescent="0.25">
      <c r="A36257" t="s">
        <v>52562</v>
      </c>
      <c r="B36257" t="s">
        <v>52569</v>
      </c>
      <c r="C36257">
        <v>0</v>
      </c>
      <c r="D36257">
        <v>0</v>
      </c>
    </row>
    <row r="36258" spans="1:4" x14ac:dyDescent="0.25">
      <c r="A36258" t="s">
        <v>52570</v>
      </c>
      <c r="B36258" t="s">
        <v>52571</v>
      </c>
      <c r="C36258">
        <v>1</v>
      </c>
      <c r="D36258">
        <v>0</v>
      </c>
    </row>
    <row r="36259" spans="1:4" x14ac:dyDescent="0.25">
      <c r="A36259" t="s">
        <v>52570</v>
      </c>
      <c r="B36259" t="s">
        <v>52572</v>
      </c>
      <c r="C36259">
        <v>1</v>
      </c>
      <c r="D36259">
        <v>0</v>
      </c>
    </row>
    <row r="36260" spans="1:4" x14ac:dyDescent="0.25">
      <c r="A36260" t="s">
        <v>52573</v>
      </c>
      <c r="B36260" t="s">
        <v>52574</v>
      </c>
      <c r="C36260">
        <v>0</v>
      </c>
      <c r="D36260">
        <v>0</v>
      </c>
    </row>
    <row r="36261" spans="1:4" x14ac:dyDescent="0.25">
      <c r="A36261" t="s">
        <v>52573</v>
      </c>
      <c r="B36261" t="s">
        <v>52575</v>
      </c>
      <c r="C36261">
        <v>2</v>
      </c>
      <c r="D36261">
        <v>0</v>
      </c>
    </row>
    <row r="36262" spans="1:4" x14ac:dyDescent="0.25">
      <c r="A36262" t="s">
        <v>52573</v>
      </c>
      <c r="B36262" t="s">
        <v>52576</v>
      </c>
      <c r="C36262">
        <v>0</v>
      </c>
      <c r="D36262">
        <v>0</v>
      </c>
    </row>
    <row r="36263" spans="1:4" x14ac:dyDescent="0.25">
      <c r="A36263" t="s">
        <v>52577</v>
      </c>
      <c r="B36263" t="s">
        <v>52578</v>
      </c>
      <c r="C36263">
        <v>0</v>
      </c>
      <c r="D36263">
        <v>0</v>
      </c>
    </row>
    <row r="36264" spans="1:4" x14ac:dyDescent="0.25">
      <c r="A36264" t="s">
        <v>52577</v>
      </c>
      <c r="B36264" t="s">
        <v>52579</v>
      </c>
      <c r="C36264">
        <v>2</v>
      </c>
      <c r="D36264">
        <v>0</v>
      </c>
    </row>
    <row r="36265" spans="1:4" x14ac:dyDescent="0.25">
      <c r="A36265" t="s">
        <v>52580</v>
      </c>
      <c r="B36265" t="s">
        <v>52581</v>
      </c>
      <c r="C36265">
        <v>1</v>
      </c>
      <c r="D36265">
        <v>0</v>
      </c>
    </row>
    <row r="36266" spans="1:4" x14ac:dyDescent="0.25">
      <c r="A36266" t="s">
        <v>52580</v>
      </c>
      <c r="B36266" t="s">
        <v>52582</v>
      </c>
      <c r="C36266">
        <v>1</v>
      </c>
      <c r="D36266">
        <v>0</v>
      </c>
    </row>
    <row r="36267" spans="1:4" x14ac:dyDescent="0.25">
      <c r="A36267" t="s">
        <v>52580</v>
      </c>
      <c r="B36267" t="s">
        <v>52583</v>
      </c>
      <c r="C36267">
        <v>1</v>
      </c>
      <c r="D36267">
        <v>0</v>
      </c>
    </row>
    <row r="36268" spans="1:4" x14ac:dyDescent="0.25">
      <c r="A36268" t="s">
        <v>52580</v>
      </c>
      <c r="B36268" t="s">
        <v>52584</v>
      </c>
      <c r="C36268">
        <v>1</v>
      </c>
      <c r="D36268">
        <v>0</v>
      </c>
    </row>
    <row r="36269" spans="1:4" x14ac:dyDescent="0.25">
      <c r="A36269" t="s">
        <v>52580</v>
      </c>
      <c r="B36269" t="s">
        <v>52585</v>
      </c>
      <c r="C36269">
        <v>0</v>
      </c>
      <c r="D36269">
        <v>0</v>
      </c>
    </row>
    <row r="36270" spans="1:4" x14ac:dyDescent="0.25">
      <c r="A36270" t="s">
        <v>52580</v>
      </c>
      <c r="B36270" t="s">
        <v>52586</v>
      </c>
      <c r="C36270">
        <v>2</v>
      </c>
      <c r="D36270">
        <v>0</v>
      </c>
    </row>
    <row r="36271" spans="1:4" x14ac:dyDescent="0.25">
      <c r="A36271" t="s">
        <v>52580</v>
      </c>
      <c r="B36271" t="s">
        <v>52587</v>
      </c>
      <c r="C36271">
        <v>0</v>
      </c>
      <c r="D36271">
        <v>0</v>
      </c>
    </row>
    <row r="36272" spans="1:4" x14ac:dyDescent="0.25">
      <c r="A36272" t="s">
        <v>52580</v>
      </c>
      <c r="B36272" t="s">
        <v>52588</v>
      </c>
      <c r="C36272">
        <v>0</v>
      </c>
      <c r="D36272">
        <v>0</v>
      </c>
    </row>
    <row r="36273" spans="1:4" x14ac:dyDescent="0.25">
      <c r="A36273" t="s">
        <v>52580</v>
      </c>
      <c r="B36273" t="s">
        <v>52589</v>
      </c>
      <c r="C36273">
        <v>2</v>
      </c>
      <c r="D36273">
        <v>0</v>
      </c>
    </row>
    <row r="36274" spans="1:4" x14ac:dyDescent="0.25">
      <c r="A36274" t="s">
        <v>52580</v>
      </c>
      <c r="B36274" t="s">
        <v>52590</v>
      </c>
      <c r="C36274">
        <v>2</v>
      </c>
      <c r="D36274">
        <v>0</v>
      </c>
    </row>
    <row r="36275" spans="1:4" x14ac:dyDescent="0.25">
      <c r="A36275" t="s">
        <v>52580</v>
      </c>
      <c r="B36275" t="s">
        <v>52591</v>
      </c>
      <c r="C36275">
        <v>2</v>
      </c>
      <c r="D36275">
        <v>0</v>
      </c>
    </row>
    <row r="36276" spans="1:4" x14ac:dyDescent="0.25">
      <c r="A36276" t="s">
        <v>52592</v>
      </c>
      <c r="B36276" t="s">
        <v>52593</v>
      </c>
      <c r="C36276">
        <v>1</v>
      </c>
      <c r="D36276">
        <v>0</v>
      </c>
    </row>
    <row r="36277" spans="1:4" x14ac:dyDescent="0.25">
      <c r="A36277" t="s">
        <v>52592</v>
      </c>
      <c r="B36277" t="s">
        <v>52594</v>
      </c>
      <c r="C36277">
        <v>0</v>
      </c>
      <c r="D36277">
        <v>0</v>
      </c>
    </row>
    <row r="36278" spans="1:4" x14ac:dyDescent="0.25">
      <c r="A36278" t="s">
        <v>52592</v>
      </c>
      <c r="B36278" t="s">
        <v>52595</v>
      </c>
      <c r="C36278">
        <v>1</v>
      </c>
      <c r="D36278">
        <v>0</v>
      </c>
    </row>
    <row r="36279" spans="1:4" x14ac:dyDescent="0.25">
      <c r="A36279" t="s">
        <v>52596</v>
      </c>
      <c r="B36279" t="s">
        <v>52597</v>
      </c>
      <c r="C36279">
        <v>1</v>
      </c>
      <c r="D36279">
        <v>0</v>
      </c>
    </row>
    <row r="36280" spans="1:4" x14ac:dyDescent="0.25">
      <c r="A36280" t="s">
        <v>52596</v>
      </c>
      <c r="B36280" t="s">
        <v>52598</v>
      </c>
      <c r="C36280">
        <v>0</v>
      </c>
      <c r="D36280">
        <v>0</v>
      </c>
    </row>
    <row r="36281" spans="1:4" x14ac:dyDescent="0.25">
      <c r="A36281" t="s">
        <v>52596</v>
      </c>
      <c r="B36281" t="s">
        <v>52599</v>
      </c>
      <c r="C36281">
        <v>0</v>
      </c>
      <c r="D36281">
        <v>0</v>
      </c>
    </row>
    <row r="36282" spans="1:4" x14ac:dyDescent="0.25">
      <c r="A36282" t="s">
        <v>52600</v>
      </c>
      <c r="B36282" t="s">
        <v>52601</v>
      </c>
      <c r="C36282">
        <v>2</v>
      </c>
      <c r="D36282">
        <v>0</v>
      </c>
    </row>
    <row r="36283" spans="1:4" x14ac:dyDescent="0.25">
      <c r="A36283" t="s">
        <v>52600</v>
      </c>
      <c r="B36283" t="s">
        <v>52602</v>
      </c>
      <c r="C36283">
        <v>1</v>
      </c>
      <c r="D36283">
        <v>0</v>
      </c>
    </row>
    <row r="36284" spans="1:4" x14ac:dyDescent="0.25">
      <c r="A36284" t="s">
        <v>52600</v>
      </c>
      <c r="B36284" t="s">
        <v>52603</v>
      </c>
      <c r="C36284">
        <v>1</v>
      </c>
      <c r="D36284">
        <v>0</v>
      </c>
    </row>
    <row r="36285" spans="1:4" x14ac:dyDescent="0.25">
      <c r="A36285" t="s">
        <v>52600</v>
      </c>
      <c r="B36285" t="s">
        <v>52604</v>
      </c>
      <c r="C36285">
        <v>1</v>
      </c>
      <c r="D36285">
        <v>0</v>
      </c>
    </row>
    <row r="36286" spans="1:4" x14ac:dyDescent="0.25">
      <c r="A36286" t="s">
        <v>52605</v>
      </c>
      <c r="B36286" t="s">
        <v>52606</v>
      </c>
      <c r="C36286">
        <v>1</v>
      </c>
      <c r="D36286">
        <v>0</v>
      </c>
    </row>
    <row r="36287" spans="1:4" x14ac:dyDescent="0.25">
      <c r="A36287" t="s">
        <v>52605</v>
      </c>
      <c r="B36287" t="s">
        <v>52607</v>
      </c>
      <c r="C36287">
        <v>2</v>
      </c>
      <c r="D36287">
        <v>0</v>
      </c>
    </row>
    <row r="36288" spans="1:4" x14ac:dyDescent="0.25">
      <c r="A36288" t="s">
        <v>52605</v>
      </c>
      <c r="B36288" t="s">
        <v>52608</v>
      </c>
      <c r="C36288">
        <v>1</v>
      </c>
      <c r="D36288">
        <v>0</v>
      </c>
    </row>
    <row r="36289" spans="1:4" x14ac:dyDescent="0.25">
      <c r="A36289" t="s">
        <v>52605</v>
      </c>
      <c r="B36289" t="s">
        <v>52609</v>
      </c>
      <c r="C36289">
        <v>1</v>
      </c>
      <c r="D36289">
        <v>0</v>
      </c>
    </row>
    <row r="36290" spans="1:4" x14ac:dyDescent="0.25">
      <c r="A36290" t="s">
        <v>52610</v>
      </c>
      <c r="B36290" t="s">
        <v>52611</v>
      </c>
      <c r="C36290">
        <v>1</v>
      </c>
      <c r="D36290">
        <v>0</v>
      </c>
    </row>
    <row r="36291" spans="1:4" x14ac:dyDescent="0.25">
      <c r="A36291" t="s">
        <v>52610</v>
      </c>
      <c r="B36291" t="s">
        <v>52612</v>
      </c>
      <c r="C36291">
        <v>1</v>
      </c>
      <c r="D36291">
        <v>0</v>
      </c>
    </row>
    <row r="36292" spans="1:4" x14ac:dyDescent="0.25">
      <c r="A36292" t="s">
        <v>52610</v>
      </c>
      <c r="B36292" t="s">
        <v>52613</v>
      </c>
      <c r="C36292">
        <v>0</v>
      </c>
      <c r="D36292">
        <v>0</v>
      </c>
    </row>
    <row r="36293" spans="1:4" x14ac:dyDescent="0.25">
      <c r="A36293" t="s">
        <v>52610</v>
      </c>
      <c r="B36293" t="s">
        <v>52614</v>
      </c>
      <c r="C36293">
        <v>0</v>
      </c>
      <c r="D36293">
        <v>0</v>
      </c>
    </row>
    <row r="36294" spans="1:4" x14ac:dyDescent="0.25">
      <c r="A36294" t="s">
        <v>52610</v>
      </c>
      <c r="B36294" t="s">
        <v>2651</v>
      </c>
      <c r="C36294">
        <v>0</v>
      </c>
      <c r="D36294">
        <v>0</v>
      </c>
    </row>
    <row r="36295" spans="1:4" x14ac:dyDescent="0.25">
      <c r="A36295" t="s">
        <v>52615</v>
      </c>
      <c r="B36295" t="s">
        <v>52616</v>
      </c>
      <c r="C36295">
        <v>2</v>
      </c>
      <c r="D36295">
        <v>0</v>
      </c>
    </row>
    <row r="36296" spans="1:4" x14ac:dyDescent="0.25">
      <c r="A36296" t="s">
        <v>52615</v>
      </c>
      <c r="B36296" t="s">
        <v>52617</v>
      </c>
      <c r="C36296">
        <v>0</v>
      </c>
      <c r="D36296">
        <v>0</v>
      </c>
    </row>
    <row r="36297" spans="1:4" x14ac:dyDescent="0.25">
      <c r="A36297" t="s">
        <v>52615</v>
      </c>
      <c r="B36297" t="s">
        <v>52618</v>
      </c>
      <c r="C36297">
        <v>1</v>
      </c>
      <c r="D36297">
        <v>0</v>
      </c>
    </row>
    <row r="36298" spans="1:4" x14ac:dyDescent="0.25">
      <c r="A36298" t="s">
        <v>52615</v>
      </c>
      <c r="B36298" t="s">
        <v>52619</v>
      </c>
      <c r="C36298">
        <v>0</v>
      </c>
      <c r="D36298">
        <v>0</v>
      </c>
    </row>
    <row r="36299" spans="1:4" x14ac:dyDescent="0.25">
      <c r="A36299" t="s">
        <v>52615</v>
      </c>
      <c r="B36299" t="s">
        <v>52620</v>
      </c>
      <c r="C36299">
        <v>1</v>
      </c>
      <c r="D36299">
        <v>0</v>
      </c>
    </row>
    <row r="36300" spans="1:4" x14ac:dyDescent="0.25">
      <c r="A36300" t="s">
        <v>52615</v>
      </c>
      <c r="B36300" t="s">
        <v>52621</v>
      </c>
      <c r="C36300">
        <v>1</v>
      </c>
      <c r="D36300">
        <v>0</v>
      </c>
    </row>
    <row r="36301" spans="1:4" x14ac:dyDescent="0.25">
      <c r="A36301" t="s">
        <v>52615</v>
      </c>
      <c r="B36301" t="s">
        <v>52622</v>
      </c>
      <c r="C36301">
        <v>0</v>
      </c>
      <c r="D36301">
        <v>0</v>
      </c>
    </row>
    <row r="36302" spans="1:4" x14ac:dyDescent="0.25">
      <c r="A36302" t="s">
        <v>52623</v>
      </c>
      <c r="B36302" t="s">
        <v>52624</v>
      </c>
      <c r="C36302">
        <v>1</v>
      </c>
      <c r="D36302">
        <v>0</v>
      </c>
    </row>
    <row r="36303" spans="1:4" x14ac:dyDescent="0.25">
      <c r="A36303" t="s">
        <v>52623</v>
      </c>
      <c r="B36303" t="s">
        <v>52625</v>
      </c>
      <c r="C36303">
        <v>1</v>
      </c>
      <c r="D36303">
        <v>0</v>
      </c>
    </row>
    <row r="36304" spans="1:4" x14ac:dyDescent="0.25">
      <c r="A36304" t="s">
        <v>52623</v>
      </c>
      <c r="B36304" t="s">
        <v>52626</v>
      </c>
      <c r="C36304">
        <v>1</v>
      </c>
      <c r="D36304">
        <v>0</v>
      </c>
    </row>
    <row r="36305" spans="1:4" x14ac:dyDescent="0.25">
      <c r="A36305" t="s">
        <v>52623</v>
      </c>
      <c r="B36305" t="s">
        <v>52627</v>
      </c>
      <c r="C36305">
        <v>1</v>
      </c>
      <c r="D36305">
        <v>0</v>
      </c>
    </row>
    <row r="36306" spans="1:4" x14ac:dyDescent="0.25">
      <c r="A36306" t="s">
        <v>52628</v>
      </c>
      <c r="B36306" t="s">
        <v>52629</v>
      </c>
      <c r="C36306">
        <v>0</v>
      </c>
      <c r="D36306">
        <v>0</v>
      </c>
    </row>
    <row r="36307" spans="1:4" x14ac:dyDescent="0.25">
      <c r="A36307" t="s">
        <v>52628</v>
      </c>
      <c r="B36307" t="s">
        <v>52630</v>
      </c>
      <c r="C36307">
        <v>1</v>
      </c>
      <c r="D36307">
        <v>0</v>
      </c>
    </row>
    <row r="36308" spans="1:4" x14ac:dyDescent="0.25">
      <c r="A36308" t="s">
        <v>52631</v>
      </c>
      <c r="B36308" t="s">
        <v>52632</v>
      </c>
      <c r="C36308">
        <v>0</v>
      </c>
      <c r="D36308">
        <v>0</v>
      </c>
    </row>
    <row r="36309" spans="1:4" x14ac:dyDescent="0.25">
      <c r="A36309" t="s">
        <v>52631</v>
      </c>
      <c r="B36309" t="s">
        <v>52633</v>
      </c>
      <c r="C36309">
        <v>1</v>
      </c>
      <c r="D36309">
        <v>0</v>
      </c>
    </row>
    <row r="36310" spans="1:4" x14ac:dyDescent="0.25">
      <c r="A36310" t="s">
        <v>52634</v>
      </c>
      <c r="B36310" t="s">
        <v>52635</v>
      </c>
      <c r="C36310">
        <v>1</v>
      </c>
      <c r="D36310">
        <v>0</v>
      </c>
    </row>
    <row r="36311" spans="1:4" x14ac:dyDescent="0.25">
      <c r="A36311" t="s">
        <v>52634</v>
      </c>
      <c r="B36311" t="s">
        <v>52636</v>
      </c>
      <c r="C36311">
        <v>1</v>
      </c>
      <c r="D36311">
        <v>0</v>
      </c>
    </row>
    <row r="36312" spans="1:4" x14ac:dyDescent="0.25">
      <c r="A36312" t="s">
        <v>52634</v>
      </c>
      <c r="B36312" t="s">
        <v>52637</v>
      </c>
      <c r="C36312">
        <v>0</v>
      </c>
      <c r="D36312">
        <v>0</v>
      </c>
    </row>
    <row r="36313" spans="1:4" x14ac:dyDescent="0.25">
      <c r="A36313" t="s">
        <v>52634</v>
      </c>
      <c r="B36313" t="s">
        <v>52638</v>
      </c>
      <c r="C36313">
        <v>2</v>
      </c>
      <c r="D36313">
        <v>0</v>
      </c>
    </row>
    <row r="36314" spans="1:4" x14ac:dyDescent="0.25">
      <c r="A36314" t="s">
        <v>52639</v>
      </c>
      <c r="B36314" t="s">
        <v>52640</v>
      </c>
      <c r="C36314">
        <v>0</v>
      </c>
      <c r="D36314">
        <v>0</v>
      </c>
    </row>
    <row r="36315" spans="1:4" x14ac:dyDescent="0.25">
      <c r="A36315" t="s">
        <v>52639</v>
      </c>
      <c r="B36315" t="s">
        <v>52641</v>
      </c>
      <c r="C36315">
        <v>1</v>
      </c>
      <c r="D36315">
        <v>0</v>
      </c>
    </row>
    <row r="36316" spans="1:4" x14ac:dyDescent="0.25">
      <c r="A36316" t="s">
        <v>52639</v>
      </c>
      <c r="B36316" t="s">
        <v>52642</v>
      </c>
      <c r="C36316">
        <v>2</v>
      </c>
      <c r="D36316">
        <v>0</v>
      </c>
    </row>
    <row r="36317" spans="1:4" x14ac:dyDescent="0.25">
      <c r="A36317" t="s">
        <v>52639</v>
      </c>
      <c r="B36317" t="s">
        <v>52643</v>
      </c>
      <c r="C36317">
        <v>1</v>
      </c>
      <c r="D36317">
        <v>0</v>
      </c>
    </row>
    <row r="36318" spans="1:4" x14ac:dyDescent="0.25">
      <c r="A36318" t="s">
        <v>52639</v>
      </c>
      <c r="B36318" t="s">
        <v>52644</v>
      </c>
      <c r="C36318">
        <v>2</v>
      </c>
      <c r="D36318">
        <v>0</v>
      </c>
    </row>
    <row r="36319" spans="1:4" x14ac:dyDescent="0.25">
      <c r="A36319" t="s">
        <v>52645</v>
      </c>
      <c r="B36319" t="s">
        <v>52646</v>
      </c>
      <c r="C36319">
        <v>1</v>
      </c>
      <c r="D36319">
        <v>0</v>
      </c>
    </row>
    <row r="36320" spans="1:4" x14ac:dyDescent="0.25">
      <c r="A36320" t="s">
        <v>52645</v>
      </c>
      <c r="B36320" t="s">
        <v>52647</v>
      </c>
      <c r="C36320">
        <v>0</v>
      </c>
      <c r="D36320">
        <v>0</v>
      </c>
    </row>
    <row r="36321" spans="1:4" x14ac:dyDescent="0.25">
      <c r="A36321" t="s">
        <v>52645</v>
      </c>
      <c r="B36321" t="s">
        <v>52648</v>
      </c>
      <c r="C36321">
        <v>1</v>
      </c>
      <c r="D36321">
        <v>0</v>
      </c>
    </row>
    <row r="36322" spans="1:4" x14ac:dyDescent="0.25">
      <c r="A36322" t="s">
        <v>52645</v>
      </c>
      <c r="B36322" t="s">
        <v>52649</v>
      </c>
      <c r="C36322">
        <v>1</v>
      </c>
      <c r="D36322">
        <v>0</v>
      </c>
    </row>
    <row r="36323" spans="1:4" x14ac:dyDescent="0.25">
      <c r="A36323" t="s">
        <v>52645</v>
      </c>
      <c r="B36323" t="s">
        <v>52650</v>
      </c>
      <c r="C36323">
        <v>0</v>
      </c>
      <c r="D36323">
        <v>0</v>
      </c>
    </row>
    <row r="36324" spans="1:4" x14ac:dyDescent="0.25">
      <c r="A36324" t="s">
        <v>52645</v>
      </c>
      <c r="B36324" t="s">
        <v>52651</v>
      </c>
      <c r="C36324">
        <v>0</v>
      </c>
      <c r="D36324">
        <v>0</v>
      </c>
    </row>
    <row r="36325" spans="1:4" x14ac:dyDescent="0.25">
      <c r="A36325" t="s">
        <v>52652</v>
      </c>
      <c r="B36325" t="s">
        <v>52653</v>
      </c>
      <c r="C36325">
        <v>1</v>
      </c>
      <c r="D36325">
        <v>0</v>
      </c>
    </row>
    <row r="36326" spans="1:4" x14ac:dyDescent="0.25">
      <c r="A36326" t="s">
        <v>52652</v>
      </c>
      <c r="B36326" t="s">
        <v>52654</v>
      </c>
      <c r="C36326">
        <v>0</v>
      </c>
      <c r="D36326">
        <v>0</v>
      </c>
    </row>
    <row r="36327" spans="1:4" x14ac:dyDescent="0.25">
      <c r="A36327" t="s">
        <v>52652</v>
      </c>
      <c r="B36327" t="s">
        <v>52655</v>
      </c>
      <c r="C36327">
        <v>0</v>
      </c>
      <c r="D36327">
        <v>0</v>
      </c>
    </row>
    <row r="36328" spans="1:4" x14ac:dyDescent="0.25">
      <c r="A36328" t="s">
        <v>52652</v>
      </c>
      <c r="B36328" t="s">
        <v>52656</v>
      </c>
      <c r="C36328">
        <v>0</v>
      </c>
      <c r="D36328">
        <v>0</v>
      </c>
    </row>
    <row r="36329" spans="1:4" x14ac:dyDescent="0.25">
      <c r="A36329" t="s">
        <v>52652</v>
      </c>
      <c r="B36329" t="s">
        <v>52657</v>
      </c>
      <c r="C36329">
        <v>1</v>
      </c>
      <c r="D36329">
        <v>0</v>
      </c>
    </row>
    <row r="36330" spans="1:4" x14ac:dyDescent="0.25">
      <c r="A36330" t="s">
        <v>52658</v>
      </c>
      <c r="B36330" t="s">
        <v>52659</v>
      </c>
      <c r="C36330">
        <v>0</v>
      </c>
      <c r="D36330">
        <v>0</v>
      </c>
    </row>
    <row r="36331" spans="1:4" x14ac:dyDescent="0.25">
      <c r="A36331" t="s">
        <v>52658</v>
      </c>
      <c r="B36331" t="s">
        <v>47873</v>
      </c>
      <c r="C36331">
        <v>0</v>
      </c>
      <c r="D36331">
        <v>0</v>
      </c>
    </row>
    <row r="36332" spans="1:4" x14ac:dyDescent="0.25">
      <c r="A36332" t="s">
        <v>52658</v>
      </c>
      <c r="B36332" t="s">
        <v>52660</v>
      </c>
      <c r="C36332">
        <v>1</v>
      </c>
      <c r="D36332">
        <v>0</v>
      </c>
    </row>
    <row r="36333" spans="1:4" x14ac:dyDescent="0.25">
      <c r="A36333" t="s">
        <v>52661</v>
      </c>
      <c r="B36333" t="s">
        <v>52662</v>
      </c>
      <c r="C36333">
        <v>1</v>
      </c>
      <c r="D36333">
        <v>0</v>
      </c>
    </row>
    <row r="36334" spans="1:4" x14ac:dyDescent="0.25">
      <c r="A36334" t="s">
        <v>52661</v>
      </c>
      <c r="B36334" t="s">
        <v>52663</v>
      </c>
      <c r="C36334">
        <v>0</v>
      </c>
      <c r="D36334">
        <v>0</v>
      </c>
    </row>
    <row r="36335" spans="1:4" x14ac:dyDescent="0.25">
      <c r="A36335" t="s">
        <v>52661</v>
      </c>
      <c r="B36335" t="s">
        <v>52664</v>
      </c>
      <c r="C36335">
        <v>0</v>
      </c>
      <c r="D36335">
        <v>0</v>
      </c>
    </row>
    <row r="36336" spans="1:4" x14ac:dyDescent="0.25">
      <c r="A36336" t="s">
        <v>52665</v>
      </c>
      <c r="B36336" t="s">
        <v>52666</v>
      </c>
      <c r="C36336">
        <v>1</v>
      </c>
      <c r="D36336">
        <v>0</v>
      </c>
    </row>
    <row r="36337" spans="1:4" x14ac:dyDescent="0.25">
      <c r="A36337" t="s">
        <v>52667</v>
      </c>
      <c r="B36337" t="s">
        <v>52668</v>
      </c>
      <c r="C36337">
        <v>0</v>
      </c>
      <c r="D36337">
        <v>0</v>
      </c>
    </row>
    <row r="36338" spans="1:4" x14ac:dyDescent="0.25">
      <c r="A36338" t="s">
        <v>52667</v>
      </c>
      <c r="B36338" t="s">
        <v>52669</v>
      </c>
      <c r="C36338">
        <v>0</v>
      </c>
      <c r="D36338">
        <v>0</v>
      </c>
    </row>
    <row r="36339" spans="1:4" x14ac:dyDescent="0.25">
      <c r="A36339" t="s">
        <v>52667</v>
      </c>
      <c r="B36339" t="s">
        <v>52670</v>
      </c>
      <c r="C36339">
        <v>1</v>
      </c>
      <c r="D36339">
        <v>0</v>
      </c>
    </row>
    <row r="36340" spans="1:4" x14ac:dyDescent="0.25">
      <c r="A36340" t="s">
        <v>52667</v>
      </c>
      <c r="B36340" t="s">
        <v>52671</v>
      </c>
      <c r="C36340">
        <v>0</v>
      </c>
      <c r="D36340">
        <v>0</v>
      </c>
    </row>
    <row r="36341" spans="1:4" x14ac:dyDescent="0.25">
      <c r="A36341" t="s">
        <v>52667</v>
      </c>
      <c r="B36341" t="s">
        <v>52672</v>
      </c>
      <c r="C36341">
        <v>0</v>
      </c>
      <c r="D36341">
        <v>0</v>
      </c>
    </row>
    <row r="36342" spans="1:4" x14ac:dyDescent="0.25">
      <c r="A36342" t="s">
        <v>52667</v>
      </c>
      <c r="B36342" t="s">
        <v>52673</v>
      </c>
      <c r="C36342">
        <v>1</v>
      </c>
      <c r="D36342">
        <v>0</v>
      </c>
    </row>
    <row r="36343" spans="1:4" x14ac:dyDescent="0.25">
      <c r="A36343" t="s">
        <v>52674</v>
      </c>
      <c r="B36343" t="s">
        <v>52675</v>
      </c>
      <c r="C36343">
        <v>2</v>
      </c>
      <c r="D36343">
        <v>0</v>
      </c>
    </row>
    <row r="36344" spans="1:4" x14ac:dyDescent="0.25">
      <c r="A36344" t="s">
        <v>52674</v>
      </c>
      <c r="B36344" t="s">
        <v>52676</v>
      </c>
      <c r="C36344">
        <v>1</v>
      </c>
      <c r="D36344">
        <v>0</v>
      </c>
    </row>
    <row r="36345" spans="1:4" x14ac:dyDescent="0.25">
      <c r="A36345" t="s">
        <v>52674</v>
      </c>
      <c r="B36345" t="s">
        <v>52677</v>
      </c>
      <c r="C36345">
        <v>1</v>
      </c>
      <c r="D36345">
        <v>0</v>
      </c>
    </row>
    <row r="36346" spans="1:4" x14ac:dyDescent="0.25">
      <c r="A36346" t="s">
        <v>52678</v>
      </c>
      <c r="B36346" t="s">
        <v>52679</v>
      </c>
      <c r="C36346">
        <v>0</v>
      </c>
      <c r="D36346">
        <v>0</v>
      </c>
    </row>
    <row r="36347" spans="1:4" x14ac:dyDescent="0.25">
      <c r="A36347" t="s">
        <v>52678</v>
      </c>
      <c r="B36347" t="s">
        <v>52680</v>
      </c>
      <c r="C36347">
        <v>0</v>
      </c>
      <c r="D36347">
        <v>0</v>
      </c>
    </row>
    <row r="36348" spans="1:4" x14ac:dyDescent="0.25">
      <c r="A36348" t="s">
        <v>52678</v>
      </c>
      <c r="B36348" t="s">
        <v>11360</v>
      </c>
      <c r="C36348">
        <v>0</v>
      </c>
      <c r="D36348">
        <v>0</v>
      </c>
    </row>
    <row r="36349" spans="1:4" x14ac:dyDescent="0.25">
      <c r="A36349" t="s">
        <v>52678</v>
      </c>
      <c r="B36349" t="s">
        <v>52681</v>
      </c>
      <c r="C36349">
        <v>0</v>
      </c>
      <c r="D36349">
        <v>0</v>
      </c>
    </row>
    <row r="36350" spans="1:4" x14ac:dyDescent="0.25">
      <c r="A36350" t="s">
        <v>52678</v>
      </c>
      <c r="B36350" t="s">
        <v>52682</v>
      </c>
      <c r="C36350">
        <v>0</v>
      </c>
      <c r="D36350">
        <v>0</v>
      </c>
    </row>
    <row r="36351" spans="1:4" x14ac:dyDescent="0.25">
      <c r="A36351" t="s">
        <v>52683</v>
      </c>
      <c r="B36351" t="s">
        <v>52684</v>
      </c>
      <c r="C36351">
        <v>0</v>
      </c>
      <c r="D36351">
        <v>0</v>
      </c>
    </row>
    <row r="36352" spans="1:4" x14ac:dyDescent="0.25">
      <c r="A36352" t="s">
        <v>52683</v>
      </c>
      <c r="B36352" t="s">
        <v>52685</v>
      </c>
      <c r="C36352">
        <v>1</v>
      </c>
      <c r="D36352">
        <v>0</v>
      </c>
    </row>
    <row r="36353" spans="1:4" x14ac:dyDescent="0.25">
      <c r="A36353" t="s">
        <v>52683</v>
      </c>
      <c r="B36353" t="s">
        <v>52686</v>
      </c>
      <c r="C36353">
        <v>0</v>
      </c>
      <c r="D36353">
        <v>0</v>
      </c>
    </row>
    <row r="36354" spans="1:4" x14ac:dyDescent="0.25">
      <c r="A36354" t="s">
        <v>52683</v>
      </c>
      <c r="B36354" t="s">
        <v>52687</v>
      </c>
      <c r="C36354">
        <v>1</v>
      </c>
      <c r="D36354">
        <v>0</v>
      </c>
    </row>
    <row r="36355" spans="1:4" x14ac:dyDescent="0.25">
      <c r="A36355" t="s">
        <v>52688</v>
      </c>
      <c r="B36355" t="s">
        <v>52689</v>
      </c>
      <c r="C36355">
        <v>1</v>
      </c>
      <c r="D36355">
        <v>0</v>
      </c>
    </row>
    <row r="36356" spans="1:4" x14ac:dyDescent="0.25">
      <c r="A36356" t="s">
        <v>52688</v>
      </c>
      <c r="B36356" t="s">
        <v>52690</v>
      </c>
      <c r="C36356">
        <v>2</v>
      </c>
      <c r="D36356">
        <v>0</v>
      </c>
    </row>
    <row r="36357" spans="1:4" x14ac:dyDescent="0.25">
      <c r="A36357" t="s">
        <v>52688</v>
      </c>
      <c r="B36357" t="s">
        <v>52691</v>
      </c>
      <c r="C36357">
        <v>2</v>
      </c>
      <c r="D36357">
        <v>0</v>
      </c>
    </row>
    <row r="36358" spans="1:4" x14ac:dyDescent="0.25">
      <c r="A36358" t="s">
        <v>52688</v>
      </c>
      <c r="B36358" t="s">
        <v>52692</v>
      </c>
      <c r="C36358">
        <v>1</v>
      </c>
      <c r="D36358">
        <v>0</v>
      </c>
    </row>
    <row r="36359" spans="1:4" x14ac:dyDescent="0.25">
      <c r="A36359" t="s">
        <v>52688</v>
      </c>
      <c r="B36359" t="s">
        <v>52693</v>
      </c>
      <c r="C36359">
        <v>2</v>
      </c>
      <c r="D36359">
        <v>0</v>
      </c>
    </row>
    <row r="36360" spans="1:4" x14ac:dyDescent="0.25">
      <c r="A36360" t="s">
        <v>52688</v>
      </c>
      <c r="B36360" t="s">
        <v>52694</v>
      </c>
      <c r="C36360">
        <v>2</v>
      </c>
      <c r="D36360">
        <v>0</v>
      </c>
    </row>
    <row r="36361" spans="1:4" x14ac:dyDescent="0.25">
      <c r="A36361" t="s">
        <v>52695</v>
      </c>
      <c r="B36361" t="s">
        <v>52696</v>
      </c>
      <c r="C36361">
        <v>2</v>
      </c>
      <c r="D36361">
        <v>0</v>
      </c>
    </row>
    <row r="36362" spans="1:4" x14ac:dyDescent="0.25">
      <c r="A36362" t="s">
        <v>52695</v>
      </c>
      <c r="B36362" t="s">
        <v>52697</v>
      </c>
      <c r="C36362">
        <v>1</v>
      </c>
      <c r="D36362">
        <v>0</v>
      </c>
    </row>
    <row r="36363" spans="1:4" x14ac:dyDescent="0.25">
      <c r="A36363" t="s">
        <v>52695</v>
      </c>
      <c r="B36363" t="s">
        <v>52698</v>
      </c>
      <c r="C36363">
        <v>0</v>
      </c>
      <c r="D36363">
        <v>0</v>
      </c>
    </row>
    <row r="36364" spans="1:4" x14ac:dyDescent="0.25">
      <c r="A36364" t="s">
        <v>52699</v>
      </c>
      <c r="B36364" t="s">
        <v>52700</v>
      </c>
      <c r="C36364">
        <v>2</v>
      </c>
      <c r="D36364">
        <v>0</v>
      </c>
    </row>
    <row r="36365" spans="1:4" x14ac:dyDescent="0.25">
      <c r="A36365" t="s">
        <v>52699</v>
      </c>
      <c r="B36365" t="s">
        <v>52701</v>
      </c>
      <c r="C36365">
        <v>1</v>
      </c>
      <c r="D36365">
        <v>0</v>
      </c>
    </row>
    <row r="36366" spans="1:4" x14ac:dyDescent="0.25">
      <c r="A36366" t="s">
        <v>52699</v>
      </c>
      <c r="B36366" t="s">
        <v>52702</v>
      </c>
      <c r="C36366">
        <v>0</v>
      </c>
      <c r="D36366">
        <v>0</v>
      </c>
    </row>
    <row r="36367" spans="1:4" x14ac:dyDescent="0.25">
      <c r="A36367" t="s">
        <v>52699</v>
      </c>
      <c r="B36367" t="s">
        <v>52703</v>
      </c>
      <c r="C36367">
        <v>2</v>
      </c>
      <c r="D36367">
        <v>0</v>
      </c>
    </row>
    <row r="36368" spans="1:4" x14ac:dyDescent="0.25">
      <c r="A36368" t="s">
        <v>52699</v>
      </c>
      <c r="B36368" t="s">
        <v>52704</v>
      </c>
      <c r="C36368">
        <v>1</v>
      </c>
      <c r="D36368">
        <v>0</v>
      </c>
    </row>
    <row r="36369" spans="1:4" x14ac:dyDescent="0.25">
      <c r="A36369" t="s">
        <v>52705</v>
      </c>
      <c r="B36369" t="s">
        <v>52706</v>
      </c>
      <c r="C36369">
        <v>0</v>
      </c>
      <c r="D36369">
        <v>0</v>
      </c>
    </row>
    <row r="36370" spans="1:4" x14ac:dyDescent="0.25">
      <c r="A36370" t="s">
        <v>52707</v>
      </c>
      <c r="B36370" t="s">
        <v>52708</v>
      </c>
      <c r="C36370">
        <v>1</v>
      </c>
      <c r="D36370">
        <v>0</v>
      </c>
    </row>
    <row r="36371" spans="1:4" x14ac:dyDescent="0.25">
      <c r="A36371" t="s">
        <v>52707</v>
      </c>
      <c r="B36371" t="s">
        <v>52709</v>
      </c>
      <c r="C36371">
        <v>2</v>
      </c>
      <c r="D36371">
        <v>0</v>
      </c>
    </row>
    <row r="36372" spans="1:4" x14ac:dyDescent="0.25">
      <c r="A36372" t="s">
        <v>52707</v>
      </c>
      <c r="B36372" t="s">
        <v>52710</v>
      </c>
      <c r="C36372">
        <v>1</v>
      </c>
      <c r="D36372">
        <v>0</v>
      </c>
    </row>
    <row r="36373" spans="1:4" x14ac:dyDescent="0.25">
      <c r="A36373" t="s">
        <v>52707</v>
      </c>
      <c r="B36373" t="s">
        <v>52711</v>
      </c>
      <c r="C36373">
        <v>1</v>
      </c>
      <c r="D36373">
        <v>0</v>
      </c>
    </row>
    <row r="36374" spans="1:4" x14ac:dyDescent="0.25">
      <c r="A36374" t="s">
        <v>52707</v>
      </c>
      <c r="B36374" t="s">
        <v>52712</v>
      </c>
      <c r="C36374">
        <v>2</v>
      </c>
      <c r="D36374">
        <v>0</v>
      </c>
    </row>
    <row r="36375" spans="1:4" x14ac:dyDescent="0.25">
      <c r="A36375" t="s">
        <v>52707</v>
      </c>
      <c r="B36375" t="s">
        <v>52713</v>
      </c>
      <c r="C36375">
        <v>1</v>
      </c>
      <c r="D36375">
        <v>0</v>
      </c>
    </row>
    <row r="36376" spans="1:4" x14ac:dyDescent="0.25">
      <c r="A36376" t="s">
        <v>52707</v>
      </c>
      <c r="B36376" t="s">
        <v>52714</v>
      </c>
      <c r="C36376">
        <v>1</v>
      </c>
      <c r="D36376">
        <v>0</v>
      </c>
    </row>
    <row r="36377" spans="1:4" x14ac:dyDescent="0.25">
      <c r="A36377" t="s">
        <v>52715</v>
      </c>
      <c r="B36377" t="s">
        <v>52716</v>
      </c>
      <c r="C36377">
        <v>1</v>
      </c>
      <c r="D36377">
        <v>0</v>
      </c>
    </row>
    <row r="36378" spans="1:4" x14ac:dyDescent="0.25">
      <c r="A36378" t="s">
        <v>52715</v>
      </c>
      <c r="B36378" t="s">
        <v>52717</v>
      </c>
      <c r="C36378">
        <v>1</v>
      </c>
      <c r="D36378">
        <v>0</v>
      </c>
    </row>
    <row r="36379" spans="1:4" x14ac:dyDescent="0.25">
      <c r="A36379" t="s">
        <v>52715</v>
      </c>
      <c r="B36379" t="s">
        <v>52718</v>
      </c>
      <c r="C36379">
        <v>0</v>
      </c>
      <c r="D36379">
        <v>0</v>
      </c>
    </row>
    <row r="36380" spans="1:4" x14ac:dyDescent="0.25">
      <c r="A36380" t="s">
        <v>52715</v>
      </c>
      <c r="B36380" t="s">
        <v>52719</v>
      </c>
      <c r="C36380">
        <v>0</v>
      </c>
      <c r="D36380">
        <v>0</v>
      </c>
    </row>
    <row r="36381" spans="1:4" x14ac:dyDescent="0.25">
      <c r="A36381" t="s">
        <v>52715</v>
      </c>
      <c r="B36381" t="s">
        <v>52720</v>
      </c>
      <c r="C36381">
        <v>0</v>
      </c>
      <c r="D36381">
        <v>0</v>
      </c>
    </row>
    <row r="36382" spans="1:4" x14ac:dyDescent="0.25">
      <c r="A36382" t="s">
        <v>52721</v>
      </c>
      <c r="B36382" t="s">
        <v>52722</v>
      </c>
      <c r="C36382">
        <v>1</v>
      </c>
      <c r="D36382">
        <v>0</v>
      </c>
    </row>
    <row r="36383" spans="1:4" x14ac:dyDescent="0.25">
      <c r="A36383" t="s">
        <v>52721</v>
      </c>
      <c r="B36383" t="s">
        <v>52723</v>
      </c>
      <c r="C36383">
        <v>2</v>
      </c>
      <c r="D36383">
        <v>0</v>
      </c>
    </row>
    <row r="36384" spans="1:4" x14ac:dyDescent="0.25">
      <c r="A36384" t="s">
        <v>52721</v>
      </c>
      <c r="B36384" t="s">
        <v>52724</v>
      </c>
      <c r="C36384">
        <v>1</v>
      </c>
      <c r="D36384">
        <v>0</v>
      </c>
    </row>
    <row r="36385" spans="1:4" x14ac:dyDescent="0.25">
      <c r="A36385" t="s">
        <v>52721</v>
      </c>
      <c r="B36385" t="s">
        <v>52725</v>
      </c>
      <c r="C36385">
        <v>1</v>
      </c>
      <c r="D36385">
        <v>0</v>
      </c>
    </row>
    <row r="36386" spans="1:4" x14ac:dyDescent="0.25">
      <c r="A36386" t="s">
        <v>52721</v>
      </c>
      <c r="B36386" t="s">
        <v>52726</v>
      </c>
      <c r="C36386">
        <v>0</v>
      </c>
      <c r="D36386">
        <v>0</v>
      </c>
    </row>
    <row r="36387" spans="1:4" x14ac:dyDescent="0.25">
      <c r="A36387" t="s">
        <v>52727</v>
      </c>
      <c r="B36387" t="s">
        <v>52728</v>
      </c>
      <c r="C36387">
        <v>2</v>
      </c>
      <c r="D36387">
        <v>0</v>
      </c>
    </row>
    <row r="36388" spans="1:4" x14ac:dyDescent="0.25">
      <c r="A36388" t="s">
        <v>52727</v>
      </c>
      <c r="B36388" t="s">
        <v>52729</v>
      </c>
      <c r="C36388">
        <v>1</v>
      </c>
      <c r="D36388">
        <v>0</v>
      </c>
    </row>
    <row r="36389" spans="1:4" x14ac:dyDescent="0.25">
      <c r="A36389" t="s">
        <v>52727</v>
      </c>
      <c r="B36389" t="s">
        <v>52730</v>
      </c>
      <c r="C36389">
        <v>1</v>
      </c>
      <c r="D36389">
        <v>0</v>
      </c>
    </row>
    <row r="36390" spans="1:4" x14ac:dyDescent="0.25">
      <c r="A36390" t="s">
        <v>52727</v>
      </c>
      <c r="B36390" t="s">
        <v>52731</v>
      </c>
      <c r="C36390">
        <v>0</v>
      </c>
      <c r="D36390">
        <v>0</v>
      </c>
    </row>
    <row r="36391" spans="1:4" x14ac:dyDescent="0.25">
      <c r="A36391" t="s">
        <v>52727</v>
      </c>
      <c r="B36391" t="s">
        <v>52732</v>
      </c>
      <c r="C36391">
        <v>2</v>
      </c>
      <c r="D36391">
        <v>0</v>
      </c>
    </row>
    <row r="36392" spans="1:4" x14ac:dyDescent="0.25">
      <c r="A36392" t="s">
        <v>52727</v>
      </c>
      <c r="B36392" t="s">
        <v>52733</v>
      </c>
      <c r="C36392">
        <v>2</v>
      </c>
      <c r="D36392">
        <v>0</v>
      </c>
    </row>
    <row r="36393" spans="1:4" x14ac:dyDescent="0.25">
      <c r="A36393" t="s">
        <v>52734</v>
      </c>
      <c r="B36393" t="s">
        <v>52735</v>
      </c>
      <c r="C36393">
        <v>1</v>
      </c>
      <c r="D36393">
        <v>0</v>
      </c>
    </row>
    <row r="36394" spans="1:4" x14ac:dyDescent="0.25">
      <c r="A36394" t="s">
        <v>52734</v>
      </c>
      <c r="B36394" t="s">
        <v>52736</v>
      </c>
      <c r="C36394">
        <v>2</v>
      </c>
      <c r="D36394">
        <v>0</v>
      </c>
    </row>
    <row r="36395" spans="1:4" x14ac:dyDescent="0.25">
      <c r="A36395" t="s">
        <v>52734</v>
      </c>
      <c r="B36395" t="s">
        <v>52737</v>
      </c>
      <c r="C36395">
        <v>2</v>
      </c>
      <c r="D36395">
        <v>0</v>
      </c>
    </row>
    <row r="36396" spans="1:4" x14ac:dyDescent="0.25">
      <c r="A36396" t="s">
        <v>52734</v>
      </c>
      <c r="B36396" t="s">
        <v>52738</v>
      </c>
      <c r="C36396">
        <v>2</v>
      </c>
      <c r="D36396">
        <v>0</v>
      </c>
    </row>
    <row r="36397" spans="1:4" x14ac:dyDescent="0.25">
      <c r="A36397" t="s">
        <v>52734</v>
      </c>
      <c r="B36397" t="s">
        <v>52739</v>
      </c>
      <c r="C36397">
        <v>1</v>
      </c>
      <c r="D36397">
        <v>0</v>
      </c>
    </row>
    <row r="36398" spans="1:4" x14ac:dyDescent="0.25">
      <c r="A36398" t="s">
        <v>52734</v>
      </c>
      <c r="B36398" t="s">
        <v>52740</v>
      </c>
      <c r="C36398">
        <v>1</v>
      </c>
      <c r="D36398">
        <v>0</v>
      </c>
    </row>
    <row r="36399" spans="1:4" x14ac:dyDescent="0.25">
      <c r="A36399" t="s">
        <v>52734</v>
      </c>
      <c r="B36399" t="s">
        <v>52741</v>
      </c>
      <c r="C36399">
        <v>2</v>
      </c>
      <c r="D36399">
        <v>0</v>
      </c>
    </row>
    <row r="36400" spans="1:4" x14ac:dyDescent="0.25">
      <c r="A36400" t="s">
        <v>52734</v>
      </c>
      <c r="B36400" t="s">
        <v>52742</v>
      </c>
      <c r="C36400">
        <v>1</v>
      </c>
      <c r="D36400">
        <v>0</v>
      </c>
    </row>
    <row r="36401" spans="1:4" x14ac:dyDescent="0.25">
      <c r="A36401" t="s">
        <v>52743</v>
      </c>
      <c r="B36401" t="s">
        <v>52744</v>
      </c>
      <c r="C36401">
        <v>1</v>
      </c>
      <c r="D36401">
        <v>0</v>
      </c>
    </row>
    <row r="36402" spans="1:4" x14ac:dyDescent="0.25">
      <c r="A36402" t="s">
        <v>52743</v>
      </c>
      <c r="B36402" t="s">
        <v>52745</v>
      </c>
      <c r="C36402">
        <v>0</v>
      </c>
      <c r="D36402">
        <v>0</v>
      </c>
    </row>
    <row r="36403" spans="1:4" x14ac:dyDescent="0.25">
      <c r="A36403" t="s">
        <v>52743</v>
      </c>
      <c r="B36403" t="s">
        <v>52746</v>
      </c>
      <c r="C36403">
        <v>1</v>
      </c>
      <c r="D36403">
        <v>0</v>
      </c>
    </row>
    <row r="36404" spans="1:4" x14ac:dyDescent="0.25">
      <c r="A36404" t="s">
        <v>52743</v>
      </c>
      <c r="B36404" t="s">
        <v>52747</v>
      </c>
      <c r="C36404">
        <v>0</v>
      </c>
      <c r="D36404">
        <v>0</v>
      </c>
    </row>
    <row r="36405" spans="1:4" x14ac:dyDescent="0.25">
      <c r="A36405" t="s">
        <v>52748</v>
      </c>
      <c r="B36405" t="s">
        <v>52749</v>
      </c>
      <c r="C36405">
        <v>1</v>
      </c>
      <c r="D36405">
        <v>0</v>
      </c>
    </row>
    <row r="36406" spans="1:4" x14ac:dyDescent="0.25">
      <c r="A36406" t="s">
        <v>52748</v>
      </c>
      <c r="B36406" t="s">
        <v>52750</v>
      </c>
      <c r="C36406">
        <v>1</v>
      </c>
      <c r="D36406">
        <v>0</v>
      </c>
    </row>
    <row r="36407" spans="1:4" x14ac:dyDescent="0.25">
      <c r="A36407" t="s">
        <v>52748</v>
      </c>
      <c r="B36407" t="s">
        <v>52751</v>
      </c>
      <c r="C36407">
        <v>1</v>
      </c>
      <c r="D36407">
        <v>0</v>
      </c>
    </row>
    <row r="36408" spans="1:4" x14ac:dyDescent="0.25">
      <c r="A36408" t="s">
        <v>52748</v>
      </c>
      <c r="B36408" t="s">
        <v>52752</v>
      </c>
      <c r="C36408">
        <v>2</v>
      </c>
      <c r="D36408">
        <v>0</v>
      </c>
    </row>
    <row r="36409" spans="1:4" x14ac:dyDescent="0.25">
      <c r="A36409" t="s">
        <v>52748</v>
      </c>
      <c r="B36409" t="s">
        <v>52753</v>
      </c>
      <c r="C36409">
        <v>1</v>
      </c>
      <c r="D36409">
        <v>0</v>
      </c>
    </row>
    <row r="36410" spans="1:4" x14ac:dyDescent="0.25">
      <c r="A36410" t="s">
        <v>52754</v>
      </c>
      <c r="B36410" t="s">
        <v>52755</v>
      </c>
      <c r="C36410">
        <v>1</v>
      </c>
      <c r="D36410">
        <v>0</v>
      </c>
    </row>
    <row r="36411" spans="1:4" x14ac:dyDescent="0.25">
      <c r="A36411" t="s">
        <v>52754</v>
      </c>
      <c r="B36411" t="s">
        <v>52756</v>
      </c>
      <c r="C36411">
        <v>1</v>
      </c>
      <c r="D36411">
        <v>0</v>
      </c>
    </row>
    <row r="36412" spans="1:4" x14ac:dyDescent="0.25">
      <c r="A36412" t="s">
        <v>52754</v>
      </c>
      <c r="B36412" t="s">
        <v>52757</v>
      </c>
      <c r="C36412">
        <v>1</v>
      </c>
      <c r="D36412">
        <v>0</v>
      </c>
    </row>
    <row r="36413" spans="1:4" x14ac:dyDescent="0.25">
      <c r="A36413" t="s">
        <v>52754</v>
      </c>
      <c r="B36413" t="s">
        <v>52758</v>
      </c>
      <c r="C36413">
        <v>0</v>
      </c>
      <c r="D36413">
        <v>0</v>
      </c>
    </row>
    <row r="36414" spans="1:4" x14ac:dyDescent="0.25">
      <c r="A36414" t="s">
        <v>52754</v>
      </c>
      <c r="B36414" t="s">
        <v>52759</v>
      </c>
      <c r="C36414">
        <v>1</v>
      </c>
      <c r="D36414">
        <v>0</v>
      </c>
    </row>
    <row r="36415" spans="1:4" x14ac:dyDescent="0.25">
      <c r="A36415" t="s">
        <v>52760</v>
      </c>
      <c r="B36415" t="s">
        <v>52761</v>
      </c>
      <c r="C36415">
        <v>1</v>
      </c>
      <c r="D36415">
        <v>0</v>
      </c>
    </row>
    <row r="36416" spans="1:4" x14ac:dyDescent="0.25">
      <c r="A36416" t="s">
        <v>52760</v>
      </c>
      <c r="B36416" t="s">
        <v>52762</v>
      </c>
      <c r="C36416">
        <v>1</v>
      </c>
      <c r="D36416">
        <v>0</v>
      </c>
    </row>
    <row r="36417" spans="1:4" x14ac:dyDescent="0.25">
      <c r="A36417" t="s">
        <v>52760</v>
      </c>
      <c r="B36417" t="s">
        <v>52763</v>
      </c>
      <c r="C36417">
        <v>1</v>
      </c>
      <c r="D36417">
        <v>0</v>
      </c>
    </row>
    <row r="36418" spans="1:4" x14ac:dyDescent="0.25">
      <c r="A36418" t="s">
        <v>52764</v>
      </c>
      <c r="B36418" t="s">
        <v>52765</v>
      </c>
      <c r="C36418">
        <v>2</v>
      </c>
      <c r="D36418">
        <v>0</v>
      </c>
    </row>
    <row r="36419" spans="1:4" x14ac:dyDescent="0.25">
      <c r="A36419" t="s">
        <v>52764</v>
      </c>
      <c r="B36419" t="s">
        <v>52766</v>
      </c>
      <c r="C36419">
        <v>1</v>
      </c>
      <c r="D36419">
        <v>0</v>
      </c>
    </row>
    <row r="36420" spans="1:4" x14ac:dyDescent="0.25">
      <c r="A36420" t="s">
        <v>52764</v>
      </c>
      <c r="B36420" t="s">
        <v>52767</v>
      </c>
      <c r="C36420">
        <v>2</v>
      </c>
      <c r="D36420">
        <v>0</v>
      </c>
    </row>
    <row r="36421" spans="1:4" x14ac:dyDescent="0.25">
      <c r="A36421" t="s">
        <v>52764</v>
      </c>
      <c r="B36421" t="s">
        <v>52768</v>
      </c>
      <c r="C36421">
        <v>1</v>
      </c>
      <c r="D36421">
        <v>0</v>
      </c>
    </row>
    <row r="36422" spans="1:4" x14ac:dyDescent="0.25">
      <c r="A36422" t="s">
        <v>52769</v>
      </c>
      <c r="B36422" t="s">
        <v>52770</v>
      </c>
      <c r="C36422">
        <v>2</v>
      </c>
      <c r="D36422">
        <v>0</v>
      </c>
    </row>
    <row r="36423" spans="1:4" x14ac:dyDescent="0.25">
      <c r="A36423" t="s">
        <v>52769</v>
      </c>
      <c r="B36423" t="s">
        <v>52771</v>
      </c>
      <c r="C36423">
        <v>2</v>
      </c>
      <c r="D36423">
        <v>0</v>
      </c>
    </row>
    <row r="36424" spans="1:4" x14ac:dyDescent="0.25">
      <c r="A36424" t="s">
        <v>52769</v>
      </c>
      <c r="B36424" t="s">
        <v>52771</v>
      </c>
      <c r="C36424">
        <v>2</v>
      </c>
      <c r="D36424">
        <v>0</v>
      </c>
    </row>
    <row r="36425" spans="1:4" x14ac:dyDescent="0.25">
      <c r="A36425" t="s">
        <v>52772</v>
      </c>
      <c r="B36425" t="s">
        <v>52773</v>
      </c>
      <c r="C36425">
        <v>0</v>
      </c>
      <c r="D36425">
        <v>0</v>
      </c>
    </row>
    <row r="36426" spans="1:4" x14ac:dyDescent="0.25">
      <c r="A36426" t="s">
        <v>52774</v>
      </c>
      <c r="B36426" t="s">
        <v>52775</v>
      </c>
      <c r="C36426">
        <v>2</v>
      </c>
      <c r="D36426">
        <v>0</v>
      </c>
    </row>
    <row r="36427" spans="1:4" x14ac:dyDescent="0.25">
      <c r="A36427" t="s">
        <v>52774</v>
      </c>
      <c r="B36427" t="s">
        <v>52776</v>
      </c>
      <c r="C36427">
        <v>0</v>
      </c>
      <c r="D36427">
        <v>0</v>
      </c>
    </row>
    <row r="36428" spans="1:4" x14ac:dyDescent="0.25">
      <c r="A36428" t="s">
        <v>52774</v>
      </c>
      <c r="B36428" t="s">
        <v>52777</v>
      </c>
      <c r="C36428">
        <v>0</v>
      </c>
      <c r="D36428">
        <v>0</v>
      </c>
    </row>
    <row r="36429" spans="1:4" x14ac:dyDescent="0.25">
      <c r="A36429" t="s">
        <v>52774</v>
      </c>
      <c r="B36429" t="s">
        <v>52778</v>
      </c>
      <c r="C36429">
        <v>1</v>
      </c>
      <c r="D36429">
        <v>0</v>
      </c>
    </row>
    <row r="36430" spans="1:4" x14ac:dyDescent="0.25">
      <c r="A36430" t="s">
        <v>52774</v>
      </c>
      <c r="B36430" t="s">
        <v>2865</v>
      </c>
      <c r="C36430">
        <v>0</v>
      </c>
      <c r="D36430">
        <v>0</v>
      </c>
    </row>
    <row r="36431" spans="1:4" x14ac:dyDescent="0.25">
      <c r="A36431" t="s">
        <v>52779</v>
      </c>
      <c r="B36431" t="s">
        <v>52780</v>
      </c>
      <c r="C36431">
        <v>0</v>
      </c>
      <c r="D36431">
        <v>0</v>
      </c>
    </row>
    <row r="36432" spans="1:4" x14ac:dyDescent="0.25">
      <c r="A36432" t="s">
        <v>52779</v>
      </c>
      <c r="B36432" t="s">
        <v>52781</v>
      </c>
      <c r="C36432">
        <v>0</v>
      </c>
      <c r="D36432">
        <v>0</v>
      </c>
    </row>
    <row r="36433" spans="1:4" x14ac:dyDescent="0.25">
      <c r="A36433" t="s">
        <v>52779</v>
      </c>
      <c r="B36433" t="s">
        <v>52782</v>
      </c>
      <c r="C36433">
        <v>0</v>
      </c>
      <c r="D36433">
        <v>0</v>
      </c>
    </row>
    <row r="36434" spans="1:4" x14ac:dyDescent="0.25">
      <c r="A36434" t="s">
        <v>52779</v>
      </c>
      <c r="B36434" t="s">
        <v>52783</v>
      </c>
      <c r="C36434">
        <v>1</v>
      </c>
      <c r="D36434">
        <v>0</v>
      </c>
    </row>
    <row r="36435" spans="1:4" x14ac:dyDescent="0.25">
      <c r="A36435" t="s">
        <v>52779</v>
      </c>
      <c r="B36435" t="s">
        <v>52784</v>
      </c>
      <c r="C36435">
        <v>1</v>
      </c>
      <c r="D36435">
        <v>0</v>
      </c>
    </row>
    <row r="36436" spans="1:4" x14ac:dyDescent="0.25">
      <c r="A36436" t="s">
        <v>52785</v>
      </c>
      <c r="B36436" t="s">
        <v>52786</v>
      </c>
      <c r="C36436">
        <v>0</v>
      </c>
      <c r="D36436">
        <v>0</v>
      </c>
    </row>
    <row r="36437" spans="1:4" x14ac:dyDescent="0.25">
      <c r="A36437" t="s">
        <v>52785</v>
      </c>
      <c r="B36437" t="s">
        <v>52787</v>
      </c>
      <c r="C36437">
        <v>2</v>
      </c>
      <c r="D36437">
        <v>0</v>
      </c>
    </row>
    <row r="36438" spans="1:4" x14ac:dyDescent="0.25">
      <c r="A36438" t="s">
        <v>52785</v>
      </c>
      <c r="B36438" t="s">
        <v>52788</v>
      </c>
      <c r="C36438">
        <v>1</v>
      </c>
      <c r="D36438">
        <v>0</v>
      </c>
    </row>
    <row r="36439" spans="1:4" x14ac:dyDescent="0.25">
      <c r="A36439" t="s">
        <v>52785</v>
      </c>
      <c r="B36439" t="s">
        <v>52789</v>
      </c>
      <c r="C36439">
        <v>1</v>
      </c>
      <c r="D36439">
        <v>0</v>
      </c>
    </row>
    <row r="36440" spans="1:4" x14ac:dyDescent="0.25">
      <c r="A36440" t="s">
        <v>52790</v>
      </c>
      <c r="B36440" t="s">
        <v>52791</v>
      </c>
      <c r="C36440">
        <v>1</v>
      </c>
      <c r="D36440">
        <v>0</v>
      </c>
    </row>
    <row r="36441" spans="1:4" x14ac:dyDescent="0.25">
      <c r="A36441" t="s">
        <v>52790</v>
      </c>
      <c r="B36441" t="s">
        <v>52792</v>
      </c>
      <c r="C36441">
        <v>1</v>
      </c>
      <c r="D36441">
        <v>0</v>
      </c>
    </row>
    <row r="36442" spans="1:4" x14ac:dyDescent="0.25">
      <c r="A36442" t="s">
        <v>52790</v>
      </c>
      <c r="B36442" t="s">
        <v>52793</v>
      </c>
      <c r="C36442">
        <v>1</v>
      </c>
      <c r="D36442">
        <v>0</v>
      </c>
    </row>
    <row r="36443" spans="1:4" x14ac:dyDescent="0.25">
      <c r="A36443" t="s">
        <v>52790</v>
      </c>
      <c r="B36443" t="s">
        <v>52794</v>
      </c>
      <c r="C36443">
        <v>2</v>
      </c>
      <c r="D36443">
        <v>0</v>
      </c>
    </row>
    <row r="36444" spans="1:4" x14ac:dyDescent="0.25">
      <c r="A36444" t="s">
        <v>52795</v>
      </c>
      <c r="B36444" t="s">
        <v>52796</v>
      </c>
      <c r="C36444">
        <v>1</v>
      </c>
      <c r="D36444">
        <v>0</v>
      </c>
    </row>
    <row r="36445" spans="1:4" x14ac:dyDescent="0.25">
      <c r="A36445" t="s">
        <v>52795</v>
      </c>
      <c r="B36445" t="s">
        <v>52797</v>
      </c>
      <c r="C36445">
        <v>0</v>
      </c>
      <c r="D36445">
        <v>0</v>
      </c>
    </row>
    <row r="36446" spans="1:4" x14ac:dyDescent="0.25">
      <c r="A36446" t="s">
        <v>52795</v>
      </c>
      <c r="B36446" t="s">
        <v>52798</v>
      </c>
      <c r="C36446">
        <v>2</v>
      </c>
      <c r="D36446">
        <v>0</v>
      </c>
    </row>
    <row r="36447" spans="1:4" x14ac:dyDescent="0.25">
      <c r="A36447" t="s">
        <v>52795</v>
      </c>
      <c r="B36447" t="s">
        <v>52799</v>
      </c>
      <c r="C36447">
        <v>1</v>
      </c>
      <c r="D36447">
        <v>0</v>
      </c>
    </row>
    <row r="36448" spans="1:4" x14ac:dyDescent="0.25">
      <c r="A36448" t="s">
        <v>52800</v>
      </c>
      <c r="B36448" t="s">
        <v>52801</v>
      </c>
      <c r="C36448">
        <v>1</v>
      </c>
      <c r="D36448">
        <v>0</v>
      </c>
    </row>
    <row r="36449" spans="1:4" x14ac:dyDescent="0.25">
      <c r="A36449" t="s">
        <v>52800</v>
      </c>
      <c r="B36449" t="s">
        <v>52802</v>
      </c>
      <c r="C36449">
        <v>1</v>
      </c>
      <c r="D36449">
        <v>0</v>
      </c>
    </row>
    <row r="36450" spans="1:4" x14ac:dyDescent="0.25">
      <c r="A36450" t="s">
        <v>52800</v>
      </c>
      <c r="B36450" t="s">
        <v>52803</v>
      </c>
      <c r="C36450">
        <v>1</v>
      </c>
      <c r="D36450">
        <v>0</v>
      </c>
    </row>
    <row r="36451" spans="1:4" x14ac:dyDescent="0.25">
      <c r="A36451" t="s">
        <v>52804</v>
      </c>
      <c r="B36451" t="s">
        <v>52805</v>
      </c>
      <c r="C36451">
        <v>0</v>
      </c>
      <c r="D36451">
        <v>0</v>
      </c>
    </row>
    <row r="36452" spans="1:4" x14ac:dyDescent="0.25">
      <c r="A36452" t="s">
        <v>52804</v>
      </c>
      <c r="B36452" t="s">
        <v>52806</v>
      </c>
      <c r="C36452">
        <v>1</v>
      </c>
      <c r="D36452">
        <v>0</v>
      </c>
    </row>
    <row r="36453" spans="1:4" x14ac:dyDescent="0.25">
      <c r="A36453" t="s">
        <v>52804</v>
      </c>
      <c r="B36453" t="s">
        <v>52807</v>
      </c>
      <c r="C36453">
        <v>0</v>
      </c>
      <c r="D36453">
        <v>0</v>
      </c>
    </row>
    <row r="36454" spans="1:4" x14ac:dyDescent="0.25">
      <c r="A36454" t="s">
        <v>52808</v>
      </c>
      <c r="B36454" t="s">
        <v>52809</v>
      </c>
      <c r="C36454">
        <v>1</v>
      </c>
      <c r="D36454">
        <v>0</v>
      </c>
    </row>
    <row r="36455" spans="1:4" x14ac:dyDescent="0.25">
      <c r="A36455" t="s">
        <v>52808</v>
      </c>
      <c r="B36455" t="s">
        <v>52810</v>
      </c>
      <c r="C36455">
        <v>1</v>
      </c>
      <c r="D36455">
        <v>0</v>
      </c>
    </row>
    <row r="36456" spans="1:4" x14ac:dyDescent="0.25">
      <c r="A36456" t="s">
        <v>52808</v>
      </c>
      <c r="B36456" t="s">
        <v>52811</v>
      </c>
      <c r="C36456">
        <v>2</v>
      </c>
      <c r="D36456">
        <v>0</v>
      </c>
    </row>
    <row r="36457" spans="1:4" x14ac:dyDescent="0.25">
      <c r="A36457" t="s">
        <v>52808</v>
      </c>
      <c r="B36457" t="s">
        <v>52812</v>
      </c>
      <c r="C36457">
        <v>0</v>
      </c>
      <c r="D36457">
        <v>0</v>
      </c>
    </row>
    <row r="36458" spans="1:4" x14ac:dyDescent="0.25">
      <c r="A36458" t="s">
        <v>52813</v>
      </c>
      <c r="B36458" t="s">
        <v>52814</v>
      </c>
      <c r="C36458">
        <v>2</v>
      </c>
      <c r="D36458">
        <v>0</v>
      </c>
    </row>
    <row r="36459" spans="1:4" x14ac:dyDescent="0.25">
      <c r="A36459" t="s">
        <v>52813</v>
      </c>
      <c r="B36459" t="s">
        <v>52815</v>
      </c>
      <c r="C36459">
        <v>0</v>
      </c>
      <c r="D36459">
        <v>0</v>
      </c>
    </row>
    <row r="36460" spans="1:4" x14ac:dyDescent="0.25">
      <c r="A36460" t="s">
        <v>52813</v>
      </c>
      <c r="B36460" t="s">
        <v>52816</v>
      </c>
      <c r="C36460">
        <v>1</v>
      </c>
      <c r="D36460">
        <v>0</v>
      </c>
    </row>
    <row r="36461" spans="1:4" x14ac:dyDescent="0.25">
      <c r="A36461" t="s">
        <v>52813</v>
      </c>
      <c r="B36461" t="s">
        <v>52817</v>
      </c>
      <c r="C36461">
        <v>0</v>
      </c>
      <c r="D36461">
        <v>0</v>
      </c>
    </row>
    <row r="36462" spans="1:4" x14ac:dyDescent="0.25">
      <c r="A36462" t="s">
        <v>52813</v>
      </c>
      <c r="B36462" t="s">
        <v>52818</v>
      </c>
      <c r="C36462">
        <v>2</v>
      </c>
      <c r="D36462">
        <v>0</v>
      </c>
    </row>
    <row r="36463" spans="1:4" x14ac:dyDescent="0.25">
      <c r="A36463" t="s">
        <v>52813</v>
      </c>
      <c r="B36463" t="s">
        <v>50412</v>
      </c>
      <c r="C36463">
        <v>1</v>
      </c>
      <c r="D36463">
        <v>0</v>
      </c>
    </row>
    <row r="36464" spans="1:4" x14ac:dyDescent="0.25">
      <c r="A36464" t="s">
        <v>52819</v>
      </c>
      <c r="B36464" t="s">
        <v>52820</v>
      </c>
      <c r="C36464">
        <v>2</v>
      </c>
      <c r="D36464">
        <v>0</v>
      </c>
    </row>
    <row r="36465" spans="1:4" x14ac:dyDescent="0.25">
      <c r="A36465" t="s">
        <v>52819</v>
      </c>
      <c r="B36465" t="s">
        <v>52821</v>
      </c>
      <c r="C36465">
        <v>2</v>
      </c>
      <c r="D36465">
        <v>0</v>
      </c>
    </row>
    <row r="36466" spans="1:4" x14ac:dyDescent="0.25">
      <c r="A36466" t="s">
        <v>52819</v>
      </c>
      <c r="B36466" t="s">
        <v>52822</v>
      </c>
      <c r="C36466">
        <v>2</v>
      </c>
      <c r="D36466">
        <v>0</v>
      </c>
    </row>
    <row r="36467" spans="1:4" x14ac:dyDescent="0.25">
      <c r="A36467" t="s">
        <v>52819</v>
      </c>
      <c r="B36467" t="s">
        <v>52823</v>
      </c>
      <c r="C36467">
        <v>2</v>
      </c>
      <c r="D36467">
        <v>0</v>
      </c>
    </row>
    <row r="36468" spans="1:4" x14ac:dyDescent="0.25">
      <c r="A36468" t="s">
        <v>52824</v>
      </c>
      <c r="B36468" t="s">
        <v>52825</v>
      </c>
      <c r="C36468">
        <v>1</v>
      </c>
      <c r="D36468">
        <v>0</v>
      </c>
    </row>
    <row r="36469" spans="1:4" x14ac:dyDescent="0.25">
      <c r="A36469" t="s">
        <v>52824</v>
      </c>
      <c r="B36469" t="s">
        <v>52826</v>
      </c>
      <c r="C36469">
        <v>2</v>
      </c>
      <c r="D36469">
        <v>0</v>
      </c>
    </row>
    <row r="36470" spans="1:4" x14ac:dyDescent="0.25">
      <c r="A36470" t="s">
        <v>52824</v>
      </c>
      <c r="B36470" t="s">
        <v>52827</v>
      </c>
      <c r="C36470">
        <v>1</v>
      </c>
      <c r="D36470">
        <v>0</v>
      </c>
    </row>
    <row r="36471" spans="1:4" x14ac:dyDescent="0.25">
      <c r="A36471" t="s">
        <v>52828</v>
      </c>
      <c r="B36471" t="s">
        <v>5864</v>
      </c>
      <c r="C36471">
        <v>1</v>
      </c>
      <c r="D36471">
        <v>0</v>
      </c>
    </row>
    <row r="36472" spans="1:4" x14ac:dyDescent="0.25">
      <c r="A36472" t="s">
        <v>52828</v>
      </c>
      <c r="B36472" t="s">
        <v>52829</v>
      </c>
      <c r="C36472">
        <v>1</v>
      </c>
      <c r="D36472">
        <v>0</v>
      </c>
    </row>
    <row r="36473" spans="1:4" x14ac:dyDescent="0.25">
      <c r="A36473" t="s">
        <v>52828</v>
      </c>
      <c r="B36473" t="s">
        <v>5864</v>
      </c>
      <c r="C36473">
        <v>1</v>
      </c>
      <c r="D36473">
        <v>0</v>
      </c>
    </row>
    <row r="36474" spans="1:4" x14ac:dyDescent="0.25">
      <c r="A36474" t="s">
        <v>52828</v>
      </c>
      <c r="B36474" t="s">
        <v>52830</v>
      </c>
      <c r="C36474">
        <v>1</v>
      </c>
      <c r="D36474">
        <v>0</v>
      </c>
    </row>
    <row r="36475" spans="1:4" x14ac:dyDescent="0.25">
      <c r="A36475" t="s">
        <v>52828</v>
      </c>
      <c r="B36475" t="s">
        <v>52831</v>
      </c>
      <c r="C36475">
        <v>2</v>
      </c>
      <c r="D36475">
        <v>0</v>
      </c>
    </row>
    <row r="36476" spans="1:4" x14ac:dyDescent="0.25">
      <c r="A36476" t="s">
        <v>52828</v>
      </c>
      <c r="B36476" t="s">
        <v>52832</v>
      </c>
      <c r="C36476">
        <v>1</v>
      </c>
      <c r="D36476">
        <v>0</v>
      </c>
    </row>
    <row r="36477" spans="1:4" x14ac:dyDescent="0.25">
      <c r="A36477" t="s">
        <v>52833</v>
      </c>
      <c r="B36477" t="s">
        <v>11075</v>
      </c>
      <c r="C36477">
        <v>1</v>
      </c>
      <c r="D36477">
        <v>0</v>
      </c>
    </row>
    <row r="36478" spans="1:4" x14ac:dyDescent="0.25">
      <c r="A36478" t="s">
        <v>52833</v>
      </c>
      <c r="B36478" t="s">
        <v>2651</v>
      </c>
      <c r="C36478">
        <v>0</v>
      </c>
      <c r="D36478">
        <v>0</v>
      </c>
    </row>
    <row r="36479" spans="1:4" x14ac:dyDescent="0.25">
      <c r="A36479" t="s">
        <v>52833</v>
      </c>
      <c r="B36479" t="s">
        <v>52834</v>
      </c>
      <c r="C36479">
        <v>1</v>
      </c>
      <c r="D36479">
        <v>0</v>
      </c>
    </row>
    <row r="36480" spans="1:4" x14ac:dyDescent="0.25">
      <c r="A36480" t="s">
        <v>52833</v>
      </c>
      <c r="B36480" t="s">
        <v>52835</v>
      </c>
      <c r="C36480">
        <v>0</v>
      </c>
      <c r="D36480">
        <v>0</v>
      </c>
    </row>
    <row r="36481" spans="1:4" x14ac:dyDescent="0.25">
      <c r="A36481" t="s">
        <v>52836</v>
      </c>
      <c r="B36481" t="s">
        <v>52837</v>
      </c>
      <c r="C36481">
        <v>0</v>
      </c>
      <c r="D36481">
        <v>0</v>
      </c>
    </row>
    <row r="36482" spans="1:4" x14ac:dyDescent="0.25">
      <c r="A36482" t="s">
        <v>52836</v>
      </c>
      <c r="B36482" t="s">
        <v>52838</v>
      </c>
      <c r="C36482">
        <v>2</v>
      </c>
      <c r="D36482">
        <v>0</v>
      </c>
    </row>
    <row r="36483" spans="1:4" x14ac:dyDescent="0.25">
      <c r="A36483" t="s">
        <v>52836</v>
      </c>
      <c r="B36483" t="s">
        <v>52839</v>
      </c>
      <c r="C36483">
        <v>0</v>
      </c>
      <c r="D36483">
        <v>0</v>
      </c>
    </row>
    <row r="36484" spans="1:4" x14ac:dyDescent="0.25">
      <c r="A36484" t="s">
        <v>52840</v>
      </c>
      <c r="B36484" t="s">
        <v>52841</v>
      </c>
      <c r="C36484">
        <v>0</v>
      </c>
      <c r="D36484">
        <v>0</v>
      </c>
    </row>
    <row r="36485" spans="1:4" x14ac:dyDescent="0.25">
      <c r="A36485" t="s">
        <v>52840</v>
      </c>
      <c r="B36485" t="s">
        <v>52842</v>
      </c>
      <c r="C36485">
        <v>1</v>
      </c>
      <c r="D36485">
        <v>0</v>
      </c>
    </row>
    <row r="36486" spans="1:4" x14ac:dyDescent="0.25">
      <c r="A36486" t="s">
        <v>52840</v>
      </c>
      <c r="B36486" t="s">
        <v>52843</v>
      </c>
      <c r="C36486">
        <v>1</v>
      </c>
      <c r="D36486">
        <v>0</v>
      </c>
    </row>
    <row r="36487" spans="1:4" x14ac:dyDescent="0.25">
      <c r="A36487" t="s">
        <v>52840</v>
      </c>
      <c r="B36487" t="s">
        <v>52844</v>
      </c>
      <c r="C36487">
        <v>1</v>
      </c>
      <c r="D36487">
        <v>0</v>
      </c>
    </row>
    <row r="36488" spans="1:4" x14ac:dyDescent="0.25">
      <c r="A36488" t="s">
        <v>52840</v>
      </c>
      <c r="B36488" t="s">
        <v>52845</v>
      </c>
      <c r="C36488">
        <v>1</v>
      </c>
      <c r="D36488">
        <v>0</v>
      </c>
    </row>
    <row r="36489" spans="1:4" x14ac:dyDescent="0.25">
      <c r="A36489" t="s">
        <v>52840</v>
      </c>
      <c r="B36489" t="s">
        <v>52846</v>
      </c>
      <c r="C36489">
        <v>1</v>
      </c>
      <c r="D36489">
        <v>0</v>
      </c>
    </row>
    <row r="36490" spans="1:4" x14ac:dyDescent="0.25">
      <c r="A36490" t="s">
        <v>52840</v>
      </c>
      <c r="B36490" t="s">
        <v>52847</v>
      </c>
      <c r="C36490">
        <v>2</v>
      </c>
      <c r="D36490">
        <v>0</v>
      </c>
    </row>
    <row r="36491" spans="1:4" x14ac:dyDescent="0.25">
      <c r="A36491" t="s">
        <v>52848</v>
      </c>
      <c r="B36491" t="s">
        <v>52849</v>
      </c>
      <c r="C36491">
        <v>1</v>
      </c>
      <c r="D36491">
        <v>0</v>
      </c>
    </row>
    <row r="36492" spans="1:4" x14ac:dyDescent="0.25">
      <c r="A36492" t="s">
        <v>52850</v>
      </c>
      <c r="B36492" t="s">
        <v>52851</v>
      </c>
      <c r="C36492">
        <v>1</v>
      </c>
      <c r="D36492">
        <v>0</v>
      </c>
    </row>
    <row r="36493" spans="1:4" x14ac:dyDescent="0.25">
      <c r="A36493" t="s">
        <v>52850</v>
      </c>
      <c r="B36493" t="s">
        <v>2651</v>
      </c>
      <c r="C36493">
        <v>0</v>
      </c>
      <c r="D36493">
        <v>0</v>
      </c>
    </row>
    <row r="36494" spans="1:4" x14ac:dyDescent="0.25">
      <c r="A36494" t="s">
        <v>52850</v>
      </c>
      <c r="B36494" t="s">
        <v>52852</v>
      </c>
      <c r="C36494">
        <v>1</v>
      </c>
      <c r="D36494">
        <v>0</v>
      </c>
    </row>
    <row r="36495" spans="1:4" x14ac:dyDescent="0.25">
      <c r="A36495" t="s">
        <v>52850</v>
      </c>
      <c r="B36495" t="s">
        <v>52853</v>
      </c>
      <c r="C36495">
        <v>0</v>
      </c>
      <c r="D36495">
        <v>0</v>
      </c>
    </row>
    <row r="36496" spans="1:4" x14ac:dyDescent="0.25">
      <c r="A36496" t="s">
        <v>52850</v>
      </c>
      <c r="B36496" t="s">
        <v>52854</v>
      </c>
      <c r="C36496">
        <v>2</v>
      </c>
      <c r="D36496">
        <v>0</v>
      </c>
    </row>
    <row r="36497" spans="1:4" x14ac:dyDescent="0.25">
      <c r="A36497" t="s">
        <v>52850</v>
      </c>
      <c r="B36497" t="s">
        <v>52855</v>
      </c>
      <c r="C36497">
        <v>1</v>
      </c>
      <c r="D36497">
        <v>0</v>
      </c>
    </row>
    <row r="36498" spans="1:4" x14ac:dyDescent="0.25">
      <c r="A36498" t="s">
        <v>52856</v>
      </c>
      <c r="B36498" t="s">
        <v>3743</v>
      </c>
      <c r="C36498">
        <v>1</v>
      </c>
      <c r="D36498">
        <v>0</v>
      </c>
    </row>
    <row r="36499" spans="1:4" x14ac:dyDescent="0.25">
      <c r="A36499" t="s">
        <v>52856</v>
      </c>
      <c r="B36499" t="s">
        <v>52857</v>
      </c>
      <c r="C36499">
        <v>1</v>
      </c>
      <c r="D36499">
        <v>0</v>
      </c>
    </row>
    <row r="36500" spans="1:4" x14ac:dyDescent="0.25">
      <c r="A36500" t="s">
        <v>52856</v>
      </c>
      <c r="B36500" t="s">
        <v>52858</v>
      </c>
      <c r="C36500">
        <v>1</v>
      </c>
      <c r="D36500">
        <v>0</v>
      </c>
    </row>
    <row r="36501" spans="1:4" x14ac:dyDescent="0.25">
      <c r="A36501" t="s">
        <v>52856</v>
      </c>
      <c r="B36501" t="s">
        <v>52859</v>
      </c>
      <c r="C36501">
        <v>1</v>
      </c>
      <c r="D36501">
        <v>0</v>
      </c>
    </row>
    <row r="36502" spans="1:4" x14ac:dyDescent="0.25">
      <c r="A36502" t="s">
        <v>52856</v>
      </c>
      <c r="B36502" t="s">
        <v>52860</v>
      </c>
      <c r="C36502">
        <v>1</v>
      </c>
      <c r="D36502">
        <v>0</v>
      </c>
    </row>
    <row r="36503" spans="1:4" x14ac:dyDescent="0.25">
      <c r="A36503" t="s">
        <v>52861</v>
      </c>
      <c r="B36503" t="s">
        <v>52862</v>
      </c>
      <c r="C36503">
        <v>0</v>
      </c>
      <c r="D36503">
        <v>0</v>
      </c>
    </row>
    <row r="36504" spans="1:4" x14ac:dyDescent="0.25">
      <c r="A36504" t="s">
        <v>52861</v>
      </c>
      <c r="B36504" t="s">
        <v>52863</v>
      </c>
      <c r="C36504">
        <v>0</v>
      </c>
      <c r="D36504">
        <v>0</v>
      </c>
    </row>
    <row r="36505" spans="1:4" x14ac:dyDescent="0.25">
      <c r="A36505" t="s">
        <v>52861</v>
      </c>
      <c r="B36505" t="s">
        <v>52864</v>
      </c>
      <c r="C36505">
        <v>1</v>
      </c>
      <c r="D36505">
        <v>0</v>
      </c>
    </row>
    <row r="36506" spans="1:4" x14ac:dyDescent="0.25">
      <c r="A36506" t="s">
        <v>52865</v>
      </c>
      <c r="B36506" t="s">
        <v>52866</v>
      </c>
      <c r="C36506">
        <v>1</v>
      </c>
      <c r="D36506">
        <v>0</v>
      </c>
    </row>
    <row r="36507" spans="1:4" x14ac:dyDescent="0.25">
      <c r="A36507" t="s">
        <v>52865</v>
      </c>
      <c r="B36507" t="s">
        <v>52867</v>
      </c>
      <c r="C36507">
        <v>0</v>
      </c>
      <c r="D36507">
        <v>0</v>
      </c>
    </row>
    <row r="36508" spans="1:4" x14ac:dyDescent="0.25">
      <c r="A36508" t="s">
        <v>52865</v>
      </c>
      <c r="B36508" t="s">
        <v>2651</v>
      </c>
      <c r="C36508">
        <v>0</v>
      </c>
      <c r="D36508">
        <v>0</v>
      </c>
    </row>
    <row r="36509" spans="1:4" x14ac:dyDescent="0.25">
      <c r="A36509" t="s">
        <v>52865</v>
      </c>
      <c r="B36509" t="s">
        <v>5713</v>
      </c>
      <c r="C36509">
        <v>1</v>
      </c>
      <c r="D36509">
        <v>0</v>
      </c>
    </row>
    <row r="36510" spans="1:4" x14ac:dyDescent="0.25">
      <c r="A36510" t="s">
        <v>52865</v>
      </c>
      <c r="B36510" t="s">
        <v>27541</v>
      </c>
      <c r="C36510">
        <v>2</v>
      </c>
      <c r="D36510">
        <v>0</v>
      </c>
    </row>
    <row r="36511" spans="1:4" x14ac:dyDescent="0.25">
      <c r="A36511" t="s">
        <v>52865</v>
      </c>
      <c r="B36511" t="s">
        <v>5434</v>
      </c>
      <c r="C36511">
        <v>1</v>
      </c>
      <c r="D36511">
        <v>0</v>
      </c>
    </row>
    <row r="36512" spans="1:4" x14ac:dyDescent="0.25">
      <c r="A36512" t="s">
        <v>52868</v>
      </c>
      <c r="B36512" t="s">
        <v>52869</v>
      </c>
      <c r="C36512">
        <v>1</v>
      </c>
      <c r="D36512">
        <v>0</v>
      </c>
    </row>
    <row r="36513" spans="1:4" x14ac:dyDescent="0.25">
      <c r="A36513" t="s">
        <v>52868</v>
      </c>
      <c r="B36513" t="s">
        <v>52870</v>
      </c>
      <c r="C36513">
        <v>2</v>
      </c>
      <c r="D36513">
        <v>0</v>
      </c>
    </row>
    <row r="36514" spans="1:4" x14ac:dyDescent="0.25">
      <c r="A36514" t="s">
        <v>52868</v>
      </c>
      <c r="B36514" t="s">
        <v>52871</v>
      </c>
      <c r="C36514">
        <v>1</v>
      </c>
      <c r="D36514">
        <v>0</v>
      </c>
    </row>
    <row r="36515" spans="1:4" x14ac:dyDescent="0.25">
      <c r="A36515" t="s">
        <v>52868</v>
      </c>
      <c r="B36515" t="s">
        <v>52872</v>
      </c>
      <c r="C36515">
        <v>0</v>
      </c>
      <c r="D36515">
        <v>0</v>
      </c>
    </row>
    <row r="36516" spans="1:4" x14ac:dyDescent="0.25">
      <c r="A36516" t="s">
        <v>52868</v>
      </c>
      <c r="B36516" t="s">
        <v>52873</v>
      </c>
      <c r="C36516">
        <v>1</v>
      </c>
      <c r="D36516">
        <v>0</v>
      </c>
    </row>
    <row r="36517" spans="1:4" x14ac:dyDescent="0.25">
      <c r="A36517" t="s">
        <v>52874</v>
      </c>
      <c r="B36517" t="s">
        <v>52875</v>
      </c>
      <c r="C36517">
        <v>0</v>
      </c>
      <c r="D36517">
        <v>0</v>
      </c>
    </row>
    <row r="36518" spans="1:4" x14ac:dyDescent="0.25">
      <c r="A36518" t="s">
        <v>52876</v>
      </c>
      <c r="B36518" t="s">
        <v>52877</v>
      </c>
      <c r="C36518">
        <v>1</v>
      </c>
      <c r="D36518">
        <v>0</v>
      </c>
    </row>
    <row r="36519" spans="1:4" x14ac:dyDescent="0.25">
      <c r="A36519" t="s">
        <v>52878</v>
      </c>
      <c r="B36519" t="s">
        <v>52879</v>
      </c>
      <c r="C36519">
        <v>1</v>
      </c>
      <c r="D36519">
        <v>0</v>
      </c>
    </row>
    <row r="36520" spans="1:4" x14ac:dyDescent="0.25">
      <c r="A36520" t="s">
        <v>52878</v>
      </c>
      <c r="B36520" t="s">
        <v>52880</v>
      </c>
      <c r="C36520">
        <v>1</v>
      </c>
      <c r="D36520">
        <v>0</v>
      </c>
    </row>
    <row r="36521" spans="1:4" x14ac:dyDescent="0.25">
      <c r="A36521" t="s">
        <v>52878</v>
      </c>
      <c r="B36521" t="s">
        <v>52881</v>
      </c>
      <c r="C36521">
        <v>1</v>
      </c>
      <c r="D36521">
        <v>0</v>
      </c>
    </row>
    <row r="36522" spans="1:4" x14ac:dyDescent="0.25">
      <c r="A36522" t="s">
        <v>52878</v>
      </c>
      <c r="B36522" t="s">
        <v>52882</v>
      </c>
      <c r="C36522">
        <v>1</v>
      </c>
      <c r="D36522">
        <v>0</v>
      </c>
    </row>
    <row r="36523" spans="1:4" x14ac:dyDescent="0.25">
      <c r="A36523" t="s">
        <v>52878</v>
      </c>
      <c r="B36523" t="s">
        <v>52883</v>
      </c>
      <c r="C36523">
        <v>1</v>
      </c>
      <c r="D36523">
        <v>0</v>
      </c>
    </row>
    <row r="36524" spans="1:4" x14ac:dyDescent="0.25">
      <c r="A36524" t="s">
        <v>52878</v>
      </c>
      <c r="B36524" t="s">
        <v>52884</v>
      </c>
      <c r="C36524">
        <v>1</v>
      </c>
      <c r="D36524">
        <v>0</v>
      </c>
    </row>
    <row r="36525" spans="1:4" x14ac:dyDescent="0.25">
      <c r="A36525" t="s">
        <v>52878</v>
      </c>
      <c r="B36525" t="s">
        <v>52885</v>
      </c>
      <c r="C36525">
        <v>1</v>
      </c>
      <c r="D36525">
        <v>0</v>
      </c>
    </row>
    <row r="36526" spans="1:4" x14ac:dyDescent="0.25">
      <c r="A36526" t="s">
        <v>52878</v>
      </c>
      <c r="B36526" t="s">
        <v>52886</v>
      </c>
      <c r="C36526">
        <v>0</v>
      </c>
      <c r="D36526">
        <v>0</v>
      </c>
    </row>
    <row r="36527" spans="1:4" x14ac:dyDescent="0.25">
      <c r="A36527" t="s">
        <v>52887</v>
      </c>
      <c r="B36527" t="s">
        <v>52888</v>
      </c>
      <c r="C36527">
        <v>1</v>
      </c>
      <c r="D36527">
        <v>0</v>
      </c>
    </row>
    <row r="36528" spans="1:4" x14ac:dyDescent="0.25">
      <c r="A36528" t="s">
        <v>52889</v>
      </c>
      <c r="B36528" t="s">
        <v>52890</v>
      </c>
      <c r="C36528">
        <v>0</v>
      </c>
      <c r="D36528">
        <v>0</v>
      </c>
    </row>
    <row r="36529" spans="1:4" x14ac:dyDescent="0.25">
      <c r="A36529" t="s">
        <v>52889</v>
      </c>
      <c r="B36529" t="s">
        <v>52891</v>
      </c>
      <c r="C36529">
        <v>0</v>
      </c>
      <c r="D36529">
        <v>0</v>
      </c>
    </row>
    <row r="36530" spans="1:4" x14ac:dyDescent="0.25">
      <c r="A36530" t="s">
        <v>52889</v>
      </c>
      <c r="B36530" t="s">
        <v>52892</v>
      </c>
      <c r="C36530">
        <v>0</v>
      </c>
      <c r="D36530">
        <v>0</v>
      </c>
    </row>
    <row r="36531" spans="1:4" x14ac:dyDescent="0.25">
      <c r="A36531" t="s">
        <v>52889</v>
      </c>
      <c r="B36531" t="s">
        <v>52893</v>
      </c>
      <c r="C36531">
        <v>1</v>
      </c>
      <c r="D36531">
        <v>0</v>
      </c>
    </row>
    <row r="36532" spans="1:4" x14ac:dyDescent="0.25">
      <c r="A36532" t="s">
        <v>52894</v>
      </c>
      <c r="B36532" t="s">
        <v>52895</v>
      </c>
      <c r="C36532">
        <v>1</v>
      </c>
      <c r="D36532">
        <v>0</v>
      </c>
    </row>
    <row r="36533" spans="1:4" x14ac:dyDescent="0.25">
      <c r="A36533" t="s">
        <v>52896</v>
      </c>
      <c r="B36533" t="s">
        <v>52897</v>
      </c>
      <c r="C36533">
        <v>2</v>
      </c>
      <c r="D36533">
        <v>0</v>
      </c>
    </row>
    <row r="36534" spans="1:4" x14ac:dyDescent="0.25">
      <c r="A36534" t="s">
        <v>52896</v>
      </c>
      <c r="B36534" t="s">
        <v>52898</v>
      </c>
      <c r="C36534">
        <v>0</v>
      </c>
      <c r="D36534">
        <v>0</v>
      </c>
    </row>
    <row r="36535" spans="1:4" x14ac:dyDescent="0.25">
      <c r="A36535" t="s">
        <v>52896</v>
      </c>
      <c r="B36535" t="s">
        <v>52899</v>
      </c>
      <c r="C36535">
        <v>0</v>
      </c>
      <c r="D36535">
        <v>0</v>
      </c>
    </row>
    <row r="36536" spans="1:4" x14ac:dyDescent="0.25">
      <c r="A36536" t="s">
        <v>52896</v>
      </c>
      <c r="B36536" t="s">
        <v>52900</v>
      </c>
      <c r="C36536">
        <v>0</v>
      </c>
      <c r="D36536">
        <v>0</v>
      </c>
    </row>
    <row r="36537" spans="1:4" x14ac:dyDescent="0.25">
      <c r="A36537" t="s">
        <v>52896</v>
      </c>
      <c r="B36537" t="s">
        <v>52901</v>
      </c>
      <c r="C36537">
        <v>1</v>
      </c>
      <c r="D36537">
        <v>0</v>
      </c>
    </row>
    <row r="36538" spans="1:4" x14ac:dyDescent="0.25">
      <c r="A36538" t="s">
        <v>52896</v>
      </c>
      <c r="B36538" t="s">
        <v>52902</v>
      </c>
      <c r="C36538">
        <v>1</v>
      </c>
      <c r="D36538">
        <v>0</v>
      </c>
    </row>
    <row r="36539" spans="1:4" x14ac:dyDescent="0.25">
      <c r="A36539" t="s">
        <v>52903</v>
      </c>
      <c r="B36539" t="s">
        <v>52904</v>
      </c>
      <c r="C36539">
        <v>2</v>
      </c>
      <c r="D36539">
        <v>0</v>
      </c>
    </row>
    <row r="36540" spans="1:4" x14ac:dyDescent="0.25">
      <c r="A36540" t="s">
        <v>52903</v>
      </c>
      <c r="B36540" t="s">
        <v>52905</v>
      </c>
      <c r="C36540">
        <v>2</v>
      </c>
      <c r="D36540">
        <v>0</v>
      </c>
    </row>
    <row r="36541" spans="1:4" x14ac:dyDescent="0.25">
      <c r="A36541" t="s">
        <v>52906</v>
      </c>
      <c r="B36541" t="s">
        <v>52907</v>
      </c>
      <c r="C36541">
        <v>1</v>
      </c>
      <c r="D36541">
        <v>0</v>
      </c>
    </row>
    <row r="36542" spans="1:4" x14ac:dyDescent="0.25">
      <c r="A36542" t="s">
        <v>52906</v>
      </c>
      <c r="B36542" t="s">
        <v>51161</v>
      </c>
      <c r="C36542">
        <v>1</v>
      </c>
      <c r="D36542">
        <v>0</v>
      </c>
    </row>
    <row r="36543" spans="1:4" x14ac:dyDescent="0.25">
      <c r="A36543" t="s">
        <v>52906</v>
      </c>
      <c r="B36543" t="s">
        <v>52908</v>
      </c>
      <c r="C36543">
        <v>0</v>
      </c>
      <c r="D36543">
        <v>0</v>
      </c>
    </row>
    <row r="36544" spans="1:4" x14ac:dyDescent="0.25">
      <c r="A36544" t="s">
        <v>52906</v>
      </c>
      <c r="B36544" t="s">
        <v>23181</v>
      </c>
      <c r="C36544">
        <v>2</v>
      </c>
      <c r="D36544">
        <v>0</v>
      </c>
    </row>
    <row r="36545" spans="1:4" x14ac:dyDescent="0.25">
      <c r="A36545" t="s">
        <v>52906</v>
      </c>
      <c r="B36545" t="s">
        <v>52909</v>
      </c>
      <c r="C36545">
        <v>1</v>
      </c>
      <c r="D36545">
        <v>0</v>
      </c>
    </row>
    <row r="36546" spans="1:4" x14ac:dyDescent="0.25">
      <c r="A36546" t="s">
        <v>52910</v>
      </c>
      <c r="B36546" t="s">
        <v>52911</v>
      </c>
      <c r="C36546">
        <v>1</v>
      </c>
      <c r="D36546">
        <v>0</v>
      </c>
    </row>
    <row r="36547" spans="1:4" x14ac:dyDescent="0.25">
      <c r="A36547" t="s">
        <v>52910</v>
      </c>
      <c r="B36547" t="s">
        <v>52912</v>
      </c>
      <c r="C36547">
        <v>1</v>
      </c>
      <c r="D36547">
        <v>0</v>
      </c>
    </row>
    <row r="36548" spans="1:4" x14ac:dyDescent="0.25">
      <c r="A36548" t="s">
        <v>52910</v>
      </c>
      <c r="B36548" t="s">
        <v>52913</v>
      </c>
      <c r="C36548">
        <v>1</v>
      </c>
      <c r="D36548">
        <v>0</v>
      </c>
    </row>
    <row r="36549" spans="1:4" x14ac:dyDescent="0.25">
      <c r="A36549" t="s">
        <v>52910</v>
      </c>
      <c r="B36549" t="s">
        <v>52914</v>
      </c>
      <c r="C36549">
        <v>1</v>
      </c>
      <c r="D36549">
        <v>0</v>
      </c>
    </row>
    <row r="36550" spans="1:4" x14ac:dyDescent="0.25">
      <c r="A36550" t="s">
        <v>52910</v>
      </c>
      <c r="B36550" t="s">
        <v>52915</v>
      </c>
      <c r="C36550">
        <v>1</v>
      </c>
      <c r="D36550">
        <v>0</v>
      </c>
    </row>
    <row r="36551" spans="1:4" x14ac:dyDescent="0.25">
      <c r="A36551" t="s">
        <v>52916</v>
      </c>
      <c r="B36551" t="s">
        <v>52917</v>
      </c>
      <c r="C36551">
        <v>1</v>
      </c>
      <c r="D36551">
        <v>0</v>
      </c>
    </row>
    <row r="36552" spans="1:4" x14ac:dyDescent="0.25">
      <c r="A36552" t="s">
        <v>52916</v>
      </c>
      <c r="B36552" t="s">
        <v>52918</v>
      </c>
      <c r="C36552">
        <v>1</v>
      </c>
      <c r="D36552">
        <v>0</v>
      </c>
    </row>
    <row r="36553" spans="1:4" x14ac:dyDescent="0.25">
      <c r="A36553" t="s">
        <v>52916</v>
      </c>
      <c r="B36553" t="s">
        <v>5537</v>
      </c>
      <c r="C36553">
        <v>1</v>
      </c>
      <c r="D36553">
        <v>0</v>
      </c>
    </row>
    <row r="36554" spans="1:4" x14ac:dyDescent="0.25">
      <c r="A36554" t="s">
        <v>52916</v>
      </c>
      <c r="B36554" t="s">
        <v>5537</v>
      </c>
      <c r="C36554">
        <v>1</v>
      </c>
      <c r="D36554">
        <v>0</v>
      </c>
    </row>
    <row r="36555" spans="1:4" x14ac:dyDescent="0.25">
      <c r="A36555" t="s">
        <v>52916</v>
      </c>
      <c r="B36555" t="s">
        <v>52919</v>
      </c>
      <c r="C36555">
        <v>1</v>
      </c>
      <c r="D36555">
        <v>0</v>
      </c>
    </row>
    <row r="36556" spans="1:4" x14ac:dyDescent="0.25">
      <c r="A36556" t="s">
        <v>52920</v>
      </c>
      <c r="B36556" t="s">
        <v>52921</v>
      </c>
      <c r="C36556">
        <v>1</v>
      </c>
      <c r="D36556">
        <v>0</v>
      </c>
    </row>
    <row r="36557" spans="1:4" x14ac:dyDescent="0.25">
      <c r="A36557" t="s">
        <v>52920</v>
      </c>
      <c r="B36557" t="s">
        <v>52922</v>
      </c>
      <c r="C36557">
        <v>0</v>
      </c>
      <c r="D36557">
        <v>0</v>
      </c>
    </row>
    <row r="36558" spans="1:4" x14ac:dyDescent="0.25">
      <c r="A36558" t="s">
        <v>52923</v>
      </c>
      <c r="B36558" t="s">
        <v>52924</v>
      </c>
      <c r="C36558">
        <v>2</v>
      </c>
      <c r="D36558">
        <v>0</v>
      </c>
    </row>
    <row r="36559" spans="1:4" x14ac:dyDescent="0.25">
      <c r="A36559" t="s">
        <v>52925</v>
      </c>
      <c r="B36559" t="s">
        <v>52926</v>
      </c>
      <c r="C36559">
        <v>1</v>
      </c>
      <c r="D36559">
        <v>0</v>
      </c>
    </row>
    <row r="36560" spans="1:4" x14ac:dyDescent="0.25">
      <c r="A36560" t="s">
        <v>52925</v>
      </c>
      <c r="B36560" t="s">
        <v>52927</v>
      </c>
      <c r="C36560">
        <v>0</v>
      </c>
      <c r="D36560">
        <v>0</v>
      </c>
    </row>
    <row r="36561" spans="1:4" x14ac:dyDescent="0.25">
      <c r="A36561" t="s">
        <v>52925</v>
      </c>
      <c r="B36561" t="s">
        <v>52928</v>
      </c>
      <c r="C36561">
        <v>2</v>
      </c>
      <c r="D36561">
        <v>0</v>
      </c>
    </row>
    <row r="36562" spans="1:4" x14ac:dyDescent="0.25">
      <c r="A36562" t="s">
        <v>52925</v>
      </c>
      <c r="B36562" t="s">
        <v>52929</v>
      </c>
      <c r="C36562">
        <v>0</v>
      </c>
      <c r="D36562">
        <v>0</v>
      </c>
    </row>
    <row r="36563" spans="1:4" x14ac:dyDescent="0.25">
      <c r="A36563" t="s">
        <v>52925</v>
      </c>
      <c r="B36563" t="s">
        <v>52930</v>
      </c>
      <c r="C36563">
        <v>0</v>
      </c>
      <c r="D36563">
        <v>0</v>
      </c>
    </row>
    <row r="36564" spans="1:4" x14ac:dyDescent="0.25">
      <c r="A36564" t="s">
        <v>52925</v>
      </c>
      <c r="B36564" t="s">
        <v>52931</v>
      </c>
      <c r="C36564">
        <v>0</v>
      </c>
      <c r="D36564">
        <v>0</v>
      </c>
    </row>
    <row r="36565" spans="1:4" x14ac:dyDescent="0.25">
      <c r="A36565" t="s">
        <v>52925</v>
      </c>
      <c r="B36565" t="s">
        <v>52932</v>
      </c>
      <c r="C36565">
        <v>1</v>
      </c>
      <c r="D36565">
        <v>0</v>
      </c>
    </row>
    <row r="36566" spans="1:4" x14ac:dyDescent="0.25">
      <c r="A36566" t="s">
        <v>52925</v>
      </c>
      <c r="B36566" t="s">
        <v>19309</v>
      </c>
      <c r="C36566">
        <v>0</v>
      </c>
      <c r="D36566">
        <v>0</v>
      </c>
    </row>
    <row r="36567" spans="1:4" x14ac:dyDescent="0.25">
      <c r="A36567" t="s">
        <v>52925</v>
      </c>
      <c r="B36567" t="s">
        <v>19309</v>
      </c>
      <c r="C36567">
        <v>0</v>
      </c>
      <c r="D36567">
        <v>0</v>
      </c>
    </row>
    <row r="36568" spans="1:4" x14ac:dyDescent="0.25">
      <c r="A36568" t="s">
        <v>52933</v>
      </c>
      <c r="B36568" t="s">
        <v>52934</v>
      </c>
      <c r="C36568">
        <v>1</v>
      </c>
      <c r="D36568">
        <v>0</v>
      </c>
    </row>
    <row r="36569" spans="1:4" x14ac:dyDescent="0.25">
      <c r="A36569" t="s">
        <v>52933</v>
      </c>
      <c r="B36569" t="s">
        <v>52935</v>
      </c>
      <c r="C36569">
        <v>2</v>
      </c>
      <c r="D36569">
        <v>0</v>
      </c>
    </row>
    <row r="36570" spans="1:4" x14ac:dyDescent="0.25">
      <c r="A36570" t="s">
        <v>52933</v>
      </c>
      <c r="B36570" t="s">
        <v>52936</v>
      </c>
      <c r="C36570">
        <v>1</v>
      </c>
      <c r="D36570">
        <v>0</v>
      </c>
    </row>
    <row r="36571" spans="1:4" x14ac:dyDescent="0.25">
      <c r="A36571" t="s">
        <v>52933</v>
      </c>
      <c r="B36571" t="s">
        <v>52937</v>
      </c>
      <c r="C36571">
        <v>1</v>
      </c>
      <c r="D36571">
        <v>0</v>
      </c>
    </row>
    <row r="36572" spans="1:4" x14ac:dyDescent="0.25">
      <c r="A36572" t="s">
        <v>52933</v>
      </c>
      <c r="B36572" t="s">
        <v>52938</v>
      </c>
      <c r="C36572">
        <v>1</v>
      </c>
      <c r="D36572">
        <v>0</v>
      </c>
    </row>
    <row r="36573" spans="1:4" x14ac:dyDescent="0.25">
      <c r="A36573" t="s">
        <v>52933</v>
      </c>
      <c r="B36573" t="s">
        <v>52939</v>
      </c>
      <c r="C36573">
        <v>0</v>
      </c>
      <c r="D36573">
        <v>0</v>
      </c>
    </row>
    <row r="36574" spans="1:4" x14ac:dyDescent="0.25">
      <c r="A36574" t="s">
        <v>52940</v>
      </c>
      <c r="B36574" t="s">
        <v>52941</v>
      </c>
      <c r="C36574">
        <v>1</v>
      </c>
      <c r="D36574">
        <v>0</v>
      </c>
    </row>
    <row r="36575" spans="1:4" x14ac:dyDescent="0.25">
      <c r="A36575" t="s">
        <v>52942</v>
      </c>
      <c r="B36575" t="s">
        <v>46710</v>
      </c>
      <c r="C36575">
        <v>0</v>
      </c>
      <c r="D36575">
        <v>0</v>
      </c>
    </row>
    <row r="36576" spans="1:4" x14ac:dyDescent="0.25">
      <c r="A36576" t="s">
        <v>52942</v>
      </c>
      <c r="B36576" t="s">
        <v>52943</v>
      </c>
      <c r="C36576">
        <v>0</v>
      </c>
      <c r="D36576">
        <v>0</v>
      </c>
    </row>
    <row r="36577" spans="1:4" x14ac:dyDescent="0.25">
      <c r="A36577" t="s">
        <v>52942</v>
      </c>
      <c r="B36577" t="s">
        <v>52944</v>
      </c>
      <c r="C36577">
        <v>2</v>
      </c>
      <c r="D36577">
        <v>0</v>
      </c>
    </row>
    <row r="36578" spans="1:4" x14ac:dyDescent="0.25">
      <c r="A36578" t="s">
        <v>52942</v>
      </c>
      <c r="B36578" t="s">
        <v>52945</v>
      </c>
      <c r="C36578">
        <v>1</v>
      </c>
      <c r="D36578">
        <v>0</v>
      </c>
    </row>
    <row r="36579" spans="1:4" x14ac:dyDescent="0.25">
      <c r="A36579" t="s">
        <v>52942</v>
      </c>
      <c r="B36579" t="s">
        <v>52946</v>
      </c>
      <c r="C36579">
        <v>1</v>
      </c>
      <c r="D36579">
        <v>0</v>
      </c>
    </row>
    <row r="36580" spans="1:4" x14ac:dyDescent="0.25">
      <c r="A36580" t="s">
        <v>52942</v>
      </c>
      <c r="B36580" t="s">
        <v>27958</v>
      </c>
      <c r="C36580">
        <v>1</v>
      </c>
      <c r="D36580">
        <v>0</v>
      </c>
    </row>
    <row r="36581" spans="1:4" x14ac:dyDescent="0.25">
      <c r="A36581" t="s">
        <v>52947</v>
      </c>
      <c r="B36581" t="s">
        <v>52948</v>
      </c>
      <c r="C36581">
        <v>1</v>
      </c>
      <c r="D36581">
        <v>0</v>
      </c>
    </row>
    <row r="36582" spans="1:4" x14ac:dyDescent="0.25">
      <c r="A36582" t="s">
        <v>52947</v>
      </c>
      <c r="B36582" t="s">
        <v>52949</v>
      </c>
      <c r="C36582">
        <v>1</v>
      </c>
      <c r="D36582">
        <v>0</v>
      </c>
    </row>
    <row r="36583" spans="1:4" x14ac:dyDescent="0.25">
      <c r="A36583" t="s">
        <v>52947</v>
      </c>
      <c r="B36583" t="s">
        <v>52950</v>
      </c>
      <c r="C36583">
        <v>1</v>
      </c>
      <c r="D36583">
        <v>0</v>
      </c>
    </row>
    <row r="36584" spans="1:4" x14ac:dyDescent="0.25">
      <c r="A36584" t="s">
        <v>52947</v>
      </c>
      <c r="B36584" t="s">
        <v>52951</v>
      </c>
      <c r="C36584">
        <v>0</v>
      </c>
      <c r="D36584">
        <v>0</v>
      </c>
    </row>
    <row r="36585" spans="1:4" x14ac:dyDescent="0.25">
      <c r="A36585" t="s">
        <v>52952</v>
      </c>
      <c r="B36585" t="s">
        <v>52953</v>
      </c>
      <c r="C36585">
        <v>1</v>
      </c>
      <c r="D36585">
        <v>0</v>
      </c>
    </row>
    <row r="36586" spans="1:4" x14ac:dyDescent="0.25">
      <c r="A36586" t="s">
        <v>52952</v>
      </c>
      <c r="B36586" t="s">
        <v>52954</v>
      </c>
      <c r="C36586">
        <v>0</v>
      </c>
      <c r="D36586">
        <v>0</v>
      </c>
    </row>
    <row r="36587" spans="1:4" x14ac:dyDescent="0.25">
      <c r="A36587" t="s">
        <v>52952</v>
      </c>
      <c r="B36587" t="s">
        <v>52955</v>
      </c>
      <c r="C36587">
        <v>1</v>
      </c>
      <c r="D36587">
        <v>0</v>
      </c>
    </row>
    <row r="36588" spans="1:4" x14ac:dyDescent="0.25">
      <c r="A36588" t="s">
        <v>52952</v>
      </c>
      <c r="B36588" t="s">
        <v>52956</v>
      </c>
      <c r="C36588">
        <v>1</v>
      </c>
      <c r="D36588">
        <v>0</v>
      </c>
    </row>
    <row r="36589" spans="1:4" x14ac:dyDescent="0.25">
      <c r="A36589" t="s">
        <v>52952</v>
      </c>
      <c r="B36589" t="s">
        <v>52957</v>
      </c>
      <c r="C36589">
        <v>0</v>
      </c>
      <c r="D36589">
        <v>0</v>
      </c>
    </row>
    <row r="36590" spans="1:4" x14ac:dyDescent="0.25">
      <c r="A36590" t="s">
        <v>52952</v>
      </c>
      <c r="B36590" t="s">
        <v>52958</v>
      </c>
      <c r="C36590">
        <v>2</v>
      </c>
      <c r="D36590">
        <v>0</v>
      </c>
    </row>
    <row r="36591" spans="1:4" x14ac:dyDescent="0.25">
      <c r="A36591" t="s">
        <v>52959</v>
      </c>
      <c r="B36591" t="s">
        <v>52960</v>
      </c>
      <c r="C36591">
        <v>1</v>
      </c>
      <c r="D36591">
        <v>0</v>
      </c>
    </row>
    <row r="36592" spans="1:4" x14ac:dyDescent="0.25">
      <c r="A36592" t="s">
        <v>52959</v>
      </c>
      <c r="B36592" t="s">
        <v>52961</v>
      </c>
      <c r="C36592">
        <v>2</v>
      </c>
      <c r="D36592">
        <v>0</v>
      </c>
    </row>
    <row r="36593" spans="1:4" x14ac:dyDescent="0.25">
      <c r="A36593" t="s">
        <v>52959</v>
      </c>
      <c r="B36593" t="s">
        <v>52962</v>
      </c>
      <c r="C36593">
        <v>2</v>
      </c>
      <c r="D36593">
        <v>0</v>
      </c>
    </row>
    <row r="36594" spans="1:4" x14ac:dyDescent="0.25">
      <c r="A36594" t="s">
        <v>52963</v>
      </c>
      <c r="B36594" t="s">
        <v>52964</v>
      </c>
      <c r="C36594">
        <v>1</v>
      </c>
      <c r="D36594">
        <v>0</v>
      </c>
    </row>
    <row r="36595" spans="1:4" x14ac:dyDescent="0.25">
      <c r="A36595" t="s">
        <v>52963</v>
      </c>
      <c r="B36595" t="s">
        <v>52965</v>
      </c>
      <c r="C36595">
        <v>2</v>
      </c>
      <c r="D36595">
        <v>0</v>
      </c>
    </row>
    <row r="36596" spans="1:4" x14ac:dyDescent="0.25">
      <c r="A36596" t="s">
        <v>52963</v>
      </c>
      <c r="B36596" t="s">
        <v>52966</v>
      </c>
      <c r="C36596">
        <v>2</v>
      </c>
      <c r="D36596">
        <v>0</v>
      </c>
    </row>
    <row r="36597" spans="1:4" x14ac:dyDescent="0.25">
      <c r="A36597" t="s">
        <v>52967</v>
      </c>
      <c r="B36597" t="s">
        <v>52968</v>
      </c>
      <c r="C36597">
        <v>2</v>
      </c>
      <c r="D36597">
        <v>0</v>
      </c>
    </row>
    <row r="36598" spans="1:4" x14ac:dyDescent="0.25">
      <c r="A36598" t="s">
        <v>52967</v>
      </c>
      <c r="B36598" t="s">
        <v>52969</v>
      </c>
      <c r="C36598">
        <v>2</v>
      </c>
      <c r="D36598">
        <v>0</v>
      </c>
    </row>
    <row r="36599" spans="1:4" x14ac:dyDescent="0.25">
      <c r="A36599" t="s">
        <v>52970</v>
      </c>
      <c r="B36599" t="s">
        <v>52971</v>
      </c>
      <c r="C36599">
        <v>1</v>
      </c>
      <c r="D36599">
        <v>0</v>
      </c>
    </row>
    <row r="36600" spans="1:4" x14ac:dyDescent="0.25">
      <c r="A36600" t="s">
        <v>52970</v>
      </c>
      <c r="B36600" t="s">
        <v>52972</v>
      </c>
      <c r="C36600">
        <v>1</v>
      </c>
      <c r="D36600">
        <v>0</v>
      </c>
    </row>
    <row r="36601" spans="1:4" x14ac:dyDescent="0.25">
      <c r="A36601" t="s">
        <v>52970</v>
      </c>
      <c r="B36601" t="s">
        <v>52973</v>
      </c>
      <c r="C36601">
        <v>0</v>
      </c>
      <c r="D36601">
        <v>0</v>
      </c>
    </row>
    <row r="36602" spans="1:4" x14ac:dyDescent="0.25">
      <c r="A36602" t="s">
        <v>52974</v>
      </c>
      <c r="B36602" t="s">
        <v>52975</v>
      </c>
      <c r="C36602">
        <v>0</v>
      </c>
      <c r="D36602">
        <v>0</v>
      </c>
    </row>
    <row r="36603" spans="1:4" x14ac:dyDescent="0.25">
      <c r="A36603" t="s">
        <v>52974</v>
      </c>
      <c r="B36603" t="s">
        <v>52976</v>
      </c>
      <c r="C36603">
        <v>1</v>
      </c>
      <c r="D36603">
        <v>0</v>
      </c>
    </row>
    <row r="36604" spans="1:4" x14ac:dyDescent="0.25">
      <c r="A36604" t="s">
        <v>52974</v>
      </c>
      <c r="B36604" t="s">
        <v>945</v>
      </c>
      <c r="C36604">
        <v>1</v>
      </c>
      <c r="D36604">
        <v>0</v>
      </c>
    </row>
    <row r="36605" spans="1:4" x14ac:dyDescent="0.25">
      <c r="A36605" t="s">
        <v>52974</v>
      </c>
      <c r="B36605" t="s">
        <v>52977</v>
      </c>
      <c r="C36605">
        <v>1</v>
      </c>
      <c r="D36605">
        <v>0</v>
      </c>
    </row>
    <row r="36606" spans="1:4" x14ac:dyDescent="0.25">
      <c r="A36606" t="s">
        <v>52978</v>
      </c>
      <c r="B36606" t="s">
        <v>52979</v>
      </c>
      <c r="C36606">
        <v>0</v>
      </c>
      <c r="D36606">
        <v>0</v>
      </c>
    </row>
    <row r="36607" spans="1:4" x14ac:dyDescent="0.25">
      <c r="A36607" t="s">
        <v>52978</v>
      </c>
      <c r="B36607" t="s">
        <v>52980</v>
      </c>
      <c r="C36607">
        <v>1</v>
      </c>
      <c r="D36607">
        <v>0</v>
      </c>
    </row>
    <row r="36608" spans="1:4" x14ac:dyDescent="0.25">
      <c r="A36608" t="s">
        <v>52978</v>
      </c>
      <c r="B36608" t="s">
        <v>52981</v>
      </c>
      <c r="C36608">
        <v>1</v>
      </c>
      <c r="D36608">
        <v>0</v>
      </c>
    </row>
    <row r="36609" spans="1:4" x14ac:dyDescent="0.25">
      <c r="A36609" t="s">
        <v>52978</v>
      </c>
      <c r="B36609" t="s">
        <v>52982</v>
      </c>
      <c r="C36609">
        <v>0</v>
      </c>
      <c r="D36609">
        <v>0</v>
      </c>
    </row>
    <row r="36610" spans="1:4" x14ac:dyDescent="0.25">
      <c r="A36610" t="s">
        <v>52978</v>
      </c>
      <c r="B36610" t="s">
        <v>2865</v>
      </c>
      <c r="C36610">
        <v>1</v>
      </c>
      <c r="D36610">
        <v>0</v>
      </c>
    </row>
    <row r="36611" spans="1:4" x14ac:dyDescent="0.25">
      <c r="A36611" t="s">
        <v>52983</v>
      </c>
      <c r="B36611" t="s">
        <v>52984</v>
      </c>
      <c r="C36611">
        <v>2</v>
      </c>
      <c r="D36611">
        <v>0</v>
      </c>
    </row>
    <row r="36612" spans="1:4" x14ac:dyDescent="0.25">
      <c r="A36612" t="s">
        <v>52983</v>
      </c>
      <c r="B36612" t="s">
        <v>52985</v>
      </c>
      <c r="C36612">
        <v>1</v>
      </c>
      <c r="D36612">
        <v>0</v>
      </c>
    </row>
    <row r="36613" spans="1:4" x14ac:dyDescent="0.25">
      <c r="A36613" t="s">
        <v>52986</v>
      </c>
      <c r="B36613" t="s">
        <v>52987</v>
      </c>
      <c r="C36613">
        <v>1</v>
      </c>
      <c r="D36613">
        <v>0</v>
      </c>
    </row>
    <row r="36614" spans="1:4" x14ac:dyDescent="0.25">
      <c r="A36614" t="s">
        <v>52986</v>
      </c>
      <c r="B36614" t="s">
        <v>52988</v>
      </c>
      <c r="C36614">
        <v>1</v>
      </c>
      <c r="D36614">
        <v>0</v>
      </c>
    </row>
    <row r="36615" spans="1:4" x14ac:dyDescent="0.25">
      <c r="A36615" t="s">
        <v>52986</v>
      </c>
      <c r="B36615" t="s">
        <v>52989</v>
      </c>
      <c r="C36615">
        <v>2</v>
      </c>
      <c r="D36615">
        <v>0</v>
      </c>
    </row>
    <row r="36616" spans="1:4" x14ac:dyDescent="0.25">
      <c r="A36616" t="s">
        <v>52986</v>
      </c>
      <c r="B36616" t="s">
        <v>52990</v>
      </c>
      <c r="C36616">
        <v>2</v>
      </c>
      <c r="D36616">
        <v>0</v>
      </c>
    </row>
    <row r="36617" spans="1:4" x14ac:dyDescent="0.25">
      <c r="A36617" t="s">
        <v>52986</v>
      </c>
      <c r="B36617" t="s">
        <v>52991</v>
      </c>
      <c r="C36617">
        <v>1</v>
      </c>
      <c r="D36617">
        <v>0</v>
      </c>
    </row>
    <row r="36618" spans="1:4" x14ac:dyDescent="0.25">
      <c r="A36618" t="s">
        <v>52992</v>
      </c>
      <c r="B36618" t="s">
        <v>1570</v>
      </c>
      <c r="C36618">
        <v>1</v>
      </c>
      <c r="D36618">
        <v>0</v>
      </c>
    </row>
    <row r="36619" spans="1:4" x14ac:dyDescent="0.25">
      <c r="A36619" t="s">
        <v>52992</v>
      </c>
      <c r="B36619" t="s">
        <v>52993</v>
      </c>
      <c r="C36619">
        <v>1</v>
      </c>
      <c r="D36619">
        <v>0</v>
      </c>
    </row>
    <row r="36620" spans="1:4" x14ac:dyDescent="0.25">
      <c r="A36620" t="s">
        <v>52992</v>
      </c>
      <c r="B36620" t="s">
        <v>52994</v>
      </c>
      <c r="C36620">
        <v>1</v>
      </c>
      <c r="D36620">
        <v>0</v>
      </c>
    </row>
    <row r="36621" spans="1:4" x14ac:dyDescent="0.25">
      <c r="A36621" t="s">
        <v>52995</v>
      </c>
      <c r="B36621" t="s">
        <v>52996</v>
      </c>
      <c r="C36621">
        <v>1</v>
      </c>
      <c r="D36621">
        <v>0</v>
      </c>
    </row>
    <row r="36622" spans="1:4" x14ac:dyDescent="0.25">
      <c r="A36622" t="s">
        <v>52995</v>
      </c>
      <c r="B36622" t="s">
        <v>52997</v>
      </c>
      <c r="C36622">
        <v>1</v>
      </c>
      <c r="D36622">
        <v>0</v>
      </c>
    </row>
    <row r="36623" spans="1:4" x14ac:dyDescent="0.25">
      <c r="A36623" t="s">
        <v>52995</v>
      </c>
      <c r="B36623" t="s">
        <v>52998</v>
      </c>
      <c r="C36623">
        <v>0</v>
      </c>
      <c r="D36623">
        <v>0</v>
      </c>
    </row>
    <row r="36624" spans="1:4" x14ac:dyDescent="0.25">
      <c r="A36624" t="s">
        <v>52995</v>
      </c>
      <c r="B36624" t="s">
        <v>52999</v>
      </c>
      <c r="C36624">
        <v>2</v>
      </c>
      <c r="D36624">
        <v>0</v>
      </c>
    </row>
    <row r="36625" spans="1:4" x14ac:dyDescent="0.25">
      <c r="A36625" t="s">
        <v>53000</v>
      </c>
      <c r="B36625" t="s">
        <v>53001</v>
      </c>
      <c r="C36625">
        <v>2</v>
      </c>
      <c r="D36625">
        <v>0</v>
      </c>
    </row>
    <row r="36626" spans="1:4" x14ac:dyDescent="0.25">
      <c r="A36626" t="s">
        <v>53002</v>
      </c>
      <c r="B36626" t="s">
        <v>53003</v>
      </c>
      <c r="C36626">
        <v>2</v>
      </c>
      <c r="D36626">
        <v>0</v>
      </c>
    </row>
    <row r="36627" spans="1:4" x14ac:dyDescent="0.25">
      <c r="A36627" t="s">
        <v>53002</v>
      </c>
      <c r="B36627" t="s">
        <v>5434</v>
      </c>
      <c r="C36627">
        <v>1</v>
      </c>
      <c r="D36627">
        <v>0</v>
      </c>
    </row>
    <row r="36628" spans="1:4" x14ac:dyDescent="0.25">
      <c r="A36628" t="s">
        <v>53002</v>
      </c>
      <c r="B36628" t="s">
        <v>53004</v>
      </c>
      <c r="C36628">
        <v>1</v>
      </c>
      <c r="D36628">
        <v>0</v>
      </c>
    </row>
    <row r="36629" spans="1:4" x14ac:dyDescent="0.25">
      <c r="A36629" t="s">
        <v>53002</v>
      </c>
      <c r="B36629" t="s">
        <v>53005</v>
      </c>
      <c r="C36629">
        <v>1</v>
      </c>
      <c r="D36629">
        <v>0</v>
      </c>
    </row>
    <row r="36630" spans="1:4" x14ac:dyDescent="0.25">
      <c r="A36630" t="s">
        <v>53006</v>
      </c>
      <c r="B36630" t="s">
        <v>53007</v>
      </c>
      <c r="C36630">
        <v>1</v>
      </c>
      <c r="D36630">
        <v>0</v>
      </c>
    </row>
    <row r="36631" spans="1:4" x14ac:dyDescent="0.25">
      <c r="A36631" t="s">
        <v>53006</v>
      </c>
      <c r="B36631" t="s">
        <v>53008</v>
      </c>
      <c r="C36631">
        <v>1</v>
      </c>
      <c r="D36631">
        <v>0</v>
      </c>
    </row>
    <row r="36632" spans="1:4" x14ac:dyDescent="0.25">
      <c r="A36632" t="s">
        <v>53006</v>
      </c>
      <c r="B36632" t="s">
        <v>53009</v>
      </c>
      <c r="C36632">
        <v>1</v>
      </c>
      <c r="D36632">
        <v>0</v>
      </c>
    </row>
    <row r="36633" spans="1:4" x14ac:dyDescent="0.25">
      <c r="A36633" t="s">
        <v>53006</v>
      </c>
      <c r="B36633" t="s">
        <v>53010</v>
      </c>
      <c r="C36633">
        <v>1</v>
      </c>
      <c r="D36633">
        <v>0</v>
      </c>
    </row>
    <row r="36634" spans="1:4" x14ac:dyDescent="0.25">
      <c r="A36634" t="s">
        <v>53006</v>
      </c>
      <c r="B36634" t="s">
        <v>53011</v>
      </c>
      <c r="C36634">
        <v>1</v>
      </c>
      <c r="D36634">
        <v>0</v>
      </c>
    </row>
    <row r="36635" spans="1:4" x14ac:dyDescent="0.25">
      <c r="A36635" t="s">
        <v>53012</v>
      </c>
      <c r="B36635" t="s">
        <v>53013</v>
      </c>
      <c r="C36635">
        <v>1</v>
      </c>
      <c r="D36635">
        <v>0</v>
      </c>
    </row>
    <row r="36636" spans="1:4" x14ac:dyDescent="0.25">
      <c r="A36636" t="s">
        <v>53012</v>
      </c>
      <c r="B36636" t="s">
        <v>53014</v>
      </c>
      <c r="C36636">
        <v>0</v>
      </c>
      <c r="D36636">
        <v>0</v>
      </c>
    </row>
    <row r="36637" spans="1:4" x14ac:dyDescent="0.25">
      <c r="A36637" t="s">
        <v>53012</v>
      </c>
      <c r="B36637" t="s">
        <v>53015</v>
      </c>
      <c r="C36637">
        <v>2</v>
      </c>
      <c r="D36637">
        <v>0</v>
      </c>
    </row>
    <row r="36638" spans="1:4" x14ac:dyDescent="0.25">
      <c r="A36638" t="s">
        <v>53012</v>
      </c>
      <c r="B36638" t="s">
        <v>53016</v>
      </c>
      <c r="C36638">
        <v>0</v>
      </c>
      <c r="D36638">
        <v>0</v>
      </c>
    </row>
    <row r="36639" spans="1:4" x14ac:dyDescent="0.25">
      <c r="A36639" t="s">
        <v>53012</v>
      </c>
      <c r="B36639" t="s">
        <v>53017</v>
      </c>
      <c r="C36639">
        <v>2</v>
      </c>
      <c r="D36639">
        <v>0</v>
      </c>
    </row>
    <row r="36640" spans="1:4" x14ac:dyDescent="0.25">
      <c r="A36640" t="s">
        <v>53012</v>
      </c>
      <c r="B36640" t="s">
        <v>53018</v>
      </c>
      <c r="C36640">
        <v>1</v>
      </c>
      <c r="D36640">
        <v>0</v>
      </c>
    </row>
    <row r="36641" spans="1:4" x14ac:dyDescent="0.25">
      <c r="A36641" t="s">
        <v>53012</v>
      </c>
      <c r="B36641" t="s">
        <v>8075</v>
      </c>
      <c r="C36641">
        <v>0</v>
      </c>
      <c r="D36641">
        <v>0</v>
      </c>
    </row>
    <row r="36642" spans="1:4" x14ac:dyDescent="0.25">
      <c r="A36642" t="s">
        <v>53019</v>
      </c>
      <c r="B36642" t="s">
        <v>53020</v>
      </c>
      <c r="C36642">
        <v>1</v>
      </c>
      <c r="D36642">
        <v>0</v>
      </c>
    </row>
    <row r="36643" spans="1:4" x14ac:dyDescent="0.25">
      <c r="A36643" t="s">
        <v>53019</v>
      </c>
      <c r="B36643" t="s">
        <v>53021</v>
      </c>
      <c r="C36643">
        <v>1</v>
      </c>
      <c r="D36643">
        <v>0</v>
      </c>
    </row>
    <row r="36644" spans="1:4" x14ac:dyDescent="0.25">
      <c r="A36644" t="s">
        <v>53019</v>
      </c>
      <c r="B36644" t="s">
        <v>22326</v>
      </c>
      <c r="C36644">
        <v>1</v>
      </c>
      <c r="D36644">
        <v>0</v>
      </c>
    </row>
    <row r="36645" spans="1:4" x14ac:dyDescent="0.25">
      <c r="A36645" t="s">
        <v>53019</v>
      </c>
      <c r="B36645" t="s">
        <v>53022</v>
      </c>
      <c r="C36645">
        <v>1</v>
      </c>
      <c r="D36645">
        <v>0</v>
      </c>
    </row>
    <row r="36646" spans="1:4" x14ac:dyDescent="0.25">
      <c r="A36646" t="s">
        <v>53019</v>
      </c>
      <c r="B36646" t="s">
        <v>53023</v>
      </c>
      <c r="C36646">
        <v>1</v>
      </c>
      <c r="D36646">
        <v>0</v>
      </c>
    </row>
    <row r="36647" spans="1:4" x14ac:dyDescent="0.25">
      <c r="A36647" t="s">
        <v>53019</v>
      </c>
      <c r="B36647" t="s">
        <v>53024</v>
      </c>
      <c r="C36647">
        <v>2</v>
      </c>
      <c r="D36647">
        <v>0</v>
      </c>
    </row>
    <row r="36648" spans="1:4" x14ac:dyDescent="0.25">
      <c r="A36648" t="s">
        <v>53019</v>
      </c>
      <c r="B36648" t="s">
        <v>53025</v>
      </c>
      <c r="C36648">
        <v>1</v>
      </c>
      <c r="D36648">
        <v>0</v>
      </c>
    </row>
    <row r="36649" spans="1:4" x14ac:dyDescent="0.25">
      <c r="A36649" t="s">
        <v>53026</v>
      </c>
      <c r="B36649" t="s">
        <v>53027</v>
      </c>
      <c r="C36649">
        <v>1</v>
      </c>
      <c r="D36649">
        <v>0</v>
      </c>
    </row>
    <row r="36650" spans="1:4" x14ac:dyDescent="0.25">
      <c r="A36650" t="s">
        <v>53026</v>
      </c>
      <c r="B36650" t="s">
        <v>53028</v>
      </c>
      <c r="C36650">
        <v>2</v>
      </c>
      <c r="D36650">
        <v>0</v>
      </c>
    </row>
    <row r="36651" spans="1:4" x14ac:dyDescent="0.25">
      <c r="A36651" t="s">
        <v>53026</v>
      </c>
      <c r="B36651" t="s">
        <v>53029</v>
      </c>
      <c r="C36651">
        <v>0</v>
      </c>
      <c r="D36651">
        <v>0</v>
      </c>
    </row>
    <row r="36652" spans="1:4" x14ac:dyDescent="0.25">
      <c r="A36652" t="s">
        <v>53030</v>
      </c>
      <c r="B36652" t="s">
        <v>53031</v>
      </c>
      <c r="C36652">
        <v>1</v>
      </c>
      <c r="D36652">
        <v>0</v>
      </c>
    </row>
    <row r="36653" spans="1:4" x14ac:dyDescent="0.25">
      <c r="A36653" t="s">
        <v>53030</v>
      </c>
      <c r="B36653" t="s">
        <v>53032</v>
      </c>
      <c r="C36653">
        <v>1</v>
      </c>
      <c r="D36653">
        <v>0</v>
      </c>
    </row>
    <row r="36654" spans="1:4" x14ac:dyDescent="0.25">
      <c r="A36654" t="s">
        <v>53033</v>
      </c>
      <c r="B36654" t="s">
        <v>53034</v>
      </c>
      <c r="C36654">
        <v>1</v>
      </c>
      <c r="D36654">
        <v>0</v>
      </c>
    </row>
    <row r="36655" spans="1:4" x14ac:dyDescent="0.25">
      <c r="A36655" t="s">
        <v>53035</v>
      </c>
      <c r="B36655" t="s">
        <v>48846</v>
      </c>
      <c r="C36655">
        <v>1</v>
      </c>
      <c r="D36655">
        <v>0</v>
      </c>
    </row>
    <row r="36656" spans="1:4" x14ac:dyDescent="0.25">
      <c r="A36656" t="s">
        <v>53035</v>
      </c>
      <c r="B36656" t="s">
        <v>53036</v>
      </c>
      <c r="C36656">
        <v>2</v>
      </c>
      <c r="D36656">
        <v>0</v>
      </c>
    </row>
    <row r="36657" spans="1:4" x14ac:dyDescent="0.25">
      <c r="A36657" t="s">
        <v>53035</v>
      </c>
      <c r="B36657" t="s">
        <v>53037</v>
      </c>
      <c r="C36657">
        <v>2</v>
      </c>
      <c r="D36657">
        <v>0</v>
      </c>
    </row>
    <row r="36658" spans="1:4" x14ac:dyDescent="0.25">
      <c r="A36658" t="s">
        <v>53038</v>
      </c>
      <c r="B36658" t="s">
        <v>53039</v>
      </c>
      <c r="C36658">
        <v>2</v>
      </c>
      <c r="D36658">
        <v>0</v>
      </c>
    </row>
    <row r="36659" spans="1:4" x14ac:dyDescent="0.25">
      <c r="A36659" t="s">
        <v>53038</v>
      </c>
      <c r="B36659" t="s">
        <v>53040</v>
      </c>
      <c r="C36659">
        <v>1</v>
      </c>
      <c r="D36659">
        <v>0</v>
      </c>
    </row>
    <row r="36660" spans="1:4" x14ac:dyDescent="0.25">
      <c r="A36660" t="s">
        <v>53038</v>
      </c>
      <c r="B36660" t="s">
        <v>53041</v>
      </c>
      <c r="C36660">
        <v>2</v>
      </c>
      <c r="D36660">
        <v>0</v>
      </c>
    </row>
    <row r="36661" spans="1:4" x14ac:dyDescent="0.25">
      <c r="A36661" t="s">
        <v>53038</v>
      </c>
      <c r="B36661" t="s">
        <v>53042</v>
      </c>
      <c r="C36661">
        <v>2</v>
      </c>
      <c r="D36661">
        <v>0</v>
      </c>
    </row>
    <row r="36662" spans="1:4" x14ac:dyDescent="0.25">
      <c r="A36662" t="s">
        <v>53043</v>
      </c>
      <c r="B36662" t="s">
        <v>53044</v>
      </c>
      <c r="C36662">
        <v>1</v>
      </c>
      <c r="D36662">
        <v>0</v>
      </c>
    </row>
    <row r="36663" spans="1:4" x14ac:dyDescent="0.25">
      <c r="A36663" t="s">
        <v>53043</v>
      </c>
      <c r="B36663" t="s">
        <v>53045</v>
      </c>
      <c r="C36663">
        <v>2</v>
      </c>
      <c r="D36663">
        <v>0</v>
      </c>
    </row>
    <row r="36664" spans="1:4" x14ac:dyDescent="0.25">
      <c r="A36664" t="s">
        <v>53043</v>
      </c>
      <c r="B36664" t="s">
        <v>53046</v>
      </c>
      <c r="C36664">
        <v>1</v>
      </c>
      <c r="D36664">
        <v>0</v>
      </c>
    </row>
    <row r="36665" spans="1:4" x14ac:dyDescent="0.25">
      <c r="A36665" t="s">
        <v>53043</v>
      </c>
      <c r="B36665" t="s">
        <v>53047</v>
      </c>
      <c r="C36665">
        <v>1</v>
      </c>
      <c r="D36665">
        <v>0</v>
      </c>
    </row>
    <row r="36666" spans="1:4" x14ac:dyDescent="0.25">
      <c r="A36666" t="s">
        <v>53043</v>
      </c>
      <c r="B36666" t="s">
        <v>53048</v>
      </c>
      <c r="C36666">
        <v>0</v>
      </c>
      <c r="D36666">
        <v>0</v>
      </c>
    </row>
    <row r="36667" spans="1:4" x14ac:dyDescent="0.25">
      <c r="A36667" t="s">
        <v>53043</v>
      </c>
      <c r="B36667" t="s">
        <v>53049</v>
      </c>
      <c r="C36667">
        <v>1</v>
      </c>
      <c r="D36667">
        <v>0</v>
      </c>
    </row>
    <row r="36668" spans="1:4" x14ac:dyDescent="0.25">
      <c r="A36668" t="s">
        <v>53043</v>
      </c>
      <c r="B36668" t="s">
        <v>53050</v>
      </c>
      <c r="C36668">
        <v>0</v>
      </c>
      <c r="D36668">
        <v>0</v>
      </c>
    </row>
    <row r="36669" spans="1:4" x14ac:dyDescent="0.25">
      <c r="A36669" t="s">
        <v>53051</v>
      </c>
      <c r="B36669" t="s">
        <v>19309</v>
      </c>
      <c r="C36669">
        <v>0</v>
      </c>
      <c r="D36669">
        <v>0</v>
      </c>
    </row>
    <row r="36670" spans="1:4" x14ac:dyDescent="0.25">
      <c r="A36670" t="s">
        <v>53051</v>
      </c>
      <c r="B36670" t="s">
        <v>53052</v>
      </c>
      <c r="C36670">
        <v>2</v>
      </c>
      <c r="D36670">
        <v>0</v>
      </c>
    </row>
    <row r="36671" spans="1:4" x14ac:dyDescent="0.25">
      <c r="A36671" t="s">
        <v>53051</v>
      </c>
      <c r="B36671" t="s">
        <v>53053</v>
      </c>
      <c r="C36671">
        <v>1</v>
      </c>
      <c r="D36671">
        <v>0</v>
      </c>
    </row>
    <row r="36672" spans="1:4" x14ac:dyDescent="0.25">
      <c r="A36672" t="s">
        <v>53051</v>
      </c>
      <c r="B36672" t="s">
        <v>53052</v>
      </c>
      <c r="C36672">
        <v>2</v>
      </c>
      <c r="D36672">
        <v>0</v>
      </c>
    </row>
    <row r="36673" spans="1:4" x14ac:dyDescent="0.25">
      <c r="A36673" t="s">
        <v>53051</v>
      </c>
      <c r="B36673" t="s">
        <v>53054</v>
      </c>
      <c r="C36673">
        <v>0</v>
      </c>
      <c r="D36673">
        <v>0</v>
      </c>
    </row>
    <row r="36674" spans="1:4" x14ac:dyDescent="0.25">
      <c r="A36674" t="s">
        <v>53051</v>
      </c>
      <c r="B36674" t="s">
        <v>53055</v>
      </c>
      <c r="C36674">
        <v>2</v>
      </c>
      <c r="D36674">
        <v>0</v>
      </c>
    </row>
    <row r="36675" spans="1:4" x14ac:dyDescent="0.25">
      <c r="A36675" t="s">
        <v>53051</v>
      </c>
      <c r="B36675" t="s">
        <v>53056</v>
      </c>
      <c r="C36675">
        <v>0</v>
      </c>
      <c r="D36675">
        <v>0</v>
      </c>
    </row>
    <row r="36676" spans="1:4" x14ac:dyDescent="0.25">
      <c r="A36676" t="s">
        <v>53051</v>
      </c>
      <c r="B36676" t="s">
        <v>53057</v>
      </c>
      <c r="C36676">
        <v>2</v>
      </c>
      <c r="D36676">
        <v>0</v>
      </c>
    </row>
    <row r="36677" spans="1:4" x14ac:dyDescent="0.25">
      <c r="A36677" t="s">
        <v>53058</v>
      </c>
      <c r="B36677" t="s">
        <v>53059</v>
      </c>
      <c r="C36677">
        <v>1</v>
      </c>
      <c r="D36677">
        <v>0</v>
      </c>
    </row>
    <row r="36678" spans="1:4" x14ac:dyDescent="0.25">
      <c r="A36678" t="s">
        <v>53058</v>
      </c>
      <c r="B36678" t="s">
        <v>53060</v>
      </c>
      <c r="C36678">
        <v>2</v>
      </c>
      <c r="D36678">
        <v>0</v>
      </c>
    </row>
    <row r="36679" spans="1:4" x14ac:dyDescent="0.25">
      <c r="A36679" t="s">
        <v>53061</v>
      </c>
      <c r="B36679" t="s">
        <v>53062</v>
      </c>
      <c r="C36679">
        <v>0</v>
      </c>
      <c r="D36679">
        <v>0</v>
      </c>
    </row>
    <row r="36680" spans="1:4" x14ac:dyDescent="0.25">
      <c r="A36680" t="s">
        <v>53061</v>
      </c>
      <c r="B36680" t="s">
        <v>53063</v>
      </c>
      <c r="C36680">
        <v>1</v>
      </c>
      <c r="D36680">
        <v>0</v>
      </c>
    </row>
    <row r="36681" spans="1:4" x14ac:dyDescent="0.25">
      <c r="A36681" t="s">
        <v>53061</v>
      </c>
      <c r="B36681" t="s">
        <v>53064</v>
      </c>
      <c r="C36681">
        <v>1</v>
      </c>
      <c r="D36681">
        <v>0</v>
      </c>
    </row>
    <row r="36682" spans="1:4" x14ac:dyDescent="0.25">
      <c r="A36682" t="s">
        <v>53061</v>
      </c>
      <c r="B36682" t="s">
        <v>53065</v>
      </c>
      <c r="C36682">
        <v>1</v>
      </c>
      <c r="D36682">
        <v>0</v>
      </c>
    </row>
    <row r="36683" spans="1:4" x14ac:dyDescent="0.25">
      <c r="A36683" t="s">
        <v>53066</v>
      </c>
      <c r="B36683" t="s">
        <v>5713</v>
      </c>
      <c r="C36683">
        <v>1</v>
      </c>
      <c r="D36683">
        <v>0</v>
      </c>
    </row>
    <row r="36684" spans="1:4" x14ac:dyDescent="0.25">
      <c r="A36684" t="s">
        <v>53066</v>
      </c>
      <c r="B36684" t="s">
        <v>53067</v>
      </c>
      <c r="C36684">
        <v>0</v>
      </c>
      <c r="D36684">
        <v>0</v>
      </c>
    </row>
    <row r="36685" spans="1:4" x14ac:dyDescent="0.25">
      <c r="A36685" t="s">
        <v>53066</v>
      </c>
      <c r="B36685" t="s">
        <v>53068</v>
      </c>
      <c r="C36685">
        <v>0</v>
      </c>
      <c r="D36685">
        <v>0</v>
      </c>
    </row>
    <row r="36686" spans="1:4" x14ac:dyDescent="0.25">
      <c r="A36686" t="s">
        <v>53066</v>
      </c>
      <c r="B36686" t="s">
        <v>53069</v>
      </c>
      <c r="C36686">
        <v>2</v>
      </c>
      <c r="D36686">
        <v>0</v>
      </c>
    </row>
    <row r="36687" spans="1:4" x14ac:dyDescent="0.25">
      <c r="A36687" t="s">
        <v>53066</v>
      </c>
      <c r="B36687" t="s">
        <v>53070</v>
      </c>
      <c r="C36687">
        <v>0</v>
      </c>
      <c r="D36687">
        <v>0</v>
      </c>
    </row>
    <row r="36688" spans="1:4" x14ac:dyDescent="0.25">
      <c r="A36688" t="s">
        <v>53071</v>
      </c>
      <c r="B36688" t="s">
        <v>53072</v>
      </c>
      <c r="C36688">
        <v>0</v>
      </c>
      <c r="D36688">
        <v>0</v>
      </c>
    </row>
    <row r="36689" spans="1:4" x14ac:dyDescent="0.25">
      <c r="A36689" t="s">
        <v>53071</v>
      </c>
      <c r="B36689" t="s">
        <v>53073</v>
      </c>
      <c r="C36689">
        <v>2</v>
      </c>
      <c r="D36689">
        <v>0</v>
      </c>
    </row>
    <row r="36690" spans="1:4" x14ac:dyDescent="0.25">
      <c r="A36690" t="s">
        <v>53071</v>
      </c>
      <c r="B36690" t="s">
        <v>53074</v>
      </c>
      <c r="C36690">
        <v>1</v>
      </c>
      <c r="D36690">
        <v>0</v>
      </c>
    </row>
    <row r="36691" spans="1:4" x14ac:dyDescent="0.25">
      <c r="A36691" t="s">
        <v>53071</v>
      </c>
      <c r="B36691" t="s">
        <v>53075</v>
      </c>
      <c r="C36691">
        <v>0</v>
      </c>
      <c r="D36691">
        <v>0</v>
      </c>
    </row>
    <row r="36692" spans="1:4" x14ac:dyDescent="0.25">
      <c r="A36692" t="s">
        <v>53071</v>
      </c>
      <c r="B36692" t="s">
        <v>53076</v>
      </c>
      <c r="C36692">
        <v>1</v>
      </c>
      <c r="D36692">
        <v>0</v>
      </c>
    </row>
    <row r="36693" spans="1:4" x14ac:dyDescent="0.25">
      <c r="A36693" t="s">
        <v>53071</v>
      </c>
      <c r="B36693" t="s">
        <v>18079</v>
      </c>
      <c r="C36693">
        <v>0</v>
      </c>
      <c r="D36693">
        <v>0</v>
      </c>
    </row>
    <row r="36694" spans="1:4" x14ac:dyDescent="0.25">
      <c r="A36694" t="s">
        <v>53071</v>
      </c>
      <c r="B36694" t="s">
        <v>53077</v>
      </c>
      <c r="C36694">
        <v>2</v>
      </c>
      <c r="D36694">
        <v>0</v>
      </c>
    </row>
    <row r="36695" spans="1:4" x14ac:dyDescent="0.25">
      <c r="A36695" t="s">
        <v>53078</v>
      </c>
      <c r="B36695" t="s">
        <v>53079</v>
      </c>
      <c r="C36695">
        <v>1</v>
      </c>
      <c r="D36695">
        <v>0</v>
      </c>
    </row>
    <row r="36696" spans="1:4" x14ac:dyDescent="0.25">
      <c r="A36696" t="s">
        <v>53078</v>
      </c>
      <c r="B36696" t="s">
        <v>53080</v>
      </c>
      <c r="C36696">
        <v>1</v>
      </c>
      <c r="D36696">
        <v>0</v>
      </c>
    </row>
    <row r="36697" spans="1:4" x14ac:dyDescent="0.25">
      <c r="A36697" t="s">
        <v>53078</v>
      </c>
      <c r="B36697" t="s">
        <v>53081</v>
      </c>
      <c r="C36697">
        <v>1</v>
      </c>
      <c r="D36697">
        <v>0</v>
      </c>
    </row>
    <row r="36698" spans="1:4" x14ac:dyDescent="0.25">
      <c r="A36698" t="s">
        <v>53078</v>
      </c>
      <c r="B36698" t="s">
        <v>53082</v>
      </c>
      <c r="C36698">
        <v>1</v>
      </c>
      <c r="D36698">
        <v>0</v>
      </c>
    </row>
    <row r="36699" spans="1:4" x14ac:dyDescent="0.25">
      <c r="A36699" t="s">
        <v>53083</v>
      </c>
      <c r="B36699" t="s">
        <v>53084</v>
      </c>
      <c r="C36699">
        <v>1</v>
      </c>
      <c r="D36699">
        <v>0</v>
      </c>
    </row>
    <row r="36700" spans="1:4" x14ac:dyDescent="0.25">
      <c r="A36700" t="s">
        <v>53083</v>
      </c>
      <c r="B36700" t="s">
        <v>53085</v>
      </c>
      <c r="C36700">
        <v>2</v>
      </c>
      <c r="D36700">
        <v>0</v>
      </c>
    </row>
    <row r="36701" spans="1:4" x14ac:dyDescent="0.25">
      <c r="A36701" t="s">
        <v>53083</v>
      </c>
      <c r="B36701" t="s">
        <v>20393</v>
      </c>
      <c r="C36701">
        <v>1</v>
      </c>
      <c r="D36701">
        <v>0</v>
      </c>
    </row>
    <row r="36702" spans="1:4" x14ac:dyDescent="0.25">
      <c r="A36702" t="s">
        <v>53083</v>
      </c>
      <c r="B36702" t="s">
        <v>20077</v>
      </c>
      <c r="C36702">
        <v>1</v>
      </c>
      <c r="D36702">
        <v>0</v>
      </c>
    </row>
    <row r="36703" spans="1:4" x14ac:dyDescent="0.25">
      <c r="A36703" t="s">
        <v>53086</v>
      </c>
      <c r="B36703" t="s">
        <v>53087</v>
      </c>
      <c r="C36703">
        <v>0</v>
      </c>
      <c r="D36703">
        <v>0</v>
      </c>
    </row>
    <row r="36704" spans="1:4" x14ac:dyDescent="0.25">
      <c r="A36704" t="s">
        <v>53086</v>
      </c>
      <c r="B36704" t="s">
        <v>53088</v>
      </c>
      <c r="C36704">
        <v>0</v>
      </c>
      <c r="D36704">
        <v>0</v>
      </c>
    </row>
    <row r="36705" spans="1:4" x14ac:dyDescent="0.25">
      <c r="A36705" t="s">
        <v>53086</v>
      </c>
      <c r="B36705" t="s">
        <v>53089</v>
      </c>
      <c r="C36705">
        <v>0</v>
      </c>
      <c r="D36705">
        <v>0</v>
      </c>
    </row>
    <row r="36706" spans="1:4" x14ac:dyDescent="0.25">
      <c r="A36706" t="s">
        <v>53086</v>
      </c>
      <c r="B36706" t="s">
        <v>53090</v>
      </c>
      <c r="C36706">
        <v>0</v>
      </c>
      <c r="D36706">
        <v>0</v>
      </c>
    </row>
    <row r="36707" spans="1:4" x14ac:dyDescent="0.25">
      <c r="A36707" t="s">
        <v>53086</v>
      </c>
      <c r="B36707" t="s">
        <v>53091</v>
      </c>
      <c r="C36707">
        <v>0</v>
      </c>
      <c r="D36707">
        <v>0</v>
      </c>
    </row>
    <row r="36708" spans="1:4" x14ac:dyDescent="0.25">
      <c r="A36708" t="s">
        <v>53092</v>
      </c>
      <c r="B36708" t="s">
        <v>53093</v>
      </c>
      <c r="C36708">
        <v>0</v>
      </c>
      <c r="D36708">
        <v>0</v>
      </c>
    </row>
    <row r="36709" spans="1:4" x14ac:dyDescent="0.25">
      <c r="A36709" t="s">
        <v>53092</v>
      </c>
      <c r="B36709" t="s">
        <v>53094</v>
      </c>
      <c r="C36709">
        <v>0</v>
      </c>
      <c r="D36709">
        <v>0</v>
      </c>
    </row>
    <row r="36710" spans="1:4" x14ac:dyDescent="0.25">
      <c r="A36710" t="s">
        <v>53092</v>
      </c>
      <c r="B36710" t="s">
        <v>53095</v>
      </c>
      <c r="C36710">
        <v>0</v>
      </c>
      <c r="D36710">
        <v>0</v>
      </c>
    </row>
    <row r="36711" spans="1:4" x14ac:dyDescent="0.25">
      <c r="A36711" t="s">
        <v>53092</v>
      </c>
      <c r="B36711" t="s">
        <v>53096</v>
      </c>
      <c r="C36711">
        <v>1</v>
      </c>
      <c r="D36711">
        <v>0</v>
      </c>
    </row>
    <row r="36712" spans="1:4" x14ac:dyDescent="0.25">
      <c r="A36712" t="s">
        <v>53092</v>
      </c>
      <c r="B36712" t="s">
        <v>53097</v>
      </c>
      <c r="C36712">
        <v>1</v>
      </c>
      <c r="D36712">
        <v>0</v>
      </c>
    </row>
    <row r="36713" spans="1:4" x14ac:dyDescent="0.25">
      <c r="A36713" t="s">
        <v>53098</v>
      </c>
      <c r="B36713" t="s">
        <v>53099</v>
      </c>
      <c r="C36713">
        <v>1</v>
      </c>
      <c r="D36713">
        <v>0</v>
      </c>
    </row>
    <row r="36714" spans="1:4" x14ac:dyDescent="0.25">
      <c r="A36714" t="s">
        <v>53098</v>
      </c>
      <c r="B36714" t="s">
        <v>53100</v>
      </c>
      <c r="C36714">
        <v>0</v>
      </c>
      <c r="D36714">
        <v>0</v>
      </c>
    </row>
    <row r="36715" spans="1:4" x14ac:dyDescent="0.25">
      <c r="A36715" t="s">
        <v>53098</v>
      </c>
      <c r="B36715" t="s">
        <v>53101</v>
      </c>
      <c r="C36715">
        <v>1</v>
      </c>
      <c r="D36715">
        <v>0</v>
      </c>
    </row>
    <row r="36716" spans="1:4" x14ac:dyDescent="0.25">
      <c r="A36716" t="s">
        <v>53098</v>
      </c>
      <c r="B36716" t="s">
        <v>53102</v>
      </c>
      <c r="C36716">
        <v>1</v>
      </c>
      <c r="D36716">
        <v>0</v>
      </c>
    </row>
    <row r="36717" spans="1:4" x14ac:dyDescent="0.25">
      <c r="A36717" t="s">
        <v>53098</v>
      </c>
      <c r="B36717" t="s">
        <v>53103</v>
      </c>
      <c r="C36717">
        <v>0</v>
      </c>
      <c r="D36717">
        <v>0</v>
      </c>
    </row>
    <row r="36718" spans="1:4" x14ac:dyDescent="0.25">
      <c r="A36718" t="s">
        <v>53098</v>
      </c>
      <c r="B36718" t="s">
        <v>53104</v>
      </c>
      <c r="C36718">
        <v>1</v>
      </c>
      <c r="D36718">
        <v>0</v>
      </c>
    </row>
    <row r="36719" spans="1:4" x14ac:dyDescent="0.25">
      <c r="A36719" t="s">
        <v>53098</v>
      </c>
      <c r="B36719" t="s">
        <v>53105</v>
      </c>
      <c r="C36719">
        <v>0</v>
      </c>
      <c r="D36719">
        <v>0</v>
      </c>
    </row>
    <row r="36720" spans="1:4" x14ac:dyDescent="0.25">
      <c r="A36720" t="s">
        <v>53098</v>
      </c>
      <c r="B36720" t="s">
        <v>34366</v>
      </c>
      <c r="C36720">
        <v>1</v>
      </c>
      <c r="D36720">
        <v>0</v>
      </c>
    </row>
    <row r="36721" spans="1:4" x14ac:dyDescent="0.25">
      <c r="A36721" t="s">
        <v>53098</v>
      </c>
      <c r="B36721" t="s">
        <v>48092</v>
      </c>
      <c r="C36721">
        <v>1</v>
      </c>
      <c r="D36721">
        <v>0</v>
      </c>
    </row>
    <row r="36722" spans="1:4" x14ac:dyDescent="0.25">
      <c r="A36722" t="s">
        <v>53098</v>
      </c>
      <c r="B36722" t="s">
        <v>53106</v>
      </c>
      <c r="C36722">
        <v>0</v>
      </c>
      <c r="D36722">
        <v>0</v>
      </c>
    </row>
    <row r="36723" spans="1:4" x14ac:dyDescent="0.25">
      <c r="A36723" t="s">
        <v>53107</v>
      </c>
      <c r="B36723" t="s">
        <v>53108</v>
      </c>
      <c r="C36723">
        <v>2</v>
      </c>
      <c r="D36723">
        <v>0</v>
      </c>
    </row>
    <row r="36724" spans="1:4" x14ac:dyDescent="0.25">
      <c r="A36724" t="s">
        <v>53107</v>
      </c>
      <c r="B36724" t="s">
        <v>53109</v>
      </c>
      <c r="C36724">
        <v>1</v>
      </c>
      <c r="D36724">
        <v>0</v>
      </c>
    </row>
    <row r="36725" spans="1:4" x14ac:dyDescent="0.25">
      <c r="A36725" t="s">
        <v>53107</v>
      </c>
      <c r="B36725" t="s">
        <v>53110</v>
      </c>
      <c r="C36725">
        <v>0</v>
      </c>
      <c r="D36725">
        <v>0</v>
      </c>
    </row>
    <row r="36726" spans="1:4" x14ac:dyDescent="0.25">
      <c r="A36726" t="s">
        <v>53107</v>
      </c>
      <c r="B36726" t="s">
        <v>53111</v>
      </c>
      <c r="C36726">
        <v>1</v>
      </c>
      <c r="D36726">
        <v>0</v>
      </c>
    </row>
    <row r="36727" spans="1:4" x14ac:dyDescent="0.25">
      <c r="A36727" t="s">
        <v>53107</v>
      </c>
      <c r="B36727" t="s">
        <v>53112</v>
      </c>
      <c r="C36727">
        <v>0</v>
      </c>
      <c r="D36727">
        <v>0</v>
      </c>
    </row>
    <row r="36728" spans="1:4" x14ac:dyDescent="0.25">
      <c r="A36728" t="s">
        <v>53113</v>
      </c>
      <c r="B36728" t="s">
        <v>53114</v>
      </c>
      <c r="C36728">
        <v>1</v>
      </c>
      <c r="D36728">
        <v>0</v>
      </c>
    </row>
    <row r="36729" spans="1:4" x14ac:dyDescent="0.25">
      <c r="A36729" t="s">
        <v>53113</v>
      </c>
      <c r="B36729" t="s">
        <v>53115</v>
      </c>
      <c r="C36729">
        <v>1</v>
      </c>
      <c r="D36729">
        <v>0</v>
      </c>
    </row>
    <row r="36730" spans="1:4" x14ac:dyDescent="0.25">
      <c r="A36730" t="s">
        <v>53113</v>
      </c>
      <c r="B36730" t="s">
        <v>53116</v>
      </c>
      <c r="C36730">
        <v>1</v>
      </c>
      <c r="D36730">
        <v>0</v>
      </c>
    </row>
    <row r="36731" spans="1:4" x14ac:dyDescent="0.25">
      <c r="A36731" t="s">
        <v>53113</v>
      </c>
      <c r="B36731" t="s">
        <v>53117</v>
      </c>
      <c r="C36731">
        <v>1</v>
      </c>
      <c r="D36731">
        <v>0</v>
      </c>
    </row>
    <row r="36732" spans="1:4" x14ac:dyDescent="0.25">
      <c r="A36732" t="s">
        <v>53113</v>
      </c>
      <c r="B36732" t="s">
        <v>53118</v>
      </c>
      <c r="C36732">
        <v>1</v>
      </c>
      <c r="D36732">
        <v>0</v>
      </c>
    </row>
    <row r="36733" spans="1:4" x14ac:dyDescent="0.25">
      <c r="A36733" t="s">
        <v>53119</v>
      </c>
      <c r="B36733" t="s">
        <v>53120</v>
      </c>
      <c r="C36733">
        <v>1</v>
      </c>
      <c r="D36733">
        <v>0</v>
      </c>
    </row>
    <row r="36734" spans="1:4" x14ac:dyDescent="0.25">
      <c r="A36734" t="s">
        <v>53119</v>
      </c>
      <c r="B36734" t="s">
        <v>53121</v>
      </c>
      <c r="C36734">
        <v>1</v>
      </c>
      <c r="D36734">
        <v>0</v>
      </c>
    </row>
    <row r="36735" spans="1:4" x14ac:dyDescent="0.25">
      <c r="A36735" t="s">
        <v>53122</v>
      </c>
      <c r="B36735" t="s">
        <v>53123</v>
      </c>
      <c r="C36735">
        <v>1</v>
      </c>
      <c r="D36735">
        <v>0</v>
      </c>
    </row>
    <row r="36736" spans="1:4" x14ac:dyDescent="0.25">
      <c r="A36736" t="s">
        <v>53122</v>
      </c>
      <c r="B36736" t="s">
        <v>53124</v>
      </c>
      <c r="C36736">
        <v>0</v>
      </c>
      <c r="D36736">
        <v>0</v>
      </c>
    </row>
    <row r="36737" spans="1:4" x14ac:dyDescent="0.25">
      <c r="A36737" t="s">
        <v>53122</v>
      </c>
      <c r="B36737" t="s">
        <v>2651</v>
      </c>
      <c r="C36737">
        <v>0</v>
      </c>
      <c r="D36737">
        <v>0</v>
      </c>
    </row>
    <row r="36738" spans="1:4" x14ac:dyDescent="0.25">
      <c r="A36738" t="s">
        <v>53122</v>
      </c>
      <c r="B36738" t="s">
        <v>53125</v>
      </c>
      <c r="C36738">
        <v>1</v>
      </c>
      <c r="D36738">
        <v>0</v>
      </c>
    </row>
    <row r="36739" spans="1:4" x14ac:dyDescent="0.25">
      <c r="A36739" t="s">
        <v>53122</v>
      </c>
      <c r="B36739" t="s">
        <v>53126</v>
      </c>
      <c r="C36739">
        <v>1</v>
      </c>
      <c r="D36739">
        <v>0</v>
      </c>
    </row>
    <row r="36740" spans="1:4" x14ac:dyDescent="0.25">
      <c r="A36740" t="s">
        <v>53122</v>
      </c>
      <c r="B36740" t="s">
        <v>53127</v>
      </c>
      <c r="C36740">
        <v>1</v>
      </c>
      <c r="D36740">
        <v>0</v>
      </c>
    </row>
    <row r="36741" spans="1:4" x14ac:dyDescent="0.25">
      <c r="A36741" t="s">
        <v>53128</v>
      </c>
      <c r="B36741" t="s">
        <v>53129</v>
      </c>
      <c r="C36741">
        <v>2</v>
      </c>
      <c r="D36741">
        <v>0</v>
      </c>
    </row>
    <row r="36742" spans="1:4" x14ac:dyDescent="0.25">
      <c r="A36742" t="s">
        <v>53128</v>
      </c>
      <c r="B36742" t="s">
        <v>53130</v>
      </c>
      <c r="C36742">
        <v>1</v>
      </c>
      <c r="D36742">
        <v>0</v>
      </c>
    </row>
    <row r="36743" spans="1:4" x14ac:dyDescent="0.25">
      <c r="A36743" t="s">
        <v>53128</v>
      </c>
      <c r="B36743" t="s">
        <v>53131</v>
      </c>
      <c r="C36743">
        <v>2</v>
      </c>
      <c r="D36743">
        <v>0</v>
      </c>
    </row>
    <row r="36744" spans="1:4" x14ac:dyDescent="0.25">
      <c r="A36744" t="s">
        <v>53128</v>
      </c>
      <c r="B36744" t="s">
        <v>53132</v>
      </c>
      <c r="C36744">
        <v>1</v>
      </c>
      <c r="D36744">
        <v>0</v>
      </c>
    </row>
    <row r="36745" spans="1:4" x14ac:dyDescent="0.25">
      <c r="A36745" t="s">
        <v>53133</v>
      </c>
      <c r="B36745" t="s">
        <v>53134</v>
      </c>
      <c r="C36745">
        <v>2</v>
      </c>
      <c r="D36745">
        <v>0</v>
      </c>
    </row>
    <row r="36746" spans="1:4" x14ac:dyDescent="0.25">
      <c r="A36746" t="s">
        <v>53133</v>
      </c>
      <c r="B36746" t="s">
        <v>53135</v>
      </c>
      <c r="C36746">
        <v>0</v>
      </c>
      <c r="D36746">
        <v>0</v>
      </c>
    </row>
    <row r="36747" spans="1:4" x14ac:dyDescent="0.25">
      <c r="A36747" t="s">
        <v>53133</v>
      </c>
      <c r="B36747" t="s">
        <v>53136</v>
      </c>
      <c r="C36747">
        <v>1</v>
      </c>
      <c r="D36747">
        <v>0</v>
      </c>
    </row>
    <row r="36748" spans="1:4" x14ac:dyDescent="0.25">
      <c r="A36748" t="s">
        <v>53133</v>
      </c>
      <c r="B36748" t="s">
        <v>51939</v>
      </c>
      <c r="C36748">
        <v>0</v>
      </c>
      <c r="D36748">
        <v>0</v>
      </c>
    </row>
    <row r="36749" spans="1:4" x14ac:dyDescent="0.25">
      <c r="A36749" t="s">
        <v>53137</v>
      </c>
      <c r="B36749" t="s">
        <v>53138</v>
      </c>
      <c r="C36749">
        <v>1</v>
      </c>
      <c r="D36749">
        <v>0</v>
      </c>
    </row>
    <row r="36750" spans="1:4" x14ac:dyDescent="0.25">
      <c r="A36750" t="s">
        <v>53137</v>
      </c>
      <c r="B36750" t="s">
        <v>53139</v>
      </c>
      <c r="C36750">
        <v>1</v>
      </c>
      <c r="D36750">
        <v>0</v>
      </c>
    </row>
    <row r="36751" spans="1:4" x14ac:dyDescent="0.25">
      <c r="A36751" t="s">
        <v>53140</v>
      </c>
      <c r="B36751" t="s">
        <v>53141</v>
      </c>
      <c r="C36751">
        <v>1</v>
      </c>
      <c r="D36751">
        <v>0</v>
      </c>
    </row>
    <row r="36752" spans="1:4" x14ac:dyDescent="0.25">
      <c r="A36752" t="s">
        <v>53140</v>
      </c>
      <c r="B36752" t="s">
        <v>53142</v>
      </c>
      <c r="C36752">
        <v>2</v>
      </c>
      <c r="D36752">
        <v>0</v>
      </c>
    </row>
    <row r="36753" spans="1:4" x14ac:dyDescent="0.25">
      <c r="A36753" t="s">
        <v>53140</v>
      </c>
      <c r="B36753" t="s">
        <v>53143</v>
      </c>
      <c r="C36753">
        <v>1</v>
      </c>
      <c r="D36753">
        <v>0</v>
      </c>
    </row>
    <row r="36754" spans="1:4" x14ac:dyDescent="0.25">
      <c r="A36754" t="s">
        <v>53140</v>
      </c>
      <c r="B36754" t="s">
        <v>53144</v>
      </c>
      <c r="C36754">
        <v>1</v>
      </c>
      <c r="D36754">
        <v>0</v>
      </c>
    </row>
    <row r="36755" spans="1:4" x14ac:dyDescent="0.25">
      <c r="A36755" t="s">
        <v>53140</v>
      </c>
      <c r="B36755" t="s">
        <v>53145</v>
      </c>
      <c r="C36755">
        <v>2</v>
      </c>
      <c r="D36755">
        <v>0</v>
      </c>
    </row>
    <row r="36756" spans="1:4" x14ac:dyDescent="0.25">
      <c r="A36756" t="s">
        <v>53146</v>
      </c>
      <c r="B36756" t="s">
        <v>53147</v>
      </c>
      <c r="C36756">
        <v>1</v>
      </c>
      <c r="D36756">
        <v>0</v>
      </c>
    </row>
    <row r="36757" spans="1:4" x14ac:dyDescent="0.25">
      <c r="A36757" t="s">
        <v>53146</v>
      </c>
      <c r="B36757" t="s">
        <v>53148</v>
      </c>
      <c r="C36757">
        <v>2</v>
      </c>
      <c r="D36757">
        <v>0</v>
      </c>
    </row>
    <row r="36758" spans="1:4" x14ac:dyDescent="0.25">
      <c r="A36758" t="s">
        <v>53146</v>
      </c>
      <c r="B36758" t="s">
        <v>53149</v>
      </c>
      <c r="C36758">
        <v>2</v>
      </c>
      <c r="D36758">
        <v>0</v>
      </c>
    </row>
    <row r="36759" spans="1:4" x14ac:dyDescent="0.25">
      <c r="A36759" t="s">
        <v>53146</v>
      </c>
      <c r="B36759" t="s">
        <v>53150</v>
      </c>
      <c r="C36759">
        <v>2</v>
      </c>
      <c r="D36759">
        <v>0</v>
      </c>
    </row>
    <row r="36760" spans="1:4" x14ac:dyDescent="0.25">
      <c r="A36760" t="s">
        <v>53151</v>
      </c>
      <c r="B36760" t="s">
        <v>53152</v>
      </c>
      <c r="C36760">
        <v>0</v>
      </c>
      <c r="D36760">
        <v>0</v>
      </c>
    </row>
    <row r="36761" spans="1:4" x14ac:dyDescent="0.25">
      <c r="A36761" t="s">
        <v>53151</v>
      </c>
      <c r="B36761" t="s">
        <v>53153</v>
      </c>
      <c r="C36761">
        <v>1</v>
      </c>
      <c r="D36761">
        <v>0</v>
      </c>
    </row>
    <row r="36762" spans="1:4" x14ac:dyDescent="0.25">
      <c r="A36762" t="s">
        <v>53151</v>
      </c>
      <c r="B36762" t="s">
        <v>53154</v>
      </c>
      <c r="C36762">
        <v>1</v>
      </c>
      <c r="D36762">
        <v>0</v>
      </c>
    </row>
    <row r="36763" spans="1:4" x14ac:dyDescent="0.25">
      <c r="A36763" t="s">
        <v>53151</v>
      </c>
      <c r="B36763" t="s">
        <v>53155</v>
      </c>
      <c r="C36763">
        <v>1</v>
      </c>
      <c r="D36763">
        <v>0</v>
      </c>
    </row>
    <row r="36764" spans="1:4" x14ac:dyDescent="0.25">
      <c r="A36764" t="s">
        <v>53156</v>
      </c>
      <c r="B36764" t="s">
        <v>53157</v>
      </c>
      <c r="C36764">
        <v>0</v>
      </c>
      <c r="D36764">
        <v>0</v>
      </c>
    </row>
    <row r="36765" spans="1:4" x14ac:dyDescent="0.25">
      <c r="A36765" t="s">
        <v>53156</v>
      </c>
      <c r="B36765" t="s">
        <v>53158</v>
      </c>
      <c r="C36765">
        <v>1</v>
      </c>
      <c r="D36765">
        <v>0</v>
      </c>
    </row>
    <row r="36766" spans="1:4" x14ac:dyDescent="0.25">
      <c r="A36766" t="s">
        <v>53156</v>
      </c>
      <c r="B36766" t="s">
        <v>53159</v>
      </c>
      <c r="C36766">
        <v>2</v>
      </c>
      <c r="D36766">
        <v>0</v>
      </c>
    </row>
    <row r="36767" spans="1:4" x14ac:dyDescent="0.25">
      <c r="A36767" t="s">
        <v>53160</v>
      </c>
      <c r="B36767" t="s">
        <v>53161</v>
      </c>
      <c r="C36767">
        <v>1</v>
      </c>
      <c r="D36767">
        <v>0</v>
      </c>
    </row>
    <row r="36768" spans="1:4" x14ac:dyDescent="0.25">
      <c r="A36768" t="s">
        <v>53160</v>
      </c>
      <c r="B36768" t="s">
        <v>53162</v>
      </c>
      <c r="C36768">
        <v>0</v>
      </c>
      <c r="D36768">
        <v>0</v>
      </c>
    </row>
    <row r="36769" spans="1:4" x14ac:dyDescent="0.25">
      <c r="A36769" t="s">
        <v>53160</v>
      </c>
      <c r="B36769" t="s">
        <v>53163</v>
      </c>
      <c r="C36769">
        <v>1</v>
      </c>
      <c r="D36769">
        <v>0</v>
      </c>
    </row>
    <row r="36770" spans="1:4" x14ac:dyDescent="0.25">
      <c r="A36770" t="s">
        <v>53160</v>
      </c>
      <c r="B36770" t="s">
        <v>53164</v>
      </c>
      <c r="C36770">
        <v>0</v>
      </c>
      <c r="D36770">
        <v>0</v>
      </c>
    </row>
    <row r="36771" spans="1:4" x14ac:dyDescent="0.25">
      <c r="A36771" t="s">
        <v>53160</v>
      </c>
      <c r="B36771" t="s">
        <v>53165</v>
      </c>
      <c r="C36771">
        <v>0</v>
      </c>
      <c r="D36771">
        <v>0</v>
      </c>
    </row>
    <row r="36772" spans="1:4" x14ac:dyDescent="0.25">
      <c r="A36772" t="s">
        <v>53160</v>
      </c>
      <c r="B36772" t="s">
        <v>53166</v>
      </c>
      <c r="C36772">
        <v>0</v>
      </c>
      <c r="D36772">
        <v>0</v>
      </c>
    </row>
    <row r="36773" spans="1:4" x14ac:dyDescent="0.25">
      <c r="A36773" t="s">
        <v>53167</v>
      </c>
      <c r="B36773" t="s">
        <v>53168</v>
      </c>
      <c r="C36773">
        <v>1</v>
      </c>
      <c r="D36773">
        <v>0</v>
      </c>
    </row>
    <row r="36774" spans="1:4" x14ac:dyDescent="0.25">
      <c r="A36774" t="s">
        <v>53167</v>
      </c>
      <c r="B36774" t="s">
        <v>53169</v>
      </c>
      <c r="C36774">
        <v>0</v>
      </c>
      <c r="D36774">
        <v>0</v>
      </c>
    </row>
    <row r="36775" spans="1:4" x14ac:dyDescent="0.25">
      <c r="A36775" t="s">
        <v>53167</v>
      </c>
      <c r="B36775" t="s">
        <v>53170</v>
      </c>
      <c r="C36775">
        <v>1</v>
      </c>
      <c r="D36775">
        <v>0</v>
      </c>
    </row>
    <row r="36776" spans="1:4" x14ac:dyDescent="0.25">
      <c r="A36776" t="s">
        <v>53167</v>
      </c>
      <c r="B36776" t="s">
        <v>53171</v>
      </c>
      <c r="C36776">
        <v>1</v>
      </c>
      <c r="D36776">
        <v>0</v>
      </c>
    </row>
    <row r="36777" spans="1:4" x14ac:dyDescent="0.25">
      <c r="A36777" t="s">
        <v>53167</v>
      </c>
      <c r="B36777" t="s">
        <v>53172</v>
      </c>
      <c r="C36777">
        <v>0</v>
      </c>
      <c r="D36777">
        <v>0</v>
      </c>
    </row>
    <row r="36778" spans="1:4" x14ac:dyDescent="0.25">
      <c r="A36778" t="s">
        <v>53173</v>
      </c>
      <c r="B36778" t="s">
        <v>53174</v>
      </c>
      <c r="C36778">
        <v>1</v>
      </c>
      <c r="D36778">
        <v>0</v>
      </c>
    </row>
    <row r="36779" spans="1:4" x14ac:dyDescent="0.25">
      <c r="A36779" t="s">
        <v>53175</v>
      </c>
      <c r="B36779" t="s">
        <v>53176</v>
      </c>
      <c r="C36779">
        <v>1</v>
      </c>
      <c r="D36779">
        <v>0</v>
      </c>
    </row>
    <row r="36780" spans="1:4" x14ac:dyDescent="0.25">
      <c r="A36780" t="s">
        <v>53175</v>
      </c>
      <c r="B36780" t="s">
        <v>53177</v>
      </c>
      <c r="C36780">
        <v>1</v>
      </c>
      <c r="D36780">
        <v>0</v>
      </c>
    </row>
    <row r="36781" spans="1:4" x14ac:dyDescent="0.25">
      <c r="A36781" t="s">
        <v>53175</v>
      </c>
      <c r="B36781" t="s">
        <v>53178</v>
      </c>
      <c r="C36781">
        <v>0</v>
      </c>
      <c r="D36781">
        <v>0</v>
      </c>
    </row>
    <row r="36782" spans="1:4" x14ac:dyDescent="0.25">
      <c r="A36782" t="s">
        <v>53175</v>
      </c>
      <c r="B36782" t="s">
        <v>53179</v>
      </c>
      <c r="C36782">
        <v>1</v>
      </c>
      <c r="D36782">
        <v>0</v>
      </c>
    </row>
    <row r="36783" spans="1:4" x14ac:dyDescent="0.25">
      <c r="A36783" t="s">
        <v>53180</v>
      </c>
      <c r="B36783" t="s">
        <v>53181</v>
      </c>
      <c r="C36783">
        <v>1</v>
      </c>
      <c r="D36783">
        <v>0</v>
      </c>
    </row>
    <row r="36784" spans="1:4" x14ac:dyDescent="0.25">
      <c r="A36784" t="s">
        <v>53180</v>
      </c>
      <c r="B36784" t="s">
        <v>53182</v>
      </c>
      <c r="C36784">
        <v>0</v>
      </c>
      <c r="D36784">
        <v>0</v>
      </c>
    </row>
    <row r="36785" spans="1:4" x14ac:dyDescent="0.25">
      <c r="A36785" t="s">
        <v>53183</v>
      </c>
      <c r="B36785" t="s">
        <v>53184</v>
      </c>
      <c r="C36785">
        <v>0</v>
      </c>
      <c r="D36785">
        <v>0</v>
      </c>
    </row>
    <row r="36786" spans="1:4" x14ac:dyDescent="0.25">
      <c r="A36786" t="s">
        <v>53183</v>
      </c>
      <c r="B36786" t="s">
        <v>53185</v>
      </c>
      <c r="C36786">
        <v>1</v>
      </c>
      <c r="D36786">
        <v>0</v>
      </c>
    </row>
    <row r="36787" spans="1:4" x14ac:dyDescent="0.25">
      <c r="A36787" t="s">
        <v>53186</v>
      </c>
      <c r="B36787" t="s">
        <v>53187</v>
      </c>
      <c r="C36787">
        <v>1</v>
      </c>
      <c r="D36787">
        <v>0</v>
      </c>
    </row>
    <row r="36788" spans="1:4" x14ac:dyDescent="0.25">
      <c r="A36788" t="s">
        <v>53186</v>
      </c>
      <c r="B36788" t="s">
        <v>24723</v>
      </c>
      <c r="C36788">
        <v>0</v>
      </c>
      <c r="D36788">
        <v>0</v>
      </c>
    </row>
    <row r="36789" spans="1:4" x14ac:dyDescent="0.25">
      <c r="A36789" t="s">
        <v>53186</v>
      </c>
      <c r="B36789" t="s">
        <v>53188</v>
      </c>
      <c r="C36789">
        <v>0</v>
      </c>
      <c r="D36789">
        <v>0</v>
      </c>
    </row>
    <row r="36790" spans="1:4" x14ac:dyDescent="0.25">
      <c r="A36790" t="s">
        <v>53189</v>
      </c>
      <c r="B36790" t="s">
        <v>53190</v>
      </c>
      <c r="C36790">
        <v>1</v>
      </c>
      <c r="D36790">
        <v>0</v>
      </c>
    </row>
    <row r="36791" spans="1:4" x14ac:dyDescent="0.25">
      <c r="A36791" t="s">
        <v>53189</v>
      </c>
      <c r="B36791" t="s">
        <v>53191</v>
      </c>
      <c r="C36791">
        <v>1</v>
      </c>
      <c r="D36791">
        <v>0</v>
      </c>
    </row>
    <row r="36792" spans="1:4" x14ac:dyDescent="0.25">
      <c r="A36792" t="s">
        <v>53192</v>
      </c>
      <c r="B36792" t="s">
        <v>53193</v>
      </c>
      <c r="C36792">
        <v>1</v>
      </c>
      <c r="D36792">
        <v>0</v>
      </c>
    </row>
    <row r="36793" spans="1:4" x14ac:dyDescent="0.25">
      <c r="A36793" t="s">
        <v>53192</v>
      </c>
      <c r="B36793" t="s">
        <v>53194</v>
      </c>
      <c r="C36793">
        <v>1</v>
      </c>
      <c r="D36793">
        <v>0</v>
      </c>
    </row>
    <row r="36794" spans="1:4" x14ac:dyDescent="0.25">
      <c r="A36794" t="s">
        <v>53192</v>
      </c>
      <c r="B36794" t="s">
        <v>53195</v>
      </c>
      <c r="C36794">
        <v>1</v>
      </c>
      <c r="D36794">
        <v>0</v>
      </c>
    </row>
    <row r="36795" spans="1:4" x14ac:dyDescent="0.25">
      <c r="A36795" t="s">
        <v>53192</v>
      </c>
      <c r="B36795" t="s">
        <v>53196</v>
      </c>
      <c r="C36795">
        <v>1</v>
      </c>
      <c r="D36795">
        <v>0</v>
      </c>
    </row>
    <row r="36796" spans="1:4" x14ac:dyDescent="0.25">
      <c r="A36796" t="s">
        <v>53192</v>
      </c>
      <c r="B36796" t="s">
        <v>53197</v>
      </c>
      <c r="C36796">
        <v>2</v>
      </c>
      <c r="D36796">
        <v>0</v>
      </c>
    </row>
    <row r="36797" spans="1:4" x14ac:dyDescent="0.25">
      <c r="A36797" t="s">
        <v>53198</v>
      </c>
      <c r="B36797" t="s">
        <v>53199</v>
      </c>
      <c r="C36797">
        <v>1</v>
      </c>
      <c r="D36797">
        <v>0</v>
      </c>
    </row>
    <row r="36798" spans="1:4" x14ac:dyDescent="0.25">
      <c r="A36798" t="s">
        <v>53198</v>
      </c>
      <c r="B36798" t="s">
        <v>53200</v>
      </c>
      <c r="C36798">
        <v>1</v>
      </c>
      <c r="D36798">
        <v>0</v>
      </c>
    </row>
    <row r="36799" spans="1:4" x14ac:dyDescent="0.25">
      <c r="A36799" t="s">
        <v>53201</v>
      </c>
      <c r="B36799" t="s">
        <v>53202</v>
      </c>
      <c r="C36799">
        <v>0</v>
      </c>
      <c r="D36799">
        <v>0</v>
      </c>
    </row>
    <row r="36800" spans="1:4" x14ac:dyDescent="0.25">
      <c r="A36800" t="s">
        <v>53203</v>
      </c>
      <c r="B36800" t="s">
        <v>53204</v>
      </c>
      <c r="C36800">
        <v>0</v>
      </c>
      <c r="D36800">
        <v>0</v>
      </c>
    </row>
    <row r="36801" spans="1:4" x14ac:dyDescent="0.25">
      <c r="A36801" t="s">
        <v>53205</v>
      </c>
      <c r="B36801" t="s">
        <v>53206</v>
      </c>
      <c r="C36801">
        <v>0</v>
      </c>
      <c r="D36801">
        <v>0</v>
      </c>
    </row>
    <row r="36802" spans="1:4" x14ac:dyDescent="0.25">
      <c r="A36802" t="s">
        <v>53205</v>
      </c>
      <c r="B36802" t="s">
        <v>35954</v>
      </c>
      <c r="C36802">
        <v>0</v>
      </c>
      <c r="D36802">
        <v>0</v>
      </c>
    </row>
    <row r="36803" spans="1:4" x14ac:dyDescent="0.25">
      <c r="A36803" t="s">
        <v>53205</v>
      </c>
      <c r="B36803" t="s">
        <v>53207</v>
      </c>
      <c r="C36803">
        <v>1</v>
      </c>
      <c r="D36803">
        <v>0</v>
      </c>
    </row>
    <row r="36804" spans="1:4" x14ac:dyDescent="0.25">
      <c r="A36804" t="s">
        <v>53205</v>
      </c>
      <c r="B36804" t="s">
        <v>19309</v>
      </c>
      <c r="C36804">
        <v>0</v>
      </c>
      <c r="D36804">
        <v>0</v>
      </c>
    </row>
    <row r="36805" spans="1:4" x14ac:dyDescent="0.25">
      <c r="A36805" t="s">
        <v>53205</v>
      </c>
      <c r="B36805" t="s">
        <v>53208</v>
      </c>
      <c r="C36805">
        <v>0</v>
      </c>
      <c r="D36805">
        <v>0</v>
      </c>
    </row>
    <row r="36806" spans="1:4" x14ac:dyDescent="0.25">
      <c r="A36806" t="s">
        <v>53209</v>
      </c>
      <c r="B36806" t="s">
        <v>53210</v>
      </c>
      <c r="C36806">
        <v>0</v>
      </c>
      <c r="D36806">
        <v>0</v>
      </c>
    </row>
    <row r="36807" spans="1:4" x14ac:dyDescent="0.25">
      <c r="A36807" t="s">
        <v>53209</v>
      </c>
      <c r="B36807" t="s">
        <v>53211</v>
      </c>
      <c r="C36807">
        <v>0</v>
      </c>
      <c r="D36807">
        <v>0</v>
      </c>
    </row>
    <row r="36808" spans="1:4" x14ac:dyDescent="0.25">
      <c r="A36808" t="s">
        <v>53212</v>
      </c>
      <c r="B36808" t="s">
        <v>53213</v>
      </c>
      <c r="C36808">
        <v>0</v>
      </c>
      <c r="D36808">
        <v>0</v>
      </c>
    </row>
    <row r="36809" spans="1:4" x14ac:dyDescent="0.25">
      <c r="A36809" t="s">
        <v>53212</v>
      </c>
      <c r="B36809" t="s">
        <v>53214</v>
      </c>
      <c r="C36809">
        <v>2</v>
      </c>
      <c r="D36809">
        <v>0</v>
      </c>
    </row>
    <row r="36810" spans="1:4" x14ac:dyDescent="0.25">
      <c r="A36810" t="s">
        <v>53212</v>
      </c>
      <c r="B36810" t="s">
        <v>53215</v>
      </c>
      <c r="C36810">
        <v>0</v>
      </c>
      <c r="D36810">
        <v>0</v>
      </c>
    </row>
    <row r="36811" spans="1:4" x14ac:dyDescent="0.25">
      <c r="A36811" t="s">
        <v>53212</v>
      </c>
      <c r="B36811" t="s">
        <v>53216</v>
      </c>
      <c r="C36811">
        <v>1</v>
      </c>
      <c r="D36811">
        <v>0</v>
      </c>
    </row>
    <row r="36812" spans="1:4" x14ac:dyDescent="0.25">
      <c r="A36812" t="s">
        <v>53217</v>
      </c>
      <c r="B36812" t="s">
        <v>53218</v>
      </c>
      <c r="C36812">
        <v>0</v>
      </c>
      <c r="D36812">
        <v>0</v>
      </c>
    </row>
    <row r="36813" spans="1:4" x14ac:dyDescent="0.25">
      <c r="A36813" t="s">
        <v>53217</v>
      </c>
      <c r="B36813" t="s">
        <v>53219</v>
      </c>
      <c r="C36813">
        <v>1</v>
      </c>
      <c r="D36813">
        <v>0</v>
      </c>
    </row>
    <row r="36814" spans="1:4" x14ac:dyDescent="0.25">
      <c r="A36814" t="s">
        <v>53217</v>
      </c>
      <c r="B36814" t="s">
        <v>53220</v>
      </c>
      <c r="C36814">
        <v>0</v>
      </c>
      <c r="D36814">
        <v>0</v>
      </c>
    </row>
    <row r="36815" spans="1:4" x14ac:dyDescent="0.25">
      <c r="A36815" t="s">
        <v>53217</v>
      </c>
      <c r="B36815" t="s">
        <v>53221</v>
      </c>
      <c r="C36815">
        <v>0</v>
      </c>
      <c r="D36815">
        <v>0</v>
      </c>
    </row>
    <row r="36816" spans="1:4" x14ac:dyDescent="0.25">
      <c r="A36816" t="s">
        <v>53217</v>
      </c>
      <c r="B36816" t="s">
        <v>53222</v>
      </c>
      <c r="C36816">
        <v>2</v>
      </c>
      <c r="D36816">
        <v>0</v>
      </c>
    </row>
    <row r="36817" spans="1:4" x14ac:dyDescent="0.25">
      <c r="A36817" t="s">
        <v>53217</v>
      </c>
      <c r="B36817" t="s">
        <v>53223</v>
      </c>
      <c r="C36817">
        <v>1</v>
      </c>
      <c r="D36817">
        <v>0</v>
      </c>
    </row>
    <row r="36818" spans="1:4" x14ac:dyDescent="0.25">
      <c r="A36818" t="s">
        <v>53224</v>
      </c>
      <c r="B36818" t="s">
        <v>53225</v>
      </c>
      <c r="C36818">
        <v>1</v>
      </c>
      <c r="D36818">
        <v>0</v>
      </c>
    </row>
    <row r="36819" spans="1:4" x14ac:dyDescent="0.25">
      <c r="A36819" t="s">
        <v>53224</v>
      </c>
      <c r="B36819" t="s">
        <v>53226</v>
      </c>
      <c r="C36819">
        <v>1</v>
      </c>
      <c r="D36819">
        <v>0</v>
      </c>
    </row>
    <row r="36820" spans="1:4" x14ac:dyDescent="0.25">
      <c r="A36820" t="s">
        <v>53224</v>
      </c>
      <c r="B36820" t="s">
        <v>53227</v>
      </c>
      <c r="C36820">
        <v>1</v>
      </c>
      <c r="D36820">
        <v>0</v>
      </c>
    </row>
    <row r="36821" spans="1:4" x14ac:dyDescent="0.25">
      <c r="A36821" t="s">
        <v>53224</v>
      </c>
      <c r="B36821" t="s">
        <v>53228</v>
      </c>
      <c r="C36821">
        <v>0</v>
      </c>
      <c r="D36821">
        <v>0</v>
      </c>
    </row>
    <row r="36822" spans="1:4" x14ac:dyDescent="0.25">
      <c r="A36822" t="s">
        <v>53224</v>
      </c>
      <c r="B36822" t="s">
        <v>17479</v>
      </c>
      <c r="C36822">
        <v>2</v>
      </c>
      <c r="D36822">
        <v>0</v>
      </c>
    </row>
    <row r="36823" spans="1:4" x14ac:dyDescent="0.25">
      <c r="A36823" t="s">
        <v>53224</v>
      </c>
      <c r="B36823" t="s">
        <v>53229</v>
      </c>
      <c r="C36823">
        <v>2</v>
      </c>
      <c r="D36823">
        <v>0</v>
      </c>
    </row>
    <row r="36824" spans="1:4" x14ac:dyDescent="0.25">
      <c r="A36824" t="s">
        <v>53230</v>
      </c>
      <c r="B36824" t="s">
        <v>53231</v>
      </c>
      <c r="C36824">
        <v>1</v>
      </c>
      <c r="D36824">
        <v>0</v>
      </c>
    </row>
    <row r="36825" spans="1:4" x14ac:dyDescent="0.25">
      <c r="A36825" t="s">
        <v>53230</v>
      </c>
      <c r="B36825" t="s">
        <v>53232</v>
      </c>
      <c r="C36825">
        <v>1</v>
      </c>
      <c r="D36825">
        <v>0</v>
      </c>
    </row>
    <row r="36826" spans="1:4" x14ac:dyDescent="0.25">
      <c r="A36826" t="s">
        <v>53230</v>
      </c>
      <c r="B36826" t="s">
        <v>53233</v>
      </c>
      <c r="C36826">
        <v>0</v>
      </c>
      <c r="D36826">
        <v>0</v>
      </c>
    </row>
    <row r="36827" spans="1:4" x14ac:dyDescent="0.25">
      <c r="A36827" t="s">
        <v>53230</v>
      </c>
      <c r="B36827" t="s">
        <v>53234</v>
      </c>
      <c r="C36827">
        <v>0</v>
      </c>
      <c r="D36827">
        <v>0</v>
      </c>
    </row>
    <row r="36828" spans="1:4" x14ac:dyDescent="0.25">
      <c r="A36828" t="s">
        <v>53230</v>
      </c>
      <c r="B36828" t="s">
        <v>53235</v>
      </c>
      <c r="C36828">
        <v>0</v>
      </c>
      <c r="D36828">
        <v>0</v>
      </c>
    </row>
    <row r="36829" spans="1:4" x14ac:dyDescent="0.25">
      <c r="A36829" t="s">
        <v>53236</v>
      </c>
      <c r="B36829" t="s">
        <v>53237</v>
      </c>
      <c r="C36829">
        <v>2</v>
      </c>
      <c r="D36829">
        <v>0</v>
      </c>
    </row>
    <row r="36830" spans="1:4" x14ac:dyDescent="0.25">
      <c r="A36830" t="s">
        <v>53236</v>
      </c>
      <c r="B36830" t="s">
        <v>53238</v>
      </c>
      <c r="C36830">
        <v>1</v>
      </c>
      <c r="D36830">
        <v>0</v>
      </c>
    </row>
    <row r="36831" spans="1:4" x14ac:dyDescent="0.25">
      <c r="A36831" t="s">
        <v>53236</v>
      </c>
      <c r="B36831" t="s">
        <v>53239</v>
      </c>
      <c r="C36831">
        <v>1</v>
      </c>
      <c r="D36831">
        <v>0</v>
      </c>
    </row>
    <row r="36832" spans="1:4" x14ac:dyDescent="0.25">
      <c r="A36832" t="s">
        <v>53236</v>
      </c>
      <c r="B36832" t="s">
        <v>48504</v>
      </c>
      <c r="C36832">
        <v>1</v>
      </c>
      <c r="D36832">
        <v>0</v>
      </c>
    </row>
    <row r="36833" spans="1:4" x14ac:dyDescent="0.25">
      <c r="A36833" t="s">
        <v>53240</v>
      </c>
      <c r="B36833" t="s">
        <v>53241</v>
      </c>
      <c r="C36833">
        <v>2</v>
      </c>
      <c r="D36833">
        <v>0</v>
      </c>
    </row>
    <row r="36834" spans="1:4" x14ac:dyDescent="0.25">
      <c r="A36834" t="s">
        <v>53240</v>
      </c>
      <c r="B36834" t="s">
        <v>53242</v>
      </c>
      <c r="C36834">
        <v>1</v>
      </c>
      <c r="D36834">
        <v>0</v>
      </c>
    </row>
    <row r="36835" spans="1:4" x14ac:dyDescent="0.25">
      <c r="A36835" t="s">
        <v>53243</v>
      </c>
      <c r="B36835" t="s">
        <v>53244</v>
      </c>
      <c r="C36835">
        <v>0</v>
      </c>
      <c r="D36835">
        <v>0</v>
      </c>
    </row>
    <row r="36836" spans="1:4" x14ac:dyDescent="0.25">
      <c r="A36836" t="s">
        <v>53243</v>
      </c>
      <c r="B36836" t="s">
        <v>53245</v>
      </c>
      <c r="C36836">
        <v>2</v>
      </c>
      <c r="D36836">
        <v>0</v>
      </c>
    </row>
    <row r="36837" spans="1:4" x14ac:dyDescent="0.25">
      <c r="A36837" t="s">
        <v>53243</v>
      </c>
      <c r="B36837" t="s">
        <v>53246</v>
      </c>
      <c r="C36837">
        <v>0</v>
      </c>
      <c r="D36837">
        <v>0</v>
      </c>
    </row>
    <row r="36838" spans="1:4" x14ac:dyDescent="0.25">
      <c r="A36838" t="s">
        <v>53243</v>
      </c>
      <c r="B36838" t="s">
        <v>53247</v>
      </c>
      <c r="C36838">
        <v>1</v>
      </c>
      <c r="D36838">
        <v>0</v>
      </c>
    </row>
    <row r="36839" spans="1:4" x14ac:dyDescent="0.25">
      <c r="A36839" t="s">
        <v>53243</v>
      </c>
      <c r="B36839" t="s">
        <v>53248</v>
      </c>
      <c r="C36839">
        <v>2</v>
      </c>
      <c r="D36839">
        <v>0</v>
      </c>
    </row>
    <row r="36840" spans="1:4" x14ac:dyDescent="0.25">
      <c r="A36840" t="s">
        <v>53243</v>
      </c>
      <c r="B36840" t="s">
        <v>2865</v>
      </c>
      <c r="C36840">
        <v>0</v>
      </c>
      <c r="D36840">
        <v>0</v>
      </c>
    </row>
    <row r="36841" spans="1:4" x14ac:dyDescent="0.25">
      <c r="A36841" t="s">
        <v>53243</v>
      </c>
      <c r="B36841" t="s">
        <v>53249</v>
      </c>
      <c r="C36841">
        <v>0</v>
      </c>
      <c r="D36841">
        <v>0</v>
      </c>
    </row>
    <row r="36842" spans="1:4" x14ac:dyDescent="0.25">
      <c r="A36842" t="s">
        <v>53250</v>
      </c>
      <c r="B36842" t="s">
        <v>53251</v>
      </c>
      <c r="C36842">
        <v>0</v>
      </c>
      <c r="D36842">
        <v>0</v>
      </c>
    </row>
    <row r="36843" spans="1:4" x14ac:dyDescent="0.25">
      <c r="A36843" t="s">
        <v>53250</v>
      </c>
      <c r="B36843" t="s">
        <v>53252</v>
      </c>
      <c r="C36843">
        <v>0</v>
      </c>
      <c r="D36843">
        <v>0</v>
      </c>
    </row>
    <row r="36844" spans="1:4" x14ac:dyDescent="0.25">
      <c r="A36844" t="s">
        <v>53250</v>
      </c>
      <c r="B36844" t="s">
        <v>53253</v>
      </c>
      <c r="C36844">
        <v>0</v>
      </c>
      <c r="D36844">
        <v>0</v>
      </c>
    </row>
    <row r="36845" spans="1:4" x14ac:dyDescent="0.25">
      <c r="A36845" t="s">
        <v>53250</v>
      </c>
      <c r="B36845" t="s">
        <v>53254</v>
      </c>
      <c r="C36845">
        <v>1</v>
      </c>
      <c r="D36845">
        <v>0</v>
      </c>
    </row>
    <row r="36846" spans="1:4" x14ac:dyDescent="0.25">
      <c r="A36846" t="s">
        <v>53250</v>
      </c>
      <c r="B36846" t="s">
        <v>25989</v>
      </c>
      <c r="C36846">
        <v>1</v>
      </c>
      <c r="D36846">
        <v>0</v>
      </c>
    </row>
    <row r="36847" spans="1:4" x14ac:dyDescent="0.25">
      <c r="A36847" t="s">
        <v>53255</v>
      </c>
      <c r="B36847" t="s">
        <v>53256</v>
      </c>
      <c r="C36847">
        <v>0</v>
      </c>
      <c r="D36847">
        <v>0</v>
      </c>
    </row>
    <row r="36848" spans="1:4" x14ac:dyDescent="0.25">
      <c r="A36848" t="s">
        <v>53255</v>
      </c>
      <c r="B36848" t="s">
        <v>53257</v>
      </c>
      <c r="C36848">
        <v>2</v>
      </c>
      <c r="D36848">
        <v>0</v>
      </c>
    </row>
    <row r="36849" spans="1:4" x14ac:dyDescent="0.25">
      <c r="A36849" t="s">
        <v>53255</v>
      </c>
      <c r="B36849" t="s">
        <v>53258</v>
      </c>
      <c r="C36849">
        <v>1</v>
      </c>
      <c r="D36849">
        <v>0</v>
      </c>
    </row>
    <row r="36850" spans="1:4" x14ac:dyDescent="0.25">
      <c r="A36850" t="s">
        <v>53255</v>
      </c>
      <c r="B36850" t="s">
        <v>53259</v>
      </c>
      <c r="C36850">
        <v>0</v>
      </c>
      <c r="D36850">
        <v>0</v>
      </c>
    </row>
    <row r="36851" spans="1:4" x14ac:dyDescent="0.25">
      <c r="A36851" t="s">
        <v>53255</v>
      </c>
      <c r="B36851" t="s">
        <v>53260</v>
      </c>
      <c r="C36851">
        <v>1</v>
      </c>
      <c r="D36851">
        <v>0</v>
      </c>
    </row>
    <row r="36852" spans="1:4" x14ac:dyDescent="0.25">
      <c r="A36852" t="s">
        <v>53261</v>
      </c>
      <c r="B36852" t="s">
        <v>53262</v>
      </c>
      <c r="C36852">
        <v>1</v>
      </c>
      <c r="D36852">
        <v>0</v>
      </c>
    </row>
    <row r="36853" spans="1:4" x14ac:dyDescent="0.25">
      <c r="A36853" t="s">
        <v>53261</v>
      </c>
      <c r="B36853" t="s">
        <v>53263</v>
      </c>
      <c r="C36853">
        <v>1</v>
      </c>
      <c r="D36853">
        <v>0</v>
      </c>
    </row>
    <row r="36854" spans="1:4" x14ac:dyDescent="0.25">
      <c r="A36854" t="s">
        <v>53261</v>
      </c>
      <c r="B36854" t="s">
        <v>53264</v>
      </c>
      <c r="C36854">
        <v>1</v>
      </c>
      <c r="D36854">
        <v>0</v>
      </c>
    </row>
    <row r="36855" spans="1:4" x14ac:dyDescent="0.25">
      <c r="A36855" t="s">
        <v>53261</v>
      </c>
      <c r="B36855" t="s">
        <v>5047</v>
      </c>
      <c r="C36855">
        <v>0</v>
      </c>
      <c r="D36855">
        <v>0</v>
      </c>
    </row>
    <row r="36856" spans="1:4" x14ac:dyDescent="0.25">
      <c r="A36856" t="s">
        <v>53261</v>
      </c>
      <c r="B36856" t="s">
        <v>12472</v>
      </c>
      <c r="C36856">
        <v>1</v>
      </c>
      <c r="D36856">
        <v>0</v>
      </c>
    </row>
    <row r="36857" spans="1:4" x14ac:dyDescent="0.25">
      <c r="A36857" t="s">
        <v>53261</v>
      </c>
      <c r="B36857" t="s">
        <v>53265</v>
      </c>
      <c r="C36857">
        <v>1</v>
      </c>
      <c r="D36857">
        <v>0</v>
      </c>
    </row>
    <row r="36858" spans="1:4" x14ac:dyDescent="0.25">
      <c r="A36858" t="s">
        <v>53266</v>
      </c>
      <c r="B36858" t="s">
        <v>53267</v>
      </c>
      <c r="C36858">
        <v>1</v>
      </c>
      <c r="D36858">
        <v>0</v>
      </c>
    </row>
    <row r="36859" spans="1:4" x14ac:dyDescent="0.25">
      <c r="A36859" t="s">
        <v>53266</v>
      </c>
      <c r="B36859" t="s">
        <v>53268</v>
      </c>
      <c r="C36859">
        <v>0</v>
      </c>
      <c r="D36859">
        <v>0</v>
      </c>
    </row>
    <row r="36860" spans="1:4" x14ac:dyDescent="0.25">
      <c r="A36860" t="s">
        <v>53266</v>
      </c>
      <c r="B36860" t="s">
        <v>53269</v>
      </c>
      <c r="C36860">
        <v>0</v>
      </c>
      <c r="D36860">
        <v>0</v>
      </c>
    </row>
    <row r="36861" spans="1:4" x14ac:dyDescent="0.25">
      <c r="A36861" t="s">
        <v>53266</v>
      </c>
      <c r="B36861" t="s">
        <v>53270</v>
      </c>
      <c r="C36861">
        <v>1</v>
      </c>
      <c r="D36861">
        <v>0</v>
      </c>
    </row>
    <row r="36862" spans="1:4" x14ac:dyDescent="0.25">
      <c r="A36862" t="s">
        <v>53266</v>
      </c>
      <c r="B36862" t="s">
        <v>53271</v>
      </c>
      <c r="C36862">
        <v>2</v>
      </c>
      <c r="D36862">
        <v>0</v>
      </c>
    </row>
    <row r="36863" spans="1:4" x14ac:dyDescent="0.25">
      <c r="A36863" t="s">
        <v>53272</v>
      </c>
      <c r="B36863" t="s">
        <v>53273</v>
      </c>
      <c r="C36863">
        <v>1</v>
      </c>
      <c r="D36863">
        <v>0</v>
      </c>
    </row>
    <row r="36864" spans="1:4" x14ac:dyDescent="0.25">
      <c r="A36864" t="s">
        <v>53272</v>
      </c>
      <c r="B36864" t="s">
        <v>51939</v>
      </c>
      <c r="C36864">
        <v>0</v>
      </c>
      <c r="D36864">
        <v>0</v>
      </c>
    </row>
    <row r="36865" spans="1:4" x14ac:dyDescent="0.25">
      <c r="A36865" t="s">
        <v>53272</v>
      </c>
      <c r="B36865" t="s">
        <v>53274</v>
      </c>
      <c r="C36865">
        <v>1</v>
      </c>
      <c r="D36865">
        <v>0</v>
      </c>
    </row>
    <row r="36866" spans="1:4" x14ac:dyDescent="0.25">
      <c r="A36866" t="s">
        <v>53272</v>
      </c>
      <c r="B36866" t="s">
        <v>53275</v>
      </c>
      <c r="C36866">
        <v>2</v>
      </c>
      <c r="D36866">
        <v>0</v>
      </c>
    </row>
    <row r="36867" spans="1:4" x14ac:dyDescent="0.25">
      <c r="A36867" t="s">
        <v>53272</v>
      </c>
      <c r="B36867" t="s">
        <v>53276</v>
      </c>
      <c r="C36867">
        <v>0</v>
      </c>
      <c r="D36867">
        <v>0</v>
      </c>
    </row>
    <row r="36868" spans="1:4" x14ac:dyDescent="0.25">
      <c r="A36868" t="s">
        <v>53277</v>
      </c>
      <c r="B36868" t="s">
        <v>53278</v>
      </c>
      <c r="C36868">
        <v>1</v>
      </c>
      <c r="D36868">
        <v>0</v>
      </c>
    </row>
    <row r="36869" spans="1:4" x14ac:dyDescent="0.25">
      <c r="A36869" t="s">
        <v>53277</v>
      </c>
      <c r="B36869" t="s">
        <v>53279</v>
      </c>
      <c r="C36869">
        <v>0</v>
      </c>
      <c r="D36869">
        <v>0</v>
      </c>
    </row>
    <row r="36870" spans="1:4" x14ac:dyDescent="0.25">
      <c r="A36870" t="s">
        <v>53277</v>
      </c>
      <c r="B36870" t="s">
        <v>53280</v>
      </c>
      <c r="C36870">
        <v>1</v>
      </c>
      <c r="D36870">
        <v>0</v>
      </c>
    </row>
    <row r="36871" spans="1:4" x14ac:dyDescent="0.25">
      <c r="A36871" t="s">
        <v>53277</v>
      </c>
      <c r="B36871" t="s">
        <v>53281</v>
      </c>
      <c r="C36871">
        <v>2</v>
      </c>
      <c r="D36871">
        <v>0</v>
      </c>
    </row>
    <row r="36872" spans="1:4" x14ac:dyDescent="0.25">
      <c r="A36872" t="s">
        <v>53282</v>
      </c>
      <c r="B36872" t="s">
        <v>53283</v>
      </c>
      <c r="C36872">
        <v>0</v>
      </c>
      <c r="D36872">
        <v>0</v>
      </c>
    </row>
    <row r="36873" spans="1:4" x14ac:dyDescent="0.25">
      <c r="A36873" t="s">
        <v>53282</v>
      </c>
      <c r="B36873" t="s">
        <v>53284</v>
      </c>
      <c r="C36873">
        <v>1</v>
      </c>
      <c r="D36873">
        <v>0</v>
      </c>
    </row>
    <row r="36874" spans="1:4" x14ac:dyDescent="0.25">
      <c r="A36874" t="s">
        <v>53285</v>
      </c>
      <c r="B36874" t="s">
        <v>53286</v>
      </c>
      <c r="C36874">
        <v>1</v>
      </c>
      <c r="D36874">
        <v>0</v>
      </c>
    </row>
    <row r="36875" spans="1:4" x14ac:dyDescent="0.25">
      <c r="A36875" t="s">
        <v>53285</v>
      </c>
      <c r="B36875" t="s">
        <v>53287</v>
      </c>
      <c r="C36875">
        <v>0</v>
      </c>
      <c r="D36875">
        <v>0</v>
      </c>
    </row>
    <row r="36876" spans="1:4" x14ac:dyDescent="0.25">
      <c r="A36876" t="s">
        <v>53285</v>
      </c>
      <c r="B36876" t="s">
        <v>53288</v>
      </c>
      <c r="C36876">
        <v>1</v>
      </c>
      <c r="D36876">
        <v>0</v>
      </c>
    </row>
    <row r="36877" spans="1:4" x14ac:dyDescent="0.25">
      <c r="A36877" t="s">
        <v>53285</v>
      </c>
      <c r="B36877" t="s">
        <v>53289</v>
      </c>
      <c r="C36877">
        <v>0</v>
      </c>
      <c r="D36877">
        <v>0</v>
      </c>
    </row>
    <row r="36878" spans="1:4" x14ac:dyDescent="0.25">
      <c r="A36878" t="s">
        <v>53285</v>
      </c>
      <c r="B36878" t="s">
        <v>53290</v>
      </c>
      <c r="C36878">
        <v>0</v>
      </c>
      <c r="D36878">
        <v>0</v>
      </c>
    </row>
    <row r="36879" spans="1:4" x14ac:dyDescent="0.25">
      <c r="A36879" t="s">
        <v>53285</v>
      </c>
      <c r="B36879" t="s">
        <v>53291</v>
      </c>
      <c r="C36879">
        <v>0</v>
      </c>
      <c r="D36879">
        <v>0</v>
      </c>
    </row>
    <row r="36880" spans="1:4" x14ac:dyDescent="0.25">
      <c r="A36880" t="s">
        <v>53292</v>
      </c>
      <c r="B36880" t="s">
        <v>53293</v>
      </c>
      <c r="C36880">
        <v>0</v>
      </c>
      <c r="D36880">
        <v>0</v>
      </c>
    </row>
    <row r="36881" spans="1:4" x14ac:dyDescent="0.25">
      <c r="A36881" t="s">
        <v>53292</v>
      </c>
      <c r="B36881" t="s">
        <v>53294</v>
      </c>
      <c r="C36881">
        <v>1</v>
      </c>
      <c r="D36881">
        <v>0</v>
      </c>
    </row>
    <row r="36882" spans="1:4" x14ac:dyDescent="0.25">
      <c r="A36882" t="s">
        <v>53292</v>
      </c>
      <c r="B36882" t="s">
        <v>53295</v>
      </c>
      <c r="C36882">
        <v>0</v>
      </c>
      <c r="D36882">
        <v>0</v>
      </c>
    </row>
    <row r="36883" spans="1:4" x14ac:dyDescent="0.25">
      <c r="A36883" t="s">
        <v>53296</v>
      </c>
      <c r="B36883" t="s">
        <v>53297</v>
      </c>
      <c r="C36883">
        <v>1</v>
      </c>
      <c r="D36883">
        <v>0</v>
      </c>
    </row>
    <row r="36884" spans="1:4" x14ac:dyDescent="0.25">
      <c r="A36884" t="s">
        <v>53296</v>
      </c>
      <c r="B36884" t="s">
        <v>53298</v>
      </c>
      <c r="C36884">
        <v>1</v>
      </c>
      <c r="D36884">
        <v>0</v>
      </c>
    </row>
    <row r="36885" spans="1:4" x14ac:dyDescent="0.25">
      <c r="A36885" t="s">
        <v>53296</v>
      </c>
      <c r="B36885" t="s">
        <v>53299</v>
      </c>
      <c r="C36885">
        <v>0</v>
      </c>
      <c r="D36885">
        <v>0</v>
      </c>
    </row>
    <row r="36886" spans="1:4" x14ac:dyDescent="0.25">
      <c r="A36886" t="s">
        <v>53296</v>
      </c>
      <c r="B36886" t="s">
        <v>2651</v>
      </c>
      <c r="C36886">
        <v>0</v>
      </c>
      <c r="D36886">
        <v>0</v>
      </c>
    </row>
    <row r="36887" spans="1:4" x14ac:dyDescent="0.25">
      <c r="A36887" t="s">
        <v>53300</v>
      </c>
      <c r="B36887" t="s">
        <v>53301</v>
      </c>
      <c r="C36887">
        <v>1</v>
      </c>
      <c r="D36887">
        <v>0</v>
      </c>
    </row>
    <row r="36888" spans="1:4" x14ac:dyDescent="0.25">
      <c r="A36888" t="s">
        <v>53300</v>
      </c>
      <c r="B36888" t="s">
        <v>53302</v>
      </c>
      <c r="C36888">
        <v>1</v>
      </c>
      <c r="D36888">
        <v>0</v>
      </c>
    </row>
    <row r="36889" spans="1:4" x14ac:dyDescent="0.25">
      <c r="A36889" t="s">
        <v>53300</v>
      </c>
      <c r="B36889" t="s">
        <v>53303</v>
      </c>
      <c r="C36889">
        <v>1</v>
      </c>
      <c r="D36889">
        <v>0</v>
      </c>
    </row>
    <row r="36890" spans="1:4" x14ac:dyDescent="0.25">
      <c r="A36890" t="s">
        <v>53300</v>
      </c>
      <c r="B36890" t="s">
        <v>53304</v>
      </c>
      <c r="C36890">
        <v>1</v>
      </c>
      <c r="D36890">
        <v>0</v>
      </c>
    </row>
    <row r="36891" spans="1:4" x14ac:dyDescent="0.25">
      <c r="A36891" t="s">
        <v>53300</v>
      </c>
      <c r="B36891" t="s">
        <v>53305</v>
      </c>
      <c r="C36891">
        <v>1</v>
      </c>
      <c r="D36891">
        <v>0</v>
      </c>
    </row>
    <row r="36892" spans="1:4" x14ac:dyDescent="0.25">
      <c r="A36892" t="s">
        <v>53300</v>
      </c>
      <c r="B36892" t="s">
        <v>53306</v>
      </c>
      <c r="C36892">
        <v>1</v>
      </c>
      <c r="D36892">
        <v>0</v>
      </c>
    </row>
    <row r="36893" spans="1:4" x14ac:dyDescent="0.25">
      <c r="A36893" t="s">
        <v>53307</v>
      </c>
      <c r="B36893" t="s">
        <v>53308</v>
      </c>
      <c r="C36893">
        <v>1</v>
      </c>
      <c r="D36893">
        <v>0</v>
      </c>
    </row>
    <row r="36894" spans="1:4" x14ac:dyDescent="0.25">
      <c r="A36894" t="s">
        <v>53307</v>
      </c>
      <c r="B36894" t="s">
        <v>53309</v>
      </c>
      <c r="C36894">
        <v>1</v>
      </c>
      <c r="D36894">
        <v>0</v>
      </c>
    </row>
    <row r="36895" spans="1:4" x14ac:dyDescent="0.25">
      <c r="A36895" t="s">
        <v>53307</v>
      </c>
      <c r="B36895" t="s">
        <v>53310</v>
      </c>
      <c r="C36895">
        <v>2</v>
      </c>
      <c r="D36895">
        <v>0</v>
      </c>
    </row>
    <row r="36896" spans="1:4" x14ac:dyDescent="0.25">
      <c r="A36896" t="s">
        <v>53311</v>
      </c>
      <c r="B36896" t="s">
        <v>53312</v>
      </c>
      <c r="C36896">
        <v>1</v>
      </c>
      <c r="D36896">
        <v>0</v>
      </c>
    </row>
    <row r="36897" spans="1:4" x14ac:dyDescent="0.25">
      <c r="A36897" t="s">
        <v>53311</v>
      </c>
      <c r="B36897" t="s">
        <v>53313</v>
      </c>
      <c r="C36897">
        <v>1</v>
      </c>
      <c r="D36897">
        <v>0</v>
      </c>
    </row>
    <row r="36898" spans="1:4" x14ac:dyDescent="0.25">
      <c r="A36898" t="s">
        <v>53311</v>
      </c>
      <c r="B36898" t="s">
        <v>53314</v>
      </c>
      <c r="C36898">
        <v>1</v>
      </c>
      <c r="D36898">
        <v>0</v>
      </c>
    </row>
    <row r="36899" spans="1:4" x14ac:dyDescent="0.25">
      <c r="A36899" t="s">
        <v>53311</v>
      </c>
      <c r="B36899" t="s">
        <v>12472</v>
      </c>
      <c r="C36899">
        <v>1</v>
      </c>
      <c r="D36899">
        <v>0</v>
      </c>
    </row>
    <row r="36900" spans="1:4" x14ac:dyDescent="0.25">
      <c r="A36900" t="s">
        <v>53311</v>
      </c>
      <c r="B36900" t="s">
        <v>53315</v>
      </c>
      <c r="C36900">
        <v>1</v>
      </c>
      <c r="D36900">
        <v>0</v>
      </c>
    </row>
    <row r="36901" spans="1:4" x14ac:dyDescent="0.25">
      <c r="A36901" t="s">
        <v>53316</v>
      </c>
      <c r="B36901" t="s">
        <v>53317</v>
      </c>
      <c r="C36901">
        <v>1</v>
      </c>
      <c r="D36901">
        <v>0</v>
      </c>
    </row>
    <row r="36902" spans="1:4" x14ac:dyDescent="0.25">
      <c r="A36902" t="s">
        <v>53316</v>
      </c>
      <c r="B36902" t="s">
        <v>53318</v>
      </c>
      <c r="C36902">
        <v>1</v>
      </c>
      <c r="D36902">
        <v>0</v>
      </c>
    </row>
    <row r="36903" spans="1:4" x14ac:dyDescent="0.25">
      <c r="A36903" t="s">
        <v>53316</v>
      </c>
      <c r="B36903" t="s">
        <v>53319</v>
      </c>
      <c r="C36903">
        <v>1</v>
      </c>
      <c r="D36903">
        <v>0</v>
      </c>
    </row>
    <row r="36904" spans="1:4" x14ac:dyDescent="0.25">
      <c r="A36904" t="s">
        <v>53316</v>
      </c>
      <c r="B36904" t="s">
        <v>53320</v>
      </c>
      <c r="C36904">
        <v>1</v>
      </c>
      <c r="D36904">
        <v>0</v>
      </c>
    </row>
    <row r="36905" spans="1:4" x14ac:dyDescent="0.25">
      <c r="A36905" t="s">
        <v>53316</v>
      </c>
      <c r="B36905" t="s">
        <v>53321</v>
      </c>
      <c r="C36905">
        <v>0</v>
      </c>
      <c r="D36905">
        <v>0</v>
      </c>
    </row>
    <row r="36906" spans="1:4" x14ac:dyDescent="0.25">
      <c r="A36906" t="s">
        <v>53322</v>
      </c>
      <c r="B36906" t="s">
        <v>53323</v>
      </c>
      <c r="C36906">
        <v>1</v>
      </c>
      <c r="D36906">
        <v>0</v>
      </c>
    </row>
    <row r="36907" spans="1:4" x14ac:dyDescent="0.25">
      <c r="A36907" t="s">
        <v>53322</v>
      </c>
      <c r="B36907" t="s">
        <v>53324</v>
      </c>
      <c r="C36907">
        <v>1</v>
      </c>
      <c r="D36907">
        <v>0</v>
      </c>
    </row>
    <row r="36908" spans="1:4" x14ac:dyDescent="0.25">
      <c r="A36908" t="s">
        <v>53322</v>
      </c>
      <c r="B36908" t="s">
        <v>53325</v>
      </c>
      <c r="C36908">
        <v>1</v>
      </c>
      <c r="D36908">
        <v>0</v>
      </c>
    </row>
    <row r="36909" spans="1:4" x14ac:dyDescent="0.25">
      <c r="A36909" t="s">
        <v>53322</v>
      </c>
      <c r="B36909" t="s">
        <v>53326</v>
      </c>
      <c r="C36909">
        <v>1</v>
      </c>
      <c r="D36909">
        <v>0</v>
      </c>
    </row>
    <row r="36910" spans="1:4" x14ac:dyDescent="0.25">
      <c r="A36910" t="s">
        <v>53322</v>
      </c>
      <c r="B36910" t="s">
        <v>53327</v>
      </c>
      <c r="C36910">
        <v>1</v>
      </c>
      <c r="D36910">
        <v>0</v>
      </c>
    </row>
    <row r="36911" spans="1:4" x14ac:dyDescent="0.25">
      <c r="A36911" t="s">
        <v>53328</v>
      </c>
      <c r="B36911" t="s">
        <v>53329</v>
      </c>
      <c r="C36911">
        <v>1</v>
      </c>
      <c r="D36911">
        <v>0</v>
      </c>
    </row>
    <row r="36912" spans="1:4" x14ac:dyDescent="0.25">
      <c r="A36912" t="s">
        <v>53328</v>
      </c>
      <c r="B36912" t="s">
        <v>53330</v>
      </c>
      <c r="C36912">
        <v>0</v>
      </c>
      <c r="D36912">
        <v>0</v>
      </c>
    </row>
    <row r="36913" spans="1:4" x14ac:dyDescent="0.25">
      <c r="A36913" t="s">
        <v>53328</v>
      </c>
      <c r="B36913" t="s">
        <v>53331</v>
      </c>
      <c r="C36913">
        <v>1</v>
      </c>
      <c r="D36913">
        <v>0</v>
      </c>
    </row>
    <row r="36914" spans="1:4" x14ac:dyDescent="0.25">
      <c r="A36914" t="s">
        <v>53328</v>
      </c>
      <c r="B36914" t="s">
        <v>53332</v>
      </c>
      <c r="C36914">
        <v>1</v>
      </c>
      <c r="D36914">
        <v>0</v>
      </c>
    </row>
    <row r="36915" spans="1:4" x14ac:dyDescent="0.25">
      <c r="A36915" t="s">
        <v>53333</v>
      </c>
      <c r="B36915" t="s">
        <v>53334</v>
      </c>
      <c r="C36915">
        <v>1</v>
      </c>
      <c r="D36915">
        <v>0</v>
      </c>
    </row>
    <row r="36916" spans="1:4" x14ac:dyDescent="0.25">
      <c r="A36916" t="s">
        <v>53333</v>
      </c>
      <c r="B36916" t="s">
        <v>53335</v>
      </c>
      <c r="C36916">
        <v>2</v>
      </c>
      <c r="D36916">
        <v>0</v>
      </c>
    </row>
    <row r="36917" spans="1:4" x14ac:dyDescent="0.25">
      <c r="A36917" t="s">
        <v>53336</v>
      </c>
      <c r="B36917" t="s">
        <v>53337</v>
      </c>
      <c r="C36917">
        <v>2</v>
      </c>
      <c r="D36917">
        <v>0</v>
      </c>
    </row>
    <row r="36918" spans="1:4" x14ac:dyDescent="0.25">
      <c r="A36918" t="s">
        <v>53336</v>
      </c>
      <c r="B36918" t="s">
        <v>53338</v>
      </c>
      <c r="C36918">
        <v>0</v>
      </c>
      <c r="D36918">
        <v>0</v>
      </c>
    </row>
    <row r="36919" spans="1:4" x14ac:dyDescent="0.25">
      <c r="A36919" t="s">
        <v>53336</v>
      </c>
      <c r="B36919" t="s">
        <v>53339</v>
      </c>
      <c r="C36919">
        <v>1</v>
      </c>
      <c r="D36919">
        <v>0</v>
      </c>
    </row>
    <row r="36920" spans="1:4" x14ac:dyDescent="0.25">
      <c r="A36920" t="s">
        <v>53336</v>
      </c>
      <c r="B36920" t="s">
        <v>53340</v>
      </c>
      <c r="C36920">
        <v>1</v>
      </c>
      <c r="D36920">
        <v>0</v>
      </c>
    </row>
    <row r="36921" spans="1:4" x14ac:dyDescent="0.25">
      <c r="A36921" t="s">
        <v>53336</v>
      </c>
      <c r="B36921" t="s">
        <v>53341</v>
      </c>
      <c r="C36921">
        <v>2</v>
      </c>
      <c r="D36921">
        <v>0</v>
      </c>
    </row>
    <row r="36922" spans="1:4" x14ac:dyDescent="0.25">
      <c r="A36922" t="s">
        <v>53342</v>
      </c>
      <c r="B36922" t="s">
        <v>53343</v>
      </c>
      <c r="C36922">
        <v>1</v>
      </c>
      <c r="D36922">
        <v>0</v>
      </c>
    </row>
    <row r="36923" spans="1:4" x14ac:dyDescent="0.25">
      <c r="A36923" t="s">
        <v>53342</v>
      </c>
      <c r="B36923" t="s">
        <v>53344</v>
      </c>
      <c r="C36923">
        <v>1</v>
      </c>
      <c r="D36923">
        <v>0</v>
      </c>
    </row>
    <row r="36924" spans="1:4" x14ac:dyDescent="0.25">
      <c r="A36924" t="s">
        <v>53342</v>
      </c>
      <c r="B36924" t="s">
        <v>5211</v>
      </c>
      <c r="C36924">
        <v>1</v>
      </c>
      <c r="D36924">
        <v>0</v>
      </c>
    </row>
    <row r="36925" spans="1:4" x14ac:dyDescent="0.25">
      <c r="A36925" t="s">
        <v>53342</v>
      </c>
      <c r="B36925" t="s">
        <v>53345</v>
      </c>
      <c r="C36925">
        <v>0</v>
      </c>
      <c r="D36925">
        <v>0</v>
      </c>
    </row>
    <row r="36926" spans="1:4" x14ac:dyDescent="0.25">
      <c r="A36926" t="s">
        <v>53342</v>
      </c>
      <c r="B36926" t="s">
        <v>53346</v>
      </c>
      <c r="C36926">
        <v>0</v>
      </c>
      <c r="D36926">
        <v>0</v>
      </c>
    </row>
    <row r="36927" spans="1:4" x14ac:dyDescent="0.25">
      <c r="A36927" t="s">
        <v>53347</v>
      </c>
      <c r="B36927" t="s">
        <v>53348</v>
      </c>
      <c r="C36927">
        <v>1</v>
      </c>
      <c r="D36927">
        <v>0</v>
      </c>
    </row>
    <row r="36928" spans="1:4" x14ac:dyDescent="0.25">
      <c r="A36928" t="s">
        <v>53347</v>
      </c>
      <c r="B36928" t="s">
        <v>53349</v>
      </c>
      <c r="C36928">
        <v>0</v>
      </c>
      <c r="D36928">
        <v>0</v>
      </c>
    </row>
    <row r="36929" spans="1:4" x14ac:dyDescent="0.25">
      <c r="A36929" t="s">
        <v>53347</v>
      </c>
      <c r="B36929" t="s">
        <v>53350</v>
      </c>
      <c r="C36929">
        <v>1</v>
      </c>
      <c r="D36929">
        <v>0</v>
      </c>
    </row>
    <row r="36930" spans="1:4" x14ac:dyDescent="0.25">
      <c r="A36930" t="s">
        <v>53351</v>
      </c>
      <c r="B36930" t="s">
        <v>53352</v>
      </c>
      <c r="C36930">
        <v>0</v>
      </c>
      <c r="D36930">
        <v>0</v>
      </c>
    </row>
    <row r="36931" spans="1:4" x14ac:dyDescent="0.25">
      <c r="A36931" t="s">
        <v>53351</v>
      </c>
      <c r="B36931" t="s">
        <v>53353</v>
      </c>
      <c r="C36931">
        <v>0</v>
      </c>
      <c r="D36931">
        <v>0</v>
      </c>
    </row>
    <row r="36932" spans="1:4" x14ac:dyDescent="0.25">
      <c r="A36932" t="s">
        <v>53351</v>
      </c>
      <c r="B36932" t="s">
        <v>53354</v>
      </c>
      <c r="C36932">
        <v>0</v>
      </c>
      <c r="D36932">
        <v>0</v>
      </c>
    </row>
    <row r="36933" spans="1:4" x14ac:dyDescent="0.25">
      <c r="A36933" t="s">
        <v>53351</v>
      </c>
      <c r="B36933" t="s">
        <v>53355</v>
      </c>
      <c r="C36933">
        <v>2</v>
      </c>
      <c r="D36933">
        <v>0</v>
      </c>
    </row>
    <row r="36934" spans="1:4" x14ac:dyDescent="0.25">
      <c r="A36934" t="s">
        <v>53351</v>
      </c>
      <c r="B36934" t="s">
        <v>53356</v>
      </c>
      <c r="C36934">
        <v>0</v>
      </c>
      <c r="D36934">
        <v>0</v>
      </c>
    </row>
    <row r="36935" spans="1:4" x14ac:dyDescent="0.25">
      <c r="A36935" t="s">
        <v>53351</v>
      </c>
      <c r="B36935" t="s">
        <v>53357</v>
      </c>
      <c r="C36935">
        <v>0</v>
      </c>
      <c r="D36935">
        <v>0</v>
      </c>
    </row>
    <row r="36936" spans="1:4" x14ac:dyDescent="0.25">
      <c r="A36936" t="s">
        <v>53351</v>
      </c>
      <c r="B36936" t="s">
        <v>53358</v>
      </c>
      <c r="C36936">
        <v>0</v>
      </c>
      <c r="D36936">
        <v>0</v>
      </c>
    </row>
    <row r="36937" spans="1:4" x14ac:dyDescent="0.25">
      <c r="A36937" t="s">
        <v>53359</v>
      </c>
      <c r="B36937" t="s">
        <v>53360</v>
      </c>
      <c r="C36937">
        <v>1</v>
      </c>
      <c r="D36937">
        <v>0</v>
      </c>
    </row>
    <row r="36938" spans="1:4" x14ac:dyDescent="0.25">
      <c r="A36938" t="s">
        <v>53359</v>
      </c>
      <c r="B36938" t="s">
        <v>53361</v>
      </c>
      <c r="C36938">
        <v>0</v>
      </c>
      <c r="D36938">
        <v>0</v>
      </c>
    </row>
    <row r="36939" spans="1:4" x14ac:dyDescent="0.25">
      <c r="A36939" t="s">
        <v>53362</v>
      </c>
      <c r="B36939" t="s">
        <v>53363</v>
      </c>
      <c r="C36939">
        <v>0</v>
      </c>
      <c r="D36939">
        <v>0</v>
      </c>
    </row>
    <row r="36940" spans="1:4" x14ac:dyDescent="0.25">
      <c r="A36940" t="s">
        <v>53362</v>
      </c>
      <c r="B36940" t="s">
        <v>53364</v>
      </c>
      <c r="C36940">
        <v>2</v>
      </c>
      <c r="D36940">
        <v>0</v>
      </c>
    </row>
    <row r="36941" spans="1:4" x14ac:dyDescent="0.25">
      <c r="A36941" t="s">
        <v>53362</v>
      </c>
      <c r="B36941" t="s">
        <v>53365</v>
      </c>
      <c r="C36941">
        <v>2</v>
      </c>
      <c r="D36941">
        <v>0</v>
      </c>
    </row>
    <row r="36942" spans="1:4" x14ac:dyDescent="0.25">
      <c r="A36942" t="s">
        <v>53366</v>
      </c>
      <c r="B36942" t="s">
        <v>53367</v>
      </c>
      <c r="C36942">
        <v>2</v>
      </c>
      <c r="D36942">
        <v>0</v>
      </c>
    </row>
    <row r="36943" spans="1:4" x14ac:dyDescent="0.25">
      <c r="A36943" t="s">
        <v>53366</v>
      </c>
      <c r="B36943" t="s">
        <v>53368</v>
      </c>
      <c r="C36943">
        <v>1</v>
      </c>
      <c r="D36943">
        <v>0</v>
      </c>
    </row>
    <row r="36944" spans="1:4" x14ac:dyDescent="0.25">
      <c r="A36944" t="s">
        <v>53366</v>
      </c>
      <c r="B36944" t="s">
        <v>53369</v>
      </c>
      <c r="C36944">
        <v>1</v>
      </c>
      <c r="D36944">
        <v>0</v>
      </c>
    </row>
    <row r="36945" spans="1:4" x14ac:dyDescent="0.25">
      <c r="A36945" t="s">
        <v>53366</v>
      </c>
      <c r="B36945" t="s">
        <v>53370</v>
      </c>
      <c r="C36945">
        <v>1</v>
      </c>
      <c r="D36945">
        <v>0</v>
      </c>
    </row>
    <row r="36946" spans="1:4" x14ac:dyDescent="0.25">
      <c r="A36946" t="s">
        <v>53366</v>
      </c>
      <c r="B36946" t="s">
        <v>53371</v>
      </c>
      <c r="C36946">
        <v>1</v>
      </c>
      <c r="D36946">
        <v>0</v>
      </c>
    </row>
    <row r="36947" spans="1:4" x14ac:dyDescent="0.25">
      <c r="A36947" t="s">
        <v>53372</v>
      </c>
      <c r="B36947" t="s">
        <v>53373</v>
      </c>
      <c r="C36947">
        <v>1</v>
      </c>
      <c r="D36947">
        <v>0</v>
      </c>
    </row>
    <row r="36948" spans="1:4" x14ac:dyDescent="0.25">
      <c r="A36948" t="s">
        <v>53372</v>
      </c>
      <c r="B36948" t="s">
        <v>53374</v>
      </c>
      <c r="C36948">
        <v>1</v>
      </c>
      <c r="D36948">
        <v>0</v>
      </c>
    </row>
    <row r="36949" spans="1:4" x14ac:dyDescent="0.25">
      <c r="A36949" t="s">
        <v>53372</v>
      </c>
      <c r="B36949" t="s">
        <v>5713</v>
      </c>
      <c r="C36949">
        <v>1</v>
      </c>
      <c r="D36949">
        <v>0</v>
      </c>
    </row>
    <row r="36950" spans="1:4" x14ac:dyDescent="0.25">
      <c r="A36950" t="s">
        <v>53372</v>
      </c>
      <c r="B36950" t="s">
        <v>53375</v>
      </c>
      <c r="C36950">
        <v>1</v>
      </c>
      <c r="D36950">
        <v>0</v>
      </c>
    </row>
    <row r="36951" spans="1:4" x14ac:dyDescent="0.25">
      <c r="A36951" t="s">
        <v>53376</v>
      </c>
      <c r="B36951" t="s">
        <v>53377</v>
      </c>
      <c r="C36951">
        <v>1</v>
      </c>
      <c r="D36951">
        <v>0</v>
      </c>
    </row>
    <row r="36952" spans="1:4" x14ac:dyDescent="0.25">
      <c r="A36952" t="s">
        <v>53376</v>
      </c>
      <c r="B36952" t="s">
        <v>53378</v>
      </c>
      <c r="C36952">
        <v>1</v>
      </c>
      <c r="D36952">
        <v>0</v>
      </c>
    </row>
    <row r="36953" spans="1:4" x14ac:dyDescent="0.25">
      <c r="A36953" t="s">
        <v>53376</v>
      </c>
      <c r="B36953" t="s">
        <v>53379</v>
      </c>
      <c r="C36953">
        <v>1</v>
      </c>
      <c r="D36953">
        <v>0</v>
      </c>
    </row>
    <row r="36954" spans="1:4" x14ac:dyDescent="0.25">
      <c r="A36954" t="s">
        <v>53376</v>
      </c>
      <c r="B36954" t="s">
        <v>53380</v>
      </c>
      <c r="C36954">
        <v>1</v>
      </c>
      <c r="D36954">
        <v>0</v>
      </c>
    </row>
    <row r="36955" spans="1:4" x14ac:dyDescent="0.25">
      <c r="A36955" t="s">
        <v>53376</v>
      </c>
      <c r="B36955" t="s">
        <v>53381</v>
      </c>
      <c r="C36955">
        <v>2</v>
      </c>
      <c r="D36955">
        <v>0</v>
      </c>
    </row>
    <row r="36956" spans="1:4" x14ac:dyDescent="0.25">
      <c r="A36956" t="s">
        <v>53382</v>
      </c>
      <c r="B36956" t="s">
        <v>53383</v>
      </c>
      <c r="C36956">
        <v>1</v>
      </c>
      <c r="D36956">
        <v>0</v>
      </c>
    </row>
    <row r="36957" spans="1:4" x14ac:dyDescent="0.25">
      <c r="A36957" t="s">
        <v>53382</v>
      </c>
      <c r="B36957" t="s">
        <v>47001</v>
      </c>
      <c r="C36957">
        <v>0</v>
      </c>
      <c r="D36957">
        <v>0</v>
      </c>
    </row>
    <row r="36958" spans="1:4" x14ac:dyDescent="0.25">
      <c r="A36958" t="s">
        <v>53382</v>
      </c>
      <c r="B36958" t="s">
        <v>53384</v>
      </c>
      <c r="C36958">
        <v>0</v>
      </c>
      <c r="D36958">
        <v>0</v>
      </c>
    </row>
    <row r="36959" spans="1:4" x14ac:dyDescent="0.25">
      <c r="A36959" t="s">
        <v>53382</v>
      </c>
      <c r="B36959" t="s">
        <v>53385</v>
      </c>
      <c r="C36959">
        <v>2</v>
      </c>
      <c r="D36959">
        <v>0</v>
      </c>
    </row>
    <row r="36960" spans="1:4" x14ac:dyDescent="0.25">
      <c r="A36960" t="s">
        <v>53386</v>
      </c>
      <c r="B36960" t="s">
        <v>53387</v>
      </c>
      <c r="C36960">
        <v>2</v>
      </c>
      <c r="D36960">
        <v>0</v>
      </c>
    </row>
    <row r="36961" spans="1:4" x14ac:dyDescent="0.25">
      <c r="A36961" t="s">
        <v>53388</v>
      </c>
      <c r="B36961" t="s">
        <v>53389</v>
      </c>
      <c r="C36961">
        <v>2</v>
      </c>
      <c r="D36961">
        <v>0</v>
      </c>
    </row>
    <row r="36962" spans="1:4" x14ac:dyDescent="0.25">
      <c r="A36962" t="s">
        <v>53388</v>
      </c>
      <c r="B36962" t="s">
        <v>53390</v>
      </c>
      <c r="C36962">
        <v>1</v>
      </c>
      <c r="D36962">
        <v>0</v>
      </c>
    </row>
    <row r="36963" spans="1:4" x14ac:dyDescent="0.25">
      <c r="A36963" t="s">
        <v>53391</v>
      </c>
      <c r="B36963" t="s">
        <v>53392</v>
      </c>
      <c r="C36963">
        <v>2</v>
      </c>
      <c r="D36963">
        <v>0</v>
      </c>
    </row>
    <row r="36964" spans="1:4" x14ac:dyDescent="0.25">
      <c r="A36964" t="s">
        <v>53391</v>
      </c>
      <c r="B36964" t="s">
        <v>53393</v>
      </c>
      <c r="C36964">
        <v>1</v>
      </c>
      <c r="D36964">
        <v>0</v>
      </c>
    </row>
    <row r="36965" spans="1:4" x14ac:dyDescent="0.25">
      <c r="A36965" t="s">
        <v>53391</v>
      </c>
      <c r="B36965" t="s">
        <v>53394</v>
      </c>
      <c r="C36965">
        <v>1</v>
      </c>
      <c r="D36965">
        <v>0</v>
      </c>
    </row>
    <row r="36966" spans="1:4" x14ac:dyDescent="0.25">
      <c r="A36966" t="s">
        <v>53395</v>
      </c>
      <c r="B36966" t="s">
        <v>53396</v>
      </c>
      <c r="C36966">
        <v>1</v>
      </c>
      <c r="D36966">
        <v>0</v>
      </c>
    </row>
    <row r="36967" spans="1:4" x14ac:dyDescent="0.25">
      <c r="A36967" t="s">
        <v>53395</v>
      </c>
      <c r="B36967" t="s">
        <v>53397</v>
      </c>
      <c r="C36967">
        <v>1</v>
      </c>
      <c r="D36967">
        <v>0</v>
      </c>
    </row>
    <row r="36968" spans="1:4" x14ac:dyDescent="0.25">
      <c r="A36968" t="s">
        <v>53395</v>
      </c>
      <c r="B36968" t="s">
        <v>53398</v>
      </c>
      <c r="C36968">
        <v>0</v>
      </c>
      <c r="D36968">
        <v>0</v>
      </c>
    </row>
    <row r="36969" spans="1:4" x14ac:dyDescent="0.25">
      <c r="A36969" t="s">
        <v>53395</v>
      </c>
      <c r="B36969" t="s">
        <v>53399</v>
      </c>
      <c r="C36969">
        <v>2</v>
      </c>
      <c r="D36969">
        <v>0</v>
      </c>
    </row>
    <row r="36970" spans="1:4" x14ac:dyDescent="0.25">
      <c r="A36970" t="s">
        <v>53400</v>
      </c>
      <c r="B36970" t="s">
        <v>53401</v>
      </c>
      <c r="C36970">
        <v>0</v>
      </c>
      <c r="D36970">
        <v>0</v>
      </c>
    </row>
    <row r="36971" spans="1:4" x14ac:dyDescent="0.25">
      <c r="A36971" t="s">
        <v>53400</v>
      </c>
      <c r="B36971" t="s">
        <v>53402</v>
      </c>
      <c r="C36971">
        <v>1</v>
      </c>
      <c r="D36971">
        <v>0</v>
      </c>
    </row>
    <row r="36972" spans="1:4" x14ac:dyDescent="0.25">
      <c r="A36972" t="s">
        <v>53403</v>
      </c>
      <c r="B36972" t="s">
        <v>53404</v>
      </c>
      <c r="C36972">
        <v>1</v>
      </c>
      <c r="D36972">
        <v>0</v>
      </c>
    </row>
    <row r="36973" spans="1:4" x14ac:dyDescent="0.25">
      <c r="A36973" t="s">
        <v>53403</v>
      </c>
      <c r="B36973" t="s">
        <v>53405</v>
      </c>
      <c r="C36973">
        <v>1</v>
      </c>
      <c r="D36973">
        <v>0</v>
      </c>
    </row>
    <row r="36974" spans="1:4" x14ac:dyDescent="0.25">
      <c r="A36974" t="s">
        <v>53403</v>
      </c>
      <c r="B36974" t="s">
        <v>53406</v>
      </c>
      <c r="C36974">
        <v>0</v>
      </c>
      <c r="D36974">
        <v>0</v>
      </c>
    </row>
    <row r="36975" spans="1:4" x14ac:dyDescent="0.25">
      <c r="A36975" t="s">
        <v>53407</v>
      </c>
      <c r="B36975" t="s">
        <v>53408</v>
      </c>
      <c r="C36975">
        <v>1</v>
      </c>
      <c r="D36975">
        <v>0</v>
      </c>
    </row>
    <row r="36976" spans="1:4" x14ac:dyDescent="0.25">
      <c r="A36976" t="s">
        <v>53407</v>
      </c>
      <c r="B36976" t="s">
        <v>53409</v>
      </c>
      <c r="C36976">
        <v>1</v>
      </c>
      <c r="D36976">
        <v>0</v>
      </c>
    </row>
    <row r="36977" spans="1:4" x14ac:dyDescent="0.25">
      <c r="A36977" t="s">
        <v>53407</v>
      </c>
      <c r="B36977" t="s">
        <v>53410</v>
      </c>
      <c r="C36977">
        <v>0</v>
      </c>
      <c r="D36977">
        <v>0</v>
      </c>
    </row>
    <row r="36978" spans="1:4" x14ac:dyDescent="0.25">
      <c r="A36978" t="s">
        <v>53411</v>
      </c>
      <c r="B36978" t="s">
        <v>53412</v>
      </c>
      <c r="C36978">
        <v>2</v>
      </c>
      <c r="D36978">
        <v>0</v>
      </c>
    </row>
    <row r="36979" spans="1:4" x14ac:dyDescent="0.25">
      <c r="A36979" t="s">
        <v>53413</v>
      </c>
      <c r="B36979" t="s">
        <v>53414</v>
      </c>
      <c r="C36979">
        <v>0</v>
      </c>
      <c r="D36979">
        <v>0</v>
      </c>
    </row>
    <row r="36980" spans="1:4" x14ac:dyDescent="0.25">
      <c r="A36980" t="s">
        <v>53413</v>
      </c>
      <c r="B36980" t="s">
        <v>53415</v>
      </c>
      <c r="C36980">
        <v>1</v>
      </c>
      <c r="D36980">
        <v>0</v>
      </c>
    </row>
    <row r="36981" spans="1:4" x14ac:dyDescent="0.25">
      <c r="A36981" t="s">
        <v>53413</v>
      </c>
      <c r="B36981" t="s">
        <v>53416</v>
      </c>
      <c r="C36981">
        <v>0</v>
      </c>
      <c r="D36981">
        <v>0</v>
      </c>
    </row>
    <row r="36982" spans="1:4" x14ac:dyDescent="0.25">
      <c r="A36982" t="s">
        <v>53413</v>
      </c>
      <c r="B36982" t="s">
        <v>53417</v>
      </c>
      <c r="C36982">
        <v>2</v>
      </c>
      <c r="D36982">
        <v>0</v>
      </c>
    </row>
    <row r="36983" spans="1:4" x14ac:dyDescent="0.25">
      <c r="A36983" t="s">
        <v>53413</v>
      </c>
      <c r="B36983" t="s">
        <v>53418</v>
      </c>
      <c r="C36983">
        <v>2</v>
      </c>
      <c r="D36983">
        <v>0</v>
      </c>
    </row>
    <row r="36984" spans="1:4" x14ac:dyDescent="0.25">
      <c r="A36984" t="s">
        <v>53419</v>
      </c>
      <c r="B36984" t="s">
        <v>53420</v>
      </c>
      <c r="C36984">
        <v>1</v>
      </c>
      <c r="D36984">
        <v>0</v>
      </c>
    </row>
    <row r="36985" spans="1:4" x14ac:dyDescent="0.25">
      <c r="A36985" t="s">
        <v>53419</v>
      </c>
      <c r="B36985" t="s">
        <v>53421</v>
      </c>
      <c r="C36985">
        <v>0</v>
      </c>
      <c r="D36985">
        <v>0</v>
      </c>
    </row>
    <row r="36986" spans="1:4" x14ac:dyDescent="0.25">
      <c r="A36986" t="s">
        <v>53422</v>
      </c>
      <c r="B36986" t="s">
        <v>53423</v>
      </c>
      <c r="C36986">
        <v>0</v>
      </c>
      <c r="D36986">
        <v>0</v>
      </c>
    </row>
    <row r="36987" spans="1:4" x14ac:dyDescent="0.25">
      <c r="A36987" t="s">
        <v>53422</v>
      </c>
      <c r="B36987" t="s">
        <v>53424</v>
      </c>
      <c r="C36987">
        <v>2</v>
      </c>
      <c r="D36987">
        <v>0</v>
      </c>
    </row>
    <row r="36988" spans="1:4" x14ac:dyDescent="0.25">
      <c r="A36988" t="s">
        <v>53422</v>
      </c>
      <c r="B36988" t="s">
        <v>53425</v>
      </c>
      <c r="C36988">
        <v>1</v>
      </c>
      <c r="D36988">
        <v>0</v>
      </c>
    </row>
    <row r="36989" spans="1:4" x14ac:dyDescent="0.25">
      <c r="A36989" t="s">
        <v>53426</v>
      </c>
      <c r="B36989" t="s">
        <v>53427</v>
      </c>
      <c r="C36989">
        <v>0</v>
      </c>
      <c r="D36989">
        <v>0</v>
      </c>
    </row>
    <row r="36990" spans="1:4" x14ac:dyDescent="0.25">
      <c r="A36990" t="s">
        <v>53426</v>
      </c>
      <c r="B36990" t="s">
        <v>47873</v>
      </c>
      <c r="C36990">
        <v>0</v>
      </c>
      <c r="D36990">
        <v>0</v>
      </c>
    </row>
    <row r="36991" spans="1:4" x14ac:dyDescent="0.25">
      <c r="A36991" t="s">
        <v>53426</v>
      </c>
      <c r="B36991" t="s">
        <v>53428</v>
      </c>
      <c r="C36991">
        <v>0</v>
      </c>
      <c r="D36991">
        <v>0</v>
      </c>
    </row>
    <row r="36992" spans="1:4" x14ac:dyDescent="0.25">
      <c r="A36992" t="s">
        <v>53426</v>
      </c>
      <c r="B36992" t="s">
        <v>19309</v>
      </c>
      <c r="C36992">
        <v>0</v>
      </c>
      <c r="D36992">
        <v>0</v>
      </c>
    </row>
    <row r="36993" spans="1:4" x14ac:dyDescent="0.25">
      <c r="A36993" t="s">
        <v>53426</v>
      </c>
      <c r="B36993" t="s">
        <v>53429</v>
      </c>
      <c r="C36993">
        <v>1</v>
      </c>
      <c r="D36993">
        <v>0</v>
      </c>
    </row>
    <row r="36994" spans="1:4" x14ac:dyDescent="0.25">
      <c r="A36994" t="s">
        <v>53426</v>
      </c>
      <c r="B36994" t="s">
        <v>53430</v>
      </c>
      <c r="C36994">
        <v>0</v>
      </c>
      <c r="D36994">
        <v>0</v>
      </c>
    </row>
    <row r="36995" spans="1:4" x14ac:dyDescent="0.25">
      <c r="A36995" t="s">
        <v>53426</v>
      </c>
      <c r="B36995" t="s">
        <v>53431</v>
      </c>
      <c r="C36995">
        <v>2</v>
      </c>
      <c r="D36995">
        <v>0</v>
      </c>
    </row>
    <row r="36996" spans="1:4" x14ac:dyDescent="0.25">
      <c r="A36996" t="s">
        <v>53426</v>
      </c>
      <c r="B36996" t="s">
        <v>53432</v>
      </c>
      <c r="C36996">
        <v>0</v>
      </c>
      <c r="D36996">
        <v>0</v>
      </c>
    </row>
    <row r="36997" spans="1:4" x14ac:dyDescent="0.25">
      <c r="A36997" t="s">
        <v>53426</v>
      </c>
      <c r="B36997" t="s">
        <v>53433</v>
      </c>
      <c r="C36997">
        <v>2</v>
      </c>
      <c r="D36997">
        <v>0</v>
      </c>
    </row>
    <row r="36998" spans="1:4" x14ac:dyDescent="0.25">
      <c r="A36998" t="s">
        <v>53434</v>
      </c>
      <c r="B36998" t="s">
        <v>53435</v>
      </c>
      <c r="C36998">
        <v>0</v>
      </c>
      <c r="D36998">
        <v>0</v>
      </c>
    </row>
    <row r="36999" spans="1:4" x14ac:dyDescent="0.25">
      <c r="A36999" t="s">
        <v>53434</v>
      </c>
      <c r="B36999" t="s">
        <v>53436</v>
      </c>
      <c r="C36999">
        <v>0</v>
      </c>
      <c r="D36999">
        <v>0</v>
      </c>
    </row>
    <row r="37000" spans="1:4" x14ac:dyDescent="0.25">
      <c r="A37000" t="s">
        <v>53434</v>
      </c>
      <c r="B37000" t="s">
        <v>53437</v>
      </c>
      <c r="C37000">
        <v>2</v>
      </c>
      <c r="D37000">
        <v>0</v>
      </c>
    </row>
    <row r="37001" spans="1:4" x14ac:dyDescent="0.25">
      <c r="A37001" t="s">
        <v>53434</v>
      </c>
      <c r="B37001" t="s">
        <v>53438</v>
      </c>
      <c r="C37001">
        <v>1</v>
      </c>
      <c r="D37001">
        <v>0</v>
      </c>
    </row>
    <row r="37002" spans="1:4" x14ac:dyDescent="0.25">
      <c r="A37002" t="s">
        <v>53434</v>
      </c>
      <c r="B37002" t="s">
        <v>53439</v>
      </c>
      <c r="C37002">
        <v>0</v>
      </c>
      <c r="D37002">
        <v>0</v>
      </c>
    </row>
    <row r="37003" spans="1:4" x14ac:dyDescent="0.25">
      <c r="A37003" t="s">
        <v>53440</v>
      </c>
      <c r="B37003" t="s">
        <v>53441</v>
      </c>
      <c r="C37003">
        <v>2</v>
      </c>
      <c r="D37003">
        <v>0</v>
      </c>
    </row>
    <row r="37004" spans="1:4" x14ac:dyDescent="0.25">
      <c r="A37004" t="s">
        <v>53440</v>
      </c>
      <c r="B37004" t="s">
        <v>53442</v>
      </c>
      <c r="C37004">
        <v>0</v>
      </c>
      <c r="D37004">
        <v>0</v>
      </c>
    </row>
    <row r="37005" spans="1:4" x14ac:dyDescent="0.25">
      <c r="A37005" t="s">
        <v>53440</v>
      </c>
      <c r="B37005" t="s">
        <v>53443</v>
      </c>
      <c r="C37005">
        <v>0</v>
      </c>
      <c r="D37005">
        <v>0</v>
      </c>
    </row>
    <row r="37006" spans="1:4" x14ac:dyDescent="0.25">
      <c r="A37006" t="s">
        <v>53440</v>
      </c>
      <c r="B37006" t="s">
        <v>53444</v>
      </c>
      <c r="C37006">
        <v>2</v>
      </c>
      <c r="D37006">
        <v>0</v>
      </c>
    </row>
    <row r="37007" spans="1:4" x14ac:dyDescent="0.25">
      <c r="A37007" t="s">
        <v>53440</v>
      </c>
      <c r="B37007" t="s">
        <v>53445</v>
      </c>
      <c r="C37007">
        <v>2</v>
      </c>
      <c r="D37007">
        <v>0</v>
      </c>
    </row>
    <row r="37008" spans="1:4" x14ac:dyDescent="0.25">
      <c r="A37008" t="s">
        <v>53446</v>
      </c>
      <c r="B37008" t="s">
        <v>53447</v>
      </c>
      <c r="C37008">
        <v>2</v>
      </c>
      <c r="D37008">
        <v>0</v>
      </c>
    </row>
    <row r="37009" spans="1:4" x14ac:dyDescent="0.25">
      <c r="A37009" t="s">
        <v>53446</v>
      </c>
      <c r="B37009" t="s">
        <v>53448</v>
      </c>
      <c r="C37009">
        <v>0</v>
      </c>
      <c r="D37009">
        <v>0</v>
      </c>
    </row>
    <row r="37010" spans="1:4" x14ac:dyDescent="0.25">
      <c r="A37010" t="s">
        <v>53446</v>
      </c>
      <c r="B37010" t="s">
        <v>53449</v>
      </c>
      <c r="C37010">
        <v>1</v>
      </c>
      <c r="D37010">
        <v>0</v>
      </c>
    </row>
    <row r="37011" spans="1:4" x14ac:dyDescent="0.25">
      <c r="A37011" t="s">
        <v>53446</v>
      </c>
      <c r="B37011" t="s">
        <v>53450</v>
      </c>
      <c r="C37011">
        <v>1</v>
      </c>
      <c r="D37011">
        <v>0</v>
      </c>
    </row>
    <row r="37012" spans="1:4" x14ac:dyDescent="0.25">
      <c r="A37012" t="s">
        <v>53446</v>
      </c>
      <c r="B37012" t="s">
        <v>53451</v>
      </c>
      <c r="C37012">
        <v>0</v>
      </c>
      <c r="D37012">
        <v>0</v>
      </c>
    </row>
    <row r="37013" spans="1:4" x14ac:dyDescent="0.25">
      <c r="A37013" t="s">
        <v>53446</v>
      </c>
      <c r="B37013" t="s">
        <v>53452</v>
      </c>
      <c r="C37013">
        <v>1</v>
      </c>
      <c r="D37013">
        <v>0</v>
      </c>
    </row>
    <row r="37014" spans="1:4" x14ac:dyDescent="0.25">
      <c r="A37014" t="s">
        <v>53453</v>
      </c>
      <c r="B37014" t="s">
        <v>53454</v>
      </c>
      <c r="C37014">
        <v>2</v>
      </c>
      <c r="D37014">
        <v>0</v>
      </c>
    </row>
    <row r="37015" spans="1:4" x14ac:dyDescent="0.25">
      <c r="A37015" t="s">
        <v>53453</v>
      </c>
      <c r="B37015" t="s">
        <v>53455</v>
      </c>
      <c r="C37015">
        <v>2</v>
      </c>
      <c r="D37015">
        <v>0</v>
      </c>
    </row>
    <row r="37016" spans="1:4" x14ac:dyDescent="0.25">
      <c r="A37016" t="s">
        <v>53453</v>
      </c>
      <c r="B37016" t="s">
        <v>53456</v>
      </c>
      <c r="C37016">
        <v>0</v>
      </c>
      <c r="D37016">
        <v>0</v>
      </c>
    </row>
    <row r="37017" spans="1:4" x14ac:dyDescent="0.25">
      <c r="A37017" t="s">
        <v>53453</v>
      </c>
      <c r="B37017" t="s">
        <v>53457</v>
      </c>
      <c r="C37017">
        <v>2</v>
      </c>
      <c r="D37017">
        <v>0</v>
      </c>
    </row>
    <row r="37018" spans="1:4" x14ac:dyDescent="0.25">
      <c r="A37018" t="s">
        <v>53458</v>
      </c>
      <c r="B37018" t="s">
        <v>53459</v>
      </c>
      <c r="C37018">
        <v>1</v>
      </c>
      <c r="D37018">
        <v>0</v>
      </c>
    </row>
    <row r="37019" spans="1:4" x14ac:dyDescent="0.25">
      <c r="A37019" t="s">
        <v>53458</v>
      </c>
      <c r="B37019" t="s">
        <v>53460</v>
      </c>
      <c r="C37019">
        <v>1</v>
      </c>
      <c r="D37019">
        <v>0</v>
      </c>
    </row>
    <row r="37020" spans="1:4" x14ac:dyDescent="0.25">
      <c r="A37020" t="s">
        <v>53458</v>
      </c>
      <c r="B37020" t="s">
        <v>53461</v>
      </c>
      <c r="C37020">
        <v>1</v>
      </c>
      <c r="D37020">
        <v>0</v>
      </c>
    </row>
    <row r="37021" spans="1:4" x14ac:dyDescent="0.25">
      <c r="A37021" t="s">
        <v>53458</v>
      </c>
      <c r="B37021" t="s">
        <v>53462</v>
      </c>
      <c r="C37021">
        <v>1</v>
      </c>
      <c r="D37021">
        <v>0</v>
      </c>
    </row>
    <row r="37022" spans="1:4" x14ac:dyDescent="0.25">
      <c r="A37022" t="s">
        <v>53463</v>
      </c>
      <c r="B37022" t="s">
        <v>53464</v>
      </c>
      <c r="C37022">
        <v>1</v>
      </c>
      <c r="D37022">
        <v>0</v>
      </c>
    </row>
    <row r="37023" spans="1:4" x14ac:dyDescent="0.25">
      <c r="A37023" t="s">
        <v>53465</v>
      </c>
      <c r="B37023" t="s">
        <v>53466</v>
      </c>
      <c r="C37023">
        <v>1</v>
      </c>
      <c r="D37023">
        <v>0</v>
      </c>
    </row>
    <row r="37024" spans="1:4" x14ac:dyDescent="0.25">
      <c r="A37024" t="s">
        <v>53465</v>
      </c>
      <c r="B37024" t="s">
        <v>53467</v>
      </c>
      <c r="C37024">
        <v>1</v>
      </c>
      <c r="D37024">
        <v>0</v>
      </c>
    </row>
    <row r="37025" spans="1:4" x14ac:dyDescent="0.25">
      <c r="A37025" t="s">
        <v>53465</v>
      </c>
      <c r="B37025" t="s">
        <v>53468</v>
      </c>
      <c r="C37025">
        <v>1</v>
      </c>
      <c r="D37025">
        <v>0</v>
      </c>
    </row>
    <row r="37026" spans="1:4" x14ac:dyDescent="0.25">
      <c r="A37026" t="s">
        <v>53465</v>
      </c>
      <c r="B37026" t="s">
        <v>53469</v>
      </c>
      <c r="C37026">
        <v>1</v>
      </c>
      <c r="D37026">
        <v>0</v>
      </c>
    </row>
    <row r="37027" spans="1:4" x14ac:dyDescent="0.25">
      <c r="A37027" t="s">
        <v>53465</v>
      </c>
      <c r="B37027" t="s">
        <v>53470</v>
      </c>
      <c r="C37027">
        <v>1</v>
      </c>
      <c r="D37027">
        <v>0</v>
      </c>
    </row>
    <row r="37028" spans="1:4" x14ac:dyDescent="0.25">
      <c r="A37028" t="s">
        <v>53465</v>
      </c>
      <c r="B37028" t="s">
        <v>53471</v>
      </c>
      <c r="C37028">
        <v>0</v>
      </c>
      <c r="D37028">
        <v>0</v>
      </c>
    </row>
    <row r="37029" spans="1:4" x14ac:dyDescent="0.25">
      <c r="A37029" t="s">
        <v>53472</v>
      </c>
      <c r="B37029" t="s">
        <v>53473</v>
      </c>
      <c r="C37029">
        <v>1</v>
      </c>
      <c r="D37029">
        <v>0</v>
      </c>
    </row>
    <row r="37030" spans="1:4" x14ac:dyDescent="0.25">
      <c r="A37030" t="s">
        <v>53472</v>
      </c>
      <c r="B37030" t="s">
        <v>53474</v>
      </c>
      <c r="C37030">
        <v>0</v>
      </c>
      <c r="D37030">
        <v>0</v>
      </c>
    </row>
    <row r="37031" spans="1:4" x14ac:dyDescent="0.25">
      <c r="A37031" t="s">
        <v>53472</v>
      </c>
      <c r="B37031" t="s">
        <v>5713</v>
      </c>
      <c r="C37031">
        <v>1</v>
      </c>
      <c r="D37031">
        <v>0</v>
      </c>
    </row>
    <row r="37032" spans="1:4" x14ac:dyDescent="0.25">
      <c r="A37032" t="s">
        <v>53472</v>
      </c>
      <c r="B37032" t="s">
        <v>53475</v>
      </c>
      <c r="C37032">
        <v>0</v>
      </c>
      <c r="D37032">
        <v>0</v>
      </c>
    </row>
    <row r="37033" spans="1:4" x14ac:dyDescent="0.25">
      <c r="A37033" t="s">
        <v>53472</v>
      </c>
      <c r="B37033" t="s">
        <v>53476</v>
      </c>
      <c r="C37033">
        <v>1</v>
      </c>
      <c r="D37033">
        <v>0</v>
      </c>
    </row>
    <row r="37034" spans="1:4" x14ac:dyDescent="0.25">
      <c r="A37034" t="s">
        <v>53472</v>
      </c>
      <c r="B37034" t="s">
        <v>53477</v>
      </c>
      <c r="C37034">
        <v>1</v>
      </c>
      <c r="D37034">
        <v>0</v>
      </c>
    </row>
    <row r="37035" spans="1:4" x14ac:dyDescent="0.25">
      <c r="A37035" t="s">
        <v>53472</v>
      </c>
      <c r="B37035" t="s">
        <v>53478</v>
      </c>
      <c r="C37035">
        <v>1</v>
      </c>
      <c r="D37035">
        <v>0</v>
      </c>
    </row>
    <row r="37036" spans="1:4" x14ac:dyDescent="0.25">
      <c r="A37036" t="s">
        <v>53472</v>
      </c>
      <c r="B37036" t="s">
        <v>53479</v>
      </c>
      <c r="C37036">
        <v>0</v>
      </c>
      <c r="D37036">
        <v>0</v>
      </c>
    </row>
    <row r="37037" spans="1:4" x14ac:dyDescent="0.25">
      <c r="A37037" t="s">
        <v>53480</v>
      </c>
      <c r="B37037" t="s">
        <v>53481</v>
      </c>
      <c r="C37037">
        <v>1</v>
      </c>
      <c r="D37037">
        <v>0</v>
      </c>
    </row>
    <row r="37038" spans="1:4" x14ac:dyDescent="0.25">
      <c r="A37038" t="s">
        <v>53480</v>
      </c>
      <c r="B37038" t="s">
        <v>53482</v>
      </c>
      <c r="C37038">
        <v>0</v>
      </c>
      <c r="D37038">
        <v>0</v>
      </c>
    </row>
    <row r="37039" spans="1:4" x14ac:dyDescent="0.25">
      <c r="A37039" t="s">
        <v>53480</v>
      </c>
      <c r="B37039" t="s">
        <v>53483</v>
      </c>
      <c r="C37039">
        <v>2</v>
      </c>
      <c r="D37039">
        <v>0</v>
      </c>
    </row>
    <row r="37040" spans="1:4" x14ac:dyDescent="0.25">
      <c r="A37040" t="s">
        <v>53480</v>
      </c>
      <c r="B37040" t="s">
        <v>53484</v>
      </c>
      <c r="C37040">
        <v>1</v>
      </c>
      <c r="D37040">
        <v>0</v>
      </c>
    </row>
    <row r="37041" spans="1:4" x14ac:dyDescent="0.25">
      <c r="A37041" t="s">
        <v>53480</v>
      </c>
      <c r="B37041" t="s">
        <v>53485</v>
      </c>
      <c r="C37041">
        <v>1</v>
      </c>
      <c r="D37041">
        <v>0</v>
      </c>
    </row>
    <row r="37042" spans="1:4" x14ac:dyDescent="0.25">
      <c r="A37042" t="s">
        <v>53486</v>
      </c>
      <c r="B37042" t="s">
        <v>53487</v>
      </c>
      <c r="C37042">
        <v>1</v>
      </c>
      <c r="D37042">
        <v>0</v>
      </c>
    </row>
    <row r="37043" spans="1:4" x14ac:dyDescent="0.25">
      <c r="A37043" t="s">
        <v>53486</v>
      </c>
      <c r="B37043" t="s">
        <v>53488</v>
      </c>
      <c r="C37043">
        <v>1</v>
      </c>
      <c r="D37043">
        <v>0</v>
      </c>
    </row>
    <row r="37044" spans="1:4" x14ac:dyDescent="0.25">
      <c r="A37044" t="s">
        <v>53486</v>
      </c>
      <c r="B37044" t="s">
        <v>53489</v>
      </c>
      <c r="C37044">
        <v>2</v>
      </c>
      <c r="D37044">
        <v>0</v>
      </c>
    </row>
    <row r="37045" spans="1:4" x14ac:dyDescent="0.25">
      <c r="A37045" t="s">
        <v>53486</v>
      </c>
      <c r="B37045" t="s">
        <v>53490</v>
      </c>
      <c r="C37045">
        <v>0</v>
      </c>
      <c r="D37045">
        <v>0</v>
      </c>
    </row>
    <row r="37046" spans="1:4" x14ac:dyDescent="0.25">
      <c r="A37046" t="s">
        <v>53491</v>
      </c>
      <c r="B37046" t="s">
        <v>53492</v>
      </c>
      <c r="C37046">
        <v>0</v>
      </c>
      <c r="D37046">
        <v>0</v>
      </c>
    </row>
    <row r="37047" spans="1:4" x14ac:dyDescent="0.25">
      <c r="A37047" t="s">
        <v>53491</v>
      </c>
      <c r="B37047" t="s">
        <v>53493</v>
      </c>
      <c r="C37047">
        <v>2</v>
      </c>
      <c r="D37047">
        <v>0</v>
      </c>
    </row>
    <row r="37048" spans="1:4" x14ac:dyDescent="0.25">
      <c r="A37048" t="s">
        <v>53491</v>
      </c>
      <c r="B37048" t="s">
        <v>53494</v>
      </c>
      <c r="C37048">
        <v>1</v>
      </c>
      <c r="D37048">
        <v>0</v>
      </c>
    </row>
    <row r="37049" spans="1:4" x14ac:dyDescent="0.25">
      <c r="A37049" t="s">
        <v>53491</v>
      </c>
      <c r="B37049" t="s">
        <v>53495</v>
      </c>
      <c r="C37049">
        <v>0</v>
      </c>
      <c r="D37049">
        <v>0</v>
      </c>
    </row>
    <row r="37050" spans="1:4" x14ac:dyDescent="0.25">
      <c r="A37050" t="s">
        <v>53496</v>
      </c>
      <c r="B37050" t="s">
        <v>53497</v>
      </c>
      <c r="C37050">
        <v>1</v>
      </c>
      <c r="D37050">
        <v>0</v>
      </c>
    </row>
    <row r="37051" spans="1:4" x14ac:dyDescent="0.25">
      <c r="A37051" t="s">
        <v>53496</v>
      </c>
      <c r="B37051" t="s">
        <v>5713</v>
      </c>
      <c r="C37051">
        <v>1</v>
      </c>
      <c r="D37051">
        <v>0</v>
      </c>
    </row>
    <row r="37052" spans="1:4" x14ac:dyDescent="0.25">
      <c r="A37052" t="s">
        <v>53496</v>
      </c>
      <c r="B37052" t="s">
        <v>53498</v>
      </c>
      <c r="C37052">
        <v>0</v>
      </c>
      <c r="D37052">
        <v>0</v>
      </c>
    </row>
    <row r="37053" spans="1:4" x14ac:dyDescent="0.25">
      <c r="A37053" t="s">
        <v>53496</v>
      </c>
      <c r="B37053" t="s">
        <v>2651</v>
      </c>
      <c r="C37053">
        <v>1</v>
      </c>
      <c r="D37053">
        <v>0</v>
      </c>
    </row>
    <row r="37054" spans="1:4" x14ac:dyDescent="0.25">
      <c r="A37054" t="s">
        <v>53496</v>
      </c>
      <c r="B37054" t="s">
        <v>53499</v>
      </c>
      <c r="C37054">
        <v>1</v>
      </c>
      <c r="D37054">
        <v>0</v>
      </c>
    </row>
    <row r="37055" spans="1:4" x14ac:dyDescent="0.25">
      <c r="A37055" t="s">
        <v>53496</v>
      </c>
      <c r="B37055" t="s">
        <v>53500</v>
      </c>
      <c r="C37055">
        <v>1</v>
      </c>
      <c r="D37055">
        <v>0</v>
      </c>
    </row>
    <row r="37056" spans="1:4" x14ac:dyDescent="0.25">
      <c r="A37056" t="s">
        <v>53501</v>
      </c>
      <c r="B37056" t="s">
        <v>53502</v>
      </c>
      <c r="C37056">
        <v>1</v>
      </c>
      <c r="D37056">
        <v>0</v>
      </c>
    </row>
    <row r="37057" spans="1:4" x14ac:dyDescent="0.25">
      <c r="A37057" t="s">
        <v>53501</v>
      </c>
      <c r="B37057" t="s">
        <v>53503</v>
      </c>
      <c r="C37057">
        <v>0</v>
      </c>
      <c r="D37057">
        <v>0</v>
      </c>
    </row>
    <row r="37058" spans="1:4" x14ac:dyDescent="0.25">
      <c r="A37058" t="s">
        <v>53501</v>
      </c>
      <c r="B37058" t="s">
        <v>53504</v>
      </c>
      <c r="C37058">
        <v>0</v>
      </c>
      <c r="D37058">
        <v>0</v>
      </c>
    </row>
    <row r="37059" spans="1:4" x14ac:dyDescent="0.25">
      <c r="A37059" t="s">
        <v>53501</v>
      </c>
      <c r="B37059" t="s">
        <v>53505</v>
      </c>
      <c r="C37059">
        <v>2</v>
      </c>
      <c r="D37059">
        <v>0</v>
      </c>
    </row>
    <row r="37060" spans="1:4" x14ac:dyDescent="0.25">
      <c r="A37060" t="s">
        <v>53501</v>
      </c>
      <c r="B37060" t="s">
        <v>50411</v>
      </c>
      <c r="C37060">
        <v>1</v>
      </c>
      <c r="D37060">
        <v>0</v>
      </c>
    </row>
    <row r="37061" spans="1:4" x14ac:dyDescent="0.25">
      <c r="A37061" t="s">
        <v>53501</v>
      </c>
      <c r="B37061" t="s">
        <v>53506</v>
      </c>
      <c r="C37061">
        <v>0</v>
      </c>
      <c r="D37061">
        <v>0</v>
      </c>
    </row>
    <row r="37062" spans="1:4" x14ac:dyDescent="0.25">
      <c r="A37062" t="s">
        <v>53501</v>
      </c>
      <c r="B37062" t="s">
        <v>53507</v>
      </c>
      <c r="C37062">
        <v>2</v>
      </c>
      <c r="D37062">
        <v>0</v>
      </c>
    </row>
    <row r="37063" spans="1:4" x14ac:dyDescent="0.25">
      <c r="A37063" t="s">
        <v>53508</v>
      </c>
      <c r="B37063" t="s">
        <v>53509</v>
      </c>
      <c r="C37063">
        <v>0</v>
      </c>
      <c r="D37063">
        <v>0</v>
      </c>
    </row>
    <row r="37064" spans="1:4" x14ac:dyDescent="0.25">
      <c r="A37064" t="s">
        <v>53508</v>
      </c>
      <c r="B37064" t="s">
        <v>53510</v>
      </c>
      <c r="C37064">
        <v>0</v>
      </c>
      <c r="D37064">
        <v>0</v>
      </c>
    </row>
    <row r="37065" spans="1:4" x14ac:dyDescent="0.25">
      <c r="A37065" t="s">
        <v>53508</v>
      </c>
      <c r="B37065" t="s">
        <v>53511</v>
      </c>
      <c r="C37065">
        <v>0</v>
      </c>
      <c r="D37065">
        <v>0</v>
      </c>
    </row>
    <row r="37066" spans="1:4" x14ac:dyDescent="0.25">
      <c r="A37066" t="s">
        <v>53508</v>
      </c>
      <c r="B37066" t="s">
        <v>53512</v>
      </c>
      <c r="C37066">
        <v>0</v>
      </c>
      <c r="D37066">
        <v>0</v>
      </c>
    </row>
    <row r="37067" spans="1:4" x14ac:dyDescent="0.25">
      <c r="A37067" t="s">
        <v>53513</v>
      </c>
      <c r="B37067" t="s">
        <v>53514</v>
      </c>
      <c r="C37067">
        <v>2</v>
      </c>
      <c r="D37067">
        <v>0</v>
      </c>
    </row>
    <row r="37068" spans="1:4" x14ac:dyDescent="0.25">
      <c r="A37068" t="s">
        <v>53513</v>
      </c>
      <c r="B37068" t="s">
        <v>53515</v>
      </c>
      <c r="C37068">
        <v>1</v>
      </c>
      <c r="D37068">
        <v>0</v>
      </c>
    </row>
    <row r="37069" spans="1:4" x14ac:dyDescent="0.25">
      <c r="A37069" t="s">
        <v>53513</v>
      </c>
      <c r="B37069" t="s">
        <v>53516</v>
      </c>
      <c r="C37069">
        <v>0</v>
      </c>
      <c r="D37069">
        <v>0</v>
      </c>
    </row>
    <row r="37070" spans="1:4" x14ac:dyDescent="0.25">
      <c r="A37070" t="s">
        <v>53513</v>
      </c>
      <c r="B37070" t="s">
        <v>12472</v>
      </c>
      <c r="C37070">
        <v>1</v>
      </c>
      <c r="D37070">
        <v>0</v>
      </c>
    </row>
    <row r="37071" spans="1:4" x14ac:dyDescent="0.25">
      <c r="A37071" t="s">
        <v>53517</v>
      </c>
      <c r="B37071" t="s">
        <v>53518</v>
      </c>
      <c r="C37071">
        <v>0</v>
      </c>
      <c r="D37071">
        <v>0</v>
      </c>
    </row>
    <row r="37072" spans="1:4" x14ac:dyDescent="0.25">
      <c r="A37072" t="s">
        <v>53517</v>
      </c>
      <c r="B37072" t="s">
        <v>53519</v>
      </c>
      <c r="C37072">
        <v>1</v>
      </c>
      <c r="D37072">
        <v>0</v>
      </c>
    </row>
    <row r="37073" spans="1:4" x14ac:dyDescent="0.25">
      <c r="A37073" t="s">
        <v>53517</v>
      </c>
      <c r="B37073" t="s">
        <v>53520</v>
      </c>
      <c r="C37073">
        <v>0</v>
      </c>
      <c r="D37073">
        <v>0</v>
      </c>
    </row>
    <row r="37074" spans="1:4" x14ac:dyDescent="0.25">
      <c r="A37074" t="s">
        <v>53517</v>
      </c>
      <c r="B37074" t="s">
        <v>53521</v>
      </c>
      <c r="C37074">
        <v>2</v>
      </c>
      <c r="D37074">
        <v>0</v>
      </c>
    </row>
    <row r="37075" spans="1:4" x14ac:dyDescent="0.25">
      <c r="A37075" t="s">
        <v>53517</v>
      </c>
      <c r="B37075" t="s">
        <v>53522</v>
      </c>
      <c r="C37075">
        <v>0</v>
      </c>
      <c r="D37075">
        <v>0</v>
      </c>
    </row>
    <row r="37076" spans="1:4" x14ac:dyDescent="0.25">
      <c r="A37076" t="s">
        <v>53517</v>
      </c>
      <c r="B37076" t="s">
        <v>53523</v>
      </c>
      <c r="C37076">
        <v>0</v>
      </c>
      <c r="D37076">
        <v>0</v>
      </c>
    </row>
    <row r="37077" spans="1:4" x14ac:dyDescent="0.25">
      <c r="A37077" t="s">
        <v>53517</v>
      </c>
      <c r="B37077" t="s">
        <v>53524</v>
      </c>
      <c r="C37077">
        <v>1</v>
      </c>
      <c r="D37077">
        <v>0</v>
      </c>
    </row>
    <row r="37078" spans="1:4" x14ac:dyDescent="0.25">
      <c r="A37078" t="s">
        <v>53517</v>
      </c>
      <c r="B37078" t="s">
        <v>53525</v>
      </c>
      <c r="C37078">
        <v>1</v>
      </c>
      <c r="D37078">
        <v>0</v>
      </c>
    </row>
    <row r="37079" spans="1:4" x14ac:dyDescent="0.25">
      <c r="A37079" t="s">
        <v>53517</v>
      </c>
      <c r="B37079" t="s">
        <v>53526</v>
      </c>
      <c r="C37079">
        <v>1</v>
      </c>
      <c r="D37079">
        <v>0</v>
      </c>
    </row>
    <row r="37080" spans="1:4" x14ac:dyDescent="0.25">
      <c r="A37080" t="s">
        <v>53527</v>
      </c>
      <c r="B37080" t="s">
        <v>53528</v>
      </c>
      <c r="C37080">
        <v>1</v>
      </c>
      <c r="D37080">
        <v>0</v>
      </c>
    </row>
    <row r="37081" spans="1:4" x14ac:dyDescent="0.25">
      <c r="A37081" t="s">
        <v>53527</v>
      </c>
      <c r="B37081" t="s">
        <v>53529</v>
      </c>
      <c r="C37081">
        <v>1</v>
      </c>
      <c r="D37081">
        <v>0</v>
      </c>
    </row>
    <row r="37082" spans="1:4" x14ac:dyDescent="0.25">
      <c r="A37082" t="s">
        <v>53527</v>
      </c>
      <c r="B37082" t="s">
        <v>53530</v>
      </c>
      <c r="C37082">
        <v>1</v>
      </c>
      <c r="D37082">
        <v>0</v>
      </c>
    </row>
    <row r="37083" spans="1:4" x14ac:dyDescent="0.25">
      <c r="A37083" t="s">
        <v>53527</v>
      </c>
      <c r="B37083" t="s">
        <v>53531</v>
      </c>
      <c r="C37083">
        <v>1</v>
      </c>
      <c r="D37083">
        <v>0</v>
      </c>
    </row>
    <row r="37084" spans="1:4" x14ac:dyDescent="0.25">
      <c r="A37084" t="s">
        <v>53532</v>
      </c>
      <c r="B37084" t="s">
        <v>53533</v>
      </c>
      <c r="C37084">
        <v>1</v>
      </c>
      <c r="D37084">
        <v>0</v>
      </c>
    </row>
    <row r="37085" spans="1:4" x14ac:dyDescent="0.25">
      <c r="A37085" t="s">
        <v>53532</v>
      </c>
      <c r="B37085" t="s">
        <v>53534</v>
      </c>
      <c r="C37085">
        <v>1</v>
      </c>
      <c r="D37085">
        <v>0</v>
      </c>
    </row>
    <row r="37086" spans="1:4" x14ac:dyDescent="0.25">
      <c r="A37086" t="s">
        <v>53532</v>
      </c>
      <c r="B37086" t="s">
        <v>53535</v>
      </c>
      <c r="C37086">
        <v>1</v>
      </c>
      <c r="D37086">
        <v>0</v>
      </c>
    </row>
    <row r="37087" spans="1:4" x14ac:dyDescent="0.25">
      <c r="A37087" t="s">
        <v>53536</v>
      </c>
      <c r="B37087" t="s">
        <v>53537</v>
      </c>
      <c r="C37087">
        <v>0</v>
      </c>
      <c r="D37087">
        <v>0</v>
      </c>
    </row>
    <row r="37088" spans="1:4" x14ac:dyDescent="0.25">
      <c r="A37088" t="s">
        <v>53536</v>
      </c>
      <c r="B37088" t="s">
        <v>53538</v>
      </c>
      <c r="C37088">
        <v>0</v>
      </c>
      <c r="D37088">
        <v>0</v>
      </c>
    </row>
    <row r="37089" spans="1:4" x14ac:dyDescent="0.25">
      <c r="A37089" t="s">
        <v>53536</v>
      </c>
      <c r="B37089" t="s">
        <v>53539</v>
      </c>
      <c r="C37089">
        <v>0</v>
      </c>
      <c r="D37089">
        <v>0</v>
      </c>
    </row>
    <row r="37090" spans="1:4" x14ac:dyDescent="0.25">
      <c r="A37090" t="s">
        <v>53540</v>
      </c>
      <c r="B37090" t="s">
        <v>53541</v>
      </c>
      <c r="C37090">
        <v>0</v>
      </c>
      <c r="D37090">
        <v>0</v>
      </c>
    </row>
    <row r="37091" spans="1:4" x14ac:dyDescent="0.25">
      <c r="A37091" t="s">
        <v>53540</v>
      </c>
      <c r="B37091" t="s">
        <v>53542</v>
      </c>
      <c r="C37091">
        <v>2</v>
      </c>
      <c r="D37091">
        <v>0</v>
      </c>
    </row>
    <row r="37092" spans="1:4" x14ac:dyDescent="0.25">
      <c r="A37092" t="s">
        <v>53540</v>
      </c>
      <c r="B37092" t="s">
        <v>53543</v>
      </c>
      <c r="C37092">
        <v>0</v>
      </c>
      <c r="D37092">
        <v>0</v>
      </c>
    </row>
    <row r="37093" spans="1:4" x14ac:dyDescent="0.25">
      <c r="A37093" t="s">
        <v>53540</v>
      </c>
      <c r="B37093" t="s">
        <v>53544</v>
      </c>
      <c r="C37093">
        <v>1</v>
      </c>
      <c r="D37093">
        <v>0</v>
      </c>
    </row>
    <row r="37094" spans="1:4" x14ac:dyDescent="0.25">
      <c r="A37094" t="s">
        <v>53540</v>
      </c>
      <c r="B37094" t="s">
        <v>53545</v>
      </c>
      <c r="C37094">
        <v>0</v>
      </c>
      <c r="D37094">
        <v>0</v>
      </c>
    </row>
    <row r="37095" spans="1:4" x14ac:dyDescent="0.25">
      <c r="A37095" t="s">
        <v>53540</v>
      </c>
      <c r="B37095" t="s">
        <v>2865</v>
      </c>
      <c r="C37095">
        <v>0</v>
      </c>
      <c r="D37095">
        <v>0</v>
      </c>
    </row>
    <row r="37096" spans="1:4" x14ac:dyDescent="0.25">
      <c r="A37096" t="s">
        <v>53540</v>
      </c>
      <c r="B37096" t="s">
        <v>53546</v>
      </c>
      <c r="C37096">
        <v>1</v>
      </c>
      <c r="D37096">
        <v>0</v>
      </c>
    </row>
    <row r="37097" spans="1:4" x14ac:dyDescent="0.25">
      <c r="A37097" t="s">
        <v>53547</v>
      </c>
      <c r="B37097" t="s">
        <v>53548</v>
      </c>
      <c r="C37097">
        <v>1</v>
      </c>
      <c r="D37097">
        <v>0</v>
      </c>
    </row>
    <row r="37098" spans="1:4" x14ac:dyDescent="0.25">
      <c r="A37098" t="s">
        <v>53547</v>
      </c>
      <c r="B37098" t="s">
        <v>53549</v>
      </c>
      <c r="C37098">
        <v>1</v>
      </c>
      <c r="D37098">
        <v>0</v>
      </c>
    </row>
    <row r="37099" spans="1:4" x14ac:dyDescent="0.25">
      <c r="A37099" t="s">
        <v>53547</v>
      </c>
      <c r="B37099" t="s">
        <v>53550</v>
      </c>
      <c r="C37099">
        <v>1</v>
      </c>
      <c r="D37099">
        <v>0</v>
      </c>
    </row>
    <row r="37100" spans="1:4" x14ac:dyDescent="0.25">
      <c r="A37100" t="s">
        <v>53547</v>
      </c>
      <c r="B37100" t="s">
        <v>53551</v>
      </c>
      <c r="C37100">
        <v>1</v>
      </c>
      <c r="D37100">
        <v>0</v>
      </c>
    </row>
    <row r="37101" spans="1:4" x14ac:dyDescent="0.25">
      <c r="A37101" t="s">
        <v>53547</v>
      </c>
      <c r="B37101" t="s">
        <v>53552</v>
      </c>
      <c r="C37101">
        <v>1</v>
      </c>
      <c r="D37101">
        <v>0</v>
      </c>
    </row>
    <row r="37102" spans="1:4" x14ac:dyDescent="0.25">
      <c r="A37102" t="s">
        <v>53547</v>
      </c>
      <c r="B37102" t="s">
        <v>53553</v>
      </c>
      <c r="C37102">
        <v>1</v>
      </c>
      <c r="D37102">
        <v>0</v>
      </c>
    </row>
    <row r="37103" spans="1:4" x14ac:dyDescent="0.25">
      <c r="A37103" t="s">
        <v>53547</v>
      </c>
      <c r="B37103" t="s">
        <v>53554</v>
      </c>
      <c r="C37103">
        <v>0</v>
      </c>
      <c r="D37103">
        <v>0</v>
      </c>
    </row>
    <row r="37104" spans="1:4" x14ac:dyDescent="0.25">
      <c r="A37104" t="s">
        <v>53547</v>
      </c>
      <c r="B37104" t="s">
        <v>53555</v>
      </c>
      <c r="C37104">
        <v>1</v>
      </c>
      <c r="D37104">
        <v>0</v>
      </c>
    </row>
    <row r="37105" spans="1:4" x14ac:dyDescent="0.25">
      <c r="A37105" t="s">
        <v>53547</v>
      </c>
      <c r="B37105" t="s">
        <v>53556</v>
      </c>
      <c r="C37105">
        <v>1</v>
      </c>
      <c r="D37105">
        <v>0</v>
      </c>
    </row>
    <row r="37106" spans="1:4" x14ac:dyDescent="0.25">
      <c r="A37106" t="s">
        <v>53557</v>
      </c>
      <c r="B37106" t="s">
        <v>53558</v>
      </c>
      <c r="C37106">
        <v>1</v>
      </c>
      <c r="D37106">
        <v>0</v>
      </c>
    </row>
    <row r="37107" spans="1:4" x14ac:dyDescent="0.25">
      <c r="A37107" t="s">
        <v>53557</v>
      </c>
      <c r="B37107" t="s">
        <v>53559</v>
      </c>
      <c r="C37107">
        <v>2</v>
      </c>
      <c r="D37107">
        <v>0</v>
      </c>
    </row>
    <row r="37108" spans="1:4" x14ac:dyDescent="0.25">
      <c r="A37108" t="s">
        <v>53560</v>
      </c>
      <c r="B37108" t="s">
        <v>53561</v>
      </c>
      <c r="C37108">
        <v>1</v>
      </c>
      <c r="D37108">
        <v>0</v>
      </c>
    </row>
    <row r="37109" spans="1:4" x14ac:dyDescent="0.25">
      <c r="A37109" t="s">
        <v>53560</v>
      </c>
      <c r="B37109" t="s">
        <v>53562</v>
      </c>
      <c r="C37109">
        <v>0</v>
      </c>
      <c r="D37109">
        <v>0</v>
      </c>
    </row>
    <row r="37110" spans="1:4" x14ac:dyDescent="0.25">
      <c r="A37110" t="s">
        <v>53560</v>
      </c>
      <c r="B37110" t="s">
        <v>53563</v>
      </c>
      <c r="C37110">
        <v>1</v>
      </c>
      <c r="D37110">
        <v>0</v>
      </c>
    </row>
    <row r="37111" spans="1:4" x14ac:dyDescent="0.25">
      <c r="A37111" t="s">
        <v>53564</v>
      </c>
      <c r="B37111" t="s">
        <v>53565</v>
      </c>
      <c r="C37111">
        <v>0</v>
      </c>
      <c r="D37111">
        <v>0</v>
      </c>
    </row>
    <row r="37112" spans="1:4" x14ac:dyDescent="0.25">
      <c r="A37112" t="s">
        <v>53564</v>
      </c>
      <c r="B37112" t="s">
        <v>53566</v>
      </c>
      <c r="C37112">
        <v>1</v>
      </c>
      <c r="D37112">
        <v>0</v>
      </c>
    </row>
    <row r="37113" spans="1:4" x14ac:dyDescent="0.25">
      <c r="A37113" t="s">
        <v>53564</v>
      </c>
      <c r="B37113" t="s">
        <v>53567</v>
      </c>
      <c r="C37113">
        <v>1</v>
      </c>
      <c r="D37113">
        <v>0</v>
      </c>
    </row>
    <row r="37114" spans="1:4" x14ac:dyDescent="0.25">
      <c r="A37114" t="s">
        <v>53568</v>
      </c>
      <c r="B37114" t="s">
        <v>53569</v>
      </c>
      <c r="C37114">
        <v>1</v>
      </c>
      <c r="D37114">
        <v>0</v>
      </c>
    </row>
    <row r="37115" spans="1:4" x14ac:dyDescent="0.25">
      <c r="A37115" t="s">
        <v>53568</v>
      </c>
      <c r="B37115" t="s">
        <v>53570</v>
      </c>
      <c r="C37115">
        <v>1</v>
      </c>
      <c r="D37115">
        <v>0</v>
      </c>
    </row>
    <row r="37116" spans="1:4" x14ac:dyDescent="0.25">
      <c r="A37116" t="s">
        <v>53571</v>
      </c>
      <c r="B37116" t="s">
        <v>53572</v>
      </c>
      <c r="C37116">
        <v>1</v>
      </c>
      <c r="D37116">
        <v>0</v>
      </c>
    </row>
    <row r="37117" spans="1:4" x14ac:dyDescent="0.25">
      <c r="A37117" t="s">
        <v>53571</v>
      </c>
      <c r="B37117" t="s">
        <v>53573</v>
      </c>
      <c r="C37117">
        <v>0</v>
      </c>
      <c r="D37117">
        <v>0</v>
      </c>
    </row>
    <row r="37118" spans="1:4" x14ac:dyDescent="0.25">
      <c r="A37118" t="s">
        <v>53574</v>
      </c>
      <c r="B37118" t="s">
        <v>53575</v>
      </c>
      <c r="C37118">
        <v>1</v>
      </c>
      <c r="D37118">
        <v>0</v>
      </c>
    </row>
    <row r="37119" spans="1:4" x14ac:dyDescent="0.25">
      <c r="A37119" t="s">
        <v>53576</v>
      </c>
      <c r="B37119" t="s">
        <v>53577</v>
      </c>
      <c r="C37119">
        <v>1</v>
      </c>
      <c r="D37119">
        <v>0</v>
      </c>
    </row>
    <row r="37120" spans="1:4" x14ac:dyDescent="0.25">
      <c r="A37120" t="s">
        <v>53578</v>
      </c>
      <c r="B37120" t="s">
        <v>53579</v>
      </c>
      <c r="C37120">
        <v>2</v>
      </c>
      <c r="D37120">
        <v>0</v>
      </c>
    </row>
    <row r="37121" spans="1:4" x14ac:dyDescent="0.25">
      <c r="A37121" t="s">
        <v>53578</v>
      </c>
      <c r="B37121" t="s">
        <v>53580</v>
      </c>
      <c r="C37121">
        <v>1</v>
      </c>
      <c r="D37121">
        <v>0</v>
      </c>
    </row>
    <row r="37122" spans="1:4" x14ac:dyDescent="0.25">
      <c r="A37122" t="s">
        <v>53578</v>
      </c>
      <c r="B37122" t="s">
        <v>53581</v>
      </c>
      <c r="C37122">
        <v>0</v>
      </c>
      <c r="D37122">
        <v>0</v>
      </c>
    </row>
    <row r="37123" spans="1:4" x14ac:dyDescent="0.25">
      <c r="A37123" t="s">
        <v>53578</v>
      </c>
      <c r="B37123" t="s">
        <v>20393</v>
      </c>
      <c r="C37123">
        <v>1</v>
      </c>
      <c r="D37123">
        <v>0</v>
      </c>
    </row>
    <row r="37124" spans="1:4" x14ac:dyDescent="0.25">
      <c r="A37124" t="s">
        <v>53578</v>
      </c>
      <c r="B37124" t="s">
        <v>53582</v>
      </c>
      <c r="C37124">
        <v>1</v>
      </c>
      <c r="D37124">
        <v>0</v>
      </c>
    </row>
    <row r="37125" spans="1:4" x14ac:dyDescent="0.25">
      <c r="A37125" t="s">
        <v>53583</v>
      </c>
      <c r="B37125" t="s">
        <v>53584</v>
      </c>
      <c r="C37125">
        <v>1</v>
      </c>
      <c r="D37125">
        <v>0</v>
      </c>
    </row>
    <row r="37126" spans="1:4" x14ac:dyDescent="0.25">
      <c r="A37126" t="s">
        <v>53583</v>
      </c>
      <c r="B37126" t="s">
        <v>5434</v>
      </c>
      <c r="C37126">
        <v>1</v>
      </c>
      <c r="D37126">
        <v>0</v>
      </c>
    </row>
    <row r="37127" spans="1:4" x14ac:dyDescent="0.25">
      <c r="A37127" t="s">
        <v>53583</v>
      </c>
      <c r="B37127" t="s">
        <v>53585</v>
      </c>
      <c r="C37127">
        <v>1</v>
      </c>
      <c r="D37127">
        <v>0</v>
      </c>
    </row>
    <row r="37128" spans="1:4" x14ac:dyDescent="0.25">
      <c r="A37128" t="s">
        <v>53586</v>
      </c>
      <c r="B37128" t="s">
        <v>53587</v>
      </c>
      <c r="C37128">
        <v>2</v>
      </c>
      <c r="D37128">
        <v>0</v>
      </c>
    </row>
    <row r="37129" spans="1:4" x14ac:dyDescent="0.25">
      <c r="A37129" t="s">
        <v>53586</v>
      </c>
      <c r="B37129" t="s">
        <v>53588</v>
      </c>
      <c r="C37129">
        <v>1</v>
      </c>
      <c r="D37129">
        <v>0</v>
      </c>
    </row>
    <row r="37130" spans="1:4" x14ac:dyDescent="0.25">
      <c r="A37130" t="s">
        <v>53586</v>
      </c>
      <c r="B37130" t="s">
        <v>53589</v>
      </c>
      <c r="C37130">
        <v>0</v>
      </c>
      <c r="D37130">
        <v>0</v>
      </c>
    </row>
    <row r="37131" spans="1:4" x14ac:dyDescent="0.25">
      <c r="A37131" t="s">
        <v>53586</v>
      </c>
      <c r="B37131" t="s">
        <v>53590</v>
      </c>
      <c r="C37131">
        <v>1</v>
      </c>
      <c r="D37131">
        <v>0</v>
      </c>
    </row>
    <row r="37132" spans="1:4" x14ac:dyDescent="0.25">
      <c r="A37132" t="s">
        <v>53591</v>
      </c>
      <c r="B37132" t="s">
        <v>53592</v>
      </c>
      <c r="C37132">
        <v>1</v>
      </c>
      <c r="D37132">
        <v>0</v>
      </c>
    </row>
    <row r="37133" spans="1:4" x14ac:dyDescent="0.25">
      <c r="A37133" t="s">
        <v>53591</v>
      </c>
      <c r="B37133" t="s">
        <v>53593</v>
      </c>
      <c r="C37133">
        <v>0</v>
      </c>
      <c r="D37133">
        <v>0</v>
      </c>
    </row>
    <row r="37134" spans="1:4" x14ac:dyDescent="0.25">
      <c r="A37134" t="s">
        <v>53591</v>
      </c>
      <c r="B37134" t="s">
        <v>53594</v>
      </c>
      <c r="C37134">
        <v>0</v>
      </c>
      <c r="D37134">
        <v>0</v>
      </c>
    </row>
    <row r="37135" spans="1:4" x14ac:dyDescent="0.25">
      <c r="A37135" t="s">
        <v>53591</v>
      </c>
      <c r="B37135" t="s">
        <v>53595</v>
      </c>
      <c r="C37135">
        <v>1</v>
      </c>
      <c r="D37135">
        <v>0</v>
      </c>
    </row>
    <row r="37136" spans="1:4" x14ac:dyDescent="0.25">
      <c r="A37136" t="s">
        <v>53591</v>
      </c>
      <c r="B37136" t="s">
        <v>53596</v>
      </c>
      <c r="C37136">
        <v>0</v>
      </c>
      <c r="D37136">
        <v>0</v>
      </c>
    </row>
    <row r="37137" spans="1:4" x14ac:dyDescent="0.25">
      <c r="A37137" t="s">
        <v>53597</v>
      </c>
      <c r="B37137" t="s">
        <v>53598</v>
      </c>
      <c r="C37137">
        <v>0</v>
      </c>
      <c r="D37137">
        <v>0</v>
      </c>
    </row>
    <row r="37138" spans="1:4" x14ac:dyDescent="0.25">
      <c r="A37138" t="s">
        <v>53597</v>
      </c>
      <c r="B37138" t="s">
        <v>53599</v>
      </c>
      <c r="C37138">
        <v>0</v>
      </c>
      <c r="D37138">
        <v>0</v>
      </c>
    </row>
    <row r="37139" spans="1:4" x14ac:dyDescent="0.25">
      <c r="A37139" t="s">
        <v>53597</v>
      </c>
      <c r="B37139" t="s">
        <v>53600</v>
      </c>
      <c r="C37139">
        <v>1</v>
      </c>
      <c r="D37139">
        <v>0</v>
      </c>
    </row>
    <row r="37140" spans="1:4" x14ac:dyDescent="0.25">
      <c r="A37140" t="s">
        <v>53597</v>
      </c>
      <c r="B37140" t="s">
        <v>53601</v>
      </c>
      <c r="C37140">
        <v>0</v>
      </c>
      <c r="D37140">
        <v>0</v>
      </c>
    </row>
    <row r="37141" spans="1:4" x14ac:dyDescent="0.25">
      <c r="A37141" t="s">
        <v>53597</v>
      </c>
      <c r="B37141" t="s">
        <v>53602</v>
      </c>
      <c r="C37141">
        <v>1</v>
      </c>
      <c r="D37141">
        <v>0</v>
      </c>
    </row>
    <row r="37142" spans="1:4" x14ac:dyDescent="0.25">
      <c r="A37142" t="s">
        <v>53597</v>
      </c>
      <c r="B37142" t="s">
        <v>53603</v>
      </c>
      <c r="C37142">
        <v>0</v>
      </c>
      <c r="D37142">
        <v>0</v>
      </c>
    </row>
    <row r="37143" spans="1:4" x14ac:dyDescent="0.25">
      <c r="A37143" t="s">
        <v>53604</v>
      </c>
      <c r="B37143" t="s">
        <v>53605</v>
      </c>
      <c r="C37143">
        <v>2</v>
      </c>
      <c r="D37143">
        <v>0</v>
      </c>
    </row>
    <row r="37144" spans="1:4" x14ac:dyDescent="0.25">
      <c r="A37144" t="s">
        <v>53606</v>
      </c>
      <c r="B37144" t="s">
        <v>53607</v>
      </c>
      <c r="C37144">
        <v>0</v>
      </c>
      <c r="D37144">
        <v>0</v>
      </c>
    </row>
    <row r="37145" spans="1:4" x14ac:dyDescent="0.25">
      <c r="A37145" t="s">
        <v>53608</v>
      </c>
      <c r="B37145" t="s">
        <v>53609</v>
      </c>
      <c r="C37145">
        <v>0</v>
      </c>
      <c r="D37145">
        <v>0</v>
      </c>
    </row>
    <row r="37146" spans="1:4" x14ac:dyDescent="0.25">
      <c r="A37146" t="s">
        <v>53608</v>
      </c>
      <c r="B37146" t="s">
        <v>53610</v>
      </c>
      <c r="C37146">
        <v>1</v>
      </c>
      <c r="D37146">
        <v>0</v>
      </c>
    </row>
    <row r="37147" spans="1:4" x14ac:dyDescent="0.25">
      <c r="A37147" t="s">
        <v>53608</v>
      </c>
      <c r="B37147" t="s">
        <v>53611</v>
      </c>
      <c r="C37147">
        <v>0</v>
      </c>
      <c r="D37147">
        <v>0</v>
      </c>
    </row>
    <row r="37148" spans="1:4" x14ac:dyDescent="0.25">
      <c r="A37148" t="s">
        <v>53608</v>
      </c>
      <c r="B37148" t="s">
        <v>53612</v>
      </c>
      <c r="C37148">
        <v>0</v>
      </c>
      <c r="D37148">
        <v>0</v>
      </c>
    </row>
    <row r="37149" spans="1:4" x14ac:dyDescent="0.25">
      <c r="A37149" t="s">
        <v>53608</v>
      </c>
      <c r="B37149" t="s">
        <v>53613</v>
      </c>
      <c r="C37149">
        <v>1</v>
      </c>
      <c r="D37149">
        <v>0</v>
      </c>
    </row>
    <row r="37150" spans="1:4" x14ac:dyDescent="0.25">
      <c r="A37150" t="s">
        <v>53614</v>
      </c>
      <c r="B37150" t="s">
        <v>53615</v>
      </c>
      <c r="C37150">
        <v>1</v>
      </c>
      <c r="D37150">
        <v>0</v>
      </c>
    </row>
    <row r="37151" spans="1:4" x14ac:dyDescent="0.25">
      <c r="A37151" t="s">
        <v>53614</v>
      </c>
      <c r="B37151" t="s">
        <v>53616</v>
      </c>
      <c r="C37151">
        <v>2</v>
      </c>
      <c r="D37151">
        <v>0</v>
      </c>
    </row>
    <row r="37152" spans="1:4" x14ac:dyDescent="0.25">
      <c r="A37152" t="s">
        <v>53614</v>
      </c>
      <c r="B37152" t="s">
        <v>53617</v>
      </c>
      <c r="C37152">
        <v>1</v>
      </c>
      <c r="D37152">
        <v>0</v>
      </c>
    </row>
    <row r="37153" spans="1:4" x14ac:dyDescent="0.25">
      <c r="A37153" t="s">
        <v>53614</v>
      </c>
      <c r="B37153" t="s">
        <v>53618</v>
      </c>
      <c r="C37153">
        <v>2</v>
      </c>
      <c r="D37153">
        <v>0</v>
      </c>
    </row>
    <row r="37154" spans="1:4" x14ac:dyDescent="0.25">
      <c r="A37154" t="s">
        <v>53619</v>
      </c>
      <c r="B37154" t="s">
        <v>53620</v>
      </c>
      <c r="C37154">
        <v>1</v>
      </c>
      <c r="D37154">
        <v>0</v>
      </c>
    </row>
    <row r="37155" spans="1:4" x14ac:dyDescent="0.25">
      <c r="A37155" t="s">
        <v>53621</v>
      </c>
      <c r="B37155" t="s">
        <v>53622</v>
      </c>
      <c r="C37155">
        <v>1</v>
      </c>
      <c r="D37155">
        <v>0</v>
      </c>
    </row>
    <row r="37156" spans="1:4" x14ac:dyDescent="0.25">
      <c r="A37156" t="s">
        <v>53621</v>
      </c>
      <c r="B37156" t="s">
        <v>53623</v>
      </c>
      <c r="C37156">
        <v>0</v>
      </c>
      <c r="D37156">
        <v>0</v>
      </c>
    </row>
    <row r="37157" spans="1:4" x14ac:dyDescent="0.25">
      <c r="A37157" t="s">
        <v>53621</v>
      </c>
      <c r="B37157" t="s">
        <v>5713</v>
      </c>
      <c r="C37157">
        <v>1</v>
      </c>
      <c r="D37157">
        <v>0</v>
      </c>
    </row>
    <row r="37158" spans="1:4" x14ac:dyDescent="0.25">
      <c r="A37158" t="s">
        <v>53621</v>
      </c>
      <c r="B37158" t="s">
        <v>53624</v>
      </c>
      <c r="C37158">
        <v>0</v>
      </c>
      <c r="D37158">
        <v>0</v>
      </c>
    </row>
    <row r="37159" spans="1:4" x14ac:dyDescent="0.25">
      <c r="A37159" t="s">
        <v>53621</v>
      </c>
      <c r="B37159" t="s">
        <v>53625</v>
      </c>
      <c r="C37159">
        <v>0</v>
      </c>
      <c r="D37159">
        <v>0</v>
      </c>
    </row>
    <row r="37160" spans="1:4" x14ac:dyDescent="0.25">
      <c r="A37160" t="s">
        <v>53626</v>
      </c>
      <c r="B37160" t="s">
        <v>53627</v>
      </c>
      <c r="C37160">
        <v>1</v>
      </c>
      <c r="D37160">
        <v>0</v>
      </c>
    </row>
    <row r="37161" spans="1:4" x14ac:dyDescent="0.25">
      <c r="A37161" t="s">
        <v>53626</v>
      </c>
      <c r="B37161" t="s">
        <v>53628</v>
      </c>
      <c r="C37161">
        <v>1</v>
      </c>
      <c r="D37161">
        <v>0</v>
      </c>
    </row>
    <row r="37162" spans="1:4" x14ac:dyDescent="0.25">
      <c r="A37162" t="s">
        <v>53626</v>
      </c>
      <c r="B37162" t="s">
        <v>53629</v>
      </c>
      <c r="C37162">
        <v>0</v>
      </c>
      <c r="D37162">
        <v>0</v>
      </c>
    </row>
    <row r="37163" spans="1:4" x14ac:dyDescent="0.25">
      <c r="A37163" t="s">
        <v>53626</v>
      </c>
      <c r="B37163" t="s">
        <v>53630</v>
      </c>
      <c r="C37163">
        <v>1</v>
      </c>
      <c r="D37163">
        <v>0</v>
      </c>
    </row>
    <row r="37164" spans="1:4" x14ac:dyDescent="0.25">
      <c r="A37164" t="s">
        <v>53626</v>
      </c>
      <c r="B37164" t="s">
        <v>53631</v>
      </c>
      <c r="C37164">
        <v>0</v>
      </c>
      <c r="D37164">
        <v>0</v>
      </c>
    </row>
    <row r="37165" spans="1:4" x14ac:dyDescent="0.25">
      <c r="A37165" t="s">
        <v>53626</v>
      </c>
      <c r="B37165" t="s">
        <v>53632</v>
      </c>
      <c r="C37165">
        <v>0</v>
      </c>
      <c r="D37165">
        <v>0</v>
      </c>
    </row>
    <row r="37166" spans="1:4" x14ac:dyDescent="0.25">
      <c r="A37166" t="s">
        <v>53626</v>
      </c>
      <c r="B37166" t="s">
        <v>53633</v>
      </c>
      <c r="C37166">
        <v>0</v>
      </c>
      <c r="D37166">
        <v>0</v>
      </c>
    </row>
    <row r="37167" spans="1:4" x14ac:dyDescent="0.25">
      <c r="A37167" t="s">
        <v>53634</v>
      </c>
      <c r="B37167" t="s">
        <v>53635</v>
      </c>
      <c r="C37167">
        <v>0</v>
      </c>
      <c r="D37167">
        <v>0</v>
      </c>
    </row>
    <row r="37168" spans="1:4" x14ac:dyDescent="0.25">
      <c r="A37168" t="s">
        <v>53634</v>
      </c>
      <c r="B37168" t="s">
        <v>53636</v>
      </c>
      <c r="C37168">
        <v>0</v>
      </c>
      <c r="D37168">
        <v>0</v>
      </c>
    </row>
    <row r="37169" spans="1:4" x14ac:dyDescent="0.25">
      <c r="A37169" t="s">
        <v>53634</v>
      </c>
      <c r="B37169" t="s">
        <v>19309</v>
      </c>
      <c r="C37169">
        <v>0</v>
      </c>
      <c r="D37169">
        <v>0</v>
      </c>
    </row>
    <row r="37170" spans="1:4" x14ac:dyDescent="0.25">
      <c r="A37170" t="s">
        <v>53634</v>
      </c>
      <c r="B37170" t="s">
        <v>53637</v>
      </c>
      <c r="C37170">
        <v>1</v>
      </c>
      <c r="D37170">
        <v>0</v>
      </c>
    </row>
    <row r="37171" spans="1:4" x14ac:dyDescent="0.25">
      <c r="A37171" t="s">
        <v>53634</v>
      </c>
      <c r="B37171" t="s">
        <v>53638</v>
      </c>
      <c r="C37171">
        <v>1</v>
      </c>
      <c r="D37171">
        <v>0</v>
      </c>
    </row>
    <row r="37172" spans="1:4" x14ac:dyDescent="0.25">
      <c r="A37172" t="s">
        <v>53639</v>
      </c>
      <c r="B37172" t="s">
        <v>53640</v>
      </c>
      <c r="C37172">
        <v>0</v>
      </c>
      <c r="D37172">
        <v>0</v>
      </c>
    </row>
    <row r="37173" spans="1:4" x14ac:dyDescent="0.25">
      <c r="A37173" t="s">
        <v>53639</v>
      </c>
      <c r="B37173" t="s">
        <v>53641</v>
      </c>
      <c r="C37173">
        <v>0</v>
      </c>
      <c r="D37173">
        <v>0</v>
      </c>
    </row>
    <row r="37174" spans="1:4" x14ac:dyDescent="0.25">
      <c r="A37174" t="s">
        <v>53639</v>
      </c>
      <c r="B37174" t="s">
        <v>53642</v>
      </c>
      <c r="C37174">
        <v>1</v>
      </c>
      <c r="D37174">
        <v>0</v>
      </c>
    </row>
    <row r="37175" spans="1:4" x14ac:dyDescent="0.25">
      <c r="A37175" t="s">
        <v>53639</v>
      </c>
      <c r="B37175" t="s">
        <v>53643</v>
      </c>
      <c r="C37175">
        <v>2</v>
      </c>
      <c r="D37175">
        <v>0</v>
      </c>
    </row>
    <row r="37176" spans="1:4" x14ac:dyDescent="0.25">
      <c r="A37176" t="s">
        <v>53639</v>
      </c>
      <c r="B37176" t="s">
        <v>53644</v>
      </c>
      <c r="C37176">
        <v>1</v>
      </c>
      <c r="D37176">
        <v>0</v>
      </c>
    </row>
    <row r="37177" spans="1:4" x14ac:dyDescent="0.25">
      <c r="A37177" t="s">
        <v>53639</v>
      </c>
      <c r="B37177" t="s">
        <v>53645</v>
      </c>
      <c r="C37177">
        <v>0</v>
      </c>
      <c r="D37177">
        <v>0</v>
      </c>
    </row>
    <row r="37178" spans="1:4" x14ac:dyDescent="0.25">
      <c r="A37178" t="s">
        <v>53639</v>
      </c>
      <c r="B37178" t="s">
        <v>53646</v>
      </c>
      <c r="C37178">
        <v>2</v>
      </c>
      <c r="D37178">
        <v>0</v>
      </c>
    </row>
    <row r="37179" spans="1:4" x14ac:dyDescent="0.25">
      <c r="A37179" t="s">
        <v>53647</v>
      </c>
      <c r="B37179" t="s">
        <v>53648</v>
      </c>
      <c r="C37179">
        <v>1</v>
      </c>
      <c r="D37179">
        <v>0</v>
      </c>
    </row>
    <row r="37180" spans="1:4" x14ac:dyDescent="0.25">
      <c r="A37180" t="s">
        <v>53647</v>
      </c>
      <c r="B37180" t="s">
        <v>53649</v>
      </c>
      <c r="C37180">
        <v>0</v>
      </c>
      <c r="D37180">
        <v>0</v>
      </c>
    </row>
    <row r="37181" spans="1:4" x14ac:dyDescent="0.25">
      <c r="A37181" t="s">
        <v>53647</v>
      </c>
      <c r="B37181" t="s">
        <v>1101</v>
      </c>
      <c r="C37181">
        <v>1</v>
      </c>
      <c r="D37181">
        <v>0</v>
      </c>
    </row>
    <row r="37182" spans="1:4" x14ac:dyDescent="0.25">
      <c r="A37182" t="s">
        <v>53650</v>
      </c>
      <c r="B37182" t="s">
        <v>53651</v>
      </c>
      <c r="C37182">
        <v>0</v>
      </c>
      <c r="D37182">
        <v>0</v>
      </c>
    </row>
    <row r="37183" spans="1:4" x14ac:dyDescent="0.25">
      <c r="A37183" t="s">
        <v>53650</v>
      </c>
      <c r="B37183" t="s">
        <v>53652</v>
      </c>
      <c r="C37183">
        <v>0</v>
      </c>
      <c r="D37183">
        <v>0</v>
      </c>
    </row>
    <row r="37184" spans="1:4" x14ac:dyDescent="0.25">
      <c r="A37184" t="s">
        <v>53650</v>
      </c>
      <c r="B37184" t="s">
        <v>53653</v>
      </c>
      <c r="C37184">
        <v>1</v>
      </c>
      <c r="D37184">
        <v>0</v>
      </c>
    </row>
    <row r="37185" spans="1:4" x14ac:dyDescent="0.25">
      <c r="A37185" t="s">
        <v>53650</v>
      </c>
      <c r="B37185" t="s">
        <v>53654</v>
      </c>
      <c r="C37185">
        <v>0</v>
      </c>
      <c r="D37185">
        <v>0</v>
      </c>
    </row>
    <row r="37186" spans="1:4" x14ac:dyDescent="0.25">
      <c r="A37186" t="s">
        <v>53655</v>
      </c>
      <c r="B37186" t="s">
        <v>53656</v>
      </c>
      <c r="C37186">
        <v>1</v>
      </c>
      <c r="D37186">
        <v>0</v>
      </c>
    </row>
    <row r="37187" spans="1:4" x14ac:dyDescent="0.25">
      <c r="A37187" t="s">
        <v>53655</v>
      </c>
      <c r="B37187" t="s">
        <v>53657</v>
      </c>
      <c r="C37187">
        <v>2</v>
      </c>
      <c r="D37187">
        <v>0</v>
      </c>
    </row>
    <row r="37188" spans="1:4" x14ac:dyDescent="0.25">
      <c r="A37188" t="s">
        <v>53655</v>
      </c>
      <c r="B37188" t="s">
        <v>53658</v>
      </c>
      <c r="C37188">
        <v>1</v>
      </c>
      <c r="D37188">
        <v>0</v>
      </c>
    </row>
    <row r="37189" spans="1:4" x14ac:dyDescent="0.25">
      <c r="A37189" t="s">
        <v>53655</v>
      </c>
      <c r="B37189" t="s">
        <v>53659</v>
      </c>
      <c r="C37189">
        <v>2</v>
      </c>
      <c r="D37189">
        <v>0</v>
      </c>
    </row>
    <row r="37190" spans="1:4" x14ac:dyDescent="0.25">
      <c r="A37190" t="s">
        <v>53655</v>
      </c>
      <c r="B37190" t="s">
        <v>53660</v>
      </c>
      <c r="C37190">
        <v>1</v>
      </c>
      <c r="D37190">
        <v>0</v>
      </c>
    </row>
    <row r="37191" spans="1:4" x14ac:dyDescent="0.25">
      <c r="A37191" t="s">
        <v>53655</v>
      </c>
      <c r="B37191" t="s">
        <v>53661</v>
      </c>
      <c r="C37191">
        <v>1</v>
      </c>
      <c r="D37191">
        <v>0</v>
      </c>
    </row>
    <row r="37192" spans="1:4" x14ac:dyDescent="0.25">
      <c r="A37192" t="s">
        <v>53662</v>
      </c>
      <c r="B37192" t="s">
        <v>53663</v>
      </c>
      <c r="C37192">
        <v>1</v>
      </c>
      <c r="D37192">
        <v>0</v>
      </c>
    </row>
    <row r="37193" spans="1:4" x14ac:dyDescent="0.25">
      <c r="A37193" t="s">
        <v>53662</v>
      </c>
      <c r="B37193" t="s">
        <v>17479</v>
      </c>
      <c r="C37193">
        <v>2</v>
      </c>
      <c r="D37193">
        <v>0</v>
      </c>
    </row>
    <row r="37194" spans="1:4" x14ac:dyDescent="0.25">
      <c r="A37194" t="s">
        <v>53662</v>
      </c>
      <c r="B37194" t="s">
        <v>53664</v>
      </c>
      <c r="C37194">
        <v>1</v>
      </c>
      <c r="D37194">
        <v>0</v>
      </c>
    </row>
    <row r="37195" spans="1:4" x14ac:dyDescent="0.25">
      <c r="A37195" t="s">
        <v>53662</v>
      </c>
      <c r="B37195" t="s">
        <v>53665</v>
      </c>
      <c r="C37195">
        <v>1</v>
      </c>
      <c r="D37195">
        <v>0</v>
      </c>
    </row>
    <row r="37196" spans="1:4" x14ac:dyDescent="0.25">
      <c r="A37196" t="s">
        <v>53662</v>
      </c>
      <c r="B37196" t="s">
        <v>53666</v>
      </c>
      <c r="C37196">
        <v>2</v>
      </c>
      <c r="D37196">
        <v>0</v>
      </c>
    </row>
    <row r="37197" spans="1:4" x14ac:dyDescent="0.25">
      <c r="A37197" t="s">
        <v>53667</v>
      </c>
      <c r="B37197" t="s">
        <v>53668</v>
      </c>
      <c r="C37197">
        <v>2</v>
      </c>
      <c r="D37197">
        <v>0</v>
      </c>
    </row>
    <row r="37198" spans="1:4" x14ac:dyDescent="0.25">
      <c r="A37198" t="s">
        <v>53669</v>
      </c>
      <c r="B37198" t="s">
        <v>53670</v>
      </c>
      <c r="C37198">
        <v>0</v>
      </c>
      <c r="D37198">
        <v>0</v>
      </c>
    </row>
    <row r="37199" spans="1:4" x14ac:dyDescent="0.25">
      <c r="A37199" t="s">
        <v>53671</v>
      </c>
      <c r="B37199" t="s">
        <v>53672</v>
      </c>
      <c r="C37199">
        <v>1</v>
      </c>
      <c r="D37199">
        <v>0</v>
      </c>
    </row>
    <row r="37200" spans="1:4" x14ac:dyDescent="0.25">
      <c r="A37200" t="s">
        <v>53671</v>
      </c>
      <c r="B37200" t="s">
        <v>53673</v>
      </c>
      <c r="C37200">
        <v>0</v>
      </c>
      <c r="D37200">
        <v>0</v>
      </c>
    </row>
    <row r="37201" spans="1:4" x14ac:dyDescent="0.25">
      <c r="A37201" t="s">
        <v>53674</v>
      </c>
      <c r="B37201" t="s">
        <v>53675</v>
      </c>
      <c r="C37201">
        <v>1</v>
      </c>
      <c r="D37201">
        <v>0</v>
      </c>
    </row>
    <row r="37202" spans="1:4" x14ac:dyDescent="0.25">
      <c r="A37202" t="s">
        <v>53674</v>
      </c>
      <c r="B37202" t="s">
        <v>53676</v>
      </c>
      <c r="C37202">
        <v>1</v>
      </c>
      <c r="D37202">
        <v>0</v>
      </c>
    </row>
    <row r="37203" spans="1:4" x14ac:dyDescent="0.25">
      <c r="A37203" t="s">
        <v>53674</v>
      </c>
      <c r="B37203" t="s">
        <v>53677</v>
      </c>
      <c r="C37203">
        <v>0</v>
      </c>
      <c r="D37203">
        <v>0</v>
      </c>
    </row>
    <row r="37204" spans="1:4" x14ac:dyDescent="0.25">
      <c r="A37204" t="s">
        <v>53674</v>
      </c>
      <c r="B37204" t="s">
        <v>53678</v>
      </c>
      <c r="C37204">
        <v>0</v>
      </c>
      <c r="D37204">
        <v>0</v>
      </c>
    </row>
    <row r="37205" spans="1:4" x14ac:dyDescent="0.25">
      <c r="A37205" t="s">
        <v>53674</v>
      </c>
      <c r="B37205" t="s">
        <v>53679</v>
      </c>
      <c r="C37205">
        <v>1</v>
      </c>
      <c r="D37205">
        <v>0</v>
      </c>
    </row>
    <row r="37206" spans="1:4" x14ac:dyDescent="0.25">
      <c r="A37206" t="s">
        <v>53674</v>
      </c>
      <c r="B37206" t="s">
        <v>53680</v>
      </c>
      <c r="C37206">
        <v>1</v>
      </c>
      <c r="D37206">
        <v>0</v>
      </c>
    </row>
    <row r="37207" spans="1:4" x14ac:dyDescent="0.25">
      <c r="A37207" t="s">
        <v>53681</v>
      </c>
      <c r="B37207" t="s">
        <v>53682</v>
      </c>
      <c r="C37207">
        <v>1</v>
      </c>
      <c r="D37207">
        <v>0</v>
      </c>
    </row>
    <row r="37208" spans="1:4" x14ac:dyDescent="0.25">
      <c r="A37208" t="s">
        <v>53681</v>
      </c>
      <c r="B37208" t="s">
        <v>53683</v>
      </c>
      <c r="C37208">
        <v>1</v>
      </c>
      <c r="D37208">
        <v>0</v>
      </c>
    </row>
    <row r="37209" spans="1:4" x14ac:dyDescent="0.25">
      <c r="A37209" t="s">
        <v>53681</v>
      </c>
      <c r="B37209" t="s">
        <v>53684</v>
      </c>
      <c r="C37209">
        <v>1</v>
      </c>
      <c r="D37209">
        <v>0</v>
      </c>
    </row>
    <row r="37210" spans="1:4" x14ac:dyDescent="0.25">
      <c r="A37210" t="s">
        <v>53681</v>
      </c>
      <c r="B37210" t="s">
        <v>53685</v>
      </c>
      <c r="C37210">
        <v>0</v>
      </c>
      <c r="D37210">
        <v>0</v>
      </c>
    </row>
    <row r="37211" spans="1:4" x14ac:dyDescent="0.25">
      <c r="A37211" t="s">
        <v>53681</v>
      </c>
      <c r="B37211" t="s">
        <v>53686</v>
      </c>
      <c r="C37211">
        <v>2</v>
      </c>
      <c r="D37211">
        <v>0</v>
      </c>
    </row>
    <row r="37212" spans="1:4" x14ac:dyDescent="0.25">
      <c r="A37212" t="s">
        <v>53681</v>
      </c>
      <c r="B37212" t="s">
        <v>53687</v>
      </c>
      <c r="C37212">
        <v>1</v>
      </c>
      <c r="D37212">
        <v>0</v>
      </c>
    </row>
    <row r="37213" spans="1:4" x14ac:dyDescent="0.25">
      <c r="A37213" t="s">
        <v>53688</v>
      </c>
      <c r="B37213" t="s">
        <v>53689</v>
      </c>
      <c r="C37213">
        <v>2</v>
      </c>
      <c r="D37213">
        <v>0</v>
      </c>
    </row>
    <row r="37214" spans="1:4" x14ac:dyDescent="0.25">
      <c r="A37214" t="s">
        <v>53688</v>
      </c>
      <c r="B37214" t="s">
        <v>53690</v>
      </c>
      <c r="C37214">
        <v>0</v>
      </c>
      <c r="D37214">
        <v>0</v>
      </c>
    </row>
    <row r="37215" spans="1:4" x14ac:dyDescent="0.25">
      <c r="A37215" t="s">
        <v>53688</v>
      </c>
      <c r="B37215" t="s">
        <v>53691</v>
      </c>
      <c r="C37215">
        <v>0</v>
      </c>
      <c r="D37215">
        <v>0</v>
      </c>
    </row>
    <row r="37216" spans="1:4" x14ac:dyDescent="0.25">
      <c r="A37216" t="s">
        <v>53688</v>
      </c>
      <c r="B37216" t="s">
        <v>53692</v>
      </c>
      <c r="C37216">
        <v>0</v>
      </c>
      <c r="D37216">
        <v>0</v>
      </c>
    </row>
    <row r="37217" spans="1:4" x14ac:dyDescent="0.25">
      <c r="A37217" t="s">
        <v>53693</v>
      </c>
      <c r="B37217" t="s">
        <v>53694</v>
      </c>
      <c r="C37217">
        <v>1</v>
      </c>
      <c r="D37217">
        <v>0</v>
      </c>
    </row>
    <row r="37218" spans="1:4" x14ac:dyDescent="0.25">
      <c r="A37218" t="s">
        <v>53693</v>
      </c>
      <c r="B37218" t="s">
        <v>53695</v>
      </c>
      <c r="C37218">
        <v>1</v>
      </c>
      <c r="D37218">
        <v>0</v>
      </c>
    </row>
    <row r="37219" spans="1:4" x14ac:dyDescent="0.25">
      <c r="A37219" t="s">
        <v>53693</v>
      </c>
      <c r="B37219" t="s">
        <v>53696</v>
      </c>
      <c r="C37219">
        <v>2</v>
      </c>
      <c r="D37219">
        <v>0</v>
      </c>
    </row>
    <row r="37220" spans="1:4" x14ac:dyDescent="0.25">
      <c r="A37220" t="s">
        <v>53693</v>
      </c>
      <c r="B37220" t="s">
        <v>5713</v>
      </c>
      <c r="C37220">
        <v>1</v>
      </c>
      <c r="D37220">
        <v>0</v>
      </c>
    </row>
    <row r="37221" spans="1:4" x14ac:dyDescent="0.25">
      <c r="A37221" t="s">
        <v>53693</v>
      </c>
      <c r="B37221" t="s">
        <v>53697</v>
      </c>
      <c r="C37221">
        <v>1</v>
      </c>
      <c r="D37221">
        <v>0</v>
      </c>
    </row>
    <row r="37222" spans="1:4" x14ac:dyDescent="0.25">
      <c r="A37222" t="s">
        <v>53693</v>
      </c>
      <c r="B37222" t="s">
        <v>53698</v>
      </c>
      <c r="C37222">
        <v>2</v>
      </c>
      <c r="D37222">
        <v>0</v>
      </c>
    </row>
    <row r="37223" spans="1:4" x14ac:dyDescent="0.25">
      <c r="A37223" t="s">
        <v>53699</v>
      </c>
      <c r="B37223" t="s">
        <v>53700</v>
      </c>
      <c r="C37223">
        <v>1</v>
      </c>
      <c r="D37223">
        <v>0</v>
      </c>
    </row>
    <row r="37224" spans="1:4" x14ac:dyDescent="0.25">
      <c r="A37224" t="s">
        <v>53699</v>
      </c>
      <c r="B37224" t="s">
        <v>53701</v>
      </c>
      <c r="C37224">
        <v>0</v>
      </c>
      <c r="D37224">
        <v>0</v>
      </c>
    </row>
    <row r="37225" spans="1:4" x14ac:dyDescent="0.25">
      <c r="A37225" t="s">
        <v>53699</v>
      </c>
      <c r="B37225" t="s">
        <v>53702</v>
      </c>
      <c r="C37225">
        <v>0</v>
      </c>
      <c r="D37225">
        <v>0</v>
      </c>
    </row>
    <row r="37226" spans="1:4" x14ac:dyDescent="0.25">
      <c r="A37226" t="s">
        <v>53699</v>
      </c>
      <c r="B37226" t="s">
        <v>53703</v>
      </c>
      <c r="C37226">
        <v>1</v>
      </c>
      <c r="D37226">
        <v>0</v>
      </c>
    </row>
    <row r="37227" spans="1:4" x14ac:dyDescent="0.25">
      <c r="A37227" t="s">
        <v>53704</v>
      </c>
      <c r="B37227" t="s">
        <v>53705</v>
      </c>
      <c r="C37227">
        <v>2</v>
      </c>
      <c r="D37227">
        <v>0</v>
      </c>
    </row>
    <row r="37228" spans="1:4" x14ac:dyDescent="0.25">
      <c r="A37228" t="s">
        <v>53704</v>
      </c>
      <c r="B37228" t="s">
        <v>53706</v>
      </c>
      <c r="C37228">
        <v>1</v>
      </c>
      <c r="D37228">
        <v>0</v>
      </c>
    </row>
    <row r="37229" spans="1:4" x14ac:dyDescent="0.25">
      <c r="A37229" t="s">
        <v>53704</v>
      </c>
      <c r="B37229" t="s">
        <v>53707</v>
      </c>
      <c r="C37229">
        <v>1</v>
      </c>
      <c r="D37229">
        <v>0</v>
      </c>
    </row>
    <row r="37230" spans="1:4" x14ac:dyDescent="0.25">
      <c r="A37230" t="s">
        <v>53704</v>
      </c>
      <c r="B37230" t="s">
        <v>53708</v>
      </c>
      <c r="C37230">
        <v>2</v>
      </c>
      <c r="D37230">
        <v>0</v>
      </c>
    </row>
    <row r="37231" spans="1:4" x14ac:dyDescent="0.25">
      <c r="A37231" t="s">
        <v>53704</v>
      </c>
      <c r="B37231" t="s">
        <v>53709</v>
      </c>
      <c r="C37231">
        <v>1</v>
      </c>
      <c r="D37231">
        <v>0</v>
      </c>
    </row>
    <row r="37232" spans="1:4" x14ac:dyDescent="0.25">
      <c r="A37232" t="s">
        <v>53704</v>
      </c>
      <c r="B37232" t="s">
        <v>53710</v>
      </c>
      <c r="C37232">
        <v>1</v>
      </c>
      <c r="D37232">
        <v>0</v>
      </c>
    </row>
    <row r="37233" spans="1:4" x14ac:dyDescent="0.25">
      <c r="A37233" t="s">
        <v>53711</v>
      </c>
      <c r="B37233" t="s">
        <v>53712</v>
      </c>
      <c r="C37233">
        <v>0</v>
      </c>
      <c r="D37233">
        <v>0</v>
      </c>
    </row>
    <row r="37234" spans="1:4" x14ac:dyDescent="0.25">
      <c r="A37234" t="s">
        <v>53713</v>
      </c>
      <c r="B37234" t="s">
        <v>398</v>
      </c>
      <c r="C37234">
        <v>0</v>
      </c>
      <c r="D37234">
        <v>0</v>
      </c>
    </row>
    <row r="37235" spans="1:4" x14ac:dyDescent="0.25">
      <c r="A37235" t="s">
        <v>53714</v>
      </c>
      <c r="B37235" t="s">
        <v>53715</v>
      </c>
      <c r="C37235">
        <v>1</v>
      </c>
      <c r="D37235">
        <v>0</v>
      </c>
    </row>
    <row r="37236" spans="1:4" x14ac:dyDescent="0.25">
      <c r="A37236" t="s">
        <v>53714</v>
      </c>
      <c r="B37236" t="s">
        <v>53716</v>
      </c>
      <c r="C37236">
        <v>0</v>
      </c>
      <c r="D37236">
        <v>0</v>
      </c>
    </row>
    <row r="37237" spans="1:4" x14ac:dyDescent="0.25">
      <c r="A37237" t="s">
        <v>53714</v>
      </c>
      <c r="B37237" t="s">
        <v>53717</v>
      </c>
      <c r="C37237">
        <v>0</v>
      </c>
      <c r="D37237">
        <v>0</v>
      </c>
    </row>
    <row r="37238" spans="1:4" x14ac:dyDescent="0.25">
      <c r="A37238" t="s">
        <v>53714</v>
      </c>
      <c r="B37238" t="s">
        <v>53718</v>
      </c>
      <c r="C37238">
        <v>1</v>
      </c>
      <c r="D37238">
        <v>0</v>
      </c>
    </row>
    <row r="37239" spans="1:4" x14ac:dyDescent="0.25">
      <c r="A37239" t="s">
        <v>53714</v>
      </c>
      <c r="B37239" t="s">
        <v>53719</v>
      </c>
      <c r="C37239">
        <v>1</v>
      </c>
      <c r="D37239">
        <v>0</v>
      </c>
    </row>
    <row r="37240" spans="1:4" x14ac:dyDescent="0.25">
      <c r="A37240" t="s">
        <v>53720</v>
      </c>
      <c r="B37240" t="s">
        <v>53721</v>
      </c>
      <c r="C37240">
        <v>0</v>
      </c>
      <c r="D37240">
        <v>0</v>
      </c>
    </row>
    <row r="37241" spans="1:4" x14ac:dyDescent="0.25">
      <c r="A37241" t="s">
        <v>53720</v>
      </c>
      <c r="B37241" t="s">
        <v>53722</v>
      </c>
      <c r="C37241">
        <v>0</v>
      </c>
      <c r="D37241">
        <v>0</v>
      </c>
    </row>
    <row r="37242" spans="1:4" x14ac:dyDescent="0.25">
      <c r="A37242" t="s">
        <v>53720</v>
      </c>
      <c r="B37242" t="s">
        <v>53723</v>
      </c>
      <c r="C37242">
        <v>1</v>
      </c>
      <c r="D37242">
        <v>0</v>
      </c>
    </row>
    <row r="37243" spans="1:4" x14ac:dyDescent="0.25">
      <c r="A37243" t="s">
        <v>53724</v>
      </c>
      <c r="B37243" t="s">
        <v>53725</v>
      </c>
      <c r="C37243">
        <v>1</v>
      </c>
      <c r="D37243">
        <v>0</v>
      </c>
    </row>
    <row r="37244" spans="1:4" x14ac:dyDescent="0.25">
      <c r="A37244" t="s">
        <v>53724</v>
      </c>
      <c r="B37244" t="s">
        <v>53726</v>
      </c>
      <c r="C37244">
        <v>0</v>
      </c>
      <c r="D37244">
        <v>0</v>
      </c>
    </row>
    <row r="37245" spans="1:4" x14ac:dyDescent="0.25">
      <c r="A37245" t="s">
        <v>53724</v>
      </c>
      <c r="B37245" t="s">
        <v>53727</v>
      </c>
      <c r="C37245">
        <v>1</v>
      </c>
      <c r="D37245">
        <v>0</v>
      </c>
    </row>
    <row r="37246" spans="1:4" x14ac:dyDescent="0.25">
      <c r="A37246" t="s">
        <v>53724</v>
      </c>
      <c r="B37246" t="s">
        <v>53728</v>
      </c>
      <c r="C37246">
        <v>1</v>
      </c>
      <c r="D37246">
        <v>0</v>
      </c>
    </row>
    <row r="37247" spans="1:4" x14ac:dyDescent="0.25">
      <c r="A37247" t="s">
        <v>53724</v>
      </c>
      <c r="B37247" t="s">
        <v>53729</v>
      </c>
      <c r="C37247">
        <v>0</v>
      </c>
      <c r="D37247">
        <v>0</v>
      </c>
    </row>
    <row r="37248" spans="1:4" x14ac:dyDescent="0.25">
      <c r="A37248" t="s">
        <v>53724</v>
      </c>
      <c r="B37248" t="s">
        <v>53730</v>
      </c>
      <c r="C37248">
        <v>0</v>
      </c>
      <c r="D37248">
        <v>0</v>
      </c>
    </row>
    <row r="37249" spans="1:4" x14ac:dyDescent="0.25">
      <c r="A37249" t="s">
        <v>53731</v>
      </c>
      <c r="B37249" t="s">
        <v>53732</v>
      </c>
      <c r="C37249">
        <v>2</v>
      </c>
      <c r="D37249">
        <v>0</v>
      </c>
    </row>
    <row r="37250" spans="1:4" x14ac:dyDescent="0.25">
      <c r="A37250" t="s">
        <v>53733</v>
      </c>
      <c r="B37250" t="s">
        <v>53734</v>
      </c>
      <c r="C37250">
        <v>1</v>
      </c>
      <c r="D37250">
        <v>0</v>
      </c>
    </row>
    <row r="37251" spans="1:4" x14ac:dyDescent="0.25">
      <c r="A37251" t="s">
        <v>53733</v>
      </c>
      <c r="B37251" t="s">
        <v>53735</v>
      </c>
      <c r="C37251">
        <v>1</v>
      </c>
      <c r="D37251">
        <v>0</v>
      </c>
    </row>
    <row r="37252" spans="1:4" x14ac:dyDescent="0.25">
      <c r="A37252" t="s">
        <v>53733</v>
      </c>
      <c r="B37252" t="s">
        <v>11506</v>
      </c>
      <c r="C37252">
        <v>1</v>
      </c>
      <c r="D37252">
        <v>0</v>
      </c>
    </row>
    <row r="37253" spans="1:4" x14ac:dyDescent="0.25">
      <c r="A37253" t="s">
        <v>53733</v>
      </c>
      <c r="B37253" t="s">
        <v>11506</v>
      </c>
      <c r="C37253">
        <v>1</v>
      </c>
      <c r="D37253">
        <v>0</v>
      </c>
    </row>
    <row r="37254" spans="1:4" x14ac:dyDescent="0.25">
      <c r="A37254" t="s">
        <v>53733</v>
      </c>
      <c r="B37254" t="s">
        <v>53736</v>
      </c>
      <c r="C37254">
        <v>1</v>
      </c>
      <c r="D37254">
        <v>0</v>
      </c>
    </row>
    <row r="37255" spans="1:4" x14ac:dyDescent="0.25">
      <c r="A37255" t="s">
        <v>53737</v>
      </c>
      <c r="B37255" t="s">
        <v>53738</v>
      </c>
      <c r="C37255">
        <v>1</v>
      </c>
      <c r="D37255">
        <v>0</v>
      </c>
    </row>
    <row r="37256" spans="1:4" x14ac:dyDescent="0.25">
      <c r="A37256" t="s">
        <v>53737</v>
      </c>
      <c r="B37256" t="s">
        <v>53739</v>
      </c>
      <c r="C37256">
        <v>2</v>
      </c>
      <c r="D37256">
        <v>0</v>
      </c>
    </row>
    <row r="37257" spans="1:4" x14ac:dyDescent="0.25">
      <c r="A37257" t="s">
        <v>53737</v>
      </c>
      <c r="B37257" t="s">
        <v>53740</v>
      </c>
      <c r="C37257">
        <v>1</v>
      </c>
      <c r="D37257">
        <v>0</v>
      </c>
    </row>
    <row r="37258" spans="1:4" x14ac:dyDescent="0.25">
      <c r="A37258" t="s">
        <v>53737</v>
      </c>
      <c r="B37258" t="s">
        <v>53741</v>
      </c>
      <c r="C37258">
        <v>0</v>
      </c>
      <c r="D37258">
        <v>0</v>
      </c>
    </row>
    <row r="37259" spans="1:4" x14ac:dyDescent="0.25">
      <c r="A37259" t="s">
        <v>53737</v>
      </c>
      <c r="B37259" t="s">
        <v>53742</v>
      </c>
      <c r="C37259">
        <v>1</v>
      </c>
      <c r="D37259">
        <v>0</v>
      </c>
    </row>
    <row r="37260" spans="1:4" x14ac:dyDescent="0.25">
      <c r="A37260" t="s">
        <v>53743</v>
      </c>
      <c r="B37260" t="s">
        <v>53744</v>
      </c>
      <c r="C37260">
        <v>1</v>
      </c>
      <c r="D37260">
        <v>0</v>
      </c>
    </row>
    <row r="37261" spans="1:4" x14ac:dyDescent="0.25">
      <c r="A37261" t="s">
        <v>53743</v>
      </c>
      <c r="B37261" t="s">
        <v>23996</v>
      </c>
      <c r="C37261">
        <v>1</v>
      </c>
      <c r="D37261">
        <v>0</v>
      </c>
    </row>
    <row r="37262" spans="1:4" x14ac:dyDescent="0.25">
      <c r="A37262" t="s">
        <v>53745</v>
      </c>
      <c r="B37262" t="s">
        <v>53746</v>
      </c>
      <c r="C37262">
        <v>1</v>
      </c>
      <c r="D37262">
        <v>0</v>
      </c>
    </row>
    <row r="37263" spans="1:4" x14ac:dyDescent="0.25">
      <c r="A37263" t="s">
        <v>53745</v>
      </c>
      <c r="B37263" t="s">
        <v>53747</v>
      </c>
      <c r="C37263">
        <v>0</v>
      </c>
      <c r="D37263">
        <v>0</v>
      </c>
    </row>
    <row r="37264" spans="1:4" x14ac:dyDescent="0.25">
      <c r="A37264" t="s">
        <v>53745</v>
      </c>
      <c r="B37264" t="s">
        <v>53748</v>
      </c>
      <c r="C37264">
        <v>1</v>
      </c>
      <c r="D37264">
        <v>0</v>
      </c>
    </row>
    <row r="37265" spans="1:4" x14ac:dyDescent="0.25">
      <c r="A37265" t="s">
        <v>53749</v>
      </c>
      <c r="B37265" t="s">
        <v>53750</v>
      </c>
      <c r="C37265">
        <v>1</v>
      </c>
      <c r="D37265">
        <v>0</v>
      </c>
    </row>
    <row r="37266" spans="1:4" x14ac:dyDescent="0.25">
      <c r="A37266" t="s">
        <v>53749</v>
      </c>
      <c r="B37266" t="s">
        <v>53751</v>
      </c>
      <c r="C37266">
        <v>2</v>
      </c>
      <c r="D37266">
        <v>0</v>
      </c>
    </row>
    <row r="37267" spans="1:4" x14ac:dyDescent="0.25">
      <c r="A37267" t="s">
        <v>53749</v>
      </c>
      <c r="B37267" t="s">
        <v>53752</v>
      </c>
      <c r="C37267">
        <v>2</v>
      </c>
      <c r="D37267">
        <v>0</v>
      </c>
    </row>
    <row r="37268" spans="1:4" x14ac:dyDescent="0.25">
      <c r="A37268" t="s">
        <v>53749</v>
      </c>
      <c r="B37268" t="s">
        <v>53753</v>
      </c>
      <c r="C37268">
        <v>1</v>
      </c>
      <c r="D37268">
        <v>0</v>
      </c>
    </row>
    <row r="37269" spans="1:4" x14ac:dyDescent="0.25">
      <c r="A37269" t="s">
        <v>53754</v>
      </c>
      <c r="B37269" t="s">
        <v>53755</v>
      </c>
      <c r="C37269">
        <v>2</v>
      </c>
      <c r="D37269">
        <v>0</v>
      </c>
    </row>
    <row r="37270" spans="1:4" x14ac:dyDescent="0.25">
      <c r="A37270" t="s">
        <v>53754</v>
      </c>
      <c r="B37270" t="s">
        <v>53756</v>
      </c>
      <c r="C37270">
        <v>0</v>
      </c>
      <c r="D37270">
        <v>0</v>
      </c>
    </row>
    <row r="37271" spans="1:4" x14ac:dyDescent="0.25">
      <c r="A37271" t="s">
        <v>53754</v>
      </c>
      <c r="B37271" t="s">
        <v>53757</v>
      </c>
      <c r="C37271">
        <v>1</v>
      </c>
      <c r="D37271">
        <v>0</v>
      </c>
    </row>
    <row r="37272" spans="1:4" x14ac:dyDescent="0.25">
      <c r="A37272" t="s">
        <v>53754</v>
      </c>
      <c r="B37272" t="s">
        <v>53758</v>
      </c>
      <c r="C37272">
        <v>1</v>
      </c>
      <c r="D37272">
        <v>0</v>
      </c>
    </row>
    <row r="37273" spans="1:4" x14ac:dyDescent="0.25">
      <c r="A37273" t="s">
        <v>53754</v>
      </c>
      <c r="B37273" t="s">
        <v>53759</v>
      </c>
      <c r="C37273">
        <v>0</v>
      </c>
      <c r="D37273">
        <v>0</v>
      </c>
    </row>
    <row r="37274" spans="1:4" x14ac:dyDescent="0.25">
      <c r="A37274" t="s">
        <v>53760</v>
      </c>
      <c r="B37274" t="s">
        <v>53761</v>
      </c>
      <c r="C37274">
        <v>1</v>
      </c>
      <c r="D37274">
        <v>0</v>
      </c>
    </row>
    <row r="37275" spans="1:4" x14ac:dyDescent="0.25">
      <c r="A37275" t="s">
        <v>53760</v>
      </c>
      <c r="B37275" t="s">
        <v>53762</v>
      </c>
      <c r="C37275">
        <v>1</v>
      </c>
      <c r="D37275">
        <v>0</v>
      </c>
    </row>
    <row r="37276" spans="1:4" x14ac:dyDescent="0.25">
      <c r="A37276" t="s">
        <v>53763</v>
      </c>
      <c r="B37276" t="s">
        <v>53764</v>
      </c>
      <c r="C37276">
        <v>1</v>
      </c>
      <c r="D37276">
        <v>0</v>
      </c>
    </row>
    <row r="37277" spans="1:4" x14ac:dyDescent="0.25">
      <c r="A37277" t="s">
        <v>53763</v>
      </c>
      <c r="B37277" t="s">
        <v>53765</v>
      </c>
      <c r="C37277">
        <v>1</v>
      </c>
      <c r="D37277">
        <v>0</v>
      </c>
    </row>
    <row r="37278" spans="1:4" x14ac:dyDescent="0.25">
      <c r="A37278" t="s">
        <v>53763</v>
      </c>
      <c r="B37278" t="s">
        <v>53766</v>
      </c>
      <c r="C37278">
        <v>2</v>
      </c>
      <c r="D37278">
        <v>0</v>
      </c>
    </row>
    <row r="37279" spans="1:4" x14ac:dyDescent="0.25">
      <c r="A37279" t="s">
        <v>53767</v>
      </c>
      <c r="B37279" t="s">
        <v>53768</v>
      </c>
      <c r="C37279">
        <v>1</v>
      </c>
      <c r="D37279">
        <v>0</v>
      </c>
    </row>
    <row r="37280" spans="1:4" x14ac:dyDescent="0.25">
      <c r="A37280" t="s">
        <v>53767</v>
      </c>
      <c r="B37280" t="s">
        <v>53769</v>
      </c>
      <c r="C37280">
        <v>0</v>
      </c>
      <c r="D37280">
        <v>0</v>
      </c>
    </row>
    <row r="37281" spans="1:4" x14ac:dyDescent="0.25">
      <c r="A37281" t="s">
        <v>53767</v>
      </c>
      <c r="B37281" t="s">
        <v>53770</v>
      </c>
      <c r="C37281">
        <v>1</v>
      </c>
      <c r="D37281">
        <v>0</v>
      </c>
    </row>
    <row r="37282" spans="1:4" x14ac:dyDescent="0.25">
      <c r="A37282" t="s">
        <v>53771</v>
      </c>
      <c r="B37282" t="s">
        <v>53772</v>
      </c>
      <c r="C37282">
        <v>1</v>
      </c>
      <c r="D37282">
        <v>0</v>
      </c>
    </row>
    <row r="37283" spans="1:4" x14ac:dyDescent="0.25">
      <c r="A37283" t="s">
        <v>53771</v>
      </c>
      <c r="B37283" t="s">
        <v>53773</v>
      </c>
      <c r="C37283">
        <v>2</v>
      </c>
      <c r="D37283">
        <v>0</v>
      </c>
    </row>
    <row r="37284" spans="1:4" x14ac:dyDescent="0.25">
      <c r="A37284" t="s">
        <v>53771</v>
      </c>
      <c r="B37284" t="s">
        <v>53774</v>
      </c>
      <c r="C37284">
        <v>2</v>
      </c>
      <c r="D37284">
        <v>0</v>
      </c>
    </row>
    <row r="37285" spans="1:4" x14ac:dyDescent="0.25">
      <c r="A37285" t="s">
        <v>53771</v>
      </c>
      <c r="B37285" t="s">
        <v>53775</v>
      </c>
      <c r="C37285">
        <v>1</v>
      </c>
      <c r="D37285">
        <v>0</v>
      </c>
    </row>
    <row r="37286" spans="1:4" x14ac:dyDescent="0.25">
      <c r="A37286" t="s">
        <v>53771</v>
      </c>
      <c r="B37286" t="s">
        <v>53776</v>
      </c>
      <c r="C37286">
        <v>1</v>
      </c>
      <c r="D37286">
        <v>0</v>
      </c>
    </row>
    <row r="37287" spans="1:4" x14ac:dyDescent="0.25">
      <c r="A37287" t="s">
        <v>53777</v>
      </c>
      <c r="B37287" t="s">
        <v>53778</v>
      </c>
      <c r="C37287">
        <v>1</v>
      </c>
      <c r="D37287">
        <v>0</v>
      </c>
    </row>
    <row r="37288" spans="1:4" x14ac:dyDescent="0.25">
      <c r="A37288" t="s">
        <v>53777</v>
      </c>
      <c r="B37288" t="s">
        <v>53779</v>
      </c>
      <c r="C37288">
        <v>2</v>
      </c>
      <c r="D37288">
        <v>0</v>
      </c>
    </row>
    <row r="37289" spans="1:4" x14ac:dyDescent="0.25">
      <c r="A37289" t="s">
        <v>53777</v>
      </c>
      <c r="B37289" t="s">
        <v>53780</v>
      </c>
      <c r="C37289">
        <v>1</v>
      </c>
      <c r="D37289">
        <v>0</v>
      </c>
    </row>
    <row r="37290" spans="1:4" x14ac:dyDescent="0.25">
      <c r="A37290" t="s">
        <v>53777</v>
      </c>
      <c r="B37290" t="s">
        <v>53781</v>
      </c>
      <c r="C37290">
        <v>1</v>
      </c>
      <c r="D37290">
        <v>0</v>
      </c>
    </row>
    <row r="37291" spans="1:4" x14ac:dyDescent="0.25">
      <c r="A37291" t="s">
        <v>53777</v>
      </c>
      <c r="B37291" t="s">
        <v>53782</v>
      </c>
      <c r="C37291">
        <v>1</v>
      </c>
      <c r="D37291">
        <v>0</v>
      </c>
    </row>
    <row r="37292" spans="1:4" x14ac:dyDescent="0.25">
      <c r="A37292" t="s">
        <v>53777</v>
      </c>
      <c r="B37292" t="s">
        <v>53783</v>
      </c>
      <c r="C37292">
        <v>0</v>
      </c>
      <c r="D37292">
        <v>0</v>
      </c>
    </row>
    <row r="37293" spans="1:4" x14ac:dyDescent="0.25">
      <c r="A37293" t="s">
        <v>53784</v>
      </c>
      <c r="B37293" t="s">
        <v>53785</v>
      </c>
      <c r="C37293">
        <v>1</v>
      </c>
      <c r="D37293">
        <v>0</v>
      </c>
    </row>
    <row r="37294" spans="1:4" x14ac:dyDescent="0.25">
      <c r="A37294" t="s">
        <v>53784</v>
      </c>
      <c r="B37294" t="s">
        <v>53786</v>
      </c>
      <c r="C37294">
        <v>0</v>
      </c>
      <c r="D37294">
        <v>0</v>
      </c>
    </row>
    <row r="37295" spans="1:4" x14ac:dyDescent="0.25">
      <c r="A37295" t="s">
        <v>53784</v>
      </c>
      <c r="B37295" t="s">
        <v>53787</v>
      </c>
      <c r="C37295">
        <v>0</v>
      </c>
      <c r="D37295">
        <v>0</v>
      </c>
    </row>
    <row r="37296" spans="1:4" x14ac:dyDescent="0.25">
      <c r="A37296" t="s">
        <v>53788</v>
      </c>
      <c r="B37296" t="s">
        <v>53789</v>
      </c>
      <c r="C37296">
        <v>0</v>
      </c>
      <c r="D37296">
        <v>0</v>
      </c>
    </row>
    <row r="37297" spans="1:4" x14ac:dyDescent="0.25">
      <c r="A37297" t="s">
        <v>53788</v>
      </c>
      <c r="B37297" t="s">
        <v>53790</v>
      </c>
      <c r="C37297">
        <v>1</v>
      </c>
      <c r="D37297">
        <v>0</v>
      </c>
    </row>
    <row r="37298" spans="1:4" x14ac:dyDescent="0.25">
      <c r="A37298" t="s">
        <v>53788</v>
      </c>
      <c r="B37298" t="s">
        <v>53791</v>
      </c>
      <c r="C37298">
        <v>1</v>
      </c>
      <c r="D37298">
        <v>0</v>
      </c>
    </row>
    <row r="37299" spans="1:4" x14ac:dyDescent="0.25">
      <c r="A37299" t="s">
        <v>53792</v>
      </c>
      <c r="B37299" t="s">
        <v>53793</v>
      </c>
      <c r="C37299">
        <v>1</v>
      </c>
      <c r="D37299">
        <v>0</v>
      </c>
    </row>
    <row r="37300" spans="1:4" x14ac:dyDescent="0.25">
      <c r="A37300" t="s">
        <v>53792</v>
      </c>
      <c r="B37300" t="s">
        <v>53794</v>
      </c>
      <c r="C37300">
        <v>1</v>
      </c>
      <c r="D37300">
        <v>0</v>
      </c>
    </row>
    <row r="37301" spans="1:4" x14ac:dyDescent="0.25">
      <c r="A37301" t="s">
        <v>53792</v>
      </c>
      <c r="B37301" t="s">
        <v>53795</v>
      </c>
      <c r="C37301">
        <v>1</v>
      </c>
      <c r="D37301">
        <v>0</v>
      </c>
    </row>
    <row r="37302" spans="1:4" x14ac:dyDescent="0.25">
      <c r="A37302" t="s">
        <v>53792</v>
      </c>
      <c r="B37302" t="s">
        <v>53796</v>
      </c>
      <c r="C37302">
        <v>0</v>
      </c>
      <c r="D37302">
        <v>0</v>
      </c>
    </row>
    <row r="37303" spans="1:4" x14ac:dyDescent="0.25">
      <c r="A37303" t="s">
        <v>53797</v>
      </c>
      <c r="B37303" t="s">
        <v>53798</v>
      </c>
      <c r="C37303">
        <v>1</v>
      </c>
      <c r="D37303">
        <v>0</v>
      </c>
    </row>
    <row r="37304" spans="1:4" x14ac:dyDescent="0.25">
      <c r="A37304" t="s">
        <v>53797</v>
      </c>
      <c r="B37304" t="s">
        <v>53799</v>
      </c>
      <c r="C37304">
        <v>1</v>
      </c>
      <c r="D37304">
        <v>0</v>
      </c>
    </row>
    <row r="37305" spans="1:4" x14ac:dyDescent="0.25">
      <c r="A37305" t="s">
        <v>53797</v>
      </c>
      <c r="B37305" t="s">
        <v>53800</v>
      </c>
      <c r="C37305">
        <v>1</v>
      </c>
      <c r="D37305">
        <v>0</v>
      </c>
    </row>
    <row r="37306" spans="1:4" x14ac:dyDescent="0.25">
      <c r="A37306" t="s">
        <v>53797</v>
      </c>
      <c r="B37306" t="s">
        <v>53801</v>
      </c>
      <c r="C37306">
        <v>1</v>
      </c>
      <c r="D37306">
        <v>0</v>
      </c>
    </row>
    <row r="37307" spans="1:4" x14ac:dyDescent="0.25">
      <c r="A37307" t="s">
        <v>53797</v>
      </c>
      <c r="B37307" t="s">
        <v>53802</v>
      </c>
      <c r="C37307">
        <v>1</v>
      </c>
      <c r="D37307">
        <v>0</v>
      </c>
    </row>
    <row r="37308" spans="1:4" x14ac:dyDescent="0.25">
      <c r="A37308" t="s">
        <v>53803</v>
      </c>
      <c r="B37308" t="s">
        <v>6837</v>
      </c>
      <c r="C37308">
        <v>1</v>
      </c>
      <c r="D37308">
        <v>0</v>
      </c>
    </row>
    <row r="37309" spans="1:4" x14ac:dyDescent="0.25">
      <c r="A37309" t="s">
        <v>53803</v>
      </c>
      <c r="B37309" t="s">
        <v>51442</v>
      </c>
      <c r="C37309">
        <v>1</v>
      </c>
      <c r="D37309">
        <v>0</v>
      </c>
    </row>
    <row r="37310" spans="1:4" x14ac:dyDescent="0.25">
      <c r="A37310" t="s">
        <v>53803</v>
      </c>
      <c r="B37310" t="s">
        <v>12472</v>
      </c>
      <c r="C37310">
        <v>1</v>
      </c>
      <c r="D37310">
        <v>0</v>
      </c>
    </row>
    <row r="37311" spans="1:4" x14ac:dyDescent="0.25">
      <c r="A37311" t="s">
        <v>53804</v>
      </c>
      <c r="B37311" t="s">
        <v>53805</v>
      </c>
      <c r="C37311">
        <v>1</v>
      </c>
      <c r="D37311">
        <v>0</v>
      </c>
    </row>
    <row r="37312" spans="1:4" x14ac:dyDescent="0.25">
      <c r="A37312" t="s">
        <v>53804</v>
      </c>
      <c r="B37312" t="s">
        <v>53806</v>
      </c>
      <c r="C37312">
        <v>1</v>
      </c>
      <c r="D37312">
        <v>0</v>
      </c>
    </row>
    <row r="37313" spans="1:4" x14ac:dyDescent="0.25">
      <c r="A37313" t="s">
        <v>53804</v>
      </c>
      <c r="B37313" t="s">
        <v>53807</v>
      </c>
      <c r="C37313">
        <v>2</v>
      </c>
      <c r="D37313">
        <v>0</v>
      </c>
    </row>
    <row r="37314" spans="1:4" x14ac:dyDescent="0.25">
      <c r="A37314" t="s">
        <v>53804</v>
      </c>
      <c r="B37314" t="s">
        <v>53808</v>
      </c>
      <c r="C37314">
        <v>1</v>
      </c>
      <c r="D37314">
        <v>0</v>
      </c>
    </row>
    <row r="37315" spans="1:4" x14ac:dyDescent="0.25">
      <c r="A37315" t="s">
        <v>53804</v>
      </c>
      <c r="B37315" t="s">
        <v>53809</v>
      </c>
      <c r="C37315">
        <v>2</v>
      </c>
      <c r="D37315">
        <v>0</v>
      </c>
    </row>
    <row r="37316" spans="1:4" x14ac:dyDescent="0.25">
      <c r="A37316" t="s">
        <v>53810</v>
      </c>
      <c r="B37316" t="s">
        <v>53811</v>
      </c>
      <c r="C37316">
        <v>1</v>
      </c>
      <c r="D37316">
        <v>0</v>
      </c>
    </row>
    <row r="37317" spans="1:4" x14ac:dyDescent="0.25">
      <c r="A37317" t="s">
        <v>53810</v>
      </c>
      <c r="B37317" t="s">
        <v>53812</v>
      </c>
      <c r="C37317">
        <v>2</v>
      </c>
      <c r="D37317">
        <v>0</v>
      </c>
    </row>
    <row r="37318" spans="1:4" x14ac:dyDescent="0.25">
      <c r="A37318" t="s">
        <v>53813</v>
      </c>
      <c r="B37318" t="s">
        <v>53814</v>
      </c>
      <c r="C37318">
        <v>2</v>
      </c>
      <c r="D37318">
        <v>0</v>
      </c>
    </row>
    <row r="37319" spans="1:4" x14ac:dyDescent="0.25">
      <c r="A37319" t="s">
        <v>53813</v>
      </c>
      <c r="B37319" t="s">
        <v>53815</v>
      </c>
      <c r="C37319">
        <v>0</v>
      </c>
      <c r="D37319">
        <v>0</v>
      </c>
    </row>
    <row r="37320" spans="1:4" x14ac:dyDescent="0.25">
      <c r="A37320" t="s">
        <v>53813</v>
      </c>
      <c r="B37320" t="s">
        <v>53816</v>
      </c>
      <c r="C37320">
        <v>0</v>
      </c>
      <c r="D37320">
        <v>0</v>
      </c>
    </row>
    <row r="37321" spans="1:4" x14ac:dyDescent="0.25">
      <c r="A37321" t="s">
        <v>53817</v>
      </c>
      <c r="B37321" t="s">
        <v>53818</v>
      </c>
      <c r="C37321">
        <v>1</v>
      </c>
      <c r="D37321">
        <v>0</v>
      </c>
    </row>
    <row r="37322" spans="1:4" x14ac:dyDescent="0.25">
      <c r="A37322" t="s">
        <v>53817</v>
      </c>
      <c r="B37322" t="s">
        <v>24605</v>
      </c>
      <c r="C37322">
        <v>1</v>
      </c>
      <c r="D37322">
        <v>0</v>
      </c>
    </row>
    <row r="37323" spans="1:4" x14ac:dyDescent="0.25">
      <c r="A37323" t="s">
        <v>53817</v>
      </c>
      <c r="B37323" t="s">
        <v>53819</v>
      </c>
      <c r="C37323">
        <v>1</v>
      </c>
      <c r="D37323">
        <v>0</v>
      </c>
    </row>
    <row r="37324" spans="1:4" x14ac:dyDescent="0.25">
      <c r="A37324" t="s">
        <v>53817</v>
      </c>
      <c r="B37324" t="s">
        <v>53820</v>
      </c>
      <c r="C37324">
        <v>1</v>
      </c>
      <c r="D37324">
        <v>0</v>
      </c>
    </row>
    <row r="37325" spans="1:4" x14ac:dyDescent="0.25">
      <c r="A37325" t="s">
        <v>53817</v>
      </c>
      <c r="B37325" t="s">
        <v>53821</v>
      </c>
      <c r="C37325">
        <v>0</v>
      </c>
      <c r="D37325">
        <v>0</v>
      </c>
    </row>
    <row r="37326" spans="1:4" x14ac:dyDescent="0.25">
      <c r="A37326" t="s">
        <v>53822</v>
      </c>
      <c r="B37326" t="s">
        <v>53823</v>
      </c>
      <c r="C37326">
        <v>2</v>
      </c>
      <c r="D37326">
        <v>0</v>
      </c>
    </row>
    <row r="37327" spans="1:4" x14ac:dyDescent="0.25">
      <c r="A37327" t="s">
        <v>53824</v>
      </c>
      <c r="B37327" t="s">
        <v>53825</v>
      </c>
      <c r="C37327">
        <v>2</v>
      </c>
      <c r="D37327">
        <v>0</v>
      </c>
    </row>
    <row r="37328" spans="1:4" x14ac:dyDescent="0.25">
      <c r="A37328" t="s">
        <v>53824</v>
      </c>
      <c r="B37328" t="s">
        <v>53826</v>
      </c>
      <c r="C37328">
        <v>2</v>
      </c>
      <c r="D37328">
        <v>0</v>
      </c>
    </row>
    <row r="37329" spans="1:4" x14ac:dyDescent="0.25">
      <c r="A37329" t="s">
        <v>53824</v>
      </c>
      <c r="B37329" t="s">
        <v>53827</v>
      </c>
      <c r="C37329">
        <v>2</v>
      </c>
      <c r="D37329">
        <v>0</v>
      </c>
    </row>
    <row r="37330" spans="1:4" x14ac:dyDescent="0.25">
      <c r="A37330" t="s">
        <v>53828</v>
      </c>
      <c r="B37330" t="s">
        <v>53829</v>
      </c>
      <c r="C37330">
        <v>1</v>
      </c>
      <c r="D37330">
        <v>0</v>
      </c>
    </row>
    <row r="37331" spans="1:4" x14ac:dyDescent="0.25">
      <c r="A37331" t="s">
        <v>53828</v>
      </c>
      <c r="B37331" t="s">
        <v>53830</v>
      </c>
      <c r="C37331">
        <v>2</v>
      </c>
      <c r="D37331">
        <v>0</v>
      </c>
    </row>
    <row r="37332" spans="1:4" x14ac:dyDescent="0.25">
      <c r="A37332" t="s">
        <v>53828</v>
      </c>
      <c r="B37332" t="s">
        <v>53831</v>
      </c>
      <c r="C37332">
        <v>2</v>
      </c>
      <c r="D37332">
        <v>0</v>
      </c>
    </row>
    <row r="37333" spans="1:4" x14ac:dyDescent="0.25">
      <c r="A37333" t="s">
        <v>53828</v>
      </c>
      <c r="B37333" t="s">
        <v>53832</v>
      </c>
      <c r="C37333">
        <v>2</v>
      </c>
      <c r="D37333">
        <v>0</v>
      </c>
    </row>
    <row r="37334" spans="1:4" x14ac:dyDescent="0.25">
      <c r="A37334" t="s">
        <v>53828</v>
      </c>
      <c r="B37334" t="s">
        <v>53833</v>
      </c>
      <c r="C37334">
        <v>1</v>
      </c>
      <c r="D37334">
        <v>0</v>
      </c>
    </row>
    <row r="37335" spans="1:4" x14ac:dyDescent="0.25">
      <c r="A37335" t="s">
        <v>53828</v>
      </c>
      <c r="B37335" t="s">
        <v>53834</v>
      </c>
      <c r="C37335">
        <v>2</v>
      </c>
      <c r="D37335">
        <v>0</v>
      </c>
    </row>
    <row r="37336" spans="1:4" x14ac:dyDescent="0.25">
      <c r="A37336" t="s">
        <v>53828</v>
      </c>
      <c r="B37336" t="s">
        <v>53835</v>
      </c>
      <c r="C37336">
        <v>2</v>
      </c>
      <c r="D37336">
        <v>0</v>
      </c>
    </row>
    <row r="37337" spans="1:4" x14ac:dyDescent="0.25">
      <c r="A37337" t="s">
        <v>53828</v>
      </c>
      <c r="B37337" t="s">
        <v>53836</v>
      </c>
      <c r="C37337">
        <v>2</v>
      </c>
      <c r="D37337">
        <v>0</v>
      </c>
    </row>
    <row r="37338" spans="1:4" x14ac:dyDescent="0.25">
      <c r="A37338" t="s">
        <v>53837</v>
      </c>
      <c r="B37338" t="s">
        <v>53838</v>
      </c>
      <c r="C37338">
        <v>1</v>
      </c>
      <c r="D37338">
        <v>0</v>
      </c>
    </row>
    <row r="37339" spans="1:4" x14ac:dyDescent="0.25">
      <c r="A37339" t="s">
        <v>53837</v>
      </c>
      <c r="B37339" t="s">
        <v>53839</v>
      </c>
      <c r="C37339">
        <v>1</v>
      </c>
      <c r="D37339">
        <v>0</v>
      </c>
    </row>
    <row r="37340" spans="1:4" x14ac:dyDescent="0.25">
      <c r="A37340" t="s">
        <v>53837</v>
      </c>
      <c r="B37340" t="s">
        <v>53840</v>
      </c>
      <c r="C37340">
        <v>1</v>
      </c>
      <c r="D37340">
        <v>0</v>
      </c>
    </row>
    <row r="37341" spans="1:4" x14ac:dyDescent="0.25">
      <c r="A37341" t="s">
        <v>53837</v>
      </c>
      <c r="B37341" t="s">
        <v>53841</v>
      </c>
      <c r="C37341">
        <v>2</v>
      </c>
      <c r="D37341">
        <v>0</v>
      </c>
    </row>
    <row r="37342" spans="1:4" x14ac:dyDescent="0.25">
      <c r="A37342" t="s">
        <v>53837</v>
      </c>
      <c r="B37342" t="s">
        <v>53842</v>
      </c>
      <c r="C37342">
        <v>2</v>
      </c>
      <c r="D37342">
        <v>0</v>
      </c>
    </row>
    <row r="37343" spans="1:4" x14ac:dyDescent="0.25">
      <c r="A37343" t="s">
        <v>53843</v>
      </c>
      <c r="B37343" t="s">
        <v>53844</v>
      </c>
      <c r="C37343">
        <v>2</v>
      </c>
      <c r="D37343">
        <v>0</v>
      </c>
    </row>
    <row r="37344" spans="1:4" x14ac:dyDescent="0.25">
      <c r="A37344" t="s">
        <v>53845</v>
      </c>
      <c r="B37344" t="s">
        <v>53846</v>
      </c>
      <c r="C37344">
        <v>1</v>
      </c>
      <c r="D37344">
        <v>0</v>
      </c>
    </row>
    <row r="37345" spans="1:4" x14ac:dyDescent="0.25">
      <c r="A37345" t="s">
        <v>53845</v>
      </c>
      <c r="B37345" t="s">
        <v>53847</v>
      </c>
      <c r="C37345">
        <v>0</v>
      </c>
      <c r="D37345">
        <v>0</v>
      </c>
    </row>
    <row r="37346" spans="1:4" x14ac:dyDescent="0.25">
      <c r="A37346" t="s">
        <v>53845</v>
      </c>
      <c r="B37346" t="s">
        <v>53848</v>
      </c>
      <c r="C37346">
        <v>1</v>
      </c>
      <c r="D37346">
        <v>0</v>
      </c>
    </row>
    <row r="37347" spans="1:4" x14ac:dyDescent="0.25">
      <c r="A37347" t="s">
        <v>53845</v>
      </c>
      <c r="B37347" t="s">
        <v>53849</v>
      </c>
      <c r="C37347">
        <v>1</v>
      </c>
      <c r="D37347">
        <v>0</v>
      </c>
    </row>
    <row r="37348" spans="1:4" x14ac:dyDescent="0.25">
      <c r="A37348" t="s">
        <v>53845</v>
      </c>
      <c r="B37348" t="s">
        <v>53850</v>
      </c>
      <c r="C37348">
        <v>1</v>
      </c>
      <c r="D37348">
        <v>0</v>
      </c>
    </row>
    <row r="37349" spans="1:4" x14ac:dyDescent="0.25">
      <c r="A37349" t="s">
        <v>53851</v>
      </c>
      <c r="B37349" t="s">
        <v>53852</v>
      </c>
      <c r="C37349">
        <v>0</v>
      </c>
      <c r="D37349">
        <v>0</v>
      </c>
    </row>
    <row r="37350" spans="1:4" x14ac:dyDescent="0.25">
      <c r="A37350" t="s">
        <v>53851</v>
      </c>
      <c r="B37350" t="s">
        <v>53853</v>
      </c>
      <c r="C37350">
        <v>1</v>
      </c>
      <c r="D37350">
        <v>0</v>
      </c>
    </row>
    <row r="37351" spans="1:4" x14ac:dyDescent="0.25">
      <c r="A37351" t="s">
        <v>53854</v>
      </c>
      <c r="B37351" t="s">
        <v>53855</v>
      </c>
      <c r="C37351">
        <v>0</v>
      </c>
      <c r="D37351">
        <v>0</v>
      </c>
    </row>
    <row r="37352" spans="1:4" x14ac:dyDescent="0.25">
      <c r="A37352" t="s">
        <v>53854</v>
      </c>
      <c r="B37352" t="s">
        <v>53856</v>
      </c>
      <c r="C37352">
        <v>1</v>
      </c>
      <c r="D37352">
        <v>0</v>
      </c>
    </row>
    <row r="37353" spans="1:4" x14ac:dyDescent="0.25">
      <c r="A37353" t="s">
        <v>53854</v>
      </c>
      <c r="B37353" t="s">
        <v>53857</v>
      </c>
      <c r="C37353">
        <v>0</v>
      </c>
      <c r="D37353">
        <v>0</v>
      </c>
    </row>
    <row r="37354" spans="1:4" x14ac:dyDescent="0.25">
      <c r="A37354" t="s">
        <v>53858</v>
      </c>
      <c r="B37354" t="s">
        <v>53859</v>
      </c>
      <c r="C37354">
        <v>1</v>
      </c>
      <c r="D37354">
        <v>0</v>
      </c>
    </row>
    <row r="37355" spans="1:4" x14ac:dyDescent="0.25">
      <c r="A37355" t="s">
        <v>53860</v>
      </c>
      <c r="B37355" t="s">
        <v>53861</v>
      </c>
      <c r="C37355">
        <v>1</v>
      </c>
      <c r="D37355">
        <v>0</v>
      </c>
    </row>
    <row r="37356" spans="1:4" x14ac:dyDescent="0.25">
      <c r="A37356" t="s">
        <v>53860</v>
      </c>
      <c r="B37356" t="s">
        <v>53862</v>
      </c>
      <c r="C37356">
        <v>1</v>
      </c>
      <c r="D37356">
        <v>0</v>
      </c>
    </row>
    <row r="37357" spans="1:4" x14ac:dyDescent="0.25">
      <c r="A37357" t="s">
        <v>53860</v>
      </c>
      <c r="B37357" t="s">
        <v>53863</v>
      </c>
      <c r="C37357">
        <v>1</v>
      </c>
      <c r="D37357">
        <v>0</v>
      </c>
    </row>
    <row r="37358" spans="1:4" x14ac:dyDescent="0.25">
      <c r="A37358" t="s">
        <v>53860</v>
      </c>
      <c r="B37358" t="s">
        <v>53864</v>
      </c>
      <c r="C37358">
        <v>1</v>
      </c>
      <c r="D37358">
        <v>0</v>
      </c>
    </row>
    <row r="37359" spans="1:4" x14ac:dyDescent="0.25">
      <c r="A37359" t="s">
        <v>53860</v>
      </c>
      <c r="B37359" t="s">
        <v>53865</v>
      </c>
      <c r="C37359">
        <v>1</v>
      </c>
      <c r="D37359">
        <v>0</v>
      </c>
    </row>
    <row r="37360" spans="1:4" x14ac:dyDescent="0.25">
      <c r="A37360" t="s">
        <v>53860</v>
      </c>
      <c r="B37360" t="s">
        <v>53866</v>
      </c>
      <c r="C37360">
        <v>1</v>
      </c>
      <c r="D37360">
        <v>0</v>
      </c>
    </row>
    <row r="37361" spans="1:4" x14ac:dyDescent="0.25">
      <c r="A37361" t="s">
        <v>53867</v>
      </c>
      <c r="B37361" t="s">
        <v>30964</v>
      </c>
      <c r="C37361">
        <v>1</v>
      </c>
      <c r="D37361">
        <v>0</v>
      </c>
    </row>
    <row r="37362" spans="1:4" x14ac:dyDescent="0.25">
      <c r="A37362" t="s">
        <v>53867</v>
      </c>
      <c r="B37362" t="s">
        <v>53868</v>
      </c>
      <c r="C37362">
        <v>0</v>
      </c>
      <c r="D37362">
        <v>0</v>
      </c>
    </row>
    <row r="37363" spans="1:4" x14ac:dyDescent="0.25">
      <c r="A37363" t="s">
        <v>53867</v>
      </c>
      <c r="B37363" t="s">
        <v>53869</v>
      </c>
      <c r="C37363">
        <v>2</v>
      </c>
      <c r="D37363">
        <v>0</v>
      </c>
    </row>
    <row r="37364" spans="1:4" x14ac:dyDescent="0.25">
      <c r="A37364" t="s">
        <v>53867</v>
      </c>
      <c r="B37364" t="s">
        <v>53870</v>
      </c>
      <c r="C37364">
        <v>0</v>
      </c>
      <c r="D37364">
        <v>0</v>
      </c>
    </row>
    <row r="37365" spans="1:4" x14ac:dyDescent="0.25">
      <c r="A37365" t="s">
        <v>53867</v>
      </c>
      <c r="B37365" t="s">
        <v>53871</v>
      </c>
      <c r="C37365">
        <v>1</v>
      </c>
      <c r="D37365">
        <v>0</v>
      </c>
    </row>
    <row r="37366" spans="1:4" x14ac:dyDescent="0.25">
      <c r="A37366" t="s">
        <v>53872</v>
      </c>
      <c r="B37366" t="s">
        <v>53873</v>
      </c>
      <c r="C37366">
        <v>2</v>
      </c>
      <c r="D37366">
        <v>0</v>
      </c>
    </row>
    <row r="37367" spans="1:4" x14ac:dyDescent="0.25">
      <c r="A37367" t="s">
        <v>53872</v>
      </c>
      <c r="B37367" t="s">
        <v>53874</v>
      </c>
      <c r="C37367">
        <v>2</v>
      </c>
      <c r="D37367">
        <v>0</v>
      </c>
    </row>
    <row r="37368" spans="1:4" x14ac:dyDescent="0.25">
      <c r="A37368" t="s">
        <v>53872</v>
      </c>
      <c r="B37368" t="s">
        <v>53875</v>
      </c>
      <c r="C37368">
        <v>1</v>
      </c>
      <c r="D37368">
        <v>0</v>
      </c>
    </row>
    <row r="37369" spans="1:4" x14ac:dyDescent="0.25">
      <c r="A37369" t="s">
        <v>53872</v>
      </c>
      <c r="B37369" t="s">
        <v>53876</v>
      </c>
      <c r="C37369">
        <v>1</v>
      </c>
      <c r="D37369">
        <v>0</v>
      </c>
    </row>
    <row r="37370" spans="1:4" x14ac:dyDescent="0.25">
      <c r="A37370" t="s">
        <v>53872</v>
      </c>
      <c r="B37370" t="s">
        <v>53877</v>
      </c>
      <c r="C37370">
        <v>1</v>
      </c>
      <c r="D37370">
        <v>0</v>
      </c>
    </row>
    <row r="37371" spans="1:4" x14ac:dyDescent="0.25">
      <c r="A37371" t="s">
        <v>53872</v>
      </c>
      <c r="B37371" t="s">
        <v>53878</v>
      </c>
      <c r="C37371">
        <v>2</v>
      </c>
      <c r="D37371">
        <v>0</v>
      </c>
    </row>
    <row r="37372" spans="1:4" x14ac:dyDescent="0.25">
      <c r="A37372" t="s">
        <v>53879</v>
      </c>
      <c r="B37372" t="s">
        <v>53880</v>
      </c>
      <c r="C37372">
        <v>1</v>
      </c>
      <c r="D37372">
        <v>0</v>
      </c>
    </row>
    <row r="37373" spans="1:4" x14ac:dyDescent="0.25">
      <c r="A37373" t="s">
        <v>53881</v>
      </c>
      <c r="B37373" t="s">
        <v>50976</v>
      </c>
      <c r="C37373">
        <v>1</v>
      </c>
      <c r="D37373">
        <v>0</v>
      </c>
    </row>
    <row r="37374" spans="1:4" x14ac:dyDescent="0.25">
      <c r="A37374" t="s">
        <v>53881</v>
      </c>
      <c r="B37374" t="s">
        <v>53882</v>
      </c>
      <c r="C37374">
        <v>0</v>
      </c>
      <c r="D37374">
        <v>0</v>
      </c>
    </row>
    <row r="37375" spans="1:4" x14ac:dyDescent="0.25">
      <c r="A37375" t="s">
        <v>53881</v>
      </c>
      <c r="B37375" t="s">
        <v>53883</v>
      </c>
      <c r="C37375">
        <v>1</v>
      </c>
      <c r="D37375">
        <v>0</v>
      </c>
    </row>
    <row r="37376" spans="1:4" x14ac:dyDescent="0.25">
      <c r="A37376" t="s">
        <v>53881</v>
      </c>
      <c r="B37376" t="s">
        <v>53884</v>
      </c>
      <c r="C37376">
        <v>2</v>
      </c>
      <c r="D37376">
        <v>0</v>
      </c>
    </row>
    <row r="37377" spans="1:4" x14ac:dyDescent="0.25">
      <c r="A37377" t="s">
        <v>53881</v>
      </c>
      <c r="B37377" t="s">
        <v>53885</v>
      </c>
      <c r="C37377">
        <v>1</v>
      </c>
      <c r="D37377">
        <v>0</v>
      </c>
    </row>
    <row r="37378" spans="1:4" x14ac:dyDescent="0.25">
      <c r="A37378" t="s">
        <v>53881</v>
      </c>
      <c r="B37378" t="s">
        <v>53886</v>
      </c>
      <c r="C37378">
        <v>0</v>
      </c>
      <c r="D37378">
        <v>0</v>
      </c>
    </row>
    <row r="37379" spans="1:4" x14ac:dyDescent="0.25">
      <c r="A37379" t="s">
        <v>53887</v>
      </c>
      <c r="B37379" t="s">
        <v>53888</v>
      </c>
      <c r="C37379">
        <v>2</v>
      </c>
      <c r="D37379">
        <v>0</v>
      </c>
    </row>
    <row r="37380" spans="1:4" x14ac:dyDescent="0.25">
      <c r="A37380" t="s">
        <v>53887</v>
      </c>
      <c r="B37380" t="s">
        <v>53889</v>
      </c>
      <c r="C37380">
        <v>1</v>
      </c>
      <c r="D37380">
        <v>0</v>
      </c>
    </row>
    <row r="37381" spans="1:4" x14ac:dyDescent="0.25">
      <c r="A37381" t="s">
        <v>53887</v>
      </c>
      <c r="B37381" t="s">
        <v>53890</v>
      </c>
      <c r="C37381">
        <v>2</v>
      </c>
      <c r="D37381">
        <v>0</v>
      </c>
    </row>
    <row r="37382" spans="1:4" x14ac:dyDescent="0.25">
      <c r="A37382" t="s">
        <v>53887</v>
      </c>
      <c r="B37382" t="s">
        <v>53891</v>
      </c>
      <c r="C37382">
        <v>0</v>
      </c>
      <c r="D37382">
        <v>0</v>
      </c>
    </row>
    <row r="37383" spans="1:4" x14ac:dyDescent="0.25">
      <c r="A37383" t="s">
        <v>53887</v>
      </c>
      <c r="B37383" t="s">
        <v>53892</v>
      </c>
      <c r="C37383">
        <v>2</v>
      </c>
      <c r="D37383">
        <v>0</v>
      </c>
    </row>
    <row r="37384" spans="1:4" x14ac:dyDescent="0.25">
      <c r="A37384" t="s">
        <v>53893</v>
      </c>
      <c r="B37384" t="s">
        <v>53894</v>
      </c>
      <c r="C37384">
        <v>1</v>
      </c>
      <c r="D37384">
        <v>0</v>
      </c>
    </row>
    <row r="37385" spans="1:4" x14ac:dyDescent="0.25">
      <c r="A37385" t="s">
        <v>53893</v>
      </c>
      <c r="B37385" t="s">
        <v>53895</v>
      </c>
      <c r="C37385">
        <v>0</v>
      </c>
      <c r="D37385">
        <v>0</v>
      </c>
    </row>
    <row r="37386" spans="1:4" x14ac:dyDescent="0.25">
      <c r="A37386" t="s">
        <v>53893</v>
      </c>
      <c r="B37386" t="s">
        <v>53896</v>
      </c>
      <c r="C37386">
        <v>2</v>
      </c>
      <c r="D37386">
        <v>0</v>
      </c>
    </row>
    <row r="37387" spans="1:4" x14ac:dyDescent="0.25">
      <c r="A37387" t="s">
        <v>53897</v>
      </c>
      <c r="B37387" t="s">
        <v>53898</v>
      </c>
      <c r="C37387">
        <v>2</v>
      </c>
      <c r="D37387">
        <v>0</v>
      </c>
    </row>
    <row r="37388" spans="1:4" x14ac:dyDescent="0.25">
      <c r="A37388" t="s">
        <v>53897</v>
      </c>
      <c r="B37388" t="s">
        <v>53899</v>
      </c>
      <c r="C37388">
        <v>1</v>
      </c>
      <c r="D37388">
        <v>0</v>
      </c>
    </row>
    <row r="37389" spans="1:4" x14ac:dyDescent="0.25">
      <c r="A37389" t="s">
        <v>53900</v>
      </c>
      <c r="B37389" t="s">
        <v>53901</v>
      </c>
      <c r="C37389">
        <v>1</v>
      </c>
      <c r="D37389">
        <v>0</v>
      </c>
    </row>
    <row r="37390" spans="1:4" x14ac:dyDescent="0.25">
      <c r="A37390" t="s">
        <v>53900</v>
      </c>
      <c r="B37390" t="s">
        <v>3347</v>
      </c>
      <c r="C37390">
        <v>0</v>
      </c>
      <c r="D37390">
        <v>0</v>
      </c>
    </row>
    <row r="37391" spans="1:4" x14ac:dyDescent="0.25">
      <c r="A37391" t="s">
        <v>53900</v>
      </c>
      <c r="B37391" t="s">
        <v>35545</v>
      </c>
      <c r="C37391">
        <v>1</v>
      </c>
      <c r="D37391">
        <v>0</v>
      </c>
    </row>
    <row r="37392" spans="1:4" x14ac:dyDescent="0.25">
      <c r="A37392" t="s">
        <v>53900</v>
      </c>
      <c r="B37392" t="s">
        <v>53902</v>
      </c>
      <c r="C37392">
        <v>2</v>
      </c>
      <c r="D37392">
        <v>0</v>
      </c>
    </row>
    <row r="37393" spans="1:4" x14ac:dyDescent="0.25">
      <c r="A37393" t="s">
        <v>53900</v>
      </c>
      <c r="B37393" t="s">
        <v>53903</v>
      </c>
      <c r="C37393">
        <v>0</v>
      </c>
      <c r="D37393">
        <v>0</v>
      </c>
    </row>
    <row r="37394" spans="1:4" x14ac:dyDescent="0.25">
      <c r="A37394" t="s">
        <v>53900</v>
      </c>
      <c r="B37394" t="s">
        <v>53904</v>
      </c>
      <c r="C37394">
        <v>2</v>
      </c>
      <c r="D37394">
        <v>0</v>
      </c>
    </row>
    <row r="37395" spans="1:4" x14ac:dyDescent="0.25">
      <c r="A37395" t="s">
        <v>53900</v>
      </c>
      <c r="B37395" t="s">
        <v>53905</v>
      </c>
      <c r="C37395">
        <v>2</v>
      </c>
      <c r="D37395">
        <v>0</v>
      </c>
    </row>
    <row r="37396" spans="1:4" x14ac:dyDescent="0.25">
      <c r="A37396" t="s">
        <v>53906</v>
      </c>
      <c r="B37396" t="s">
        <v>53907</v>
      </c>
      <c r="C37396">
        <v>1</v>
      </c>
      <c r="D37396">
        <v>0</v>
      </c>
    </row>
    <row r="37397" spans="1:4" x14ac:dyDescent="0.25">
      <c r="A37397" t="s">
        <v>53908</v>
      </c>
      <c r="B37397" t="s">
        <v>53909</v>
      </c>
      <c r="C37397">
        <v>1</v>
      </c>
      <c r="D37397">
        <v>0</v>
      </c>
    </row>
    <row r="37398" spans="1:4" x14ac:dyDescent="0.25">
      <c r="A37398" t="s">
        <v>53908</v>
      </c>
      <c r="B37398" t="s">
        <v>53910</v>
      </c>
      <c r="C37398">
        <v>1</v>
      </c>
      <c r="D37398">
        <v>0</v>
      </c>
    </row>
    <row r="37399" spans="1:4" x14ac:dyDescent="0.25">
      <c r="A37399" t="s">
        <v>53908</v>
      </c>
      <c r="B37399" t="s">
        <v>34184</v>
      </c>
      <c r="C37399">
        <v>0</v>
      </c>
      <c r="D37399">
        <v>0</v>
      </c>
    </row>
    <row r="37400" spans="1:4" x14ac:dyDescent="0.25">
      <c r="A37400" t="s">
        <v>53908</v>
      </c>
      <c r="B37400" t="s">
        <v>53911</v>
      </c>
      <c r="C37400">
        <v>1</v>
      </c>
      <c r="D37400">
        <v>0</v>
      </c>
    </row>
    <row r="37401" spans="1:4" x14ac:dyDescent="0.25">
      <c r="A37401" t="s">
        <v>53908</v>
      </c>
      <c r="B37401" t="s">
        <v>53912</v>
      </c>
      <c r="C37401">
        <v>1</v>
      </c>
      <c r="D37401">
        <v>0</v>
      </c>
    </row>
    <row r="37402" spans="1:4" x14ac:dyDescent="0.25">
      <c r="A37402" t="s">
        <v>53908</v>
      </c>
      <c r="B37402" t="s">
        <v>5864</v>
      </c>
      <c r="C37402">
        <v>1</v>
      </c>
      <c r="D37402">
        <v>0</v>
      </c>
    </row>
    <row r="37403" spans="1:4" x14ac:dyDescent="0.25">
      <c r="A37403" t="s">
        <v>53913</v>
      </c>
      <c r="B37403" t="s">
        <v>53914</v>
      </c>
      <c r="C37403">
        <v>1</v>
      </c>
      <c r="D37403">
        <v>0</v>
      </c>
    </row>
    <row r="37404" spans="1:4" x14ac:dyDescent="0.25">
      <c r="A37404" t="s">
        <v>53915</v>
      </c>
      <c r="B37404" t="s">
        <v>53916</v>
      </c>
      <c r="C37404">
        <v>0</v>
      </c>
      <c r="D37404">
        <v>0</v>
      </c>
    </row>
    <row r="37405" spans="1:4" x14ac:dyDescent="0.25">
      <c r="A37405" t="s">
        <v>53915</v>
      </c>
      <c r="B37405" t="s">
        <v>53917</v>
      </c>
      <c r="C37405">
        <v>1</v>
      </c>
      <c r="D37405">
        <v>0</v>
      </c>
    </row>
    <row r="37406" spans="1:4" x14ac:dyDescent="0.25">
      <c r="A37406" t="s">
        <v>53915</v>
      </c>
      <c r="B37406" t="s">
        <v>53918</v>
      </c>
      <c r="C37406">
        <v>1</v>
      </c>
      <c r="D37406">
        <v>0</v>
      </c>
    </row>
    <row r="37407" spans="1:4" x14ac:dyDescent="0.25">
      <c r="A37407" t="s">
        <v>53915</v>
      </c>
      <c r="B37407" t="s">
        <v>53919</v>
      </c>
      <c r="C37407">
        <v>0</v>
      </c>
      <c r="D37407">
        <v>0</v>
      </c>
    </row>
    <row r="37408" spans="1:4" x14ac:dyDescent="0.25">
      <c r="A37408" t="s">
        <v>53915</v>
      </c>
      <c r="B37408" t="s">
        <v>53920</v>
      </c>
      <c r="C37408">
        <v>2</v>
      </c>
      <c r="D37408">
        <v>0</v>
      </c>
    </row>
    <row r="37409" spans="1:4" x14ac:dyDescent="0.25">
      <c r="A37409" t="s">
        <v>53915</v>
      </c>
      <c r="B37409" t="s">
        <v>53921</v>
      </c>
      <c r="C37409">
        <v>0</v>
      </c>
      <c r="D37409">
        <v>0</v>
      </c>
    </row>
    <row r="37410" spans="1:4" x14ac:dyDescent="0.25">
      <c r="A37410" t="s">
        <v>53922</v>
      </c>
      <c r="B37410" t="s">
        <v>53923</v>
      </c>
      <c r="C37410">
        <v>1</v>
      </c>
      <c r="D37410">
        <v>0</v>
      </c>
    </row>
    <row r="37411" spans="1:4" x14ac:dyDescent="0.25">
      <c r="A37411" t="s">
        <v>53922</v>
      </c>
      <c r="B37411" t="s">
        <v>53924</v>
      </c>
      <c r="C37411">
        <v>1</v>
      </c>
      <c r="D37411">
        <v>0</v>
      </c>
    </row>
    <row r="37412" spans="1:4" x14ac:dyDescent="0.25">
      <c r="A37412" t="s">
        <v>53922</v>
      </c>
      <c r="B37412" t="s">
        <v>53925</v>
      </c>
      <c r="C37412">
        <v>1</v>
      </c>
      <c r="D37412">
        <v>0</v>
      </c>
    </row>
    <row r="37413" spans="1:4" x14ac:dyDescent="0.25">
      <c r="A37413" t="s">
        <v>53922</v>
      </c>
      <c r="B37413" t="s">
        <v>53926</v>
      </c>
      <c r="C37413">
        <v>1</v>
      </c>
      <c r="D37413">
        <v>0</v>
      </c>
    </row>
    <row r="37414" spans="1:4" x14ac:dyDescent="0.25">
      <c r="A37414" t="s">
        <v>53922</v>
      </c>
      <c r="B37414" t="s">
        <v>53927</v>
      </c>
      <c r="C37414">
        <v>2</v>
      </c>
      <c r="D37414">
        <v>0</v>
      </c>
    </row>
    <row r="37415" spans="1:4" x14ac:dyDescent="0.25">
      <c r="A37415" t="s">
        <v>53928</v>
      </c>
      <c r="B37415" t="s">
        <v>53929</v>
      </c>
      <c r="C37415">
        <v>0</v>
      </c>
      <c r="D37415">
        <v>0</v>
      </c>
    </row>
    <row r="37416" spans="1:4" x14ac:dyDescent="0.25">
      <c r="A37416" t="s">
        <v>53928</v>
      </c>
      <c r="B37416" t="s">
        <v>53930</v>
      </c>
      <c r="C37416">
        <v>1</v>
      </c>
      <c r="D37416">
        <v>0</v>
      </c>
    </row>
    <row r="37417" spans="1:4" x14ac:dyDescent="0.25">
      <c r="A37417" t="s">
        <v>53928</v>
      </c>
      <c r="B37417" t="s">
        <v>53931</v>
      </c>
      <c r="C37417">
        <v>0</v>
      </c>
      <c r="D37417">
        <v>0</v>
      </c>
    </row>
    <row r="37418" spans="1:4" x14ac:dyDescent="0.25">
      <c r="A37418" t="s">
        <v>53928</v>
      </c>
      <c r="B37418" t="s">
        <v>53932</v>
      </c>
      <c r="C37418">
        <v>2</v>
      </c>
      <c r="D37418">
        <v>0</v>
      </c>
    </row>
    <row r="37419" spans="1:4" x14ac:dyDescent="0.25">
      <c r="A37419" t="s">
        <v>53928</v>
      </c>
      <c r="B37419" t="s">
        <v>53933</v>
      </c>
      <c r="C37419">
        <v>0</v>
      </c>
      <c r="D37419">
        <v>0</v>
      </c>
    </row>
    <row r="37420" spans="1:4" x14ac:dyDescent="0.25">
      <c r="A37420" t="s">
        <v>53928</v>
      </c>
      <c r="B37420" t="s">
        <v>53934</v>
      </c>
      <c r="C37420">
        <v>0</v>
      </c>
      <c r="D37420">
        <v>0</v>
      </c>
    </row>
    <row r="37421" spans="1:4" x14ac:dyDescent="0.25">
      <c r="A37421" t="s">
        <v>53935</v>
      </c>
      <c r="B37421" t="s">
        <v>46022</v>
      </c>
      <c r="C37421">
        <v>0</v>
      </c>
      <c r="D37421">
        <v>0</v>
      </c>
    </row>
    <row r="37422" spans="1:4" x14ac:dyDescent="0.25">
      <c r="A37422" t="s">
        <v>53935</v>
      </c>
      <c r="B37422" t="s">
        <v>53936</v>
      </c>
      <c r="C37422">
        <v>0</v>
      </c>
      <c r="D37422">
        <v>0</v>
      </c>
    </row>
    <row r="37423" spans="1:4" x14ac:dyDescent="0.25">
      <c r="A37423" t="s">
        <v>53937</v>
      </c>
      <c r="B37423" t="s">
        <v>53938</v>
      </c>
      <c r="C37423">
        <v>0</v>
      </c>
      <c r="D37423">
        <v>0</v>
      </c>
    </row>
    <row r="37424" spans="1:4" x14ac:dyDescent="0.25">
      <c r="A37424" t="s">
        <v>53937</v>
      </c>
      <c r="B37424" t="s">
        <v>53939</v>
      </c>
      <c r="C37424">
        <v>0</v>
      </c>
      <c r="D37424">
        <v>0</v>
      </c>
    </row>
    <row r="37425" spans="1:4" x14ac:dyDescent="0.25">
      <c r="A37425" t="s">
        <v>53937</v>
      </c>
      <c r="B37425" t="s">
        <v>53940</v>
      </c>
      <c r="C37425">
        <v>0</v>
      </c>
      <c r="D37425">
        <v>0</v>
      </c>
    </row>
    <row r="37426" spans="1:4" x14ac:dyDescent="0.25">
      <c r="A37426" t="s">
        <v>53941</v>
      </c>
      <c r="B37426" t="s">
        <v>53942</v>
      </c>
      <c r="C37426">
        <v>1</v>
      </c>
      <c r="D37426">
        <v>0</v>
      </c>
    </row>
    <row r="37427" spans="1:4" x14ac:dyDescent="0.25">
      <c r="A37427" t="s">
        <v>53941</v>
      </c>
      <c r="B37427" t="s">
        <v>5713</v>
      </c>
      <c r="C37427">
        <v>1</v>
      </c>
      <c r="D37427">
        <v>0</v>
      </c>
    </row>
    <row r="37428" spans="1:4" x14ac:dyDescent="0.25">
      <c r="A37428" t="s">
        <v>53941</v>
      </c>
      <c r="B37428" t="s">
        <v>53943</v>
      </c>
      <c r="C37428">
        <v>1</v>
      </c>
      <c r="D37428">
        <v>0</v>
      </c>
    </row>
    <row r="37429" spans="1:4" x14ac:dyDescent="0.25">
      <c r="A37429" t="s">
        <v>53941</v>
      </c>
      <c r="B37429" t="s">
        <v>53944</v>
      </c>
      <c r="C37429">
        <v>1</v>
      </c>
      <c r="D37429">
        <v>0</v>
      </c>
    </row>
    <row r="37430" spans="1:4" x14ac:dyDescent="0.25">
      <c r="A37430" t="s">
        <v>53945</v>
      </c>
      <c r="B37430" t="s">
        <v>53946</v>
      </c>
      <c r="C37430">
        <v>1</v>
      </c>
      <c r="D37430">
        <v>0</v>
      </c>
    </row>
    <row r="37431" spans="1:4" x14ac:dyDescent="0.25">
      <c r="A37431" t="s">
        <v>53945</v>
      </c>
      <c r="B37431" t="s">
        <v>53947</v>
      </c>
      <c r="C37431">
        <v>0</v>
      </c>
      <c r="D37431">
        <v>0</v>
      </c>
    </row>
    <row r="37432" spans="1:4" x14ac:dyDescent="0.25">
      <c r="A37432" t="s">
        <v>53945</v>
      </c>
      <c r="B37432" t="s">
        <v>53948</v>
      </c>
      <c r="C37432">
        <v>2</v>
      </c>
      <c r="D37432">
        <v>0</v>
      </c>
    </row>
    <row r="37433" spans="1:4" x14ac:dyDescent="0.25">
      <c r="A37433" t="s">
        <v>53949</v>
      </c>
      <c r="B37433" t="s">
        <v>53950</v>
      </c>
      <c r="C37433">
        <v>1</v>
      </c>
      <c r="D37433">
        <v>0</v>
      </c>
    </row>
    <row r="37434" spans="1:4" x14ac:dyDescent="0.25">
      <c r="A37434" t="s">
        <v>53949</v>
      </c>
      <c r="B37434" t="s">
        <v>53951</v>
      </c>
      <c r="C37434">
        <v>1</v>
      </c>
      <c r="D37434">
        <v>0</v>
      </c>
    </row>
    <row r="37435" spans="1:4" x14ac:dyDescent="0.25">
      <c r="A37435" t="s">
        <v>53949</v>
      </c>
      <c r="B37435" t="s">
        <v>53952</v>
      </c>
      <c r="C37435">
        <v>1</v>
      </c>
      <c r="D37435">
        <v>0</v>
      </c>
    </row>
    <row r="37436" spans="1:4" x14ac:dyDescent="0.25">
      <c r="A37436" t="s">
        <v>53953</v>
      </c>
      <c r="B37436" t="s">
        <v>49037</v>
      </c>
      <c r="C37436">
        <v>1</v>
      </c>
      <c r="D37436">
        <v>0</v>
      </c>
    </row>
    <row r="37437" spans="1:4" x14ac:dyDescent="0.25">
      <c r="A37437" t="s">
        <v>53953</v>
      </c>
      <c r="B37437" t="s">
        <v>53954</v>
      </c>
      <c r="C37437">
        <v>0</v>
      </c>
      <c r="D37437">
        <v>0</v>
      </c>
    </row>
    <row r="37438" spans="1:4" x14ac:dyDescent="0.25">
      <c r="A37438" t="s">
        <v>53953</v>
      </c>
      <c r="B37438" t="s">
        <v>53955</v>
      </c>
      <c r="C37438">
        <v>1</v>
      </c>
      <c r="D37438">
        <v>0</v>
      </c>
    </row>
    <row r="37439" spans="1:4" x14ac:dyDescent="0.25">
      <c r="A37439" t="s">
        <v>53953</v>
      </c>
      <c r="B37439" t="s">
        <v>53956</v>
      </c>
      <c r="C37439">
        <v>2</v>
      </c>
      <c r="D37439">
        <v>0</v>
      </c>
    </row>
    <row r="37440" spans="1:4" x14ac:dyDescent="0.25">
      <c r="A37440" t="s">
        <v>53957</v>
      </c>
      <c r="B37440" t="s">
        <v>53958</v>
      </c>
      <c r="C37440">
        <v>1</v>
      </c>
      <c r="D37440">
        <v>0</v>
      </c>
    </row>
    <row r="37441" spans="1:4" x14ac:dyDescent="0.25">
      <c r="A37441" t="s">
        <v>53957</v>
      </c>
      <c r="B37441" t="s">
        <v>53959</v>
      </c>
      <c r="C37441">
        <v>2</v>
      </c>
      <c r="D37441">
        <v>0</v>
      </c>
    </row>
    <row r="37442" spans="1:4" x14ac:dyDescent="0.25">
      <c r="A37442" t="s">
        <v>53957</v>
      </c>
      <c r="B37442" t="s">
        <v>53960</v>
      </c>
      <c r="C37442">
        <v>1</v>
      </c>
      <c r="D37442">
        <v>0</v>
      </c>
    </row>
    <row r="37443" spans="1:4" x14ac:dyDescent="0.25">
      <c r="A37443" t="s">
        <v>53957</v>
      </c>
      <c r="B37443" t="s">
        <v>53961</v>
      </c>
      <c r="C37443">
        <v>1</v>
      </c>
      <c r="D37443">
        <v>0</v>
      </c>
    </row>
    <row r="37444" spans="1:4" x14ac:dyDescent="0.25">
      <c r="A37444" t="s">
        <v>53957</v>
      </c>
      <c r="B37444" t="s">
        <v>53962</v>
      </c>
      <c r="C37444">
        <v>1</v>
      </c>
      <c r="D37444">
        <v>0</v>
      </c>
    </row>
    <row r="37445" spans="1:4" x14ac:dyDescent="0.25">
      <c r="A37445" t="s">
        <v>53957</v>
      </c>
      <c r="B37445" t="s">
        <v>53963</v>
      </c>
      <c r="C37445">
        <v>1</v>
      </c>
      <c r="D37445">
        <v>0</v>
      </c>
    </row>
    <row r="37446" spans="1:4" x14ac:dyDescent="0.25">
      <c r="A37446" t="s">
        <v>53957</v>
      </c>
      <c r="B37446" t="s">
        <v>53964</v>
      </c>
      <c r="C37446">
        <v>0</v>
      </c>
      <c r="D37446">
        <v>0</v>
      </c>
    </row>
    <row r="37447" spans="1:4" x14ac:dyDescent="0.25">
      <c r="A37447" t="s">
        <v>53965</v>
      </c>
      <c r="B37447" t="s">
        <v>53966</v>
      </c>
      <c r="C37447">
        <v>2</v>
      </c>
      <c r="D37447">
        <v>0</v>
      </c>
    </row>
    <row r="37448" spans="1:4" x14ac:dyDescent="0.25">
      <c r="A37448" t="s">
        <v>53965</v>
      </c>
      <c r="B37448" t="s">
        <v>53967</v>
      </c>
      <c r="C37448">
        <v>2</v>
      </c>
      <c r="D37448">
        <v>0</v>
      </c>
    </row>
    <row r="37449" spans="1:4" x14ac:dyDescent="0.25">
      <c r="A37449" t="s">
        <v>53968</v>
      </c>
      <c r="B37449" t="s">
        <v>53969</v>
      </c>
      <c r="C37449">
        <v>0</v>
      </c>
      <c r="D37449">
        <v>0</v>
      </c>
    </row>
    <row r="37450" spans="1:4" x14ac:dyDescent="0.25">
      <c r="A37450" t="s">
        <v>53968</v>
      </c>
      <c r="B37450" t="s">
        <v>53970</v>
      </c>
      <c r="C37450">
        <v>1</v>
      </c>
      <c r="D37450">
        <v>0</v>
      </c>
    </row>
    <row r="37451" spans="1:4" x14ac:dyDescent="0.25">
      <c r="A37451" t="s">
        <v>53968</v>
      </c>
      <c r="B37451" t="s">
        <v>53971</v>
      </c>
      <c r="C37451">
        <v>1</v>
      </c>
      <c r="D37451">
        <v>0</v>
      </c>
    </row>
    <row r="37452" spans="1:4" x14ac:dyDescent="0.25">
      <c r="A37452" t="s">
        <v>53968</v>
      </c>
      <c r="B37452" t="s">
        <v>53972</v>
      </c>
      <c r="C37452">
        <v>1</v>
      </c>
      <c r="D37452">
        <v>0</v>
      </c>
    </row>
    <row r="37453" spans="1:4" x14ac:dyDescent="0.25">
      <c r="A37453" t="s">
        <v>53973</v>
      </c>
      <c r="B37453" t="s">
        <v>53974</v>
      </c>
      <c r="C37453">
        <v>1</v>
      </c>
      <c r="D37453">
        <v>0</v>
      </c>
    </row>
    <row r="37454" spans="1:4" x14ac:dyDescent="0.25">
      <c r="A37454" t="s">
        <v>53973</v>
      </c>
      <c r="B37454" t="s">
        <v>53975</v>
      </c>
      <c r="C37454">
        <v>0</v>
      </c>
      <c r="D37454">
        <v>0</v>
      </c>
    </row>
    <row r="37455" spans="1:4" x14ac:dyDescent="0.25">
      <c r="A37455" t="s">
        <v>53973</v>
      </c>
      <c r="B37455" t="s">
        <v>53976</v>
      </c>
      <c r="C37455">
        <v>1</v>
      </c>
      <c r="D37455">
        <v>0</v>
      </c>
    </row>
    <row r="37456" spans="1:4" x14ac:dyDescent="0.25">
      <c r="A37456" t="s">
        <v>53973</v>
      </c>
      <c r="B37456" t="s">
        <v>53977</v>
      </c>
      <c r="C37456">
        <v>0</v>
      </c>
      <c r="D37456">
        <v>0</v>
      </c>
    </row>
    <row r="37457" spans="1:4" x14ac:dyDescent="0.25">
      <c r="A37457" t="s">
        <v>53973</v>
      </c>
      <c r="B37457" t="s">
        <v>53978</v>
      </c>
      <c r="C37457">
        <v>0</v>
      </c>
      <c r="D37457">
        <v>0</v>
      </c>
    </row>
    <row r="37458" spans="1:4" x14ac:dyDescent="0.25">
      <c r="A37458" t="s">
        <v>53973</v>
      </c>
      <c r="B37458" t="s">
        <v>53979</v>
      </c>
      <c r="C37458">
        <v>1</v>
      </c>
      <c r="D37458">
        <v>0</v>
      </c>
    </row>
    <row r="37459" spans="1:4" x14ac:dyDescent="0.25">
      <c r="A37459" t="s">
        <v>53973</v>
      </c>
      <c r="B37459" t="s">
        <v>53980</v>
      </c>
      <c r="C37459">
        <v>0</v>
      </c>
      <c r="D37459">
        <v>0</v>
      </c>
    </row>
    <row r="37460" spans="1:4" x14ac:dyDescent="0.25">
      <c r="A37460" t="s">
        <v>53981</v>
      </c>
      <c r="B37460" t="s">
        <v>53982</v>
      </c>
      <c r="C37460">
        <v>1</v>
      </c>
      <c r="D37460">
        <v>0</v>
      </c>
    </row>
    <row r="37461" spans="1:4" x14ac:dyDescent="0.25">
      <c r="A37461" t="s">
        <v>53981</v>
      </c>
      <c r="B37461" t="s">
        <v>53983</v>
      </c>
      <c r="C37461">
        <v>1</v>
      </c>
      <c r="D37461">
        <v>0</v>
      </c>
    </row>
    <row r="37462" spans="1:4" x14ac:dyDescent="0.25">
      <c r="A37462" t="s">
        <v>53981</v>
      </c>
      <c r="B37462" t="s">
        <v>53984</v>
      </c>
      <c r="C37462">
        <v>1</v>
      </c>
      <c r="D37462">
        <v>0</v>
      </c>
    </row>
    <row r="37463" spans="1:4" x14ac:dyDescent="0.25">
      <c r="A37463" t="s">
        <v>53981</v>
      </c>
      <c r="B37463" t="s">
        <v>53985</v>
      </c>
      <c r="C37463">
        <v>1</v>
      </c>
      <c r="D37463">
        <v>0</v>
      </c>
    </row>
    <row r="37464" spans="1:4" x14ac:dyDescent="0.25">
      <c r="A37464" t="s">
        <v>53981</v>
      </c>
      <c r="B37464" t="s">
        <v>53986</v>
      </c>
      <c r="C37464">
        <v>1</v>
      </c>
      <c r="D37464">
        <v>0</v>
      </c>
    </row>
    <row r="37465" spans="1:4" x14ac:dyDescent="0.25">
      <c r="A37465" t="s">
        <v>53987</v>
      </c>
      <c r="B37465" t="s">
        <v>53988</v>
      </c>
      <c r="C37465">
        <v>1</v>
      </c>
      <c r="D37465">
        <v>0</v>
      </c>
    </row>
    <row r="37466" spans="1:4" x14ac:dyDescent="0.25">
      <c r="A37466" t="s">
        <v>53987</v>
      </c>
      <c r="B37466" t="s">
        <v>53989</v>
      </c>
      <c r="C37466">
        <v>1</v>
      </c>
      <c r="D37466">
        <v>0</v>
      </c>
    </row>
    <row r="37467" spans="1:4" x14ac:dyDescent="0.25">
      <c r="A37467" t="s">
        <v>53987</v>
      </c>
      <c r="B37467" t="s">
        <v>53990</v>
      </c>
      <c r="C37467">
        <v>0</v>
      </c>
      <c r="D37467">
        <v>0</v>
      </c>
    </row>
    <row r="37468" spans="1:4" x14ac:dyDescent="0.25">
      <c r="A37468" t="s">
        <v>53987</v>
      </c>
      <c r="B37468" t="s">
        <v>53991</v>
      </c>
      <c r="C37468">
        <v>1</v>
      </c>
      <c r="D37468">
        <v>0</v>
      </c>
    </row>
    <row r="37469" spans="1:4" x14ac:dyDescent="0.25">
      <c r="A37469" t="s">
        <v>53987</v>
      </c>
      <c r="B37469" t="s">
        <v>53992</v>
      </c>
      <c r="C37469">
        <v>2</v>
      </c>
      <c r="D37469">
        <v>0</v>
      </c>
    </row>
    <row r="37470" spans="1:4" x14ac:dyDescent="0.25">
      <c r="A37470" t="s">
        <v>53987</v>
      </c>
      <c r="B37470" t="s">
        <v>53993</v>
      </c>
      <c r="C37470">
        <v>2</v>
      </c>
      <c r="D37470">
        <v>0</v>
      </c>
    </row>
    <row r="37471" spans="1:4" x14ac:dyDescent="0.25">
      <c r="A37471" t="s">
        <v>53987</v>
      </c>
      <c r="B37471" t="s">
        <v>53994</v>
      </c>
      <c r="C37471">
        <v>1</v>
      </c>
      <c r="D37471">
        <v>0</v>
      </c>
    </row>
    <row r="37472" spans="1:4" x14ac:dyDescent="0.25">
      <c r="A37472" t="s">
        <v>53987</v>
      </c>
      <c r="B37472" t="s">
        <v>53992</v>
      </c>
      <c r="C37472">
        <v>1</v>
      </c>
      <c r="D37472">
        <v>0</v>
      </c>
    </row>
    <row r="37473" spans="1:4" x14ac:dyDescent="0.25">
      <c r="A37473" t="s">
        <v>53995</v>
      </c>
      <c r="B37473" t="s">
        <v>53996</v>
      </c>
      <c r="C37473">
        <v>1</v>
      </c>
      <c r="D37473">
        <v>0</v>
      </c>
    </row>
    <row r="37474" spans="1:4" x14ac:dyDescent="0.25">
      <c r="A37474" t="s">
        <v>53995</v>
      </c>
      <c r="B37474" t="s">
        <v>53997</v>
      </c>
      <c r="C37474">
        <v>2</v>
      </c>
      <c r="D37474">
        <v>0</v>
      </c>
    </row>
    <row r="37475" spans="1:4" x14ac:dyDescent="0.25">
      <c r="A37475" t="s">
        <v>53995</v>
      </c>
      <c r="B37475" t="s">
        <v>53998</v>
      </c>
      <c r="C37475">
        <v>1</v>
      </c>
      <c r="D37475">
        <v>0</v>
      </c>
    </row>
    <row r="37476" spans="1:4" x14ac:dyDescent="0.25">
      <c r="A37476" t="s">
        <v>53999</v>
      </c>
      <c r="B37476" t="s">
        <v>54000</v>
      </c>
      <c r="C37476">
        <v>0</v>
      </c>
      <c r="D37476">
        <v>0</v>
      </c>
    </row>
    <row r="37477" spans="1:4" x14ac:dyDescent="0.25">
      <c r="A37477" t="s">
        <v>53999</v>
      </c>
      <c r="B37477" t="s">
        <v>54001</v>
      </c>
      <c r="C37477">
        <v>0</v>
      </c>
      <c r="D37477">
        <v>0</v>
      </c>
    </row>
    <row r="37478" spans="1:4" x14ac:dyDescent="0.25">
      <c r="A37478" t="s">
        <v>53999</v>
      </c>
      <c r="B37478" t="s">
        <v>54002</v>
      </c>
      <c r="C37478">
        <v>0</v>
      </c>
      <c r="D37478">
        <v>0</v>
      </c>
    </row>
    <row r="37479" spans="1:4" x14ac:dyDescent="0.25">
      <c r="A37479" t="s">
        <v>53999</v>
      </c>
      <c r="B37479" t="s">
        <v>22326</v>
      </c>
      <c r="C37479">
        <v>1</v>
      </c>
      <c r="D37479">
        <v>0</v>
      </c>
    </row>
    <row r="37480" spans="1:4" x14ac:dyDescent="0.25">
      <c r="A37480" t="s">
        <v>53999</v>
      </c>
      <c r="B37480" t="s">
        <v>54003</v>
      </c>
      <c r="C37480">
        <v>0</v>
      </c>
      <c r="D37480">
        <v>0</v>
      </c>
    </row>
    <row r="37481" spans="1:4" x14ac:dyDescent="0.25">
      <c r="A37481" t="s">
        <v>53999</v>
      </c>
      <c r="B37481" t="s">
        <v>54004</v>
      </c>
      <c r="C37481">
        <v>2</v>
      </c>
      <c r="D37481">
        <v>0</v>
      </c>
    </row>
    <row r="37482" spans="1:4" x14ac:dyDescent="0.25">
      <c r="A37482" t="s">
        <v>53999</v>
      </c>
      <c r="B37482" t="s">
        <v>54005</v>
      </c>
      <c r="C37482">
        <v>0</v>
      </c>
      <c r="D37482">
        <v>0</v>
      </c>
    </row>
    <row r="37483" spans="1:4" x14ac:dyDescent="0.25">
      <c r="A37483" t="s">
        <v>54006</v>
      </c>
      <c r="B37483" t="s">
        <v>54007</v>
      </c>
      <c r="C37483">
        <v>1</v>
      </c>
      <c r="D37483">
        <v>0</v>
      </c>
    </row>
    <row r="37484" spans="1:4" x14ac:dyDescent="0.25">
      <c r="A37484" t="s">
        <v>54006</v>
      </c>
      <c r="B37484" t="s">
        <v>54008</v>
      </c>
      <c r="C37484">
        <v>0</v>
      </c>
      <c r="D37484">
        <v>0</v>
      </c>
    </row>
    <row r="37485" spans="1:4" x14ac:dyDescent="0.25">
      <c r="A37485" t="s">
        <v>54006</v>
      </c>
      <c r="B37485" t="s">
        <v>54009</v>
      </c>
      <c r="C37485">
        <v>1</v>
      </c>
      <c r="D37485">
        <v>0</v>
      </c>
    </row>
    <row r="37486" spans="1:4" x14ac:dyDescent="0.25">
      <c r="A37486" t="s">
        <v>54006</v>
      </c>
      <c r="B37486" t="s">
        <v>54010</v>
      </c>
      <c r="C37486">
        <v>1</v>
      </c>
      <c r="D37486">
        <v>0</v>
      </c>
    </row>
    <row r="37487" spans="1:4" x14ac:dyDescent="0.25">
      <c r="A37487" t="s">
        <v>54011</v>
      </c>
      <c r="B37487" t="s">
        <v>54012</v>
      </c>
      <c r="C37487">
        <v>1</v>
      </c>
      <c r="D37487">
        <v>0</v>
      </c>
    </row>
    <row r="37488" spans="1:4" x14ac:dyDescent="0.25">
      <c r="A37488" t="s">
        <v>54011</v>
      </c>
      <c r="B37488" t="s">
        <v>54013</v>
      </c>
      <c r="C37488">
        <v>1</v>
      </c>
      <c r="D37488">
        <v>0</v>
      </c>
    </row>
    <row r="37489" spans="1:4" x14ac:dyDescent="0.25">
      <c r="A37489" t="s">
        <v>54011</v>
      </c>
      <c r="B37489" t="s">
        <v>54014</v>
      </c>
      <c r="C37489">
        <v>0</v>
      </c>
      <c r="D37489">
        <v>0</v>
      </c>
    </row>
    <row r="37490" spans="1:4" x14ac:dyDescent="0.25">
      <c r="A37490" t="s">
        <v>54011</v>
      </c>
      <c r="B37490" t="s">
        <v>54015</v>
      </c>
      <c r="C37490">
        <v>2</v>
      </c>
      <c r="D37490">
        <v>0</v>
      </c>
    </row>
    <row r="37491" spans="1:4" x14ac:dyDescent="0.25">
      <c r="A37491" t="s">
        <v>54011</v>
      </c>
      <c r="B37491" t="s">
        <v>54016</v>
      </c>
      <c r="C37491">
        <v>1</v>
      </c>
      <c r="D37491">
        <v>0</v>
      </c>
    </row>
    <row r="37492" spans="1:4" x14ac:dyDescent="0.25">
      <c r="A37492" t="s">
        <v>54011</v>
      </c>
      <c r="B37492" t="s">
        <v>54017</v>
      </c>
      <c r="C37492">
        <v>1</v>
      </c>
      <c r="D37492">
        <v>0</v>
      </c>
    </row>
    <row r="37493" spans="1:4" x14ac:dyDescent="0.25">
      <c r="A37493" t="s">
        <v>54011</v>
      </c>
      <c r="B37493" t="s">
        <v>54018</v>
      </c>
      <c r="C37493">
        <v>0</v>
      </c>
      <c r="D37493">
        <v>0</v>
      </c>
    </row>
    <row r="37494" spans="1:4" x14ac:dyDescent="0.25">
      <c r="A37494" t="s">
        <v>54011</v>
      </c>
      <c r="B37494" t="s">
        <v>54019</v>
      </c>
      <c r="C37494">
        <v>2</v>
      </c>
      <c r="D37494">
        <v>0</v>
      </c>
    </row>
    <row r="37495" spans="1:4" x14ac:dyDescent="0.25">
      <c r="A37495" t="s">
        <v>54020</v>
      </c>
      <c r="B37495" t="s">
        <v>54021</v>
      </c>
      <c r="C37495">
        <v>1</v>
      </c>
      <c r="D37495">
        <v>0</v>
      </c>
    </row>
    <row r="37496" spans="1:4" x14ac:dyDescent="0.25">
      <c r="A37496" t="s">
        <v>54020</v>
      </c>
      <c r="B37496" t="s">
        <v>54022</v>
      </c>
      <c r="C37496">
        <v>1</v>
      </c>
      <c r="D37496">
        <v>0</v>
      </c>
    </row>
    <row r="37497" spans="1:4" x14ac:dyDescent="0.25">
      <c r="A37497" t="s">
        <v>54023</v>
      </c>
      <c r="B37497" t="s">
        <v>54024</v>
      </c>
      <c r="C37497">
        <v>0</v>
      </c>
      <c r="D37497">
        <v>0</v>
      </c>
    </row>
    <row r="37498" spans="1:4" x14ac:dyDescent="0.25">
      <c r="A37498" t="s">
        <v>54023</v>
      </c>
      <c r="B37498" t="s">
        <v>54025</v>
      </c>
      <c r="C37498">
        <v>1</v>
      </c>
      <c r="D37498">
        <v>0</v>
      </c>
    </row>
    <row r="37499" spans="1:4" x14ac:dyDescent="0.25">
      <c r="A37499" t="s">
        <v>54026</v>
      </c>
      <c r="B37499" t="s">
        <v>54027</v>
      </c>
      <c r="C37499">
        <v>0</v>
      </c>
      <c r="D37499">
        <v>0</v>
      </c>
    </row>
    <row r="37500" spans="1:4" x14ac:dyDescent="0.25">
      <c r="A37500" t="s">
        <v>54026</v>
      </c>
      <c r="B37500" t="s">
        <v>54028</v>
      </c>
      <c r="C37500">
        <v>0</v>
      </c>
      <c r="D37500">
        <v>0</v>
      </c>
    </row>
    <row r="37501" spans="1:4" x14ac:dyDescent="0.25">
      <c r="A37501" t="s">
        <v>54029</v>
      </c>
      <c r="B37501" t="s">
        <v>54030</v>
      </c>
      <c r="C37501">
        <v>1</v>
      </c>
      <c r="D37501">
        <v>0</v>
      </c>
    </row>
    <row r="37502" spans="1:4" x14ac:dyDescent="0.25">
      <c r="A37502" t="s">
        <v>54029</v>
      </c>
      <c r="B37502" t="s">
        <v>54031</v>
      </c>
      <c r="C37502">
        <v>1</v>
      </c>
      <c r="D37502">
        <v>0</v>
      </c>
    </row>
    <row r="37503" spans="1:4" x14ac:dyDescent="0.25">
      <c r="A37503" t="s">
        <v>54029</v>
      </c>
      <c r="B37503" t="s">
        <v>54032</v>
      </c>
      <c r="C37503">
        <v>0</v>
      </c>
      <c r="D37503">
        <v>0</v>
      </c>
    </row>
    <row r="37504" spans="1:4" x14ac:dyDescent="0.25">
      <c r="A37504" t="s">
        <v>54033</v>
      </c>
      <c r="B37504" t="s">
        <v>54034</v>
      </c>
      <c r="C37504">
        <v>1</v>
      </c>
      <c r="D37504">
        <v>0</v>
      </c>
    </row>
    <row r="37505" spans="1:4" x14ac:dyDescent="0.25">
      <c r="A37505" t="s">
        <v>54033</v>
      </c>
      <c r="B37505" t="s">
        <v>54035</v>
      </c>
      <c r="C37505">
        <v>1</v>
      </c>
      <c r="D37505">
        <v>0</v>
      </c>
    </row>
    <row r="37506" spans="1:4" x14ac:dyDescent="0.25">
      <c r="A37506" t="s">
        <v>54033</v>
      </c>
      <c r="B37506" t="s">
        <v>2651</v>
      </c>
      <c r="C37506">
        <v>0</v>
      </c>
      <c r="D37506">
        <v>0</v>
      </c>
    </row>
    <row r="37507" spans="1:4" x14ac:dyDescent="0.25">
      <c r="A37507" t="s">
        <v>54033</v>
      </c>
      <c r="B37507" t="s">
        <v>54036</v>
      </c>
      <c r="C37507">
        <v>1</v>
      </c>
      <c r="D37507">
        <v>0</v>
      </c>
    </row>
    <row r="37508" spans="1:4" x14ac:dyDescent="0.25">
      <c r="A37508" t="s">
        <v>54033</v>
      </c>
      <c r="B37508" t="s">
        <v>54037</v>
      </c>
      <c r="C37508">
        <v>1</v>
      </c>
      <c r="D37508">
        <v>0</v>
      </c>
    </row>
    <row r="37509" spans="1:4" x14ac:dyDescent="0.25">
      <c r="A37509" t="s">
        <v>54033</v>
      </c>
      <c r="B37509" t="s">
        <v>54038</v>
      </c>
      <c r="C37509">
        <v>1</v>
      </c>
      <c r="D37509">
        <v>0</v>
      </c>
    </row>
    <row r="37510" spans="1:4" x14ac:dyDescent="0.25">
      <c r="A37510" t="s">
        <v>54033</v>
      </c>
      <c r="B37510" t="s">
        <v>54039</v>
      </c>
      <c r="C37510">
        <v>2</v>
      </c>
      <c r="D37510">
        <v>0</v>
      </c>
    </row>
    <row r="37511" spans="1:4" x14ac:dyDescent="0.25">
      <c r="A37511" t="s">
        <v>54040</v>
      </c>
      <c r="B37511" t="s">
        <v>54041</v>
      </c>
      <c r="C37511">
        <v>1</v>
      </c>
      <c r="D37511">
        <v>0</v>
      </c>
    </row>
    <row r="37512" spans="1:4" x14ac:dyDescent="0.25">
      <c r="A37512" t="s">
        <v>54042</v>
      </c>
      <c r="B37512" t="s">
        <v>54043</v>
      </c>
      <c r="C37512">
        <v>1</v>
      </c>
      <c r="D37512">
        <v>0</v>
      </c>
    </row>
    <row r="37513" spans="1:4" x14ac:dyDescent="0.25">
      <c r="A37513" t="s">
        <v>54042</v>
      </c>
      <c r="B37513" t="s">
        <v>54044</v>
      </c>
      <c r="C37513">
        <v>1</v>
      </c>
      <c r="D37513">
        <v>0</v>
      </c>
    </row>
    <row r="37514" spans="1:4" x14ac:dyDescent="0.25">
      <c r="A37514" t="s">
        <v>54042</v>
      </c>
      <c r="B37514" t="s">
        <v>54045</v>
      </c>
      <c r="C37514">
        <v>0</v>
      </c>
      <c r="D37514">
        <v>0</v>
      </c>
    </row>
    <row r="37515" spans="1:4" x14ac:dyDescent="0.25">
      <c r="A37515" t="s">
        <v>54046</v>
      </c>
      <c r="B37515" t="s">
        <v>816</v>
      </c>
      <c r="C37515">
        <v>1</v>
      </c>
      <c r="D37515">
        <v>0</v>
      </c>
    </row>
    <row r="37516" spans="1:4" x14ac:dyDescent="0.25">
      <c r="A37516" t="s">
        <v>54046</v>
      </c>
      <c r="B37516" t="s">
        <v>54047</v>
      </c>
      <c r="C37516">
        <v>0</v>
      </c>
      <c r="D37516">
        <v>0</v>
      </c>
    </row>
    <row r="37517" spans="1:4" x14ac:dyDescent="0.25">
      <c r="A37517" t="s">
        <v>54046</v>
      </c>
      <c r="B37517" t="s">
        <v>54048</v>
      </c>
      <c r="C37517">
        <v>1</v>
      </c>
      <c r="D37517">
        <v>0</v>
      </c>
    </row>
    <row r="37518" spans="1:4" x14ac:dyDescent="0.25">
      <c r="A37518" t="s">
        <v>54049</v>
      </c>
      <c r="B37518" t="s">
        <v>54050</v>
      </c>
      <c r="C37518">
        <v>1</v>
      </c>
      <c r="D37518">
        <v>0</v>
      </c>
    </row>
    <row r="37519" spans="1:4" x14ac:dyDescent="0.25">
      <c r="A37519" t="s">
        <v>54049</v>
      </c>
      <c r="B37519" t="s">
        <v>54051</v>
      </c>
      <c r="C37519">
        <v>0</v>
      </c>
      <c r="D37519">
        <v>0</v>
      </c>
    </row>
    <row r="37520" spans="1:4" x14ac:dyDescent="0.25">
      <c r="A37520" t="s">
        <v>54049</v>
      </c>
      <c r="B37520" t="s">
        <v>54052</v>
      </c>
      <c r="C37520">
        <v>2</v>
      </c>
      <c r="D37520">
        <v>0</v>
      </c>
    </row>
    <row r="37521" spans="1:4" x14ac:dyDescent="0.25">
      <c r="A37521" t="s">
        <v>54049</v>
      </c>
      <c r="B37521" t="s">
        <v>54053</v>
      </c>
      <c r="C37521">
        <v>1</v>
      </c>
      <c r="D37521">
        <v>0</v>
      </c>
    </row>
    <row r="37522" spans="1:4" x14ac:dyDescent="0.25">
      <c r="A37522" t="s">
        <v>54049</v>
      </c>
      <c r="B37522" t="s">
        <v>54054</v>
      </c>
      <c r="C37522">
        <v>0</v>
      </c>
      <c r="D37522">
        <v>0</v>
      </c>
    </row>
    <row r="37523" spans="1:4" x14ac:dyDescent="0.25">
      <c r="A37523" t="s">
        <v>54049</v>
      </c>
      <c r="B37523" t="s">
        <v>54055</v>
      </c>
      <c r="C37523">
        <v>0</v>
      </c>
      <c r="D37523">
        <v>0</v>
      </c>
    </row>
    <row r="37524" spans="1:4" x14ac:dyDescent="0.25">
      <c r="A37524" t="s">
        <v>54049</v>
      </c>
      <c r="B37524" t="s">
        <v>54056</v>
      </c>
      <c r="C37524">
        <v>1</v>
      </c>
      <c r="D37524">
        <v>0</v>
      </c>
    </row>
    <row r="37525" spans="1:4" x14ac:dyDescent="0.25">
      <c r="A37525" t="s">
        <v>54057</v>
      </c>
      <c r="B37525" t="s">
        <v>54058</v>
      </c>
      <c r="C37525">
        <v>1</v>
      </c>
      <c r="D37525">
        <v>0</v>
      </c>
    </row>
    <row r="37526" spans="1:4" x14ac:dyDescent="0.25">
      <c r="A37526" t="s">
        <v>54057</v>
      </c>
      <c r="B37526" t="s">
        <v>54059</v>
      </c>
      <c r="C37526">
        <v>1</v>
      </c>
      <c r="D37526">
        <v>0</v>
      </c>
    </row>
    <row r="37527" spans="1:4" x14ac:dyDescent="0.25">
      <c r="A37527" t="s">
        <v>54057</v>
      </c>
      <c r="B37527" t="s">
        <v>54060</v>
      </c>
      <c r="C37527">
        <v>2</v>
      </c>
      <c r="D37527">
        <v>0</v>
      </c>
    </row>
    <row r="37528" spans="1:4" x14ac:dyDescent="0.25">
      <c r="A37528" t="s">
        <v>54057</v>
      </c>
      <c r="B37528" t="s">
        <v>54061</v>
      </c>
      <c r="C37528">
        <v>1</v>
      </c>
      <c r="D37528">
        <v>0</v>
      </c>
    </row>
    <row r="37529" spans="1:4" x14ac:dyDescent="0.25">
      <c r="A37529" t="s">
        <v>54057</v>
      </c>
      <c r="B37529" t="s">
        <v>54062</v>
      </c>
      <c r="C37529">
        <v>1</v>
      </c>
      <c r="D37529">
        <v>0</v>
      </c>
    </row>
    <row r="37530" spans="1:4" x14ac:dyDescent="0.25">
      <c r="A37530" t="s">
        <v>54057</v>
      </c>
      <c r="B37530" t="s">
        <v>54063</v>
      </c>
      <c r="C37530">
        <v>1</v>
      </c>
      <c r="D37530">
        <v>0</v>
      </c>
    </row>
    <row r="37531" spans="1:4" x14ac:dyDescent="0.25">
      <c r="A37531" t="s">
        <v>54064</v>
      </c>
      <c r="B37531" t="s">
        <v>54065</v>
      </c>
      <c r="C37531">
        <v>1</v>
      </c>
      <c r="D37531">
        <v>0</v>
      </c>
    </row>
    <row r="37532" spans="1:4" x14ac:dyDescent="0.25">
      <c r="A37532" t="s">
        <v>54064</v>
      </c>
      <c r="B37532" t="s">
        <v>54066</v>
      </c>
      <c r="C37532">
        <v>1</v>
      </c>
      <c r="D37532">
        <v>0</v>
      </c>
    </row>
    <row r="37533" spans="1:4" x14ac:dyDescent="0.25">
      <c r="A37533" t="s">
        <v>54064</v>
      </c>
      <c r="B37533" t="s">
        <v>54067</v>
      </c>
      <c r="C37533">
        <v>0</v>
      </c>
      <c r="D37533">
        <v>0</v>
      </c>
    </row>
    <row r="37534" spans="1:4" x14ac:dyDescent="0.25">
      <c r="A37534" t="s">
        <v>54064</v>
      </c>
      <c r="B37534" t="s">
        <v>54068</v>
      </c>
      <c r="C37534">
        <v>2</v>
      </c>
      <c r="D37534">
        <v>0</v>
      </c>
    </row>
    <row r="37535" spans="1:4" x14ac:dyDescent="0.25">
      <c r="A37535" t="s">
        <v>54064</v>
      </c>
      <c r="B37535" t="s">
        <v>54069</v>
      </c>
      <c r="C37535">
        <v>2</v>
      </c>
      <c r="D37535">
        <v>0</v>
      </c>
    </row>
    <row r="37536" spans="1:4" x14ac:dyDescent="0.25">
      <c r="A37536" t="s">
        <v>54064</v>
      </c>
      <c r="B37536" t="s">
        <v>54070</v>
      </c>
      <c r="C37536">
        <v>2</v>
      </c>
      <c r="D37536">
        <v>0</v>
      </c>
    </row>
    <row r="37537" spans="1:4" x14ac:dyDescent="0.25">
      <c r="A37537" t="s">
        <v>54071</v>
      </c>
      <c r="B37537" t="s">
        <v>54072</v>
      </c>
      <c r="C37537">
        <v>1</v>
      </c>
      <c r="D37537">
        <v>0</v>
      </c>
    </row>
    <row r="37538" spans="1:4" x14ac:dyDescent="0.25">
      <c r="A37538" t="s">
        <v>54071</v>
      </c>
      <c r="B37538" t="s">
        <v>54073</v>
      </c>
      <c r="C37538">
        <v>1</v>
      </c>
      <c r="D37538">
        <v>0</v>
      </c>
    </row>
    <row r="37539" spans="1:4" x14ac:dyDescent="0.25">
      <c r="A37539" t="s">
        <v>54071</v>
      </c>
      <c r="B37539" t="s">
        <v>54074</v>
      </c>
      <c r="C37539">
        <v>0</v>
      </c>
      <c r="D37539">
        <v>0</v>
      </c>
    </row>
    <row r="37540" spans="1:4" x14ac:dyDescent="0.25">
      <c r="A37540" t="s">
        <v>54071</v>
      </c>
      <c r="B37540" t="s">
        <v>54075</v>
      </c>
      <c r="C37540">
        <v>0</v>
      </c>
      <c r="D37540">
        <v>0</v>
      </c>
    </row>
    <row r="37541" spans="1:4" x14ac:dyDescent="0.25">
      <c r="A37541" t="s">
        <v>54071</v>
      </c>
      <c r="B37541" t="s">
        <v>6548</v>
      </c>
      <c r="C37541">
        <v>0</v>
      </c>
      <c r="D37541">
        <v>0</v>
      </c>
    </row>
    <row r="37542" spans="1:4" x14ac:dyDescent="0.25">
      <c r="A37542" t="s">
        <v>54071</v>
      </c>
      <c r="B37542" t="s">
        <v>54076</v>
      </c>
      <c r="C37542">
        <v>1</v>
      </c>
      <c r="D37542">
        <v>0</v>
      </c>
    </row>
    <row r="37543" spans="1:4" x14ac:dyDescent="0.25">
      <c r="A37543" t="s">
        <v>54071</v>
      </c>
      <c r="B37543" t="s">
        <v>54077</v>
      </c>
      <c r="C37543">
        <v>0</v>
      </c>
      <c r="D37543">
        <v>0</v>
      </c>
    </row>
    <row r="37544" spans="1:4" x14ac:dyDescent="0.25">
      <c r="A37544" t="s">
        <v>54071</v>
      </c>
      <c r="B37544" t="s">
        <v>54078</v>
      </c>
      <c r="C37544">
        <v>0</v>
      </c>
      <c r="D37544">
        <v>0</v>
      </c>
    </row>
    <row r="37545" spans="1:4" x14ac:dyDescent="0.25">
      <c r="A37545" t="s">
        <v>54079</v>
      </c>
      <c r="B37545" t="s">
        <v>54080</v>
      </c>
      <c r="C37545">
        <v>1</v>
      </c>
      <c r="D37545">
        <v>0</v>
      </c>
    </row>
    <row r="37546" spans="1:4" x14ac:dyDescent="0.25">
      <c r="A37546" t="s">
        <v>54079</v>
      </c>
      <c r="B37546" t="s">
        <v>54081</v>
      </c>
      <c r="C37546">
        <v>0</v>
      </c>
      <c r="D37546">
        <v>0</v>
      </c>
    </row>
    <row r="37547" spans="1:4" x14ac:dyDescent="0.25">
      <c r="A37547" t="s">
        <v>54079</v>
      </c>
      <c r="B37547" t="s">
        <v>54082</v>
      </c>
      <c r="C37547">
        <v>2</v>
      </c>
      <c r="D37547">
        <v>0</v>
      </c>
    </row>
    <row r="37548" spans="1:4" x14ac:dyDescent="0.25">
      <c r="A37548" t="s">
        <v>54079</v>
      </c>
      <c r="B37548" t="s">
        <v>54083</v>
      </c>
      <c r="C37548">
        <v>0</v>
      </c>
      <c r="D37548">
        <v>0</v>
      </c>
    </row>
    <row r="37549" spans="1:4" x14ac:dyDescent="0.25">
      <c r="A37549" t="s">
        <v>54079</v>
      </c>
      <c r="B37549" t="s">
        <v>54084</v>
      </c>
      <c r="C37549">
        <v>2</v>
      </c>
      <c r="D37549">
        <v>0</v>
      </c>
    </row>
    <row r="37550" spans="1:4" x14ac:dyDescent="0.25">
      <c r="A37550" t="s">
        <v>54079</v>
      </c>
      <c r="B37550" t="s">
        <v>54085</v>
      </c>
      <c r="C37550">
        <v>2</v>
      </c>
      <c r="D37550">
        <v>0</v>
      </c>
    </row>
    <row r="37551" spans="1:4" x14ac:dyDescent="0.25">
      <c r="A37551" t="s">
        <v>54086</v>
      </c>
      <c r="B37551" t="s">
        <v>54087</v>
      </c>
      <c r="C37551">
        <v>1</v>
      </c>
      <c r="D37551">
        <v>0</v>
      </c>
    </row>
    <row r="37552" spans="1:4" x14ac:dyDescent="0.25">
      <c r="A37552" t="s">
        <v>54086</v>
      </c>
      <c r="B37552" t="s">
        <v>54088</v>
      </c>
      <c r="C37552">
        <v>1</v>
      </c>
      <c r="D37552">
        <v>0</v>
      </c>
    </row>
    <row r="37553" spans="1:4" x14ac:dyDescent="0.25">
      <c r="A37553" t="s">
        <v>54086</v>
      </c>
      <c r="B37553" t="s">
        <v>54089</v>
      </c>
      <c r="C37553">
        <v>1</v>
      </c>
      <c r="D37553">
        <v>0</v>
      </c>
    </row>
    <row r="37554" spans="1:4" x14ac:dyDescent="0.25">
      <c r="A37554" t="s">
        <v>54090</v>
      </c>
      <c r="B37554" t="s">
        <v>54091</v>
      </c>
      <c r="C37554">
        <v>1</v>
      </c>
      <c r="D37554">
        <v>0</v>
      </c>
    </row>
    <row r="37555" spans="1:4" x14ac:dyDescent="0.25">
      <c r="A37555" t="s">
        <v>54090</v>
      </c>
      <c r="B37555" t="s">
        <v>54092</v>
      </c>
      <c r="C37555">
        <v>2</v>
      </c>
      <c r="D37555">
        <v>0</v>
      </c>
    </row>
    <row r="37556" spans="1:4" x14ac:dyDescent="0.25">
      <c r="A37556" t="s">
        <v>54090</v>
      </c>
      <c r="B37556" t="s">
        <v>54093</v>
      </c>
      <c r="C37556">
        <v>1</v>
      </c>
      <c r="D37556">
        <v>0</v>
      </c>
    </row>
    <row r="37557" spans="1:4" x14ac:dyDescent="0.25">
      <c r="A37557" t="s">
        <v>54090</v>
      </c>
      <c r="B37557" t="s">
        <v>54094</v>
      </c>
      <c r="C37557">
        <v>1</v>
      </c>
      <c r="D37557">
        <v>0</v>
      </c>
    </row>
    <row r="37558" spans="1:4" x14ac:dyDescent="0.25">
      <c r="A37558" t="s">
        <v>54095</v>
      </c>
      <c r="B37558" t="s">
        <v>54096</v>
      </c>
      <c r="C37558">
        <v>2</v>
      </c>
      <c r="D37558">
        <v>0</v>
      </c>
    </row>
    <row r="37559" spans="1:4" x14ac:dyDescent="0.25">
      <c r="A37559" t="s">
        <v>54095</v>
      </c>
      <c r="B37559" t="s">
        <v>54097</v>
      </c>
      <c r="C37559">
        <v>2</v>
      </c>
      <c r="D37559">
        <v>0</v>
      </c>
    </row>
    <row r="37560" spans="1:4" x14ac:dyDescent="0.25">
      <c r="A37560" t="s">
        <v>54095</v>
      </c>
      <c r="B37560" t="s">
        <v>54098</v>
      </c>
      <c r="C37560">
        <v>2</v>
      </c>
      <c r="D37560">
        <v>0</v>
      </c>
    </row>
    <row r="37561" spans="1:4" x14ac:dyDescent="0.25">
      <c r="A37561" t="s">
        <v>54099</v>
      </c>
      <c r="B37561" t="s">
        <v>54100</v>
      </c>
      <c r="C37561">
        <v>2</v>
      </c>
      <c r="D37561">
        <v>0</v>
      </c>
    </row>
    <row r="37562" spans="1:4" x14ac:dyDescent="0.25">
      <c r="A37562" t="s">
        <v>54101</v>
      </c>
      <c r="B37562" t="s">
        <v>54102</v>
      </c>
      <c r="C37562">
        <v>1</v>
      </c>
      <c r="D37562">
        <v>0</v>
      </c>
    </row>
    <row r="37563" spans="1:4" x14ac:dyDescent="0.25">
      <c r="A37563" t="s">
        <v>54101</v>
      </c>
      <c r="B37563" t="s">
        <v>54103</v>
      </c>
      <c r="C37563">
        <v>1</v>
      </c>
      <c r="D37563">
        <v>0</v>
      </c>
    </row>
    <row r="37564" spans="1:4" x14ac:dyDescent="0.25">
      <c r="A37564" t="s">
        <v>54101</v>
      </c>
      <c r="B37564" t="s">
        <v>54104</v>
      </c>
      <c r="C37564">
        <v>2</v>
      </c>
      <c r="D37564">
        <v>0</v>
      </c>
    </row>
    <row r="37565" spans="1:4" x14ac:dyDescent="0.25">
      <c r="A37565" t="s">
        <v>54105</v>
      </c>
      <c r="B37565" t="s">
        <v>54106</v>
      </c>
      <c r="C37565">
        <v>1</v>
      </c>
      <c r="D37565">
        <v>0</v>
      </c>
    </row>
    <row r="37566" spans="1:4" x14ac:dyDescent="0.25">
      <c r="A37566" t="s">
        <v>54105</v>
      </c>
      <c r="B37566" t="s">
        <v>54107</v>
      </c>
      <c r="C37566">
        <v>1</v>
      </c>
      <c r="D37566">
        <v>0</v>
      </c>
    </row>
    <row r="37567" spans="1:4" x14ac:dyDescent="0.25">
      <c r="A37567" t="s">
        <v>54105</v>
      </c>
      <c r="B37567" t="s">
        <v>54108</v>
      </c>
      <c r="C37567">
        <v>1</v>
      </c>
      <c r="D37567">
        <v>0</v>
      </c>
    </row>
    <row r="37568" spans="1:4" x14ac:dyDescent="0.25">
      <c r="A37568" t="s">
        <v>54105</v>
      </c>
      <c r="B37568" t="s">
        <v>54109</v>
      </c>
      <c r="C37568">
        <v>0</v>
      </c>
      <c r="D37568">
        <v>0</v>
      </c>
    </row>
    <row r="37569" spans="1:4" x14ac:dyDescent="0.25">
      <c r="A37569" t="s">
        <v>54110</v>
      </c>
      <c r="B37569" t="s">
        <v>54111</v>
      </c>
      <c r="C37569">
        <v>2</v>
      </c>
      <c r="D37569">
        <v>0</v>
      </c>
    </row>
    <row r="37570" spans="1:4" x14ac:dyDescent="0.25">
      <c r="A37570" t="s">
        <v>54110</v>
      </c>
      <c r="B37570" t="s">
        <v>54112</v>
      </c>
      <c r="C37570">
        <v>1</v>
      </c>
      <c r="D37570">
        <v>0</v>
      </c>
    </row>
    <row r="37571" spans="1:4" x14ac:dyDescent="0.25">
      <c r="A37571" t="s">
        <v>54113</v>
      </c>
      <c r="B37571" t="s">
        <v>54114</v>
      </c>
      <c r="C37571">
        <v>0</v>
      </c>
      <c r="D37571">
        <v>0</v>
      </c>
    </row>
    <row r="37572" spans="1:4" x14ac:dyDescent="0.25">
      <c r="A37572" t="s">
        <v>54113</v>
      </c>
      <c r="B37572" t="s">
        <v>54115</v>
      </c>
      <c r="C37572">
        <v>0</v>
      </c>
      <c r="D37572">
        <v>0</v>
      </c>
    </row>
    <row r="37573" spans="1:4" x14ac:dyDescent="0.25">
      <c r="A37573" t="s">
        <v>54113</v>
      </c>
      <c r="B37573" t="s">
        <v>54116</v>
      </c>
      <c r="C37573">
        <v>0</v>
      </c>
      <c r="D37573">
        <v>0</v>
      </c>
    </row>
    <row r="37574" spans="1:4" x14ac:dyDescent="0.25">
      <c r="A37574" t="s">
        <v>54113</v>
      </c>
      <c r="B37574" t="s">
        <v>54117</v>
      </c>
      <c r="C37574">
        <v>0</v>
      </c>
      <c r="D37574">
        <v>0</v>
      </c>
    </row>
    <row r="37575" spans="1:4" x14ac:dyDescent="0.25">
      <c r="A37575" t="s">
        <v>54113</v>
      </c>
      <c r="B37575" t="s">
        <v>54118</v>
      </c>
      <c r="C37575">
        <v>1</v>
      </c>
      <c r="D37575">
        <v>0</v>
      </c>
    </row>
    <row r="37576" spans="1:4" x14ac:dyDescent="0.25">
      <c r="A37576" t="s">
        <v>54113</v>
      </c>
      <c r="B37576" t="s">
        <v>54119</v>
      </c>
      <c r="C37576">
        <v>0</v>
      </c>
      <c r="D37576">
        <v>0</v>
      </c>
    </row>
    <row r="37577" spans="1:4" x14ac:dyDescent="0.25">
      <c r="A37577" t="s">
        <v>54120</v>
      </c>
      <c r="B37577" t="s">
        <v>54121</v>
      </c>
      <c r="C37577">
        <v>0</v>
      </c>
      <c r="D37577">
        <v>0</v>
      </c>
    </row>
    <row r="37578" spans="1:4" x14ac:dyDescent="0.25">
      <c r="A37578" t="s">
        <v>54120</v>
      </c>
      <c r="B37578" t="s">
        <v>54122</v>
      </c>
      <c r="C37578">
        <v>1</v>
      </c>
      <c r="D37578">
        <v>0</v>
      </c>
    </row>
    <row r="37579" spans="1:4" x14ac:dyDescent="0.25">
      <c r="A37579" t="s">
        <v>54120</v>
      </c>
      <c r="B37579" t="s">
        <v>54123</v>
      </c>
      <c r="C37579">
        <v>1</v>
      </c>
      <c r="D37579">
        <v>0</v>
      </c>
    </row>
    <row r="37580" spans="1:4" x14ac:dyDescent="0.25">
      <c r="A37580" t="s">
        <v>54120</v>
      </c>
      <c r="B37580" t="s">
        <v>54124</v>
      </c>
      <c r="C37580">
        <v>1</v>
      </c>
      <c r="D37580">
        <v>0</v>
      </c>
    </row>
    <row r="37581" spans="1:4" x14ac:dyDescent="0.25">
      <c r="A37581" t="s">
        <v>54125</v>
      </c>
      <c r="B37581" t="s">
        <v>54126</v>
      </c>
      <c r="C37581">
        <v>1</v>
      </c>
      <c r="D37581">
        <v>0</v>
      </c>
    </row>
    <row r="37582" spans="1:4" x14ac:dyDescent="0.25">
      <c r="A37582" t="s">
        <v>54125</v>
      </c>
      <c r="B37582" t="s">
        <v>54127</v>
      </c>
      <c r="C37582">
        <v>1</v>
      </c>
      <c r="D37582">
        <v>0</v>
      </c>
    </row>
    <row r="37583" spans="1:4" x14ac:dyDescent="0.25">
      <c r="A37583" t="s">
        <v>54125</v>
      </c>
      <c r="B37583" t="s">
        <v>54128</v>
      </c>
      <c r="C37583">
        <v>1</v>
      </c>
      <c r="D37583">
        <v>0</v>
      </c>
    </row>
    <row r="37584" spans="1:4" x14ac:dyDescent="0.25">
      <c r="A37584" t="s">
        <v>54125</v>
      </c>
      <c r="B37584" t="s">
        <v>54129</v>
      </c>
      <c r="C37584">
        <v>1</v>
      </c>
      <c r="D37584">
        <v>0</v>
      </c>
    </row>
    <row r="37585" spans="1:4" x14ac:dyDescent="0.25">
      <c r="A37585" t="s">
        <v>54125</v>
      </c>
      <c r="B37585" t="s">
        <v>54130</v>
      </c>
      <c r="C37585">
        <v>2</v>
      </c>
      <c r="D37585">
        <v>0</v>
      </c>
    </row>
    <row r="37586" spans="1:4" x14ac:dyDescent="0.25">
      <c r="A37586" t="s">
        <v>54125</v>
      </c>
      <c r="B37586" t="s">
        <v>54131</v>
      </c>
      <c r="C37586">
        <v>1</v>
      </c>
      <c r="D37586">
        <v>0</v>
      </c>
    </row>
    <row r="37587" spans="1:4" x14ac:dyDescent="0.25">
      <c r="A37587" t="s">
        <v>54125</v>
      </c>
      <c r="B37587" t="s">
        <v>54132</v>
      </c>
      <c r="C37587">
        <v>2</v>
      </c>
      <c r="D37587">
        <v>0</v>
      </c>
    </row>
    <row r="37588" spans="1:4" x14ac:dyDescent="0.25">
      <c r="A37588" t="s">
        <v>54125</v>
      </c>
      <c r="B37588" t="s">
        <v>54127</v>
      </c>
      <c r="C37588">
        <v>1</v>
      </c>
      <c r="D37588">
        <v>0</v>
      </c>
    </row>
    <row r="37589" spans="1:4" x14ac:dyDescent="0.25">
      <c r="A37589" t="s">
        <v>54133</v>
      </c>
      <c r="B37589" t="s">
        <v>54134</v>
      </c>
      <c r="C37589">
        <v>2</v>
      </c>
      <c r="D37589">
        <v>0</v>
      </c>
    </row>
    <row r="37590" spans="1:4" x14ac:dyDescent="0.25">
      <c r="A37590" t="s">
        <v>54133</v>
      </c>
      <c r="B37590" t="s">
        <v>54135</v>
      </c>
      <c r="C37590">
        <v>0</v>
      </c>
      <c r="D37590">
        <v>0</v>
      </c>
    </row>
    <row r="37591" spans="1:4" x14ac:dyDescent="0.25">
      <c r="A37591" t="s">
        <v>54133</v>
      </c>
      <c r="B37591" t="s">
        <v>54136</v>
      </c>
      <c r="C37591">
        <v>2</v>
      </c>
      <c r="D37591">
        <v>0</v>
      </c>
    </row>
    <row r="37592" spans="1:4" x14ac:dyDescent="0.25">
      <c r="A37592" t="s">
        <v>54133</v>
      </c>
      <c r="B37592" t="s">
        <v>54137</v>
      </c>
      <c r="C37592">
        <v>0</v>
      </c>
      <c r="D37592">
        <v>0</v>
      </c>
    </row>
    <row r="37593" spans="1:4" x14ac:dyDescent="0.25">
      <c r="A37593" t="s">
        <v>54133</v>
      </c>
      <c r="B37593" t="s">
        <v>54138</v>
      </c>
      <c r="C37593">
        <v>0</v>
      </c>
      <c r="D37593">
        <v>0</v>
      </c>
    </row>
    <row r="37594" spans="1:4" x14ac:dyDescent="0.25">
      <c r="A37594" t="s">
        <v>54133</v>
      </c>
      <c r="B37594" t="s">
        <v>54139</v>
      </c>
      <c r="C37594">
        <v>2</v>
      </c>
      <c r="D37594">
        <v>0</v>
      </c>
    </row>
    <row r="37595" spans="1:4" x14ac:dyDescent="0.25">
      <c r="A37595" t="s">
        <v>54133</v>
      </c>
      <c r="B37595" t="s">
        <v>54140</v>
      </c>
      <c r="C37595">
        <v>2</v>
      </c>
      <c r="D37595">
        <v>0</v>
      </c>
    </row>
    <row r="37596" spans="1:4" x14ac:dyDescent="0.25">
      <c r="A37596" t="s">
        <v>54133</v>
      </c>
      <c r="B37596" t="s">
        <v>54141</v>
      </c>
      <c r="C37596">
        <v>1</v>
      </c>
      <c r="D37596">
        <v>0</v>
      </c>
    </row>
    <row r="37597" spans="1:4" x14ac:dyDescent="0.25">
      <c r="A37597" t="s">
        <v>54142</v>
      </c>
      <c r="B37597" t="s">
        <v>54143</v>
      </c>
      <c r="C37597">
        <v>1</v>
      </c>
      <c r="D37597">
        <v>0</v>
      </c>
    </row>
    <row r="37598" spans="1:4" x14ac:dyDescent="0.25">
      <c r="A37598" t="s">
        <v>54142</v>
      </c>
      <c r="B37598" t="s">
        <v>54144</v>
      </c>
      <c r="C37598">
        <v>1</v>
      </c>
      <c r="D37598">
        <v>0</v>
      </c>
    </row>
    <row r="37599" spans="1:4" x14ac:dyDescent="0.25">
      <c r="A37599" t="s">
        <v>54145</v>
      </c>
      <c r="B37599" t="s">
        <v>54146</v>
      </c>
      <c r="C37599">
        <v>1</v>
      </c>
      <c r="D37599">
        <v>0</v>
      </c>
    </row>
    <row r="37600" spans="1:4" x14ac:dyDescent="0.25">
      <c r="A37600" t="s">
        <v>54145</v>
      </c>
      <c r="B37600" t="s">
        <v>14576</v>
      </c>
      <c r="C37600">
        <v>1</v>
      </c>
      <c r="D37600">
        <v>0</v>
      </c>
    </row>
    <row r="37601" spans="1:4" x14ac:dyDescent="0.25">
      <c r="A37601" t="s">
        <v>54145</v>
      </c>
      <c r="B37601" t="s">
        <v>1294</v>
      </c>
      <c r="C37601">
        <v>1</v>
      </c>
      <c r="D37601">
        <v>0</v>
      </c>
    </row>
    <row r="37602" spans="1:4" x14ac:dyDescent="0.25">
      <c r="A37602" t="s">
        <v>54145</v>
      </c>
      <c r="B37602" t="s">
        <v>54147</v>
      </c>
      <c r="C37602">
        <v>1</v>
      </c>
      <c r="D37602">
        <v>0</v>
      </c>
    </row>
    <row r="37603" spans="1:4" x14ac:dyDescent="0.25">
      <c r="A37603" t="s">
        <v>54145</v>
      </c>
      <c r="B37603" t="s">
        <v>54148</v>
      </c>
      <c r="C37603">
        <v>1</v>
      </c>
      <c r="D37603">
        <v>0</v>
      </c>
    </row>
    <row r="37604" spans="1:4" x14ac:dyDescent="0.25">
      <c r="A37604" t="s">
        <v>54149</v>
      </c>
      <c r="B37604" t="s">
        <v>54150</v>
      </c>
      <c r="C37604">
        <v>1</v>
      </c>
      <c r="D37604">
        <v>0</v>
      </c>
    </row>
    <row r="37605" spans="1:4" x14ac:dyDescent="0.25">
      <c r="A37605" t="s">
        <v>54149</v>
      </c>
      <c r="B37605" t="s">
        <v>1001</v>
      </c>
      <c r="C37605">
        <v>1</v>
      </c>
      <c r="D37605">
        <v>0</v>
      </c>
    </row>
    <row r="37606" spans="1:4" x14ac:dyDescent="0.25">
      <c r="A37606" t="s">
        <v>54149</v>
      </c>
      <c r="B37606" t="s">
        <v>54151</v>
      </c>
      <c r="C37606">
        <v>1</v>
      </c>
      <c r="D37606">
        <v>0</v>
      </c>
    </row>
    <row r="37607" spans="1:4" x14ac:dyDescent="0.25">
      <c r="A37607" t="s">
        <v>54149</v>
      </c>
      <c r="B37607" t="s">
        <v>54152</v>
      </c>
      <c r="C37607">
        <v>2</v>
      </c>
      <c r="D37607">
        <v>0</v>
      </c>
    </row>
    <row r="37608" spans="1:4" x14ac:dyDescent="0.25">
      <c r="A37608" t="s">
        <v>54149</v>
      </c>
      <c r="B37608" t="s">
        <v>54153</v>
      </c>
      <c r="C37608">
        <v>1</v>
      </c>
      <c r="D37608">
        <v>0</v>
      </c>
    </row>
    <row r="37609" spans="1:4" x14ac:dyDescent="0.25">
      <c r="A37609" t="s">
        <v>54149</v>
      </c>
      <c r="B37609" t="s">
        <v>54154</v>
      </c>
      <c r="C37609">
        <v>1</v>
      </c>
      <c r="D37609">
        <v>0</v>
      </c>
    </row>
    <row r="37610" spans="1:4" x14ac:dyDescent="0.25">
      <c r="A37610" t="s">
        <v>54149</v>
      </c>
      <c r="B37610" t="s">
        <v>54155</v>
      </c>
      <c r="C37610">
        <v>1</v>
      </c>
      <c r="D37610">
        <v>0</v>
      </c>
    </row>
    <row r="37611" spans="1:4" x14ac:dyDescent="0.25">
      <c r="A37611" t="s">
        <v>54156</v>
      </c>
      <c r="B37611" t="s">
        <v>53620</v>
      </c>
      <c r="C37611">
        <v>1</v>
      </c>
      <c r="D37611">
        <v>0</v>
      </c>
    </row>
    <row r="37612" spans="1:4" x14ac:dyDescent="0.25">
      <c r="A37612" t="s">
        <v>54156</v>
      </c>
      <c r="B37612" t="s">
        <v>54157</v>
      </c>
      <c r="C37612">
        <v>2</v>
      </c>
      <c r="D37612">
        <v>0</v>
      </c>
    </row>
    <row r="37613" spans="1:4" x14ac:dyDescent="0.25">
      <c r="A37613" t="s">
        <v>54156</v>
      </c>
      <c r="B37613" t="s">
        <v>54158</v>
      </c>
      <c r="C37613">
        <v>2</v>
      </c>
      <c r="D37613">
        <v>0</v>
      </c>
    </row>
    <row r="37614" spans="1:4" x14ac:dyDescent="0.25">
      <c r="A37614" t="s">
        <v>54156</v>
      </c>
      <c r="B37614" t="s">
        <v>54159</v>
      </c>
      <c r="C37614">
        <v>2</v>
      </c>
      <c r="D37614">
        <v>0</v>
      </c>
    </row>
    <row r="37615" spans="1:4" x14ac:dyDescent="0.25">
      <c r="A37615" t="s">
        <v>54160</v>
      </c>
      <c r="B37615" t="s">
        <v>54161</v>
      </c>
      <c r="C37615">
        <v>1</v>
      </c>
      <c r="D37615">
        <v>0</v>
      </c>
    </row>
    <row r="37616" spans="1:4" x14ac:dyDescent="0.25">
      <c r="A37616" t="s">
        <v>54160</v>
      </c>
      <c r="B37616" t="s">
        <v>54162</v>
      </c>
      <c r="C37616">
        <v>1</v>
      </c>
      <c r="D37616">
        <v>0</v>
      </c>
    </row>
    <row r="37617" spans="1:4" x14ac:dyDescent="0.25">
      <c r="A37617" t="s">
        <v>54160</v>
      </c>
      <c r="B37617" t="s">
        <v>54163</v>
      </c>
      <c r="C37617">
        <v>1</v>
      </c>
      <c r="D37617">
        <v>0</v>
      </c>
    </row>
    <row r="37618" spans="1:4" x14ac:dyDescent="0.25">
      <c r="A37618" t="s">
        <v>54164</v>
      </c>
      <c r="B37618" t="s">
        <v>54165</v>
      </c>
      <c r="C37618">
        <v>1</v>
      </c>
      <c r="D37618">
        <v>0</v>
      </c>
    </row>
    <row r="37619" spans="1:4" x14ac:dyDescent="0.25">
      <c r="A37619" t="s">
        <v>54164</v>
      </c>
      <c r="B37619" t="s">
        <v>54166</v>
      </c>
      <c r="C37619">
        <v>1</v>
      </c>
      <c r="D37619">
        <v>0</v>
      </c>
    </row>
    <row r="37620" spans="1:4" x14ac:dyDescent="0.25">
      <c r="A37620" t="s">
        <v>54164</v>
      </c>
      <c r="B37620" t="s">
        <v>54167</v>
      </c>
      <c r="C37620">
        <v>1</v>
      </c>
      <c r="D37620">
        <v>0</v>
      </c>
    </row>
    <row r="37621" spans="1:4" x14ac:dyDescent="0.25">
      <c r="A37621" t="s">
        <v>54164</v>
      </c>
      <c r="B37621" t="s">
        <v>54168</v>
      </c>
      <c r="C37621">
        <v>0</v>
      </c>
      <c r="D37621">
        <v>0</v>
      </c>
    </row>
    <row r="37622" spans="1:4" x14ac:dyDescent="0.25">
      <c r="A37622" t="s">
        <v>54169</v>
      </c>
      <c r="B37622" t="s">
        <v>5864</v>
      </c>
      <c r="C37622">
        <v>1</v>
      </c>
      <c r="D37622">
        <v>0</v>
      </c>
    </row>
    <row r="37623" spans="1:4" x14ac:dyDescent="0.25">
      <c r="A37623" t="s">
        <v>54169</v>
      </c>
      <c r="B37623" t="s">
        <v>11948</v>
      </c>
      <c r="C37623">
        <v>0</v>
      </c>
      <c r="D37623">
        <v>0</v>
      </c>
    </row>
    <row r="37624" spans="1:4" x14ac:dyDescent="0.25">
      <c r="A37624" t="s">
        <v>54169</v>
      </c>
      <c r="B37624" t="s">
        <v>54170</v>
      </c>
      <c r="C37624">
        <v>0</v>
      </c>
      <c r="D37624">
        <v>0</v>
      </c>
    </row>
    <row r="37625" spans="1:4" x14ac:dyDescent="0.25">
      <c r="A37625" t="s">
        <v>54169</v>
      </c>
      <c r="B37625" t="s">
        <v>54171</v>
      </c>
      <c r="C37625">
        <v>0</v>
      </c>
      <c r="D37625">
        <v>0</v>
      </c>
    </row>
    <row r="37626" spans="1:4" x14ac:dyDescent="0.25">
      <c r="A37626" t="s">
        <v>54172</v>
      </c>
      <c r="B37626" t="s">
        <v>54173</v>
      </c>
      <c r="C37626">
        <v>1</v>
      </c>
      <c r="D37626">
        <v>0</v>
      </c>
    </row>
    <row r="37627" spans="1:4" x14ac:dyDescent="0.25">
      <c r="A37627" t="s">
        <v>54172</v>
      </c>
      <c r="B37627" t="s">
        <v>54174</v>
      </c>
      <c r="C37627">
        <v>1</v>
      </c>
      <c r="D37627">
        <v>0</v>
      </c>
    </row>
    <row r="37628" spans="1:4" x14ac:dyDescent="0.25">
      <c r="A37628" t="s">
        <v>54172</v>
      </c>
      <c r="B37628" t="s">
        <v>54175</v>
      </c>
      <c r="C37628">
        <v>0</v>
      </c>
      <c r="D37628">
        <v>0</v>
      </c>
    </row>
    <row r="37629" spans="1:4" x14ac:dyDescent="0.25">
      <c r="A37629" t="s">
        <v>54172</v>
      </c>
      <c r="B37629" t="s">
        <v>54176</v>
      </c>
      <c r="C37629">
        <v>0</v>
      </c>
      <c r="D37629">
        <v>0</v>
      </c>
    </row>
    <row r="37630" spans="1:4" x14ac:dyDescent="0.25">
      <c r="A37630" t="s">
        <v>54172</v>
      </c>
      <c r="B37630" t="s">
        <v>54177</v>
      </c>
      <c r="C37630">
        <v>1</v>
      </c>
      <c r="D37630">
        <v>0</v>
      </c>
    </row>
    <row r="37631" spans="1:4" x14ac:dyDescent="0.25">
      <c r="A37631" t="s">
        <v>54172</v>
      </c>
      <c r="B37631" t="s">
        <v>54178</v>
      </c>
      <c r="C37631">
        <v>0</v>
      </c>
      <c r="D37631">
        <v>0</v>
      </c>
    </row>
    <row r="37632" spans="1:4" x14ac:dyDescent="0.25">
      <c r="A37632" t="s">
        <v>54179</v>
      </c>
      <c r="B37632" t="s">
        <v>54180</v>
      </c>
      <c r="C37632">
        <v>2</v>
      </c>
      <c r="D37632">
        <v>0</v>
      </c>
    </row>
    <row r="37633" spans="1:4" x14ac:dyDescent="0.25">
      <c r="A37633" t="s">
        <v>54179</v>
      </c>
      <c r="B37633" t="s">
        <v>54181</v>
      </c>
      <c r="C37633">
        <v>0</v>
      </c>
      <c r="D37633">
        <v>0</v>
      </c>
    </row>
    <row r="37634" spans="1:4" x14ac:dyDescent="0.25">
      <c r="A37634" t="s">
        <v>54179</v>
      </c>
      <c r="B37634" t="s">
        <v>54182</v>
      </c>
      <c r="C37634">
        <v>2</v>
      </c>
      <c r="D37634">
        <v>0</v>
      </c>
    </row>
    <row r="37635" spans="1:4" x14ac:dyDescent="0.25">
      <c r="A37635" t="s">
        <v>54183</v>
      </c>
      <c r="B37635" t="s">
        <v>54184</v>
      </c>
      <c r="C37635">
        <v>0</v>
      </c>
      <c r="D37635">
        <v>0</v>
      </c>
    </row>
    <row r="37636" spans="1:4" x14ac:dyDescent="0.25">
      <c r="A37636" t="s">
        <v>54185</v>
      </c>
      <c r="B37636" t="s">
        <v>54186</v>
      </c>
      <c r="C37636">
        <v>0</v>
      </c>
      <c r="D37636">
        <v>0</v>
      </c>
    </row>
    <row r="37637" spans="1:4" x14ac:dyDescent="0.25">
      <c r="A37637" t="s">
        <v>54185</v>
      </c>
      <c r="B37637" t="s">
        <v>18079</v>
      </c>
      <c r="C37637">
        <v>1</v>
      </c>
      <c r="D37637">
        <v>0</v>
      </c>
    </row>
    <row r="37638" spans="1:4" x14ac:dyDescent="0.25">
      <c r="A37638" t="s">
        <v>54185</v>
      </c>
      <c r="B37638" t="s">
        <v>54187</v>
      </c>
      <c r="C37638">
        <v>0</v>
      </c>
      <c r="D37638">
        <v>0</v>
      </c>
    </row>
    <row r="37639" spans="1:4" x14ac:dyDescent="0.25">
      <c r="A37639" t="s">
        <v>54185</v>
      </c>
      <c r="B37639" t="s">
        <v>54188</v>
      </c>
      <c r="C37639">
        <v>0</v>
      </c>
      <c r="D37639">
        <v>0</v>
      </c>
    </row>
    <row r="37640" spans="1:4" x14ac:dyDescent="0.25">
      <c r="A37640" t="s">
        <v>54189</v>
      </c>
      <c r="B37640" t="s">
        <v>54190</v>
      </c>
      <c r="C37640">
        <v>1</v>
      </c>
      <c r="D37640">
        <v>0</v>
      </c>
    </row>
    <row r="37641" spans="1:4" x14ac:dyDescent="0.25">
      <c r="A37641" t="s">
        <v>54189</v>
      </c>
      <c r="B37641" t="s">
        <v>54191</v>
      </c>
      <c r="C37641">
        <v>1</v>
      </c>
      <c r="D37641">
        <v>0</v>
      </c>
    </row>
    <row r="37642" spans="1:4" x14ac:dyDescent="0.25">
      <c r="A37642" t="s">
        <v>54189</v>
      </c>
      <c r="B37642" t="s">
        <v>54192</v>
      </c>
      <c r="C37642">
        <v>1</v>
      </c>
      <c r="D37642">
        <v>0</v>
      </c>
    </row>
    <row r="37643" spans="1:4" x14ac:dyDescent="0.25">
      <c r="A37643" t="s">
        <v>54193</v>
      </c>
      <c r="B37643" t="s">
        <v>54194</v>
      </c>
      <c r="C37643">
        <v>1</v>
      </c>
      <c r="D37643">
        <v>0</v>
      </c>
    </row>
    <row r="37644" spans="1:4" x14ac:dyDescent="0.25">
      <c r="A37644" t="s">
        <v>54193</v>
      </c>
      <c r="B37644" t="s">
        <v>54195</v>
      </c>
      <c r="C37644">
        <v>1</v>
      </c>
      <c r="D37644">
        <v>0</v>
      </c>
    </row>
    <row r="37645" spans="1:4" x14ac:dyDescent="0.25">
      <c r="A37645" t="s">
        <v>54193</v>
      </c>
      <c r="B37645" t="s">
        <v>54196</v>
      </c>
      <c r="C37645">
        <v>1</v>
      </c>
      <c r="D37645">
        <v>0</v>
      </c>
    </row>
    <row r="37646" spans="1:4" x14ac:dyDescent="0.25">
      <c r="A37646" t="s">
        <v>54193</v>
      </c>
      <c r="B37646" t="s">
        <v>5434</v>
      </c>
      <c r="C37646">
        <v>1</v>
      </c>
      <c r="D37646">
        <v>0</v>
      </c>
    </row>
    <row r="37647" spans="1:4" x14ac:dyDescent="0.25">
      <c r="A37647" t="s">
        <v>54197</v>
      </c>
      <c r="B37647" t="s">
        <v>54198</v>
      </c>
      <c r="C37647">
        <v>1</v>
      </c>
      <c r="D37647">
        <v>0</v>
      </c>
    </row>
    <row r="37648" spans="1:4" x14ac:dyDescent="0.25">
      <c r="A37648" t="s">
        <v>54197</v>
      </c>
      <c r="B37648" t="s">
        <v>54199</v>
      </c>
      <c r="C37648">
        <v>0</v>
      </c>
      <c r="D37648">
        <v>0</v>
      </c>
    </row>
    <row r="37649" spans="1:4" x14ac:dyDescent="0.25">
      <c r="A37649" t="s">
        <v>54197</v>
      </c>
      <c r="B37649" t="s">
        <v>54200</v>
      </c>
      <c r="C37649">
        <v>1</v>
      </c>
      <c r="D37649">
        <v>0</v>
      </c>
    </row>
    <row r="37650" spans="1:4" x14ac:dyDescent="0.25">
      <c r="A37650" t="s">
        <v>54197</v>
      </c>
      <c r="B37650" t="s">
        <v>54201</v>
      </c>
      <c r="C37650">
        <v>1</v>
      </c>
      <c r="D37650">
        <v>0</v>
      </c>
    </row>
    <row r="37651" spans="1:4" x14ac:dyDescent="0.25">
      <c r="A37651" t="s">
        <v>54202</v>
      </c>
      <c r="B37651" t="s">
        <v>54203</v>
      </c>
      <c r="C37651">
        <v>1</v>
      </c>
      <c r="D37651">
        <v>0</v>
      </c>
    </row>
    <row r="37652" spans="1:4" x14ac:dyDescent="0.25">
      <c r="A37652" t="s">
        <v>54202</v>
      </c>
      <c r="B37652" t="s">
        <v>54204</v>
      </c>
      <c r="C37652">
        <v>1</v>
      </c>
      <c r="D37652">
        <v>0</v>
      </c>
    </row>
    <row r="37653" spans="1:4" x14ac:dyDescent="0.25">
      <c r="A37653" t="s">
        <v>54202</v>
      </c>
      <c r="B37653" t="s">
        <v>54205</v>
      </c>
      <c r="C37653">
        <v>1</v>
      </c>
      <c r="D37653">
        <v>0</v>
      </c>
    </row>
    <row r="37654" spans="1:4" x14ac:dyDescent="0.25">
      <c r="A37654" t="s">
        <v>54202</v>
      </c>
      <c r="B37654" t="s">
        <v>2865</v>
      </c>
      <c r="C37654">
        <v>0</v>
      </c>
      <c r="D37654">
        <v>0</v>
      </c>
    </row>
    <row r="37655" spans="1:4" x14ac:dyDescent="0.25">
      <c r="A37655" t="s">
        <v>54206</v>
      </c>
      <c r="B37655" t="s">
        <v>54207</v>
      </c>
      <c r="C37655">
        <v>0</v>
      </c>
      <c r="D37655">
        <v>0</v>
      </c>
    </row>
    <row r="37656" spans="1:4" x14ac:dyDescent="0.25">
      <c r="A37656" t="s">
        <v>54206</v>
      </c>
      <c r="B37656" t="s">
        <v>54208</v>
      </c>
      <c r="C37656">
        <v>1</v>
      </c>
      <c r="D37656">
        <v>0</v>
      </c>
    </row>
    <row r="37657" spans="1:4" x14ac:dyDescent="0.25">
      <c r="A37657" t="s">
        <v>54206</v>
      </c>
      <c r="B37657" t="s">
        <v>54209</v>
      </c>
      <c r="C37657">
        <v>1</v>
      </c>
      <c r="D37657">
        <v>0</v>
      </c>
    </row>
    <row r="37658" spans="1:4" x14ac:dyDescent="0.25">
      <c r="A37658" t="s">
        <v>54206</v>
      </c>
      <c r="B37658" t="s">
        <v>54210</v>
      </c>
      <c r="C37658">
        <v>1</v>
      </c>
      <c r="D37658">
        <v>0</v>
      </c>
    </row>
    <row r="37659" spans="1:4" x14ac:dyDescent="0.25">
      <c r="A37659" t="s">
        <v>54206</v>
      </c>
      <c r="B37659" t="s">
        <v>54211</v>
      </c>
      <c r="C37659">
        <v>0</v>
      </c>
      <c r="D37659">
        <v>0</v>
      </c>
    </row>
    <row r="37660" spans="1:4" x14ac:dyDescent="0.25">
      <c r="A37660" t="s">
        <v>54206</v>
      </c>
      <c r="B37660" t="s">
        <v>54212</v>
      </c>
      <c r="C37660">
        <v>0</v>
      </c>
      <c r="D37660">
        <v>0</v>
      </c>
    </row>
    <row r="37661" spans="1:4" x14ac:dyDescent="0.25">
      <c r="A37661" t="s">
        <v>54213</v>
      </c>
      <c r="B37661" t="s">
        <v>54214</v>
      </c>
      <c r="C37661">
        <v>1</v>
      </c>
      <c r="D37661">
        <v>0</v>
      </c>
    </row>
    <row r="37662" spans="1:4" x14ac:dyDescent="0.25">
      <c r="A37662" t="s">
        <v>54213</v>
      </c>
      <c r="B37662" t="s">
        <v>54215</v>
      </c>
      <c r="C37662">
        <v>1</v>
      </c>
      <c r="D37662">
        <v>0</v>
      </c>
    </row>
    <row r="37663" spans="1:4" x14ac:dyDescent="0.25">
      <c r="A37663" t="s">
        <v>54213</v>
      </c>
      <c r="B37663" t="s">
        <v>54216</v>
      </c>
      <c r="C37663">
        <v>0</v>
      </c>
      <c r="D37663">
        <v>0</v>
      </c>
    </row>
    <row r="37664" spans="1:4" x14ac:dyDescent="0.25">
      <c r="A37664" t="s">
        <v>54213</v>
      </c>
      <c r="B37664" t="s">
        <v>54217</v>
      </c>
      <c r="C37664">
        <v>0</v>
      </c>
      <c r="D37664">
        <v>0</v>
      </c>
    </row>
    <row r="37665" spans="1:4" x14ac:dyDescent="0.25">
      <c r="A37665" t="s">
        <v>54213</v>
      </c>
      <c r="B37665" t="s">
        <v>54218</v>
      </c>
      <c r="C37665">
        <v>0</v>
      </c>
      <c r="D37665">
        <v>0</v>
      </c>
    </row>
    <row r="37666" spans="1:4" x14ac:dyDescent="0.25">
      <c r="A37666" t="s">
        <v>54219</v>
      </c>
      <c r="B37666" t="s">
        <v>54220</v>
      </c>
      <c r="C37666">
        <v>0</v>
      </c>
      <c r="D37666">
        <v>0</v>
      </c>
    </row>
    <row r="37667" spans="1:4" x14ac:dyDescent="0.25">
      <c r="A37667" t="s">
        <v>54219</v>
      </c>
      <c r="B37667" t="s">
        <v>54221</v>
      </c>
      <c r="C37667">
        <v>1</v>
      </c>
      <c r="D37667">
        <v>0</v>
      </c>
    </row>
    <row r="37668" spans="1:4" x14ac:dyDescent="0.25">
      <c r="A37668" t="s">
        <v>54219</v>
      </c>
      <c r="B37668" t="s">
        <v>54222</v>
      </c>
      <c r="C37668">
        <v>0</v>
      </c>
      <c r="D37668">
        <v>0</v>
      </c>
    </row>
    <row r="37669" spans="1:4" x14ac:dyDescent="0.25">
      <c r="A37669" t="s">
        <v>54223</v>
      </c>
      <c r="B37669" t="s">
        <v>54224</v>
      </c>
      <c r="C37669">
        <v>1</v>
      </c>
      <c r="D37669">
        <v>0</v>
      </c>
    </row>
    <row r="37670" spans="1:4" x14ac:dyDescent="0.25">
      <c r="A37670" t="s">
        <v>54223</v>
      </c>
      <c r="B37670" t="s">
        <v>54225</v>
      </c>
      <c r="C37670">
        <v>0</v>
      </c>
      <c r="D37670">
        <v>0</v>
      </c>
    </row>
    <row r="37671" spans="1:4" x14ac:dyDescent="0.25">
      <c r="A37671" t="s">
        <v>54223</v>
      </c>
      <c r="B37671" t="s">
        <v>54226</v>
      </c>
      <c r="C37671">
        <v>0</v>
      </c>
      <c r="D37671">
        <v>0</v>
      </c>
    </row>
    <row r="37672" spans="1:4" x14ac:dyDescent="0.25">
      <c r="A37672" t="s">
        <v>54223</v>
      </c>
      <c r="B37672" t="s">
        <v>54227</v>
      </c>
      <c r="C37672">
        <v>2</v>
      </c>
      <c r="D37672">
        <v>0</v>
      </c>
    </row>
    <row r="37673" spans="1:4" x14ac:dyDescent="0.25">
      <c r="A37673" t="s">
        <v>54223</v>
      </c>
      <c r="B37673" t="s">
        <v>54228</v>
      </c>
      <c r="C37673">
        <v>2</v>
      </c>
      <c r="D37673">
        <v>0</v>
      </c>
    </row>
    <row r="37674" spans="1:4" x14ac:dyDescent="0.25">
      <c r="A37674" t="s">
        <v>54223</v>
      </c>
      <c r="B37674" t="s">
        <v>54229</v>
      </c>
      <c r="C37674">
        <v>0</v>
      </c>
      <c r="D37674">
        <v>0</v>
      </c>
    </row>
    <row r="37675" spans="1:4" x14ac:dyDescent="0.25">
      <c r="A37675" t="s">
        <v>54223</v>
      </c>
      <c r="B37675" t="s">
        <v>54230</v>
      </c>
      <c r="C37675">
        <v>0</v>
      </c>
      <c r="D37675">
        <v>0</v>
      </c>
    </row>
    <row r="37676" spans="1:4" x14ac:dyDescent="0.25">
      <c r="A37676" t="s">
        <v>54231</v>
      </c>
      <c r="B37676" t="s">
        <v>54232</v>
      </c>
      <c r="C37676">
        <v>2</v>
      </c>
      <c r="D37676">
        <v>0</v>
      </c>
    </row>
    <row r="37677" spans="1:4" x14ac:dyDescent="0.25">
      <c r="A37677" t="s">
        <v>54231</v>
      </c>
      <c r="B37677" t="s">
        <v>54233</v>
      </c>
      <c r="C37677">
        <v>1</v>
      </c>
      <c r="D37677">
        <v>0</v>
      </c>
    </row>
    <row r="37678" spans="1:4" x14ac:dyDescent="0.25">
      <c r="A37678" t="s">
        <v>54231</v>
      </c>
      <c r="B37678" t="s">
        <v>9218</v>
      </c>
      <c r="C37678">
        <v>1</v>
      </c>
      <c r="D37678">
        <v>0</v>
      </c>
    </row>
    <row r="37679" spans="1:4" x14ac:dyDescent="0.25">
      <c r="A37679" t="s">
        <v>54234</v>
      </c>
      <c r="B37679" t="s">
        <v>54235</v>
      </c>
      <c r="C37679">
        <v>2</v>
      </c>
      <c r="D37679">
        <v>0</v>
      </c>
    </row>
    <row r="37680" spans="1:4" x14ac:dyDescent="0.25">
      <c r="A37680" t="s">
        <v>54234</v>
      </c>
      <c r="B37680" t="s">
        <v>47872</v>
      </c>
      <c r="C37680">
        <v>1</v>
      </c>
      <c r="D37680">
        <v>0</v>
      </c>
    </row>
    <row r="37681" spans="1:4" x14ac:dyDescent="0.25">
      <c r="A37681" t="s">
        <v>54236</v>
      </c>
      <c r="B37681" t="s">
        <v>54237</v>
      </c>
      <c r="C37681">
        <v>1</v>
      </c>
      <c r="D37681">
        <v>0</v>
      </c>
    </row>
    <row r="37682" spans="1:4" x14ac:dyDescent="0.25">
      <c r="A37682" t="s">
        <v>54236</v>
      </c>
      <c r="B37682" t="s">
        <v>54238</v>
      </c>
      <c r="C37682">
        <v>1</v>
      </c>
      <c r="D37682">
        <v>0</v>
      </c>
    </row>
    <row r="37683" spans="1:4" x14ac:dyDescent="0.25">
      <c r="A37683" t="s">
        <v>54236</v>
      </c>
      <c r="B37683" t="s">
        <v>54239</v>
      </c>
      <c r="C37683">
        <v>2</v>
      </c>
      <c r="D37683">
        <v>0</v>
      </c>
    </row>
    <row r="37684" spans="1:4" x14ac:dyDescent="0.25">
      <c r="A37684" t="s">
        <v>54236</v>
      </c>
      <c r="B37684" t="s">
        <v>54240</v>
      </c>
      <c r="C37684">
        <v>1</v>
      </c>
      <c r="D37684">
        <v>0</v>
      </c>
    </row>
    <row r="37685" spans="1:4" x14ac:dyDescent="0.25">
      <c r="A37685" t="s">
        <v>54236</v>
      </c>
      <c r="B37685" t="s">
        <v>5864</v>
      </c>
      <c r="C37685">
        <v>1</v>
      </c>
      <c r="D37685">
        <v>0</v>
      </c>
    </row>
    <row r="37686" spans="1:4" x14ac:dyDescent="0.25">
      <c r="A37686" t="s">
        <v>54236</v>
      </c>
      <c r="B37686" t="s">
        <v>54241</v>
      </c>
      <c r="C37686">
        <v>1</v>
      </c>
      <c r="D37686">
        <v>0</v>
      </c>
    </row>
    <row r="37687" spans="1:4" x14ac:dyDescent="0.25">
      <c r="A37687" t="s">
        <v>54242</v>
      </c>
      <c r="B37687" t="s">
        <v>54243</v>
      </c>
      <c r="C37687">
        <v>1</v>
      </c>
      <c r="D37687">
        <v>0</v>
      </c>
    </row>
    <row r="37688" spans="1:4" x14ac:dyDescent="0.25">
      <c r="A37688" t="s">
        <v>54242</v>
      </c>
      <c r="B37688" t="s">
        <v>54244</v>
      </c>
      <c r="C37688">
        <v>1</v>
      </c>
      <c r="D37688">
        <v>0</v>
      </c>
    </row>
    <row r="37689" spans="1:4" x14ac:dyDescent="0.25">
      <c r="A37689" t="s">
        <v>54242</v>
      </c>
      <c r="B37689" t="s">
        <v>54245</v>
      </c>
      <c r="C37689">
        <v>1</v>
      </c>
      <c r="D37689">
        <v>0</v>
      </c>
    </row>
    <row r="37690" spans="1:4" x14ac:dyDescent="0.25">
      <c r="A37690" t="s">
        <v>54246</v>
      </c>
      <c r="B37690" t="s">
        <v>54247</v>
      </c>
      <c r="C37690">
        <v>0</v>
      </c>
      <c r="D37690">
        <v>0</v>
      </c>
    </row>
    <row r="37691" spans="1:4" x14ac:dyDescent="0.25">
      <c r="A37691" t="s">
        <v>54246</v>
      </c>
      <c r="B37691" t="s">
        <v>54248</v>
      </c>
      <c r="C37691">
        <v>0</v>
      </c>
      <c r="D37691">
        <v>0</v>
      </c>
    </row>
    <row r="37692" spans="1:4" x14ac:dyDescent="0.25">
      <c r="A37692" t="s">
        <v>54246</v>
      </c>
      <c r="B37692" t="s">
        <v>17479</v>
      </c>
      <c r="C37692">
        <v>1</v>
      </c>
      <c r="D37692">
        <v>0</v>
      </c>
    </row>
    <row r="37693" spans="1:4" x14ac:dyDescent="0.25">
      <c r="A37693" t="s">
        <v>54246</v>
      </c>
      <c r="B37693" t="s">
        <v>54249</v>
      </c>
      <c r="C37693">
        <v>0</v>
      </c>
      <c r="D37693">
        <v>0</v>
      </c>
    </row>
    <row r="37694" spans="1:4" x14ac:dyDescent="0.25">
      <c r="A37694" t="s">
        <v>54246</v>
      </c>
      <c r="B37694" t="s">
        <v>54250</v>
      </c>
      <c r="C37694">
        <v>0</v>
      </c>
      <c r="D37694">
        <v>0</v>
      </c>
    </row>
    <row r="37695" spans="1:4" x14ac:dyDescent="0.25">
      <c r="A37695" t="s">
        <v>54246</v>
      </c>
      <c r="B37695" t="s">
        <v>54251</v>
      </c>
      <c r="C37695">
        <v>0</v>
      </c>
      <c r="D37695">
        <v>0</v>
      </c>
    </row>
    <row r="37696" spans="1:4" x14ac:dyDescent="0.25">
      <c r="A37696" t="s">
        <v>54252</v>
      </c>
      <c r="B37696" t="s">
        <v>54253</v>
      </c>
      <c r="C37696">
        <v>0</v>
      </c>
      <c r="D37696">
        <v>0</v>
      </c>
    </row>
    <row r="37697" spans="1:4" x14ac:dyDescent="0.25">
      <c r="A37697" t="s">
        <v>54252</v>
      </c>
      <c r="B37697" t="s">
        <v>3347</v>
      </c>
      <c r="C37697">
        <v>0</v>
      </c>
      <c r="D37697">
        <v>0</v>
      </c>
    </row>
    <row r="37698" spans="1:4" x14ac:dyDescent="0.25">
      <c r="A37698" t="s">
        <v>54252</v>
      </c>
      <c r="B37698" t="s">
        <v>54254</v>
      </c>
      <c r="C37698">
        <v>0</v>
      </c>
      <c r="D37698">
        <v>0</v>
      </c>
    </row>
    <row r="37699" spans="1:4" x14ac:dyDescent="0.25">
      <c r="A37699" t="s">
        <v>54252</v>
      </c>
      <c r="B37699" t="s">
        <v>54255</v>
      </c>
      <c r="C37699">
        <v>2</v>
      </c>
      <c r="D37699">
        <v>0</v>
      </c>
    </row>
    <row r="37700" spans="1:4" x14ac:dyDescent="0.25">
      <c r="A37700" t="s">
        <v>54252</v>
      </c>
      <c r="B37700" t="s">
        <v>54256</v>
      </c>
      <c r="C37700">
        <v>1</v>
      </c>
      <c r="D37700">
        <v>0</v>
      </c>
    </row>
    <row r="37701" spans="1:4" x14ac:dyDescent="0.25">
      <c r="A37701" t="s">
        <v>54252</v>
      </c>
      <c r="B37701" t="s">
        <v>54257</v>
      </c>
      <c r="C37701">
        <v>0</v>
      </c>
      <c r="D37701">
        <v>0</v>
      </c>
    </row>
    <row r="37702" spans="1:4" x14ac:dyDescent="0.25">
      <c r="A37702" t="s">
        <v>54258</v>
      </c>
      <c r="B37702" t="s">
        <v>54259</v>
      </c>
      <c r="C37702">
        <v>1</v>
      </c>
      <c r="D37702">
        <v>0</v>
      </c>
    </row>
    <row r="37703" spans="1:4" x14ac:dyDescent="0.25">
      <c r="A37703" t="s">
        <v>54258</v>
      </c>
      <c r="B37703" t="s">
        <v>54260</v>
      </c>
      <c r="C37703">
        <v>1</v>
      </c>
      <c r="D37703">
        <v>0</v>
      </c>
    </row>
    <row r="37704" spans="1:4" x14ac:dyDescent="0.25">
      <c r="A37704" t="s">
        <v>54258</v>
      </c>
      <c r="B37704" t="s">
        <v>54261</v>
      </c>
      <c r="C37704">
        <v>2</v>
      </c>
      <c r="D37704">
        <v>0</v>
      </c>
    </row>
    <row r="37705" spans="1:4" x14ac:dyDescent="0.25">
      <c r="A37705" t="s">
        <v>54258</v>
      </c>
      <c r="B37705" t="s">
        <v>54262</v>
      </c>
      <c r="C37705">
        <v>1</v>
      </c>
      <c r="D37705">
        <v>0</v>
      </c>
    </row>
    <row r="37706" spans="1:4" x14ac:dyDescent="0.25">
      <c r="A37706" t="s">
        <v>54263</v>
      </c>
      <c r="B37706" t="s">
        <v>52275</v>
      </c>
      <c r="C37706">
        <v>1</v>
      </c>
      <c r="D37706">
        <v>0</v>
      </c>
    </row>
    <row r="37707" spans="1:4" x14ac:dyDescent="0.25">
      <c r="A37707" t="s">
        <v>54263</v>
      </c>
      <c r="B37707" t="s">
        <v>54264</v>
      </c>
      <c r="C37707">
        <v>0</v>
      </c>
      <c r="D37707">
        <v>0</v>
      </c>
    </row>
    <row r="37708" spans="1:4" x14ac:dyDescent="0.25">
      <c r="A37708" t="s">
        <v>54263</v>
      </c>
      <c r="B37708" t="s">
        <v>54265</v>
      </c>
      <c r="C37708">
        <v>0</v>
      </c>
      <c r="D37708">
        <v>0</v>
      </c>
    </row>
    <row r="37709" spans="1:4" x14ac:dyDescent="0.25">
      <c r="A37709" t="s">
        <v>54263</v>
      </c>
      <c r="B37709" t="s">
        <v>54266</v>
      </c>
      <c r="C37709">
        <v>1</v>
      </c>
      <c r="D37709">
        <v>0</v>
      </c>
    </row>
    <row r="37710" spans="1:4" x14ac:dyDescent="0.25">
      <c r="A37710" t="s">
        <v>54263</v>
      </c>
      <c r="B37710" t="s">
        <v>54267</v>
      </c>
      <c r="C37710">
        <v>1</v>
      </c>
      <c r="D37710">
        <v>0</v>
      </c>
    </row>
    <row r="37711" spans="1:4" x14ac:dyDescent="0.25">
      <c r="A37711" t="s">
        <v>54263</v>
      </c>
      <c r="B37711" t="s">
        <v>54268</v>
      </c>
      <c r="C37711">
        <v>0</v>
      </c>
      <c r="D37711">
        <v>0</v>
      </c>
    </row>
    <row r="37712" spans="1:4" x14ac:dyDescent="0.25">
      <c r="A37712" t="s">
        <v>54269</v>
      </c>
      <c r="B37712" t="s">
        <v>54270</v>
      </c>
      <c r="C37712">
        <v>0</v>
      </c>
      <c r="D37712">
        <v>0</v>
      </c>
    </row>
    <row r="37713" spans="1:4" x14ac:dyDescent="0.25">
      <c r="A37713" t="s">
        <v>54271</v>
      </c>
      <c r="B37713" t="s">
        <v>54272</v>
      </c>
      <c r="C37713">
        <v>2</v>
      </c>
      <c r="D37713">
        <v>0</v>
      </c>
    </row>
    <row r="37714" spans="1:4" x14ac:dyDescent="0.25">
      <c r="A37714" t="s">
        <v>54271</v>
      </c>
      <c r="B37714" t="s">
        <v>54273</v>
      </c>
      <c r="C37714">
        <v>2</v>
      </c>
      <c r="D37714">
        <v>0</v>
      </c>
    </row>
    <row r="37715" spans="1:4" x14ac:dyDescent="0.25">
      <c r="A37715" t="s">
        <v>54271</v>
      </c>
      <c r="B37715" t="s">
        <v>54274</v>
      </c>
      <c r="C37715">
        <v>2</v>
      </c>
      <c r="D37715">
        <v>0</v>
      </c>
    </row>
    <row r="37716" spans="1:4" x14ac:dyDescent="0.25">
      <c r="A37716" t="s">
        <v>54271</v>
      </c>
      <c r="B37716" t="s">
        <v>54275</v>
      </c>
      <c r="C37716">
        <v>1</v>
      </c>
      <c r="D37716">
        <v>0</v>
      </c>
    </row>
    <row r="37717" spans="1:4" x14ac:dyDescent="0.25">
      <c r="A37717" t="s">
        <v>54276</v>
      </c>
      <c r="B37717" t="s">
        <v>30964</v>
      </c>
      <c r="C37717">
        <v>1</v>
      </c>
      <c r="D37717">
        <v>0</v>
      </c>
    </row>
    <row r="37718" spans="1:4" x14ac:dyDescent="0.25">
      <c r="A37718" t="s">
        <v>54276</v>
      </c>
      <c r="B37718" t="s">
        <v>54277</v>
      </c>
      <c r="C37718">
        <v>1</v>
      </c>
      <c r="D37718">
        <v>0</v>
      </c>
    </row>
    <row r="37719" spans="1:4" x14ac:dyDescent="0.25">
      <c r="A37719" t="s">
        <v>54276</v>
      </c>
      <c r="B37719" t="s">
        <v>30964</v>
      </c>
      <c r="C37719">
        <v>1</v>
      </c>
      <c r="D37719">
        <v>0</v>
      </c>
    </row>
    <row r="37720" spans="1:4" x14ac:dyDescent="0.25">
      <c r="A37720" t="s">
        <v>54278</v>
      </c>
      <c r="B37720" t="s">
        <v>54279</v>
      </c>
      <c r="C37720">
        <v>0</v>
      </c>
      <c r="D37720">
        <v>0</v>
      </c>
    </row>
    <row r="37721" spans="1:4" x14ac:dyDescent="0.25">
      <c r="A37721" t="s">
        <v>54278</v>
      </c>
      <c r="B37721" t="s">
        <v>54280</v>
      </c>
      <c r="C37721">
        <v>2</v>
      </c>
      <c r="D37721">
        <v>0</v>
      </c>
    </row>
    <row r="37722" spans="1:4" x14ac:dyDescent="0.25">
      <c r="A37722" t="s">
        <v>54278</v>
      </c>
      <c r="B37722" t="s">
        <v>54281</v>
      </c>
      <c r="C37722">
        <v>1</v>
      </c>
      <c r="D37722">
        <v>0</v>
      </c>
    </row>
    <row r="37723" spans="1:4" x14ac:dyDescent="0.25">
      <c r="A37723" t="s">
        <v>54282</v>
      </c>
      <c r="B37723" t="s">
        <v>54283</v>
      </c>
      <c r="C37723">
        <v>1</v>
      </c>
      <c r="D37723">
        <v>0</v>
      </c>
    </row>
    <row r="37724" spans="1:4" x14ac:dyDescent="0.25">
      <c r="A37724" t="s">
        <v>54282</v>
      </c>
      <c r="B37724" t="s">
        <v>54284</v>
      </c>
      <c r="C37724">
        <v>1</v>
      </c>
      <c r="D37724">
        <v>0</v>
      </c>
    </row>
    <row r="37725" spans="1:4" x14ac:dyDescent="0.25">
      <c r="A37725" t="s">
        <v>54282</v>
      </c>
      <c r="B37725" t="s">
        <v>54285</v>
      </c>
      <c r="C37725">
        <v>1</v>
      </c>
      <c r="D37725">
        <v>0</v>
      </c>
    </row>
    <row r="37726" spans="1:4" x14ac:dyDescent="0.25">
      <c r="A37726" t="s">
        <v>54282</v>
      </c>
      <c r="B37726" t="s">
        <v>54286</v>
      </c>
      <c r="C37726">
        <v>1</v>
      </c>
      <c r="D37726">
        <v>0</v>
      </c>
    </row>
    <row r="37727" spans="1:4" x14ac:dyDescent="0.25">
      <c r="A37727" t="s">
        <v>54282</v>
      </c>
      <c r="B37727" t="s">
        <v>54287</v>
      </c>
      <c r="C37727">
        <v>1</v>
      </c>
      <c r="D37727">
        <v>0</v>
      </c>
    </row>
    <row r="37728" spans="1:4" x14ac:dyDescent="0.25">
      <c r="A37728" t="s">
        <v>54288</v>
      </c>
      <c r="B37728" t="s">
        <v>54289</v>
      </c>
      <c r="C37728">
        <v>1</v>
      </c>
      <c r="D37728">
        <v>0</v>
      </c>
    </row>
    <row r="37729" spans="1:4" x14ac:dyDescent="0.25">
      <c r="A37729" t="s">
        <v>54288</v>
      </c>
      <c r="B37729" t="s">
        <v>54290</v>
      </c>
      <c r="C37729">
        <v>1</v>
      </c>
      <c r="D37729">
        <v>0</v>
      </c>
    </row>
    <row r="37730" spans="1:4" x14ac:dyDescent="0.25">
      <c r="A37730" t="s">
        <v>54288</v>
      </c>
      <c r="B37730" t="s">
        <v>54291</v>
      </c>
      <c r="C37730">
        <v>1</v>
      </c>
      <c r="D37730">
        <v>0</v>
      </c>
    </row>
    <row r="37731" spans="1:4" x14ac:dyDescent="0.25">
      <c r="A37731" t="s">
        <v>54288</v>
      </c>
      <c r="B37731" t="s">
        <v>54292</v>
      </c>
      <c r="C37731">
        <v>1</v>
      </c>
      <c r="D37731">
        <v>0</v>
      </c>
    </row>
    <row r="37732" spans="1:4" x14ac:dyDescent="0.25">
      <c r="A37732" t="s">
        <v>54288</v>
      </c>
      <c r="B37732" t="s">
        <v>5434</v>
      </c>
      <c r="C37732">
        <v>1</v>
      </c>
      <c r="D37732">
        <v>0</v>
      </c>
    </row>
    <row r="37733" spans="1:4" x14ac:dyDescent="0.25">
      <c r="A37733" t="s">
        <v>54288</v>
      </c>
      <c r="B37733" t="s">
        <v>54293</v>
      </c>
      <c r="C37733">
        <v>1</v>
      </c>
      <c r="D37733">
        <v>0</v>
      </c>
    </row>
    <row r="37734" spans="1:4" x14ac:dyDescent="0.25">
      <c r="A37734" t="s">
        <v>54288</v>
      </c>
      <c r="B37734" t="s">
        <v>54294</v>
      </c>
      <c r="C37734">
        <v>0</v>
      </c>
      <c r="D37734">
        <v>0</v>
      </c>
    </row>
    <row r="37735" spans="1:4" x14ac:dyDescent="0.25">
      <c r="A37735" t="s">
        <v>54288</v>
      </c>
      <c r="B37735" t="s">
        <v>54295</v>
      </c>
      <c r="C37735">
        <v>1</v>
      </c>
      <c r="D37735">
        <v>0</v>
      </c>
    </row>
    <row r="37736" spans="1:4" x14ac:dyDescent="0.25">
      <c r="A37736" t="s">
        <v>54296</v>
      </c>
      <c r="B37736" t="s">
        <v>54297</v>
      </c>
      <c r="C37736">
        <v>2</v>
      </c>
      <c r="D37736">
        <v>0</v>
      </c>
    </row>
    <row r="37737" spans="1:4" x14ac:dyDescent="0.25">
      <c r="A37737" t="s">
        <v>54296</v>
      </c>
      <c r="B37737" t="s">
        <v>54298</v>
      </c>
      <c r="C37737">
        <v>1</v>
      </c>
      <c r="D37737">
        <v>0</v>
      </c>
    </row>
    <row r="37738" spans="1:4" x14ac:dyDescent="0.25">
      <c r="A37738" t="s">
        <v>54296</v>
      </c>
      <c r="B37738" t="s">
        <v>51835</v>
      </c>
      <c r="C37738">
        <v>2</v>
      </c>
      <c r="D37738">
        <v>0</v>
      </c>
    </row>
    <row r="37739" spans="1:4" x14ac:dyDescent="0.25">
      <c r="A37739" t="s">
        <v>54296</v>
      </c>
      <c r="B37739" t="s">
        <v>54299</v>
      </c>
      <c r="C37739">
        <v>1</v>
      </c>
      <c r="D37739">
        <v>0</v>
      </c>
    </row>
    <row r="37740" spans="1:4" x14ac:dyDescent="0.25">
      <c r="A37740" t="s">
        <v>54296</v>
      </c>
      <c r="B37740" t="s">
        <v>54300</v>
      </c>
      <c r="C37740">
        <v>1</v>
      </c>
      <c r="D37740">
        <v>0</v>
      </c>
    </row>
    <row r="37741" spans="1:4" x14ac:dyDescent="0.25">
      <c r="A37741" t="s">
        <v>54301</v>
      </c>
      <c r="B37741" t="s">
        <v>54302</v>
      </c>
      <c r="C37741">
        <v>0</v>
      </c>
      <c r="D37741">
        <v>0</v>
      </c>
    </row>
    <row r="37742" spans="1:4" x14ac:dyDescent="0.25">
      <c r="A37742" t="s">
        <v>54301</v>
      </c>
      <c r="B37742" t="s">
        <v>54303</v>
      </c>
      <c r="C37742">
        <v>0</v>
      </c>
      <c r="D37742">
        <v>0</v>
      </c>
    </row>
    <row r="37743" spans="1:4" x14ac:dyDescent="0.25">
      <c r="A37743" t="s">
        <v>54301</v>
      </c>
      <c r="B37743" t="s">
        <v>54304</v>
      </c>
      <c r="C37743">
        <v>1</v>
      </c>
      <c r="D37743">
        <v>0</v>
      </c>
    </row>
    <row r="37744" spans="1:4" x14ac:dyDescent="0.25">
      <c r="A37744" t="s">
        <v>54301</v>
      </c>
      <c r="B37744" t="s">
        <v>54305</v>
      </c>
      <c r="C37744">
        <v>0</v>
      </c>
      <c r="D37744">
        <v>0</v>
      </c>
    </row>
    <row r="37745" spans="1:4" x14ac:dyDescent="0.25">
      <c r="A37745" t="s">
        <v>54306</v>
      </c>
      <c r="B37745" t="s">
        <v>54307</v>
      </c>
      <c r="C37745">
        <v>1</v>
      </c>
      <c r="D37745">
        <v>0</v>
      </c>
    </row>
    <row r="37746" spans="1:4" x14ac:dyDescent="0.25">
      <c r="A37746" t="s">
        <v>54308</v>
      </c>
      <c r="B37746" t="s">
        <v>5864</v>
      </c>
      <c r="C37746">
        <v>1</v>
      </c>
      <c r="D37746">
        <v>0</v>
      </c>
    </row>
    <row r="37747" spans="1:4" x14ac:dyDescent="0.25">
      <c r="A37747" t="s">
        <v>54308</v>
      </c>
      <c r="B37747" t="s">
        <v>54309</v>
      </c>
      <c r="C37747">
        <v>0</v>
      </c>
      <c r="D37747">
        <v>0</v>
      </c>
    </row>
    <row r="37748" spans="1:4" x14ac:dyDescent="0.25">
      <c r="A37748" t="s">
        <v>54310</v>
      </c>
      <c r="B37748" t="s">
        <v>54311</v>
      </c>
      <c r="C37748">
        <v>1</v>
      </c>
      <c r="D37748">
        <v>0</v>
      </c>
    </row>
    <row r="37749" spans="1:4" x14ac:dyDescent="0.25">
      <c r="A37749" t="s">
        <v>54310</v>
      </c>
      <c r="B37749" t="s">
        <v>54312</v>
      </c>
      <c r="C37749">
        <v>1</v>
      </c>
      <c r="D37749">
        <v>0</v>
      </c>
    </row>
    <row r="37750" spans="1:4" x14ac:dyDescent="0.25">
      <c r="A37750" t="s">
        <v>54313</v>
      </c>
      <c r="B37750" t="s">
        <v>54314</v>
      </c>
      <c r="C37750">
        <v>0</v>
      </c>
      <c r="D37750">
        <v>0</v>
      </c>
    </row>
    <row r="37751" spans="1:4" x14ac:dyDescent="0.25">
      <c r="A37751" t="s">
        <v>54313</v>
      </c>
      <c r="B37751" t="s">
        <v>54315</v>
      </c>
      <c r="C37751">
        <v>0</v>
      </c>
      <c r="D37751">
        <v>0</v>
      </c>
    </row>
    <row r="37752" spans="1:4" x14ac:dyDescent="0.25">
      <c r="A37752" t="s">
        <v>54316</v>
      </c>
      <c r="B37752" t="s">
        <v>54317</v>
      </c>
      <c r="C37752">
        <v>1</v>
      </c>
      <c r="D37752">
        <v>0</v>
      </c>
    </row>
    <row r="37753" spans="1:4" x14ac:dyDescent="0.25">
      <c r="A37753" t="s">
        <v>54316</v>
      </c>
      <c r="B37753" t="s">
        <v>54318</v>
      </c>
      <c r="C37753">
        <v>0</v>
      </c>
      <c r="D37753">
        <v>0</v>
      </c>
    </row>
    <row r="37754" spans="1:4" x14ac:dyDescent="0.25">
      <c r="A37754" t="s">
        <v>54316</v>
      </c>
      <c r="B37754" t="s">
        <v>54319</v>
      </c>
      <c r="C37754">
        <v>0</v>
      </c>
      <c r="D37754">
        <v>0</v>
      </c>
    </row>
    <row r="37755" spans="1:4" x14ac:dyDescent="0.25">
      <c r="A37755" t="s">
        <v>54316</v>
      </c>
      <c r="B37755" t="s">
        <v>54320</v>
      </c>
      <c r="C37755">
        <v>0</v>
      </c>
      <c r="D37755">
        <v>0</v>
      </c>
    </row>
    <row r="37756" spans="1:4" x14ac:dyDescent="0.25">
      <c r="A37756" t="s">
        <v>54316</v>
      </c>
      <c r="B37756" t="s">
        <v>54321</v>
      </c>
      <c r="C37756">
        <v>0</v>
      </c>
      <c r="D37756">
        <v>0</v>
      </c>
    </row>
    <row r="37757" spans="1:4" x14ac:dyDescent="0.25">
      <c r="A37757" t="s">
        <v>54322</v>
      </c>
      <c r="B37757" t="s">
        <v>54323</v>
      </c>
      <c r="C37757">
        <v>1</v>
      </c>
      <c r="D37757">
        <v>0</v>
      </c>
    </row>
    <row r="37758" spans="1:4" x14ac:dyDescent="0.25">
      <c r="A37758" t="s">
        <v>54324</v>
      </c>
      <c r="B37758" t="s">
        <v>54325</v>
      </c>
      <c r="C37758">
        <v>1</v>
      </c>
      <c r="D37758">
        <v>0</v>
      </c>
    </row>
    <row r="37759" spans="1:4" x14ac:dyDescent="0.25">
      <c r="A37759" t="s">
        <v>54324</v>
      </c>
      <c r="B37759" t="s">
        <v>54326</v>
      </c>
      <c r="C37759">
        <v>1</v>
      </c>
      <c r="D37759">
        <v>0</v>
      </c>
    </row>
    <row r="37760" spans="1:4" x14ac:dyDescent="0.25">
      <c r="A37760" t="s">
        <v>54324</v>
      </c>
      <c r="B37760" t="s">
        <v>54327</v>
      </c>
      <c r="C37760">
        <v>1</v>
      </c>
      <c r="D37760">
        <v>0</v>
      </c>
    </row>
    <row r="37761" spans="1:4" x14ac:dyDescent="0.25">
      <c r="A37761" t="s">
        <v>54328</v>
      </c>
      <c r="B37761" t="s">
        <v>54329</v>
      </c>
      <c r="C37761">
        <v>1</v>
      </c>
      <c r="D37761">
        <v>0</v>
      </c>
    </row>
    <row r="37762" spans="1:4" x14ac:dyDescent="0.25">
      <c r="A37762" t="s">
        <v>54328</v>
      </c>
      <c r="B37762" t="s">
        <v>54330</v>
      </c>
      <c r="C37762">
        <v>2</v>
      </c>
      <c r="D37762">
        <v>0</v>
      </c>
    </row>
    <row r="37763" spans="1:4" x14ac:dyDescent="0.25">
      <c r="A37763" t="s">
        <v>54331</v>
      </c>
      <c r="B37763" t="s">
        <v>54332</v>
      </c>
      <c r="C37763">
        <v>1</v>
      </c>
      <c r="D37763">
        <v>0</v>
      </c>
    </row>
    <row r="37764" spans="1:4" x14ac:dyDescent="0.25">
      <c r="A37764" t="s">
        <v>54333</v>
      </c>
      <c r="B37764" t="s">
        <v>54334</v>
      </c>
      <c r="C37764">
        <v>0</v>
      </c>
      <c r="D37764">
        <v>0</v>
      </c>
    </row>
    <row r="37765" spans="1:4" x14ac:dyDescent="0.25">
      <c r="A37765" t="s">
        <v>54333</v>
      </c>
      <c r="B37765" t="s">
        <v>54335</v>
      </c>
      <c r="C37765">
        <v>1</v>
      </c>
      <c r="D37765">
        <v>0</v>
      </c>
    </row>
    <row r="37766" spans="1:4" x14ac:dyDescent="0.25">
      <c r="A37766" t="s">
        <v>54333</v>
      </c>
      <c r="B37766" t="s">
        <v>54336</v>
      </c>
      <c r="C37766">
        <v>2</v>
      </c>
      <c r="D37766">
        <v>0</v>
      </c>
    </row>
    <row r="37767" spans="1:4" x14ac:dyDescent="0.25">
      <c r="A37767" t="s">
        <v>54333</v>
      </c>
      <c r="B37767" t="s">
        <v>54337</v>
      </c>
      <c r="C37767">
        <v>1</v>
      </c>
      <c r="D37767">
        <v>0</v>
      </c>
    </row>
    <row r="37768" spans="1:4" x14ac:dyDescent="0.25">
      <c r="A37768" t="s">
        <v>54338</v>
      </c>
      <c r="B37768" t="s">
        <v>54339</v>
      </c>
      <c r="C37768">
        <v>0</v>
      </c>
      <c r="D37768">
        <v>0</v>
      </c>
    </row>
    <row r="37769" spans="1:4" x14ac:dyDescent="0.25">
      <c r="A37769" t="s">
        <v>54338</v>
      </c>
      <c r="B37769" t="s">
        <v>54340</v>
      </c>
      <c r="C37769">
        <v>1</v>
      </c>
      <c r="D37769">
        <v>0</v>
      </c>
    </row>
    <row r="37770" spans="1:4" x14ac:dyDescent="0.25">
      <c r="A37770" t="s">
        <v>54338</v>
      </c>
      <c r="B37770" t="s">
        <v>54341</v>
      </c>
      <c r="C37770">
        <v>1</v>
      </c>
      <c r="D37770">
        <v>0</v>
      </c>
    </row>
    <row r="37771" spans="1:4" x14ac:dyDescent="0.25">
      <c r="A37771" t="s">
        <v>54338</v>
      </c>
      <c r="B37771" t="s">
        <v>54342</v>
      </c>
      <c r="C37771">
        <v>1</v>
      </c>
      <c r="D37771">
        <v>0</v>
      </c>
    </row>
    <row r="37772" spans="1:4" x14ac:dyDescent="0.25">
      <c r="A37772" t="s">
        <v>54338</v>
      </c>
      <c r="B37772" t="s">
        <v>54343</v>
      </c>
      <c r="C37772">
        <v>2</v>
      </c>
      <c r="D37772">
        <v>0</v>
      </c>
    </row>
    <row r="37773" spans="1:4" x14ac:dyDescent="0.25">
      <c r="A37773" t="s">
        <v>54344</v>
      </c>
      <c r="B37773" t="s">
        <v>54345</v>
      </c>
      <c r="C37773">
        <v>1</v>
      </c>
      <c r="D37773">
        <v>0</v>
      </c>
    </row>
    <row r="37774" spans="1:4" x14ac:dyDescent="0.25">
      <c r="A37774" t="s">
        <v>54344</v>
      </c>
      <c r="B37774" t="s">
        <v>54346</v>
      </c>
      <c r="C37774">
        <v>1</v>
      </c>
      <c r="D37774">
        <v>0</v>
      </c>
    </row>
    <row r="37775" spans="1:4" x14ac:dyDescent="0.25">
      <c r="A37775" t="s">
        <v>54344</v>
      </c>
      <c r="B37775" t="s">
        <v>54347</v>
      </c>
      <c r="C37775">
        <v>1</v>
      </c>
      <c r="D37775">
        <v>0</v>
      </c>
    </row>
    <row r="37776" spans="1:4" x14ac:dyDescent="0.25">
      <c r="A37776" t="s">
        <v>54344</v>
      </c>
      <c r="B37776" t="s">
        <v>5434</v>
      </c>
      <c r="C37776">
        <v>1</v>
      </c>
      <c r="D37776">
        <v>0</v>
      </c>
    </row>
    <row r="37777" spans="1:4" x14ac:dyDescent="0.25">
      <c r="A37777" t="s">
        <v>54344</v>
      </c>
      <c r="B37777" t="s">
        <v>54348</v>
      </c>
      <c r="C37777">
        <v>1</v>
      </c>
      <c r="D37777">
        <v>0</v>
      </c>
    </row>
    <row r="37778" spans="1:4" x14ac:dyDescent="0.25">
      <c r="A37778" t="s">
        <v>54344</v>
      </c>
      <c r="B37778" t="s">
        <v>54349</v>
      </c>
      <c r="C37778">
        <v>1</v>
      </c>
      <c r="D37778">
        <v>0</v>
      </c>
    </row>
    <row r="37779" spans="1:4" x14ac:dyDescent="0.25">
      <c r="A37779" t="s">
        <v>54344</v>
      </c>
      <c r="B37779" t="s">
        <v>54350</v>
      </c>
      <c r="C37779">
        <v>1</v>
      </c>
      <c r="D37779">
        <v>0</v>
      </c>
    </row>
    <row r="37780" spans="1:4" x14ac:dyDescent="0.25">
      <c r="A37780" t="s">
        <v>54351</v>
      </c>
      <c r="B37780" t="s">
        <v>54352</v>
      </c>
      <c r="C37780">
        <v>1</v>
      </c>
      <c r="D37780">
        <v>0</v>
      </c>
    </row>
    <row r="37781" spans="1:4" x14ac:dyDescent="0.25">
      <c r="A37781" t="s">
        <v>54351</v>
      </c>
      <c r="B37781" t="s">
        <v>54353</v>
      </c>
      <c r="C37781">
        <v>1</v>
      </c>
      <c r="D37781">
        <v>0</v>
      </c>
    </row>
    <row r="37782" spans="1:4" x14ac:dyDescent="0.25">
      <c r="A37782" t="s">
        <v>54351</v>
      </c>
      <c r="B37782" t="s">
        <v>5047</v>
      </c>
      <c r="C37782">
        <v>0</v>
      </c>
      <c r="D37782">
        <v>0</v>
      </c>
    </row>
    <row r="37783" spans="1:4" x14ac:dyDescent="0.25">
      <c r="A37783" t="s">
        <v>54351</v>
      </c>
      <c r="B37783" t="s">
        <v>54354</v>
      </c>
      <c r="C37783">
        <v>1</v>
      </c>
      <c r="D37783">
        <v>0</v>
      </c>
    </row>
    <row r="37784" spans="1:4" x14ac:dyDescent="0.25">
      <c r="A37784" t="s">
        <v>54351</v>
      </c>
      <c r="B37784" t="s">
        <v>54355</v>
      </c>
      <c r="C37784">
        <v>1</v>
      </c>
      <c r="D37784">
        <v>0</v>
      </c>
    </row>
    <row r="37785" spans="1:4" x14ac:dyDescent="0.25">
      <c r="A37785" t="s">
        <v>54356</v>
      </c>
      <c r="B37785" t="s">
        <v>54357</v>
      </c>
      <c r="C37785">
        <v>0</v>
      </c>
      <c r="D37785">
        <v>0</v>
      </c>
    </row>
    <row r="37786" spans="1:4" x14ac:dyDescent="0.25">
      <c r="A37786" t="s">
        <v>54356</v>
      </c>
      <c r="B37786" t="s">
        <v>54358</v>
      </c>
      <c r="C37786">
        <v>0</v>
      </c>
      <c r="D37786">
        <v>0</v>
      </c>
    </row>
    <row r="37787" spans="1:4" x14ac:dyDescent="0.25">
      <c r="A37787" t="s">
        <v>54359</v>
      </c>
      <c r="B37787" t="s">
        <v>54360</v>
      </c>
      <c r="C37787">
        <v>1</v>
      </c>
      <c r="D37787">
        <v>0</v>
      </c>
    </row>
    <row r="37788" spans="1:4" x14ac:dyDescent="0.25">
      <c r="A37788" t="s">
        <v>54361</v>
      </c>
      <c r="B37788" t="s">
        <v>54362</v>
      </c>
      <c r="C37788">
        <v>1</v>
      </c>
      <c r="D37788">
        <v>0</v>
      </c>
    </row>
    <row r="37789" spans="1:4" x14ac:dyDescent="0.25">
      <c r="A37789" t="s">
        <v>54361</v>
      </c>
      <c r="B37789" t="s">
        <v>54363</v>
      </c>
      <c r="C37789">
        <v>0</v>
      </c>
      <c r="D37789">
        <v>0</v>
      </c>
    </row>
    <row r="37790" spans="1:4" x14ac:dyDescent="0.25">
      <c r="A37790" t="s">
        <v>54361</v>
      </c>
      <c r="B37790" t="s">
        <v>54364</v>
      </c>
      <c r="C37790">
        <v>0</v>
      </c>
      <c r="D37790">
        <v>0</v>
      </c>
    </row>
    <row r="37791" spans="1:4" x14ac:dyDescent="0.25">
      <c r="A37791" t="s">
        <v>54361</v>
      </c>
      <c r="B37791" t="s">
        <v>54365</v>
      </c>
      <c r="C37791">
        <v>0</v>
      </c>
      <c r="D37791">
        <v>0</v>
      </c>
    </row>
    <row r="37792" spans="1:4" x14ac:dyDescent="0.25">
      <c r="A37792" t="s">
        <v>54361</v>
      </c>
      <c r="B37792" t="s">
        <v>54366</v>
      </c>
      <c r="C37792">
        <v>2</v>
      </c>
      <c r="D37792">
        <v>0</v>
      </c>
    </row>
    <row r="37793" spans="1:4" x14ac:dyDescent="0.25">
      <c r="A37793" t="s">
        <v>54367</v>
      </c>
      <c r="B37793" t="s">
        <v>54368</v>
      </c>
      <c r="C37793">
        <v>1</v>
      </c>
      <c r="D37793">
        <v>0</v>
      </c>
    </row>
    <row r="37794" spans="1:4" x14ac:dyDescent="0.25">
      <c r="A37794" t="s">
        <v>54367</v>
      </c>
      <c r="B37794" t="s">
        <v>54369</v>
      </c>
      <c r="C37794">
        <v>1</v>
      </c>
      <c r="D37794">
        <v>0</v>
      </c>
    </row>
    <row r="37795" spans="1:4" x14ac:dyDescent="0.25">
      <c r="A37795" t="s">
        <v>54367</v>
      </c>
      <c r="B37795" t="s">
        <v>54370</v>
      </c>
      <c r="C37795">
        <v>1</v>
      </c>
      <c r="D37795">
        <v>0</v>
      </c>
    </row>
    <row r="37796" spans="1:4" x14ac:dyDescent="0.25">
      <c r="A37796" t="s">
        <v>54367</v>
      </c>
      <c r="B37796" t="s">
        <v>54371</v>
      </c>
      <c r="C37796">
        <v>1</v>
      </c>
      <c r="D37796">
        <v>0</v>
      </c>
    </row>
    <row r="37797" spans="1:4" x14ac:dyDescent="0.25">
      <c r="A37797" t="s">
        <v>54367</v>
      </c>
      <c r="B37797" t="s">
        <v>54372</v>
      </c>
      <c r="C37797">
        <v>1</v>
      </c>
      <c r="D37797">
        <v>0</v>
      </c>
    </row>
    <row r="37798" spans="1:4" x14ac:dyDescent="0.25">
      <c r="A37798" t="s">
        <v>54367</v>
      </c>
      <c r="B37798" t="s">
        <v>5864</v>
      </c>
      <c r="C37798">
        <v>1</v>
      </c>
      <c r="D37798">
        <v>0</v>
      </c>
    </row>
    <row r="37799" spans="1:4" x14ac:dyDescent="0.25">
      <c r="A37799" t="s">
        <v>54373</v>
      </c>
      <c r="B37799" t="s">
        <v>54374</v>
      </c>
      <c r="C37799">
        <v>0</v>
      </c>
      <c r="D37799">
        <v>0</v>
      </c>
    </row>
    <row r="37800" spans="1:4" x14ac:dyDescent="0.25">
      <c r="A37800" t="s">
        <v>54373</v>
      </c>
      <c r="B37800" t="s">
        <v>54375</v>
      </c>
      <c r="C37800">
        <v>0</v>
      </c>
      <c r="D37800">
        <v>0</v>
      </c>
    </row>
    <row r="37801" spans="1:4" x14ac:dyDescent="0.25">
      <c r="A37801" t="s">
        <v>54373</v>
      </c>
      <c r="B37801" t="s">
        <v>54376</v>
      </c>
      <c r="C37801">
        <v>1</v>
      </c>
      <c r="D37801">
        <v>0</v>
      </c>
    </row>
    <row r="37802" spans="1:4" x14ac:dyDescent="0.25">
      <c r="A37802" t="s">
        <v>54373</v>
      </c>
      <c r="B37802" t="s">
        <v>54377</v>
      </c>
      <c r="C37802">
        <v>0</v>
      </c>
      <c r="D37802">
        <v>0</v>
      </c>
    </row>
    <row r="37803" spans="1:4" x14ac:dyDescent="0.25">
      <c r="A37803" t="s">
        <v>54373</v>
      </c>
      <c r="B37803" t="s">
        <v>54378</v>
      </c>
      <c r="C37803">
        <v>1</v>
      </c>
      <c r="D37803">
        <v>0</v>
      </c>
    </row>
    <row r="37804" spans="1:4" x14ac:dyDescent="0.25">
      <c r="A37804" t="s">
        <v>54373</v>
      </c>
      <c r="B37804" t="s">
        <v>54379</v>
      </c>
      <c r="C37804">
        <v>0</v>
      </c>
      <c r="D37804">
        <v>0</v>
      </c>
    </row>
    <row r="37805" spans="1:4" x14ac:dyDescent="0.25">
      <c r="A37805" t="s">
        <v>54373</v>
      </c>
      <c r="B37805" t="s">
        <v>54380</v>
      </c>
      <c r="C37805">
        <v>0</v>
      </c>
      <c r="D37805">
        <v>0</v>
      </c>
    </row>
    <row r="37806" spans="1:4" x14ac:dyDescent="0.25">
      <c r="A37806" t="s">
        <v>54373</v>
      </c>
      <c r="B37806" t="s">
        <v>54381</v>
      </c>
      <c r="C37806">
        <v>2</v>
      </c>
      <c r="D37806">
        <v>0</v>
      </c>
    </row>
    <row r="37807" spans="1:4" x14ac:dyDescent="0.25">
      <c r="A37807" t="s">
        <v>54382</v>
      </c>
      <c r="B37807" t="s">
        <v>54383</v>
      </c>
      <c r="C37807">
        <v>1</v>
      </c>
      <c r="D37807">
        <v>0</v>
      </c>
    </row>
    <row r="37808" spans="1:4" x14ac:dyDescent="0.25">
      <c r="A37808" t="s">
        <v>54382</v>
      </c>
      <c r="B37808" t="s">
        <v>54384</v>
      </c>
      <c r="C37808">
        <v>0</v>
      </c>
      <c r="D37808">
        <v>0</v>
      </c>
    </row>
    <row r="37809" spans="1:4" x14ac:dyDescent="0.25">
      <c r="A37809" t="s">
        <v>54382</v>
      </c>
      <c r="B37809" t="s">
        <v>54385</v>
      </c>
      <c r="C37809">
        <v>1</v>
      </c>
      <c r="D37809">
        <v>0</v>
      </c>
    </row>
    <row r="37810" spans="1:4" x14ac:dyDescent="0.25">
      <c r="A37810" t="s">
        <v>54382</v>
      </c>
      <c r="B37810" t="s">
        <v>54386</v>
      </c>
      <c r="C37810">
        <v>0</v>
      </c>
      <c r="D37810">
        <v>0</v>
      </c>
    </row>
    <row r="37811" spans="1:4" x14ac:dyDescent="0.25">
      <c r="A37811" t="s">
        <v>54382</v>
      </c>
      <c r="B37811" t="s">
        <v>54387</v>
      </c>
      <c r="C37811">
        <v>0</v>
      </c>
      <c r="D37811">
        <v>0</v>
      </c>
    </row>
    <row r="37812" spans="1:4" x14ac:dyDescent="0.25">
      <c r="A37812" t="s">
        <v>54388</v>
      </c>
      <c r="B37812" t="s">
        <v>54389</v>
      </c>
      <c r="C37812">
        <v>1</v>
      </c>
      <c r="D37812">
        <v>0</v>
      </c>
    </row>
    <row r="37813" spans="1:4" x14ac:dyDescent="0.25">
      <c r="A37813" t="s">
        <v>54390</v>
      </c>
      <c r="B37813" t="s">
        <v>54391</v>
      </c>
      <c r="C37813">
        <v>0</v>
      </c>
      <c r="D37813">
        <v>0</v>
      </c>
    </row>
    <row r="37814" spans="1:4" x14ac:dyDescent="0.25">
      <c r="A37814" t="s">
        <v>54390</v>
      </c>
      <c r="B37814" t="s">
        <v>54392</v>
      </c>
      <c r="C37814">
        <v>2</v>
      </c>
      <c r="D37814">
        <v>0</v>
      </c>
    </row>
    <row r="37815" spans="1:4" x14ac:dyDescent="0.25">
      <c r="A37815" t="s">
        <v>54390</v>
      </c>
      <c r="B37815" t="s">
        <v>54393</v>
      </c>
      <c r="C37815">
        <v>2</v>
      </c>
      <c r="D37815">
        <v>0</v>
      </c>
    </row>
    <row r="37816" spans="1:4" x14ac:dyDescent="0.25">
      <c r="A37816" t="s">
        <v>54394</v>
      </c>
      <c r="B37816" t="s">
        <v>54395</v>
      </c>
      <c r="C37816">
        <v>1</v>
      </c>
      <c r="D37816">
        <v>0</v>
      </c>
    </row>
    <row r="37817" spans="1:4" x14ac:dyDescent="0.25">
      <c r="A37817" t="s">
        <v>54394</v>
      </c>
      <c r="B37817" t="s">
        <v>54396</v>
      </c>
      <c r="C37817">
        <v>0</v>
      </c>
      <c r="D37817">
        <v>0</v>
      </c>
    </row>
    <row r="37818" spans="1:4" x14ac:dyDescent="0.25">
      <c r="A37818" t="s">
        <v>54394</v>
      </c>
      <c r="B37818" t="s">
        <v>54397</v>
      </c>
      <c r="C37818">
        <v>2</v>
      </c>
      <c r="D37818">
        <v>0</v>
      </c>
    </row>
    <row r="37819" spans="1:4" x14ac:dyDescent="0.25">
      <c r="A37819" t="s">
        <v>54398</v>
      </c>
      <c r="B37819" t="s">
        <v>54399</v>
      </c>
      <c r="C37819">
        <v>0</v>
      </c>
      <c r="D37819">
        <v>0</v>
      </c>
    </row>
    <row r="37820" spans="1:4" x14ac:dyDescent="0.25">
      <c r="A37820" t="s">
        <v>54398</v>
      </c>
      <c r="B37820" t="s">
        <v>54400</v>
      </c>
      <c r="C37820">
        <v>0</v>
      </c>
      <c r="D37820">
        <v>0</v>
      </c>
    </row>
    <row r="37821" spans="1:4" x14ac:dyDescent="0.25">
      <c r="A37821" t="s">
        <v>54398</v>
      </c>
      <c r="B37821" t="s">
        <v>54401</v>
      </c>
      <c r="C37821">
        <v>0</v>
      </c>
      <c r="D37821">
        <v>0</v>
      </c>
    </row>
    <row r="37822" spans="1:4" x14ac:dyDescent="0.25">
      <c r="A37822" t="s">
        <v>54398</v>
      </c>
      <c r="B37822" t="s">
        <v>54402</v>
      </c>
      <c r="C37822">
        <v>2</v>
      </c>
      <c r="D37822">
        <v>0</v>
      </c>
    </row>
    <row r="37823" spans="1:4" x14ac:dyDescent="0.25">
      <c r="A37823" t="s">
        <v>54398</v>
      </c>
      <c r="B37823" t="s">
        <v>54403</v>
      </c>
      <c r="C37823">
        <v>2</v>
      </c>
      <c r="D37823">
        <v>0</v>
      </c>
    </row>
    <row r="37824" spans="1:4" x14ac:dyDescent="0.25">
      <c r="A37824" t="s">
        <v>54398</v>
      </c>
      <c r="B37824" t="s">
        <v>54404</v>
      </c>
      <c r="C37824">
        <v>0</v>
      </c>
      <c r="D37824">
        <v>0</v>
      </c>
    </row>
    <row r="37825" spans="1:4" x14ac:dyDescent="0.25">
      <c r="A37825" t="s">
        <v>54398</v>
      </c>
      <c r="B37825" t="s">
        <v>54405</v>
      </c>
      <c r="C37825">
        <v>2</v>
      </c>
      <c r="D37825">
        <v>0</v>
      </c>
    </row>
    <row r="37826" spans="1:4" x14ac:dyDescent="0.25">
      <c r="A37826" t="s">
        <v>54406</v>
      </c>
      <c r="B37826" t="s">
        <v>54407</v>
      </c>
      <c r="C37826">
        <v>1</v>
      </c>
      <c r="D37826">
        <v>0</v>
      </c>
    </row>
    <row r="37827" spans="1:4" x14ac:dyDescent="0.25">
      <c r="A37827" t="s">
        <v>54406</v>
      </c>
      <c r="B37827" t="s">
        <v>54408</v>
      </c>
      <c r="C37827">
        <v>2</v>
      </c>
      <c r="D37827">
        <v>0</v>
      </c>
    </row>
    <row r="37828" spans="1:4" x14ac:dyDescent="0.25">
      <c r="A37828" t="s">
        <v>54406</v>
      </c>
      <c r="B37828" t="s">
        <v>54409</v>
      </c>
      <c r="C37828">
        <v>1</v>
      </c>
      <c r="D37828">
        <v>0</v>
      </c>
    </row>
    <row r="37829" spans="1:4" x14ac:dyDescent="0.25">
      <c r="A37829" t="s">
        <v>54406</v>
      </c>
      <c r="B37829" t="s">
        <v>54410</v>
      </c>
      <c r="C37829">
        <v>2</v>
      </c>
      <c r="D37829">
        <v>0</v>
      </c>
    </row>
    <row r="37830" spans="1:4" x14ac:dyDescent="0.25">
      <c r="A37830" t="s">
        <v>54411</v>
      </c>
      <c r="B37830" t="s">
        <v>54412</v>
      </c>
      <c r="C37830">
        <v>1</v>
      </c>
      <c r="D37830">
        <v>0</v>
      </c>
    </row>
    <row r="37831" spans="1:4" x14ac:dyDescent="0.25">
      <c r="A37831" t="s">
        <v>54411</v>
      </c>
      <c r="B37831" t="s">
        <v>54413</v>
      </c>
      <c r="C37831">
        <v>1</v>
      </c>
      <c r="D37831">
        <v>0</v>
      </c>
    </row>
    <row r="37832" spans="1:4" x14ac:dyDescent="0.25">
      <c r="A37832" t="s">
        <v>54411</v>
      </c>
      <c r="B37832" t="s">
        <v>54414</v>
      </c>
      <c r="C37832">
        <v>2</v>
      </c>
      <c r="D37832">
        <v>0</v>
      </c>
    </row>
    <row r="37833" spans="1:4" x14ac:dyDescent="0.25">
      <c r="A37833" t="s">
        <v>54411</v>
      </c>
      <c r="B37833" t="s">
        <v>54415</v>
      </c>
      <c r="C37833">
        <v>0</v>
      </c>
      <c r="D37833">
        <v>0</v>
      </c>
    </row>
    <row r="37834" spans="1:4" x14ac:dyDescent="0.25">
      <c r="A37834" t="s">
        <v>54411</v>
      </c>
      <c r="B37834" t="s">
        <v>54416</v>
      </c>
      <c r="C37834">
        <v>2</v>
      </c>
      <c r="D37834">
        <v>0</v>
      </c>
    </row>
    <row r="37835" spans="1:4" x14ac:dyDescent="0.25">
      <c r="A37835" t="s">
        <v>54417</v>
      </c>
      <c r="B37835" t="s">
        <v>19309</v>
      </c>
      <c r="C37835">
        <v>0</v>
      </c>
      <c r="D37835">
        <v>0</v>
      </c>
    </row>
    <row r="37836" spans="1:4" x14ac:dyDescent="0.25">
      <c r="A37836" t="s">
        <v>54418</v>
      </c>
      <c r="B37836" t="s">
        <v>54419</v>
      </c>
      <c r="C37836">
        <v>2</v>
      </c>
      <c r="D37836">
        <v>0</v>
      </c>
    </row>
    <row r="37837" spans="1:4" x14ac:dyDescent="0.25">
      <c r="A37837" t="s">
        <v>54420</v>
      </c>
      <c r="B37837" t="s">
        <v>54421</v>
      </c>
      <c r="C37837">
        <v>0</v>
      </c>
      <c r="D37837">
        <v>0</v>
      </c>
    </row>
    <row r="37838" spans="1:4" x14ac:dyDescent="0.25">
      <c r="A37838" t="s">
        <v>54420</v>
      </c>
      <c r="B37838" t="s">
        <v>54422</v>
      </c>
      <c r="C37838">
        <v>1</v>
      </c>
      <c r="D37838">
        <v>0</v>
      </c>
    </row>
    <row r="37839" spans="1:4" x14ac:dyDescent="0.25">
      <c r="A37839" t="s">
        <v>54420</v>
      </c>
      <c r="B37839" t="s">
        <v>54423</v>
      </c>
      <c r="C37839">
        <v>0</v>
      </c>
      <c r="D37839">
        <v>0</v>
      </c>
    </row>
    <row r="37840" spans="1:4" x14ac:dyDescent="0.25">
      <c r="A37840" t="s">
        <v>54420</v>
      </c>
      <c r="B37840" t="s">
        <v>50137</v>
      </c>
      <c r="C37840">
        <v>1</v>
      </c>
      <c r="D37840">
        <v>0</v>
      </c>
    </row>
    <row r="37841" spans="1:4" x14ac:dyDescent="0.25">
      <c r="A37841" t="s">
        <v>54420</v>
      </c>
      <c r="B37841" t="s">
        <v>54424</v>
      </c>
      <c r="C37841">
        <v>1</v>
      </c>
      <c r="D37841">
        <v>0</v>
      </c>
    </row>
    <row r="37842" spans="1:4" x14ac:dyDescent="0.25">
      <c r="A37842" t="s">
        <v>54425</v>
      </c>
      <c r="B37842" t="s">
        <v>54426</v>
      </c>
      <c r="C37842">
        <v>0</v>
      </c>
      <c r="D37842">
        <v>0</v>
      </c>
    </row>
    <row r="37843" spans="1:4" x14ac:dyDescent="0.25">
      <c r="A37843" t="s">
        <v>54425</v>
      </c>
      <c r="B37843" t="s">
        <v>54427</v>
      </c>
      <c r="C37843">
        <v>1</v>
      </c>
      <c r="D37843">
        <v>0</v>
      </c>
    </row>
    <row r="37844" spans="1:4" x14ac:dyDescent="0.25">
      <c r="A37844" t="s">
        <v>54425</v>
      </c>
      <c r="B37844" t="s">
        <v>54428</v>
      </c>
      <c r="C37844">
        <v>1</v>
      </c>
      <c r="D37844">
        <v>0</v>
      </c>
    </row>
    <row r="37845" spans="1:4" x14ac:dyDescent="0.25">
      <c r="A37845" t="s">
        <v>54425</v>
      </c>
      <c r="B37845" t="s">
        <v>54429</v>
      </c>
      <c r="C37845">
        <v>0</v>
      </c>
      <c r="D37845">
        <v>0</v>
      </c>
    </row>
    <row r="37846" spans="1:4" x14ac:dyDescent="0.25">
      <c r="A37846" t="s">
        <v>54425</v>
      </c>
      <c r="B37846" t="s">
        <v>54430</v>
      </c>
      <c r="C37846">
        <v>1</v>
      </c>
      <c r="D37846">
        <v>0</v>
      </c>
    </row>
    <row r="37847" spans="1:4" x14ac:dyDescent="0.25">
      <c r="A37847" t="s">
        <v>54425</v>
      </c>
      <c r="B37847" t="s">
        <v>54431</v>
      </c>
      <c r="C37847">
        <v>1</v>
      </c>
      <c r="D37847">
        <v>0</v>
      </c>
    </row>
    <row r="37848" spans="1:4" x14ac:dyDescent="0.25">
      <c r="A37848" t="s">
        <v>54432</v>
      </c>
      <c r="B37848" t="s">
        <v>5434</v>
      </c>
      <c r="C37848">
        <v>1</v>
      </c>
      <c r="D37848">
        <v>0</v>
      </c>
    </row>
    <row r="37849" spans="1:4" x14ac:dyDescent="0.25">
      <c r="A37849" t="s">
        <v>54432</v>
      </c>
      <c r="B37849" t="s">
        <v>54433</v>
      </c>
      <c r="C37849">
        <v>2</v>
      </c>
      <c r="D37849">
        <v>0</v>
      </c>
    </row>
    <row r="37850" spans="1:4" x14ac:dyDescent="0.25">
      <c r="A37850" t="s">
        <v>54432</v>
      </c>
      <c r="B37850" t="s">
        <v>54434</v>
      </c>
      <c r="C37850">
        <v>2</v>
      </c>
      <c r="D37850">
        <v>0</v>
      </c>
    </row>
    <row r="37851" spans="1:4" x14ac:dyDescent="0.25">
      <c r="A37851" t="s">
        <v>54432</v>
      </c>
      <c r="B37851" t="s">
        <v>54435</v>
      </c>
      <c r="C37851">
        <v>2</v>
      </c>
      <c r="D37851">
        <v>0</v>
      </c>
    </row>
    <row r="37852" spans="1:4" x14ac:dyDescent="0.25">
      <c r="A37852" t="s">
        <v>54432</v>
      </c>
      <c r="B37852" t="s">
        <v>54436</v>
      </c>
      <c r="C37852">
        <v>2</v>
      </c>
      <c r="D37852">
        <v>0</v>
      </c>
    </row>
    <row r="37853" spans="1:4" x14ac:dyDescent="0.25">
      <c r="A37853" t="s">
        <v>54432</v>
      </c>
      <c r="B37853" t="s">
        <v>54437</v>
      </c>
      <c r="C37853">
        <v>2</v>
      </c>
      <c r="D37853">
        <v>0</v>
      </c>
    </row>
    <row r="37854" spans="1:4" x14ac:dyDescent="0.25">
      <c r="A37854" t="s">
        <v>54432</v>
      </c>
      <c r="B37854" t="s">
        <v>54438</v>
      </c>
      <c r="C37854">
        <v>1</v>
      </c>
      <c r="D37854">
        <v>0</v>
      </c>
    </row>
    <row r="37855" spans="1:4" x14ac:dyDescent="0.25">
      <c r="A37855" t="s">
        <v>54432</v>
      </c>
      <c r="B37855" t="s">
        <v>54439</v>
      </c>
      <c r="C37855">
        <v>2</v>
      </c>
      <c r="D37855">
        <v>0</v>
      </c>
    </row>
    <row r="37856" spans="1:4" x14ac:dyDescent="0.25">
      <c r="A37856" t="s">
        <v>54440</v>
      </c>
      <c r="B37856" t="s">
        <v>54441</v>
      </c>
      <c r="C37856">
        <v>1</v>
      </c>
      <c r="D37856">
        <v>0</v>
      </c>
    </row>
    <row r="37857" spans="1:4" x14ac:dyDescent="0.25">
      <c r="A37857" t="s">
        <v>54440</v>
      </c>
      <c r="B37857" t="s">
        <v>54442</v>
      </c>
      <c r="C37857">
        <v>1</v>
      </c>
      <c r="D37857">
        <v>0</v>
      </c>
    </row>
    <row r="37858" spans="1:4" x14ac:dyDescent="0.25">
      <c r="A37858" t="s">
        <v>54440</v>
      </c>
      <c r="B37858" t="s">
        <v>54443</v>
      </c>
      <c r="C37858">
        <v>1</v>
      </c>
      <c r="D37858">
        <v>0</v>
      </c>
    </row>
    <row r="37859" spans="1:4" x14ac:dyDescent="0.25">
      <c r="A37859" t="s">
        <v>54440</v>
      </c>
      <c r="B37859" t="s">
        <v>54444</v>
      </c>
      <c r="C37859">
        <v>1</v>
      </c>
      <c r="D37859">
        <v>0</v>
      </c>
    </row>
    <row r="37860" spans="1:4" x14ac:dyDescent="0.25">
      <c r="A37860" t="s">
        <v>54445</v>
      </c>
      <c r="B37860" t="s">
        <v>38221</v>
      </c>
      <c r="C37860">
        <v>1</v>
      </c>
      <c r="D37860">
        <v>0</v>
      </c>
    </row>
    <row r="37861" spans="1:4" x14ac:dyDescent="0.25">
      <c r="A37861" t="s">
        <v>54445</v>
      </c>
      <c r="B37861" t="s">
        <v>54446</v>
      </c>
      <c r="C37861">
        <v>1</v>
      </c>
      <c r="D37861">
        <v>0</v>
      </c>
    </row>
    <row r="37862" spans="1:4" x14ac:dyDescent="0.25">
      <c r="A37862" t="s">
        <v>54445</v>
      </c>
      <c r="B37862" t="s">
        <v>54447</v>
      </c>
      <c r="C37862">
        <v>0</v>
      </c>
      <c r="D37862">
        <v>0</v>
      </c>
    </row>
    <row r="37863" spans="1:4" x14ac:dyDescent="0.25">
      <c r="A37863" t="s">
        <v>54448</v>
      </c>
      <c r="B37863" t="s">
        <v>5713</v>
      </c>
      <c r="C37863">
        <v>1</v>
      </c>
      <c r="D37863">
        <v>0</v>
      </c>
    </row>
    <row r="37864" spans="1:4" x14ac:dyDescent="0.25">
      <c r="A37864" t="s">
        <v>54448</v>
      </c>
      <c r="B37864" t="s">
        <v>54449</v>
      </c>
      <c r="C37864">
        <v>1</v>
      </c>
      <c r="D37864">
        <v>0</v>
      </c>
    </row>
    <row r="37865" spans="1:4" x14ac:dyDescent="0.25">
      <c r="A37865" t="s">
        <v>54448</v>
      </c>
      <c r="B37865" t="s">
        <v>54450</v>
      </c>
      <c r="C37865">
        <v>1</v>
      </c>
      <c r="D37865">
        <v>0</v>
      </c>
    </row>
    <row r="37866" spans="1:4" x14ac:dyDescent="0.25">
      <c r="A37866" t="s">
        <v>54448</v>
      </c>
      <c r="B37866" t="s">
        <v>54451</v>
      </c>
      <c r="C37866">
        <v>0</v>
      </c>
      <c r="D37866">
        <v>0</v>
      </c>
    </row>
    <row r="37867" spans="1:4" x14ac:dyDescent="0.25">
      <c r="A37867" t="s">
        <v>54448</v>
      </c>
      <c r="B37867" t="s">
        <v>54452</v>
      </c>
      <c r="C37867">
        <v>1</v>
      </c>
      <c r="D37867">
        <v>0</v>
      </c>
    </row>
    <row r="37868" spans="1:4" x14ac:dyDescent="0.25">
      <c r="A37868" t="s">
        <v>54453</v>
      </c>
      <c r="B37868" t="s">
        <v>54454</v>
      </c>
      <c r="C37868">
        <v>2</v>
      </c>
      <c r="D37868">
        <v>0</v>
      </c>
    </row>
    <row r="37869" spans="1:4" x14ac:dyDescent="0.25">
      <c r="A37869" t="s">
        <v>54453</v>
      </c>
      <c r="B37869" t="s">
        <v>54455</v>
      </c>
      <c r="C37869">
        <v>1</v>
      </c>
      <c r="D37869">
        <v>0</v>
      </c>
    </row>
    <row r="37870" spans="1:4" x14ac:dyDescent="0.25">
      <c r="A37870" t="s">
        <v>54453</v>
      </c>
      <c r="B37870" t="s">
        <v>54456</v>
      </c>
      <c r="C37870">
        <v>2</v>
      </c>
      <c r="D37870">
        <v>0</v>
      </c>
    </row>
    <row r="37871" spans="1:4" x14ac:dyDescent="0.25">
      <c r="A37871" t="s">
        <v>54457</v>
      </c>
      <c r="B37871" t="s">
        <v>11948</v>
      </c>
      <c r="C37871">
        <v>0</v>
      </c>
      <c r="D37871">
        <v>0</v>
      </c>
    </row>
    <row r="37872" spans="1:4" x14ac:dyDescent="0.25">
      <c r="A37872" t="s">
        <v>54457</v>
      </c>
      <c r="B37872" t="s">
        <v>54458</v>
      </c>
      <c r="C37872">
        <v>0</v>
      </c>
      <c r="D37872">
        <v>0</v>
      </c>
    </row>
    <row r="37873" spans="1:4" x14ac:dyDescent="0.25">
      <c r="A37873" t="s">
        <v>54457</v>
      </c>
      <c r="B37873" t="s">
        <v>54459</v>
      </c>
      <c r="C37873">
        <v>0</v>
      </c>
      <c r="D37873">
        <v>0</v>
      </c>
    </row>
    <row r="37874" spans="1:4" x14ac:dyDescent="0.25">
      <c r="A37874" t="s">
        <v>54460</v>
      </c>
      <c r="B37874" t="s">
        <v>54461</v>
      </c>
      <c r="C37874">
        <v>1</v>
      </c>
      <c r="D37874">
        <v>0</v>
      </c>
    </row>
    <row r="37875" spans="1:4" x14ac:dyDescent="0.25">
      <c r="A37875" t="s">
        <v>54460</v>
      </c>
      <c r="B37875" t="s">
        <v>54462</v>
      </c>
      <c r="C37875">
        <v>2</v>
      </c>
      <c r="D37875">
        <v>0</v>
      </c>
    </row>
    <row r="37876" spans="1:4" x14ac:dyDescent="0.25">
      <c r="A37876" t="s">
        <v>54460</v>
      </c>
      <c r="B37876" t="s">
        <v>54463</v>
      </c>
      <c r="C37876">
        <v>0</v>
      </c>
      <c r="D37876">
        <v>0</v>
      </c>
    </row>
    <row r="37877" spans="1:4" x14ac:dyDescent="0.25">
      <c r="A37877" t="s">
        <v>54460</v>
      </c>
      <c r="B37877" t="s">
        <v>54464</v>
      </c>
      <c r="C37877">
        <v>2</v>
      </c>
      <c r="D37877">
        <v>0</v>
      </c>
    </row>
    <row r="37878" spans="1:4" x14ac:dyDescent="0.25">
      <c r="A37878" t="s">
        <v>54465</v>
      </c>
      <c r="B37878" t="s">
        <v>54466</v>
      </c>
      <c r="C37878">
        <v>1</v>
      </c>
      <c r="D37878">
        <v>0</v>
      </c>
    </row>
    <row r="37879" spans="1:4" x14ac:dyDescent="0.25">
      <c r="A37879" t="s">
        <v>54465</v>
      </c>
      <c r="B37879" t="s">
        <v>54467</v>
      </c>
      <c r="C37879">
        <v>1</v>
      </c>
      <c r="D37879">
        <v>0</v>
      </c>
    </row>
    <row r="37880" spans="1:4" x14ac:dyDescent="0.25">
      <c r="A37880" t="s">
        <v>54465</v>
      </c>
      <c r="B37880" t="s">
        <v>54423</v>
      </c>
      <c r="C37880">
        <v>0</v>
      </c>
      <c r="D37880">
        <v>0</v>
      </c>
    </row>
    <row r="37881" spans="1:4" x14ac:dyDescent="0.25">
      <c r="A37881" t="s">
        <v>54465</v>
      </c>
      <c r="B37881" t="s">
        <v>54468</v>
      </c>
      <c r="C37881">
        <v>2</v>
      </c>
      <c r="D37881">
        <v>0</v>
      </c>
    </row>
    <row r="37882" spans="1:4" x14ac:dyDescent="0.25">
      <c r="A37882" t="s">
        <v>54465</v>
      </c>
      <c r="B37882" t="s">
        <v>54469</v>
      </c>
      <c r="C37882">
        <v>1</v>
      </c>
      <c r="D37882">
        <v>0</v>
      </c>
    </row>
    <row r="37883" spans="1:4" x14ac:dyDescent="0.25">
      <c r="A37883" t="s">
        <v>54470</v>
      </c>
      <c r="B37883" t="s">
        <v>54471</v>
      </c>
      <c r="C37883">
        <v>2</v>
      </c>
      <c r="D37883">
        <v>0</v>
      </c>
    </row>
    <row r="37884" spans="1:4" x14ac:dyDescent="0.25">
      <c r="A37884" t="s">
        <v>54470</v>
      </c>
      <c r="B37884" t="s">
        <v>54472</v>
      </c>
      <c r="C37884">
        <v>2</v>
      </c>
      <c r="D37884">
        <v>0</v>
      </c>
    </row>
    <row r="37885" spans="1:4" x14ac:dyDescent="0.25">
      <c r="A37885" t="s">
        <v>54470</v>
      </c>
      <c r="B37885" t="s">
        <v>54473</v>
      </c>
      <c r="C37885">
        <v>0</v>
      </c>
      <c r="D37885">
        <v>0</v>
      </c>
    </row>
    <row r="37886" spans="1:4" x14ac:dyDescent="0.25">
      <c r="A37886" t="s">
        <v>54474</v>
      </c>
      <c r="B37886" t="s">
        <v>54475</v>
      </c>
      <c r="C37886">
        <v>1</v>
      </c>
      <c r="D37886">
        <v>0</v>
      </c>
    </row>
    <row r="37887" spans="1:4" x14ac:dyDescent="0.25">
      <c r="A37887" t="s">
        <v>54474</v>
      </c>
      <c r="B37887" t="s">
        <v>54476</v>
      </c>
      <c r="C37887">
        <v>1</v>
      </c>
      <c r="D37887">
        <v>0</v>
      </c>
    </row>
    <row r="37888" spans="1:4" x14ac:dyDescent="0.25">
      <c r="A37888" t="s">
        <v>54474</v>
      </c>
      <c r="B37888" t="s">
        <v>54477</v>
      </c>
      <c r="C37888">
        <v>1</v>
      </c>
      <c r="D37888">
        <v>0</v>
      </c>
    </row>
    <row r="37889" spans="1:4" x14ac:dyDescent="0.25">
      <c r="A37889" t="s">
        <v>54474</v>
      </c>
      <c r="B37889" t="s">
        <v>54478</v>
      </c>
      <c r="C37889">
        <v>2</v>
      </c>
      <c r="D37889">
        <v>0</v>
      </c>
    </row>
    <row r="37890" spans="1:4" x14ac:dyDescent="0.25">
      <c r="A37890" t="s">
        <v>54474</v>
      </c>
      <c r="B37890" t="s">
        <v>4238</v>
      </c>
      <c r="C37890">
        <v>1</v>
      </c>
      <c r="D37890">
        <v>0</v>
      </c>
    </row>
    <row r="37891" spans="1:4" x14ac:dyDescent="0.25">
      <c r="A37891" t="s">
        <v>54474</v>
      </c>
      <c r="B37891" t="s">
        <v>54479</v>
      </c>
      <c r="C37891">
        <v>2</v>
      </c>
      <c r="D37891">
        <v>0</v>
      </c>
    </row>
    <row r="37892" spans="1:4" x14ac:dyDescent="0.25">
      <c r="A37892" t="s">
        <v>54480</v>
      </c>
      <c r="B37892" t="s">
        <v>54481</v>
      </c>
      <c r="C37892">
        <v>0</v>
      </c>
      <c r="D37892">
        <v>0</v>
      </c>
    </row>
    <row r="37893" spans="1:4" x14ac:dyDescent="0.25">
      <c r="A37893" t="s">
        <v>54480</v>
      </c>
      <c r="B37893" t="s">
        <v>54482</v>
      </c>
      <c r="C37893">
        <v>1</v>
      </c>
      <c r="D37893">
        <v>0</v>
      </c>
    </row>
    <row r="37894" spans="1:4" x14ac:dyDescent="0.25">
      <c r="A37894" t="s">
        <v>54480</v>
      </c>
      <c r="B37894" t="s">
        <v>54483</v>
      </c>
      <c r="C37894">
        <v>2</v>
      </c>
      <c r="D37894">
        <v>0</v>
      </c>
    </row>
    <row r="37895" spans="1:4" x14ac:dyDescent="0.25">
      <c r="A37895" t="s">
        <v>54480</v>
      </c>
      <c r="B37895" t="s">
        <v>54484</v>
      </c>
      <c r="C37895">
        <v>2</v>
      </c>
      <c r="D37895">
        <v>0</v>
      </c>
    </row>
    <row r="37896" spans="1:4" x14ac:dyDescent="0.25">
      <c r="A37896" t="s">
        <v>54485</v>
      </c>
      <c r="B37896" t="s">
        <v>54486</v>
      </c>
      <c r="C37896">
        <v>1</v>
      </c>
      <c r="D37896">
        <v>0</v>
      </c>
    </row>
    <row r="37897" spans="1:4" x14ac:dyDescent="0.25">
      <c r="A37897" t="s">
        <v>54485</v>
      </c>
      <c r="B37897" t="s">
        <v>54487</v>
      </c>
      <c r="C37897">
        <v>0</v>
      </c>
      <c r="D37897">
        <v>0</v>
      </c>
    </row>
    <row r="37898" spans="1:4" x14ac:dyDescent="0.25">
      <c r="A37898" t="s">
        <v>54485</v>
      </c>
      <c r="B37898" t="s">
        <v>54488</v>
      </c>
      <c r="C37898">
        <v>0</v>
      </c>
      <c r="D37898">
        <v>0</v>
      </c>
    </row>
    <row r="37899" spans="1:4" x14ac:dyDescent="0.25">
      <c r="A37899" t="s">
        <v>54485</v>
      </c>
      <c r="B37899" t="s">
        <v>54489</v>
      </c>
      <c r="C37899">
        <v>1</v>
      </c>
      <c r="D37899">
        <v>0</v>
      </c>
    </row>
    <row r="37900" spans="1:4" x14ac:dyDescent="0.25">
      <c r="A37900" t="s">
        <v>54485</v>
      </c>
      <c r="B37900" t="s">
        <v>54490</v>
      </c>
      <c r="C37900">
        <v>0</v>
      </c>
      <c r="D37900">
        <v>0</v>
      </c>
    </row>
    <row r="37901" spans="1:4" x14ac:dyDescent="0.25">
      <c r="A37901" t="s">
        <v>54491</v>
      </c>
      <c r="B37901" t="s">
        <v>54492</v>
      </c>
      <c r="C37901">
        <v>1</v>
      </c>
      <c r="D37901">
        <v>0</v>
      </c>
    </row>
    <row r="37902" spans="1:4" x14ac:dyDescent="0.25">
      <c r="A37902" t="s">
        <v>54491</v>
      </c>
      <c r="B37902" t="s">
        <v>54493</v>
      </c>
      <c r="C37902">
        <v>1</v>
      </c>
      <c r="D37902">
        <v>0</v>
      </c>
    </row>
    <row r="37903" spans="1:4" x14ac:dyDescent="0.25">
      <c r="A37903" t="s">
        <v>54491</v>
      </c>
      <c r="B37903" t="s">
        <v>54494</v>
      </c>
      <c r="C37903">
        <v>0</v>
      </c>
      <c r="D37903">
        <v>0</v>
      </c>
    </row>
    <row r="37904" spans="1:4" x14ac:dyDescent="0.25">
      <c r="A37904" t="s">
        <v>54491</v>
      </c>
      <c r="B37904" t="s">
        <v>54495</v>
      </c>
      <c r="C37904">
        <v>1</v>
      </c>
      <c r="D37904">
        <v>0</v>
      </c>
    </row>
    <row r="37905" spans="1:4" x14ac:dyDescent="0.25">
      <c r="A37905" t="s">
        <v>54496</v>
      </c>
      <c r="B37905" t="s">
        <v>54497</v>
      </c>
      <c r="C37905">
        <v>2</v>
      </c>
      <c r="D37905">
        <v>0</v>
      </c>
    </row>
    <row r="37906" spans="1:4" x14ac:dyDescent="0.25">
      <c r="A37906" t="s">
        <v>54496</v>
      </c>
      <c r="B37906" t="s">
        <v>54498</v>
      </c>
      <c r="C37906">
        <v>1</v>
      </c>
      <c r="D37906">
        <v>0</v>
      </c>
    </row>
    <row r="37907" spans="1:4" x14ac:dyDescent="0.25">
      <c r="A37907" t="s">
        <v>54496</v>
      </c>
      <c r="B37907" t="s">
        <v>54499</v>
      </c>
      <c r="C37907">
        <v>1</v>
      </c>
      <c r="D37907">
        <v>0</v>
      </c>
    </row>
    <row r="37908" spans="1:4" x14ac:dyDescent="0.25">
      <c r="A37908" t="s">
        <v>54496</v>
      </c>
      <c r="B37908" t="s">
        <v>46567</v>
      </c>
      <c r="C37908">
        <v>1</v>
      </c>
      <c r="D37908">
        <v>0</v>
      </c>
    </row>
    <row r="37909" spans="1:4" x14ac:dyDescent="0.25">
      <c r="A37909" t="s">
        <v>54496</v>
      </c>
      <c r="B37909" t="s">
        <v>54500</v>
      </c>
      <c r="C37909">
        <v>1</v>
      </c>
      <c r="D37909">
        <v>0</v>
      </c>
    </row>
    <row r="37910" spans="1:4" x14ac:dyDescent="0.25">
      <c r="A37910" t="s">
        <v>54496</v>
      </c>
      <c r="B37910" t="s">
        <v>54501</v>
      </c>
      <c r="C37910">
        <v>1</v>
      </c>
      <c r="D37910">
        <v>0</v>
      </c>
    </row>
    <row r="37911" spans="1:4" x14ac:dyDescent="0.25">
      <c r="A37911" t="s">
        <v>54496</v>
      </c>
      <c r="B37911" t="s">
        <v>54502</v>
      </c>
      <c r="C37911">
        <v>1</v>
      </c>
      <c r="D37911">
        <v>0</v>
      </c>
    </row>
    <row r="37912" spans="1:4" x14ac:dyDescent="0.25">
      <c r="A37912" t="s">
        <v>54503</v>
      </c>
      <c r="B37912" t="s">
        <v>54504</v>
      </c>
      <c r="C37912">
        <v>0</v>
      </c>
      <c r="D37912">
        <v>0</v>
      </c>
    </row>
    <row r="37913" spans="1:4" x14ac:dyDescent="0.25">
      <c r="A37913" t="s">
        <v>54505</v>
      </c>
      <c r="B37913" t="s">
        <v>54506</v>
      </c>
      <c r="C37913">
        <v>1</v>
      </c>
      <c r="D37913">
        <v>0</v>
      </c>
    </row>
    <row r="37914" spans="1:4" x14ac:dyDescent="0.25">
      <c r="A37914" t="s">
        <v>54507</v>
      </c>
      <c r="B37914" t="s">
        <v>54508</v>
      </c>
      <c r="C37914">
        <v>1</v>
      </c>
      <c r="D37914">
        <v>0</v>
      </c>
    </row>
    <row r="37915" spans="1:4" x14ac:dyDescent="0.25">
      <c r="A37915" t="s">
        <v>54507</v>
      </c>
      <c r="B37915" t="s">
        <v>54509</v>
      </c>
      <c r="C37915">
        <v>1</v>
      </c>
      <c r="D37915">
        <v>0</v>
      </c>
    </row>
    <row r="37916" spans="1:4" x14ac:dyDescent="0.25">
      <c r="A37916" t="s">
        <v>54510</v>
      </c>
      <c r="B37916" t="s">
        <v>5713</v>
      </c>
      <c r="C37916">
        <v>1</v>
      </c>
      <c r="D37916">
        <v>0</v>
      </c>
    </row>
    <row r="37917" spans="1:4" x14ac:dyDescent="0.25">
      <c r="A37917" t="s">
        <v>54510</v>
      </c>
      <c r="B37917" t="s">
        <v>2865</v>
      </c>
      <c r="C37917">
        <v>0</v>
      </c>
      <c r="D37917">
        <v>0</v>
      </c>
    </row>
    <row r="37918" spans="1:4" x14ac:dyDescent="0.25">
      <c r="A37918" t="s">
        <v>54511</v>
      </c>
      <c r="B37918" t="s">
        <v>54512</v>
      </c>
      <c r="C37918">
        <v>2</v>
      </c>
      <c r="D37918">
        <v>0</v>
      </c>
    </row>
    <row r="37919" spans="1:4" x14ac:dyDescent="0.25">
      <c r="A37919" t="s">
        <v>54511</v>
      </c>
      <c r="B37919" t="s">
        <v>54513</v>
      </c>
      <c r="C37919">
        <v>1</v>
      </c>
      <c r="D37919">
        <v>0</v>
      </c>
    </row>
    <row r="37920" spans="1:4" x14ac:dyDescent="0.25">
      <c r="A37920" t="s">
        <v>54511</v>
      </c>
      <c r="B37920" t="s">
        <v>54514</v>
      </c>
      <c r="C37920">
        <v>2</v>
      </c>
      <c r="D37920">
        <v>0</v>
      </c>
    </row>
    <row r="37921" spans="1:4" x14ac:dyDescent="0.25">
      <c r="A37921" t="s">
        <v>54515</v>
      </c>
      <c r="B37921" t="s">
        <v>54516</v>
      </c>
      <c r="C37921">
        <v>2</v>
      </c>
      <c r="D37921">
        <v>0</v>
      </c>
    </row>
    <row r="37922" spans="1:4" x14ac:dyDescent="0.25">
      <c r="A37922" t="s">
        <v>54515</v>
      </c>
      <c r="B37922" t="s">
        <v>54517</v>
      </c>
      <c r="C37922">
        <v>1</v>
      </c>
      <c r="D37922">
        <v>0</v>
      </c>
    </row>
    <row r="37923" spans="1:4" x14ac:dyDescent="0.25">
      <c r="A37923" t="s">
        <v>54515</v>
      </c>
      <c r="B37923" t="s">
        <v>54518</v>
      </c>
      <c r="C37923">
        <v>1</v>
      </c>
      <c r="D37923">
        <v>0</v>
      </c>
    </row>
    <row r="37924" spans="1:4" x14ac:dyDescent="0.25">
      <c r="A37924" t="s">
        <v>54515</v>
      </c>
      <c r="B37924" t="s">
        <v>54519</v>
      </c>
      <c r="C37924">
        <v>2</v>
      </c>
      <c r="D37924">
        <v>0</v>
      </c>
    </row>
    <row r="37925" spans="1:4" x14ac:dyDescent="0.25">
      <c r="A37925" t="s">
        <v>54515</v>
      </c>
      <c r="B37925" t="s">
        <v>54520</v>
      </c>
      <c r="C37925">
        <v>1</v>
      </c>
      <c r="D37925">
        <v>0</v>
      </c>
    </row>
    <row r="37926" spans="1:4" x14ac:dyDescent="0.25">
      <c r="A37926" t="s">
        <v>54521</v>
      </c>
      <c r="B37926" t="s">
        <v>54522</v>
      </c>
      <c r="C37926">
        <v>1</v>
      </c>
      <c r="D37926">
        <v>0</v>
      </c>
    </row>
    <row r="37927" spans="1:4" x14ac:dyDescent="0.25">
      <c r="A37927" t="s">
        <v>54521</v>
      </c>
      <c r="B37927" t="s">
        <v>54523</v>
      </c>
      <c r="C37927">
        <v>0</v>
      </c>
      <c r="D37927">
        <v>0</v>
      </c>
    </row>
    <row r="37928" spans="1:4" x14ac:dyDescent="0.25">
      <c r="A37928" t="s">
        <v>54524</v>
      </c>
      <c r="B37928" t="s">
        <v>54525</v>
      </c>
      <c r="C37928">
        <v>0</v>
      </c>
      <c r="D37928">
        <v>0</v>
      </c>
    </row>
    <row r="37929" spans="1:4" x14ac:dyDescent="0.25">
      <c r="A37929" t="s">
        <v>54524</v>
      </c>
      <c r="B37929" t="s">
        <v>54526</v>
      </c>
      <c r="C37929">
        <v>0</v>
      </c>
      <c r="D37929">
        <v>0</v>
      </c>
    </row>
    <row r="37930" spans="1:4" x14ac:dyDescent="0.25">
      <c r="A37930" t="s">
        <v>54524</v>
      </c>
      <c r="B37930" t="s">
        <v>54527</v>
      </c>
      <c r="C37930">
        <v>1</v>
      </c>
      <c r="D37930">
        <v>0</v>
      </c>
    </row>
    <row r="37931" spans="1:4" x14ac:dyDescent="0.25">
      <c r="A37931" t="s">
        <v>54524</v>
      </c>
      <c r="B37931" t="s">
        <v>54528</v>
      </c>
      <c r="C37931">
        <v>0</v>
      </c>
      <c r="D37931">
        <v>0</v>
      </c>
    </row>
    <row r="37932" spans="1:4" x14ac:dyDescent="0.25">
      <c r="A37932" t="s">
        <v>54524</v>
      </c>
      <c r="B37932" t="s">
        <v>54529</v>
      </c>
      <c r="C37932">
        <v>0</v>
      </c>
      <c r="D37932">
        <v>0</v>
      </c>
    </row>
    <row r="37933" spans="1:4" x14ac:dyDescent="0.25">
      <c r="A37933" t="s">
        <v>54530</v>
      </c>
      <c r="B37933" t="s">
        <v>54531</v>
      </c>
      <c r="C37933">
        <v>2</v>
      </c>
      <c r="D37933">
        <v>0</v>
      </c>
    </row>
    <row r="37934" spans="1:4" x14ac:dyDescent="0.25">
      <c r="A37934" t="s">
        <v>54530</v>
      </c>
      <c r="B37934" t="s">
        <v>54532</v>
      </c>
      <c r="C37934">
        <v>2</v>
      </c>
      <c r="D37934">
        <v>0</v>
      </c>
    </row>
    <row r="37935" spans="1:4" x14ac:dyDescent="0.25">
      <c r="A37935" t="s">
        <v>54530</v>
      </c>
      <c r="B37935" t="s">
        <v>54533</v>
      </c>
      <c r="C37935">
        <v>2</v>
      </c>
      <c r="D37935">
        <v>0</v>
      </c>
    </row>
    <row r="37936" spans="1:4" x14ac:dyDescent="0.25">
      <c r="A37936" t="s">
        <v>54530</v>
      </c>
      <c r="B37936" t="s">
        <v>54534</v>
      </c>
      <c r="C37936">
        <v>1</v>
      </c>
      <c r="D37936">
        <v>0</v>
      </c>
    </row>
    <row r="37937" spans="1:4" x14ac:dyDescent="0.25">
      <c r="A37937" t="s">
        <v>54530</v>
      </c>
      <c r="B37937" t="s">
        <v>54535</v>
      </c>
      <c r="C37937">
        <v>0</v>
      </c>
      <c r="D37937">
        <v>0</v>
      </c>
    </row>
    <row r="37938" spans="1:4" x14ac:dyDescent="0.25">
      <c r="A37938" t="s">
        <v>54530</v>
      </c>
      <c r="B37938" t="s">
        <v>54536</v>
      </c>
      <c r="C37938">
        <v>0</v>
      </c>
      <c r="D37938">
        <v>0</v>
      </c>
    </row>
    <row r="37939" spans="1:4" x14ac:dyDescent="0.25">
      <c r="A37939" t="s">
        <v>54530</v>
      </c>
      <c r="B37939" t="s">
        <v>54537</v>
      </c>
      <c r="C37939">
        <v>2</v>
      </c>
      <c r="D37939">
        <v>0</v>
      </c>
    </row>
    <row r="37940" spans="1:4" x14ac:dyDescent="0.25">
      <c r="A37940" t="s">
        <v>54538</v>
      </c>
      <c r="B37940" t="s">
        <v>54539</v>
      </c>
      <c r="C37940">
        <v>1</v>
      </c>
      <c r="D37940">
        <v>0</v>
      </c>
    </row>
    <row r="37941" spans="1:4" x14ac:dyDescent="0.25">
      <c r="A37941" t="s">
        <v>54538</v>
      </c>
      <c r="B37941" t="s">
        <v>54540</v>
      </c>
      <c r="C37941">
        <v>1</v>
      </c>
      <c r="D37941">
        <v>0</v>
      </c>
    </row>
    <row r="37942" spans="1:4" x14ac:dyDescent="0.25">
      <c r="A37942" t="s">
        <v>54538</v>
      </c>
      <c r="B37942" t="s">
        <v>54541</v>
      </c>
      <c r="C37942">
        <v>0</v>
      </c>
      <c r="D37942">
        <v>0</v>
      </c>
    </row>
    <row r="37943" spans="1:4" x14ac:dyDescent="0.25">
      <c r="A37943" t="s">
        <v>54538</v>
      </c>
      <c r="B37943" t="s">
        <v>54542</v>
      </c>
      <c r="C37943">
        <v>1</v>
      </c>
      <c r="D37943">
        <v>0</v>
      </c>
    </row>
    <row r="37944" spans="1:4" x14ac:dyDescent="0.25">
      <c r="A37944" t="s">
        <v>54538</v>
      </c>
      <c r="B37944" t="s">
        <v>54543</v>
      </c>
      <c r="C37944">
        <v>0</v>
      </c>
      <c r="D37944">
        <v>0</v>
      </c>
    </row>
    <row r="37945" spans="1:4" x14ac:dyDescent="0.25">
      <c r="A37945" t="s">
        <v>54544</v>
      </c>
      <c r="B37945" t="s">
        <v>54545</v>
      </c>
      <c r="C37945">
        <v>1</v>
      </c>
      <c r="D37945">
        <v>0</v>
      </c>
    </row>
    <row r="37946" spans="1:4" x14ac:dyDescent="0.25">
      <c r="A37946" t="s">
        <v>54544</v>
      </c>
      <c r="B37946" t="s">
        <v>54546</v>
      </c>
      <c r="C37946">
        <v>0</v>
      </c>
      <c r="D37946">
        <v>0</v>
      </c>
    </row>
    <row r="37947" spans="1:4" x14ac:dyDescent="0.25">
      <c r="A37947" t="s">
        <v>54544</v>
      </c>
      <c r="B37947" t="s">
        <v>54547</v>
      </c>
      <c r="C37947">
        <v>1</v>
      </c>
      <c r="D37947">
        <v>0</v>
      </c>
    </row>
    <row r="37948" spans="1:4" x14ac:dyDescent="0.25">
      <c r="A37948" t="s">
        <v>54544</v>
      </c>
      <c r="B37948" t="s">
        <v>54548</v>
      </c>
      <c r="C37948">
        <v>1</v>
      </c>
      <c r="D37948">
        <v>0</v>
      </c>
    </row>
    <row r="37949" spans="1:4" x14ac:dyDescent="0.25">
      <c r="A37949" t="s">
        <v>54544</v>
      </c>
      <c r="B37949" t="s">
        <v>54549</v>
      </c>
      <c r="C37949">
        <v>1</v>
      </c>
      <c r="D37949">
        <v>0</v>
      </c>
    </row>
    <row r="37950" spans="1:4" x14ac:dyDescent="0.25">
      <c r="A37950" t="s">
        <v>54550</v>
      </c>
      <c r="B37950" t="s">
        <v>54551</v>
      </c>
      <c r="C37950">
        <v>1</v>
      </c>
      <c r="D37950">
        <v>0</v>
      </c>
    </row>
    <row r="37951" spans="1:4" x14ac:dyDescent="0.25">
      <c r="A37951" t="s">
        <v>54550</v>
      </c>
      <c r="B37951" t="s">
        <v>54552</v>
      </c>
      <c r="C37951">
        <v>0</v>
      </c>
      <c r="D37951">
        <v>0</v>
      </c>
    </row>
    <row r="37952" spans="1:4" x14ac:dyDescent="0.25">
      <c r="A37952" t="s">
        <v>54550</v>
      </c>
      <c r="B37952" t="s">
        <v>54553</v>
      </c>
      <c r="C37952">
        <v>2</v>
      </c>
      <c r="D37952">
        <v>0</v>
      </c>
    </row>
    <row r="37953" spans="1:4" x14ac:dyDescent="0.25">
      <c r="A37953" t="s">
        <v>54550</v>
      </c>
      <c r="B37953" t="s">
        <v>54554</v>
      </c>
      <c r="C37953">
        <v>0</v>
      </c>
      <c r="D37953">
        <v>0</v>
      </c>
    </row>
    <row r="37954" spans="1:4" x14ac:dyDescent="0.25">
      <c r="A37954" t="s">
        <v>54550</v>
      </c>
      <c r="B37954" t="s">
        <v>54555</v>
      </c>
      <c r="C37954">
        <v>2</v>
      </c>
      <c r="D37954">
        <v>0</v>
      </c>
    </row>
    <row r="37955" spans="1:4" x14ac:dyDescent="0.25">
      <c r="A37955" t="s">
        <v>54550</v>
      </c>
      <c r="B37955" t="s">
        <v>54556</v>
      </c>
      <c r="C37955">
        <v>1</v>
      </c>
      <c r="D37955">
        <v>0</v>
      </c>
    </row>
    <row r="37956" spans="1:4" x14ac:dyDescent="0.25">
      <c r="A37956" t="s">
        <v>54557</v>
      </c>
      <c r="B37956" t="s">
        <v>54558</v>
      </c>
      <c r="C37956">
        <v>1</v>
      </c>
      <c r="D37956">
        <v>0</v>
      </c>
    </row>
    <row r="37957" spans="1:4" x14ac:dyDescent="0.25">
      <c r="A37957" t="s">
        <v>54557</v>
      </c>
      <c r="B37957" t="s">
        <v>54559</v>
      </c>
      <c r="C37957">
        <v>1</v>
      </c>
      <c r="D37957">
        <v>0</v>
      </c>
    </row>
    <row r="37958" spans="1:4" x14ac:dyDescent="0.25">
      <c r="A37958" t="s">
        <v>54557</v>
      </c>
      <c r="B37958" t="s">
        <v>5713</v>
      </c>
      <c r="C37958">
        <v>1</v>
      </c>
      <c r="D37958">
        <v>0</v>
      </c>
    </row>
    <row r="37959" spans="1:4" x14ac:dyDescent="0.25">
      <c r="A37959" t="s">
        <v>54557</v>
      </c>
      <c r="B37959" t="s">
        <v>54560</v>
      </c>
      <c r="C37959">
        <v>1</v>
      </c>
      <c r="D37959">
        <v>0</v>
      </c>
    </row>
    <row r="37960" spans="1:4" x14ac:dyDescent="0.25">
      <c r="A37960" t="s">
        <v>54557</v>
      </c>
      <c r="B37960" t="s">
        <v>54561</v>
      </c>
      <c r="C37960">
        <v>2</v>
      </c>
      <c r="D37960">
        <v>0</v>
      </c>
    </row>
    <row r="37961" spans="1:4" x14ac:dyDescent="0.25">
      <c r="A37961" t="s">
        <v>54562</v>
      </c>
      <c r="B37961" t="s">
        <v>54563</v>
      </c>
      <c r="C37961">
        <v>1</v>
      </c>
      <c r="D37961">
        <v>0</v>
      </c>
    </row>
    <row r="37962" spans="1:4" x14ac:dyDescent="0.25">
      <c r="A37962" t="s">
        <v>54562</v>
      </c>
      <c r="B37962" t="s">
        <v>54564</v>
      </c>
      <c r="C37962">
        <v>1</v>
      </c>
      <c r="D37962">
        <v>0</v>
      </c>
    </row>
    <row r="37963" spans="1:4" x14ac:dyDescent="0.25">
      <c r="A37963" t="s">
        <v>54565</v>
      </c>
      <c r="B37963" t="s">
        <v>54566</v>
      </c>
      <c r="C37963">
        <v>1</v>
      </c>
      <c r="D37963">
        <v>0</v>
      </c>
    </row>
    <row r="37964" spans="1:4" x14ac:dyDescent="0.25">
      <c r="A37964" t="s">
        <v>54565</v>
      </c>
      <c r="B37964" t="s">
        <v>54567</v>
      </c>
      <c r="C37964">
        <v>1</v>
      </c>
      <c r="D37964">
        <v>0</v>
      </c>
    </row>
    <row r="37965" spans="1:4" x14ac:dyDescent="0.25">
      <c r="A37965" t="s">
        <v>54565</v>
      </c>
      <c r="B37965" t="s">
        <v>54568</v>
      </c>
      <c r="C37965">
        <v>1</v>
      </c>
      <c r="D37965">
        <v>0</v>
      </c>
    </row>
    <row r="37966" spans="1:4" x14ac:dyDescent="0.25">
      <c r="A37966" t="s">
        <v>54565</v>
      </c>
      <c r="B37966" t="s">
        <v>54569</v>
      </c>
      <c r="C37966">
        <v>1</v>
      </c>
      <c r="D37966">
        <v>0</v>
      </c>
    </row>
    <row r="37967" spans="1:4" x14ac:dyDescent="0.25">
      <c r="A37967" t="s">
        <v>54565</v>
      </c>
      <c r="B37967" t="s">
        <v>54570</v>
      </c>
      <c r="C37967">
        <v>1</v>
      </c>
      <c r="D37967">
        <v>0</v>
      </c>
    </row>
    <row r="37968" spans="1:4" x14ac:dyDescent="0.25">
      <c r="A37968" t="s">
        <v>54571</v>
      </c>
      <c r="B37968" t="s">
        <v>54572</v>
      </c>
      <c r="C37968">
        <v>1</v>
      </c>
      <c r="D37968">
        <v>0</v>
      </c>
    </row>
    <row r="37969" spans="1:4" x14ac:dyDescent="0.25">
      <c r="A37969" t="s">
        <v>54571</v>
      </c>
      <c r="B37969" t="s">
        <v>54573</v>
      </c>
      <c r="C37969">
        <v>1</v>
      </c>
      <c r="D37969">
        <v>0</v>
      </c>
    </row>
    <row r="37970" spans="1:4" x14ac:dyDescent="0.25">
      <c r="A37970" t="s">
        <v>54571</v>
      </c>
      <c r="B37970" t="s">
        <v>54574</v>
      </c>
      <c r="C37970">
        <v>1</v>
      </c>
      <c r="D37970">
        <v>0</v>
      </c>
    </row>
    <row r="37971" spans="1:4" x14ac:dyDescent="0.25">
      <c r="A37971" t="s">
        <v>54571</v>
      </c>
      <c r="B37971" t="s">
        <v>54575</v>
      </c>
      <c r="C37971">
        <v>0</v>
      </c>
      <c r="D37971">
        <v>0</v>
      </c>
    </row>
    <row r="37972" spans="1:4" x14ac:dyDescent="0.25">
      <c r="A37972" t="s">
        <v>54576</v>
      </c>
      <c r="B37972" t="s">
        <v>54577</v>
      </c>
      <c r="C37972">
        <v>1</v>
      </c>
      <c r="D37972">
        <v>0</v>
      </c>
    </row>
    <row r="37973" spans="1:4" x14ac:dyDescent="0.25">
      <c r="A37973" t="s">
        <v>54576</v>
      </c>
      <c r="B37973" t="s">
        <v>54578</v>
      </c>
      <c r="C37973">
        <v>1</v>
      </c>
      <c r="D37973">
        <v>0</v>
      </c>
    </row>
    <row r="37974" spans="1:4" x14ac:dyDescent="0.25">
      <c r="A37974" t="s">
        <v>54576</v>
      </c>
      <c r="B37974" t="s">
        <v>54579</v>
      </c>
      <c r="C37974">
        <v>1</v>
      </c>
      <c r="D37974">
        <v>0</v>
      </c>
    </row>
    <row r="37975" spans="1:4" x14ac:dyDescent="0.25">
      <c r="A37975" t="s">
        <v>54580</v>
      </c>
      <c r="B37975" t="s">
        <v>54581</v>
      </c>
      <c r="C37975">
        <v>1</v>
      </c>
      <c r="D37975">
        <v>0</v>
      </c>
    </row>
    <row r="37976" spans="1:4" x14ac:dyDescent="0.25">
      <c r="A37976" t="s">
        <v>54580</v>
      </c>
      <c r="B37976" t="s">
        <v>54582</v>
      </c>
      <c r="C37976">
        <v>1</v>
      </c>
      <c r="D37976">
        <v>0</v>
      </c>
    </row>
    <row r="37977" spans="1:4" x14ac:dyDescent="0.25">
      <c r="A37977" t="s">
        <v>54580</v>
      </c>
      <c r="B37977" t="s">
        <v>54583</v>
      </c>
      <c r="C37977">
        <v>0</v>
      </c>
      <c r="D37977">
        <v>0</v>
      </c>
    </row>
    <row r="37978" spans="1:4" x14ac:dyDescent="0.25">
      <c r="A37978" t="s">
        <v>54580</v>
      </c>
      <c r="B37978" t="s">
        <v>54584</v>
      </c>
      <c r="C37978">
        <v>1</v>
      </c>
      <c r="D37978">
        <v>0</v>
      </c>
    </row>
    <row r="37979" spans="1:4" x14ac:dyDescent="0.25">
      <c r="A37979" t="s">
        <v>54580</v>
      </c>
      <c r="B37979" t="s">
        <v>54585</v>
      </c>
      <c r="C37979">
        <v>1</v>
      </c>
      <c r="D37979">
        <v>0</v>
      </c>
    </row>
    <row r="37980" spans="1:4" x14ac:dyDescent="0.25">
      <c r="A37980" t="s">
        <v>54580</v>
      </c>
      <c r="B37980" t="s">
        <v>54582</v>
      </c>
      <c r="C37980">
        <v>1</v>
      </c>
      <c r="D37980">
        <v>0</v>
      </c>
    </row>
    <row r="37981" spans="1:4" x14ac:dyDescent="0.25">
      <c r="A37981" t="s">
        <v>54586</v>
      </c>
      <c r="B37981" t="s">
        <v>54587</v>
      </c>
      <c r="C37981">
        <v>0</v>
      </c>
      <c r="D37981">
        <v>0</v>
      </c>
    </row>
    <row r="37982" spans="1:4" x14ac:dyDescent="0.25">
      <c r="A37982" t="s">
        <v>54586</v>
      </c>
      <c r="B37982" t="s">
        <v>54588</v>
      </c>
      <c r="C37982">
        <v>1</v>
      </c>
      <c r="D37982">
        <v>0</v>
      </c>
    </row>
    <row r="37983" spans="1:4" x14ac:dyDescent="0.25">
      <c r="A37983" t="s">
        <v>54586</v>
      </c>
      <c r="B37983" t="s">
        <v>54589</v>
      </c>
      <c r="C37983">
        <v>1</v>
      </c>
      <c r="D37983">
        <v>0</v>
      </c>
    </row>
    <row r="37984" spans="1:4" x14ac:dyDescent="0.25">
      <c r="A37984" t="s">
        <v>54586</v>
      </c>
      <c r="B37984" t="s">
        <v>54590</v>
      </c>
      <c r="C37984">
        <v>1</v>
      </c>
      <c r="D37984">
        <v>0</v>
      </c>
    </row>
    <row r="37985" spans="1:4" x14ac:dyDescent="0.25">
      <c r="A37985" t="s">
        <v>54586</v>
      </c>
      <c r="B37985" t="s">
        <v>54590</v>
      </c>
      <c r="C37985">
        <v>1</v>
      </c>
      <c r="D37985">
        <v>0</v>
      </c>
    </row>
    <row r="37986" spans="1:4" x14ac:dyDescent="0.25">
      <c r="A37986" t="s">
        <v>54591</v>
      </c>
      <c r="B37986" t="s">
        <v>54592</v>
      </c>
      <c r="C37986">
        <v>1</v>
      </c>
      <c r="D37986">
        <v>0</v>
      </c>
    </row>
    <row r="37987" spans="1:4" x14ac:dyDescent="0.25">
      <c r="A37987" t="s">
        <v>54591</v>
      </c>
      <c r="B37987" t="s">
        <v>48587</v>
      </c>
      <c r="C37987">
        <v>1</v>
      </c>
      <c r="D37987">
        <v>0</v>
      </c>
    </row>
    <row r="37988" spans="1:4" x14ac:dyDescent="0.25">
      <c r="A37988" t="s">
        <v>54591</v>
      </c>
      <c r="B37988" t="s">
        <v>54593</v>
      </c>
      <c r="C37988">
        <v>1</v>
      </c>
      <c r="D37988">
        <v>0</v>
      </c>
    </row>
    <row r="37989" spans="1:4" x14ac:dyDescent="0.25">
      <c r="A37989" t="s">
        <v>54591</v>
      </c>
      <c r="B37989" t="s">
        <v>54594</v>
      </c>
      <c r="C37989">
        <v>0</v>
      </c>
      <c r="D37989">
        <v>0</v>
      </c>
    </row>
    <row r="37990" spans="1:4" x14ac:dyDescent="0.25">
      <c r="A37990" t="s">
        <v>54591</v>
      </c>
      <c r="B37990" t="s">
        <v>54595</v>
      </c>
      <c r="C37990">
        <v>1</v>
      </c>
      <c r="D37990">
        <v>0</v>
      </c>
    </row>
    <row r="37991" spans="1:4" x14ac:dyDescent="0.25">
      <c r="A37991" t="s">
        <v>54591</v>
      </c>
      <c r="B37991" t="s">
        <v>54596</v>
      </c>
      <c r="C37991">
        <v>0</v>
      </c>
      <c r="D37991">
        <v>0</v>
      </c>
    </row>
    <row r="37992" spans="1:4" x14ac:dyDescent="0.25">
      <c r="A37992" t="s">
        <v>54597</v>
      </c>
      <c r="B37992" t="s">
        <v>54598</v>
      </c>
      <c r="C37992">
        <v>1</v>
      </c>
      <c r="D37992">
        <v>0</v>
      </c>
    </row>
    <row r="37993" spans="1:4" x14ac:dyDescent="0.25">
      <c r="A37993" t="s">
        <v>54597</v>
      </c>
      <c r="B37993" t="s">
        <v>54599</v>
      </c>
      <c r="C37993">
        <v>1</v>
      </c>
      <c r="D37993">
        <v>0</v>
      </c>
    </row>
    <row r="37994" spans="1:4" x14ac:dyDescent="0.25">
      <c r="A37994" t="s">
        <v>54597</v>
      </c>
      <c r="B37994" t="s">
        <v>54600</v>
      </c>
      <c r="C37994">
        <v>1</v>
      </c>
      <c r="D37994">
        <v>0</v>
      </c>
    </row>
    <row r="37995" spans="1:4" x14ac:dyDescent="0.25">
      <c r="A37995" t="s">
        <v>54597</v>
      </c>
      <c r="B37995" t="s">
        <v>54601</v>
      </c>
      <c r="C37995">
        <v>1</v>
      </c>
      <c r="D37995">
        <v>0</v>
      </c>
    </row>
    <row r="37996" spans="1:4" x14ac:dyDescent="0.25">
      <c r="A37996" t="s">
        <v>54597</v>
      </c>
      <c r="B37996" t="s">
        <v>54602</v>
      </c>
      <c r="C37996">
        <v>1</v>
      </c>
      <c r="D37996">
        <v>0</v>
      </c>
    </row>
    <row r="37997" spans="1:4" x14ac:dyDescent="0.25">
      <c r="A37997" t="s">
        <v>54603</v>
      </c>
      <c r="B37997" t="s">
        <v>54604</v>
      </c>
      <c r="C37997">
        <v>1</v>
      </c>
      <c r="D37997">
        <v>0</v>
      </c>
    </row>
    <row r="37998" spans="1:4" x14ac:dyDescent="0.25">
      <c r="A37998" t="s">
        <v>54605</v>
      </c>
      <c r="B37998" t="s">
        <v>54606</v>
      </c>
      <c r="C37998">
        <v>1</v>
      </c>
      <c r="D37998">
        <v>0</v>
      </c>
    </row>
    <row r="37999" spans="1:4" x14ac:dyDescent="0.25">
      <c r="A37999" t="s">
        <v>54605</v>
      </c>
      <c r="B37999" t="s">
        <v>1101</v>
      </c>
      <c r="C37999">
        <v>1</v>
      </c>
      <c r="D37999">
        <v>0</v>
      </c>
    </row>
    <row r="38000" spans="1:4" x14ac:dyDescent="0.25">
      <c r="A38000" t="s">
        <v>54605</v>
      </c>
      <c r="B38000" t="s">
        <v>54607</v>
      </c>
      <c r="C38000">
        <v>1</v>
      </c>
      <c r="D38000">
        <v>0</v>
      </c>
    </row>
    <row r="38001" spans="1:4" x14ac:dyDescent="0.25">
      <c r="A38001" t="s">
        <v>54605</v>
      </c>
      <c r="B38001" t="s">
        <v>54608</v>
      </c>
      <c r="C38001">
        <v>1</v>
      </c>
      <c r="D38001">
        <v>0</v>
      </c>
    </row>
    <row r="38002" spans="1:4" x14ac:dyDescent="0.25">
      <c r="A38002" t="s">
        <v>54609</v>
      </c>
      <c r="B38002" t="s">
        <v>2651</v>
      </c>
      <c r="C38002">
        <v>0</v>
      </c>
      <c r="D38002">
        <v>0</v>
      </c>
    </row>
    <row r="38003" spans="1:4" x14ac:dyDescent="0.25">
      <c r="A38003" t="s">
        <v>54609</v>
      </c>
      <c r="B38003" t="s">
        <v>54610</v>
      </c>
      <c r="C38003">
        <v>0</v>
      </c>
      <c r="D38003">
        <v>0</v>
      </c>
    </row>
    <row r="38004" spans="1:4" x14ac:dyDescent="0.25">
      <c r="A38004" t="s">
        <v>54609</v>
      </c>
      <c r="B38004" t="s">
        <v>54611</v>
      </c>
      <c r="C38004">
        <v>0</v>
      </c>
      <c r="D38004">
        <v>0</v>
      </c>
    </row>
    <row r="38005" spans="1:4" x14ac:dyDescent="0.25">
      <c r="A38005" t="s">
        <v>54612</v>
      </c>
      <c r="B38005" t="s">
        <v>54613</v>
      </c>
      <c r="C38005">
        <v>1</v>
      </c>
      <c r="D38005">
        <v>0</v>
      </c>
    </row>
    <row r="38006" spans="1:4" x14ac:dyDescent="0.25">
      <c r="A38006" t="s">
        <v>54612</v>
      </c>
      <c r="B38006" t="s">
        <v>54614</v>
      </c>
      <c r="C38006">
        <v>1</v>
      </c>
      <c r="D38006">
        <v>0</v>
      </c>
    </row>
    <row r="38007" spans="1:4" x14ac:dyDescent="0.25">
      <c r="A38007" t="s">
        <v>54612</v>
      </c>
      <c r="B38007" t="s">
        <v>54615</v>
      </c>
      <c r="C38007">
        <v>1</v>
      </c>
      <c r="D38007">
        <v>0</v>
      </c>
    </row>
    <row r="38008" spans="1:4" x14ac:dyDescent="0.25">
      <c r="A38008" t="s">
        <v>54612</v>
      </c>
      <c r="B38008" t="s">
        <v>54616</v>
      </c>
      <c r="C38008">
        <v>1</v>
      </c>
      <c r="D38008">
        <v>0</v>
      </c>
    </row>
    <row r="38009" spans="1:4" x14ac:dyDescent="0.25">
      <c r="A38009" t="s">
        <v>54612</v>
      </c>
      <c r="B38009" t="s">
        <v>54617</v>
      </c>
      <c r="C38009">
        <v>1</v>
      </c>
      <c r="D38009">
        <v>0</v>
      </c>
    </row>
    <row r="38010" spans="1:4" x14ac:dyDescent="0.25">
      <c r="A38010" t="s">
        <v>54618</v>
      </c>
      <c r="B38010" t="s">
        <v>54619</v>
      </c>
      <c r="C38010">
        <v>1</v>
      </c>
      <c r="D38010">
        <v>0</v>
      </c>
    </row>
    <row r="38011" spans="1:4" x14ac:dyDescent="0.25">
      <c r="A38011" t="s">
        <v>54618</v>
      </c>
      <c r="B38011" t="s">
        <v>54620</v>
      </c>
      <c r="C38011">
        <v>0</v>
      </c>
      <c r="D38011">
        <v>0</v>
      </c>
    </row>
    <row r="38012" spans="1:4" x14ac:dyDescent="0.25">
      <c r="A38012" t="s">
        <v>54618</v>
      </c>
      <c r="B38012" t="s">
        <v>54621</v>
      </c>
      <c r="C38012">
        <v>0</v>
      </c>
      <c r="D38012">
        <v>0</v>
      </c>
    </row>
    <row r="38013" spans="1:4" x14ac:dyDescent="0.25">
      <c r="A38013" t="s">
        <v>54618</v>
      </c>
      <c r="B38013" t="s">
        <v>54622</v>
      </c>
      <c r="C38013">
        <v>1</v>
      </c>
      <c r="D38013">
        <v>0</v>
      </c>
    </row>
    <row r="38014" spans="1:4" x14ac:dyDescent="0.25">
      <c r="A38014" t="s">
        <v>54618</v>
      </c>
      <c r="B38014" t="s">
        <v>2651</v>
      </c>
      <c r="C38014">
        <v>1</v>
      </c>
      <c r="D38014">
        <v>0</v>
      </c>
    </row>
    <row r="38015" spans="1:4" x14ac:dyDescent="0.25">
      <c r="A38015" t="s">
        <v>54618</v>
      </c>
      <c r="B38015" t="s">
        <v>54423</v>
      </c>
      <c r="C38015">
        <v>1</v>
      </c>
      <c r="D38015">
        <v>0</v>
      </c>
    </row>
    <row r="38016" spans="1:4" x14ac:dyDescent="0.25">
      <c r="A38016" t="s">
        <v>54618</v>
      </c>
      <c r="B38016" t="s">
        <v>54623</v>
      </c>
      <c r="C38016">
        <v>1</v>
      </c>
      <c r="D38016">
        <v>0</v>
      </c>
    </row>
    <row r="38017" spans="1:4" x14ac:dyDescent="0.25">
      <c r="A38017" t="s">
        <v>54618</v>
      </c>
      <c r="B38017" t="s">
        <v>54624</v>
      </c>
      <c r="C38017">
        <v>1</v>
      </c>
      <c r="D38017">
        <v>0</v>
      </c>
    </row>
    <row r="38018" spans="1:4" x14ac:dyDescent="0.25">
      <c r="A38018" t="s">
        <v>54618</v>
      </c>
      <c r="B38018" t="s">
        <v>54625</v>
      </c>
      <c r="C38018">
        <v>1</v>
      </c>
      <c r="D38018">
        <v>0</v>
      </c>
    </row>
    <row r="38019" spans="1:4" x14ac:dyDescent="0.25">
      <c r="A38019" t="s">
        <v>54626</v>
      </c>
      <c r="B38019" t="s">
        <v>5713</v>
      </c>
      <c r="C38019">
        <v>1</v>
      </c>
      <c r="D38019">
        <v>0</v>
      </c>
    </row>
    <row r="38020" spans="1:4" x14ac:dyDescent="0.25">
      <c r="A38020" t="s">
        <v>54626</v>
      </c>
      <c r="B38020" t="s">
        <v>54627</v>
      </c>
      <c r="C38020">
        <v>0</v>
      </c>
      <c r="D38020">
        <v>0</v>
      </c>
    </row>
    <row r="38021" spans="1:4" x14ac:dyDescent="0.25">
      <c r="A38021" t="s">
        <v>54626</v>
      </c>
      <c r="B38021" t="s">
        <v>54628</v>
      </c>
      <c r="C38021">
        <v>0</v>
      </c>
      <c r="D38021">
        <v>0</v>
      </c>
    </row>
    <row r="38022" spans="1:4" x14ac:dyDescent="0.25">
      <c r="A38022" t="s">
        <v>54626</v>
      </c>
      <c r="B38022" t="s">
        <v>54629</v>
      </c>
      <c r="C38022">
        <v>1</v>
      </c>
      <c r="D38022">
        <v>0</v>
      </c>
    </row>
    <row r="38023" spans="1:4" x14ac:dyDescent="0.25">
      <c r="A38023" t="s">
        <v>54630</v>
      </c>
      <c r="B38023" t="s">
        <v>54631</v>
      </c>
      <c r="C38023">
        <v>1</v>
      </c>
      <c r="D38023">
        <v>0</v>
      </c>
    </row>
    <row r="38024" spans="1:4" x14ac:dyDescent="0.25">
      <c r="A38024" t="s">
        <v>54632</v>
      </c>
      <c r="B38024" t="s">
        <v>54633</v>
      </c>
      <c r="C38024">
        <v>0</v>
      </c>
      <c r="D38024">
        <v>0</v>
      </c>
    </row>
    <row r="38025" spans="1:4" x14ac:dyDescent="0.25">
      <c r="A38025" t="s">
        <v>54632</v>
      </c>
      <c r="B38025" t="s">
        <v>54634</v>
      </c>
      <c r="C38025">
        <v>0</v>
      </c>
      <c r="D38025">
        <v>0</v>
      </c>
    </row>
    <row r="38026" spans="1:4" x14ac:dyDescent="0.25">
      <c r="A38026" t="s">
        <v>54632</v>
      </c>
      <c r="B38026" t="s">
        <v>54635</v>
      </c>
      <c r="C38026">
        <v>2</v>
      </c>
      <c r="D38026">
        <v>0</v>
      </c>
    </row>
    <row r="38027" spans="1:4" x14ac:dyDescent="0.25">
      <c r="A38027" t="s">
        <v>54632</v>
      </c>
      <c r="B38027" t="s">
        <v>54636</v>
      </c>
      <c r="C38027">
        <v>1</v>
      </c>
      <c r="D38027">
        <v>0</v>
      </c>
    </row>
    <row r="38028" spans="1:4" x14ac:dyDescent="0.25">
      <c r="A38028" t="s">
        <v>54632</v>
      </c>
      <c r="B38028" t="s">
        <v>54637</v>
      </c>
      <c r="C38028">
        <v>0</v>
      </c>
      <c r="D38028">
        <v>0</v>
      </c>
    </row>
    <row r="38029" spans="1:4" x14ac:dyDescent="0.25">
      <c r="A38029" t="s">
        <v>54632</v>
      </c>
      <c r="B38029" t="s">
        <v>54638</v>
      </c>
      <c r="C38029">
        <v>0</v>
      </c>
      <c r="D38029">
        <v>0</v>
      </c>
    </row>
    <row r="38030" spans="1:4" x14ac:dyDescent="0.25">
      <c r="A38030" t="s">
        <v>54632</v>
      </c>
      <c r="B38030" t="s">
        <v>2865</v>
      </c>
      <c r="C38030">
        <v>0</v>
      </c>
      <c r="D38030">
        <v>0</v>
      </c>
    </row>
    <row r="38031" spans="1:4" x14ac:dyDescent="0.25">
      <c r="A38031" t="s">
        <v>54632</v>
      </c>
      <c r="B38031" t="s">
        <v>54639</v>
      </c>
      <c r="C38031">
        <v>1</v>
      </c>
      <c r="D38031">
        <v>0</v>
      </c>
    </row>
    <row r="38032" spans="1:4" x14ac:dyDescent="0.25">
      <c r="A38032" t="s">
        <v>54640</v>
      </c>
      <c r="B38032" t="s">
        <v>54641</v>
      </c>
      <c r="C38032">
        <v>1</v>
      </c>
      <c r="D38032">
        <v>0</v>
      </c>
    </row>
    <row r="38033" spans="1:4" x14ac:dyDescent="0.25">
      <c r="A38033" t="s">
        <v>54640</v>
      </c>
      <c r="B38033" t="s">
        <v>54642</v>
      </c>
      <c r="C38033">
        <v>0</v>
      </c>
      <c r="D38033">
        <v>0</v>
      </c>
    </row>
    <row r="38034" spans="1:4" x14ac:dyDescent="0.25">
      <c r="A38034" t="s">
        <v>54640</v>
      </c>
      <c r="B38034" t="s">
        <v>54643</v>
      </c>
      <c r="C38034">
        <v>0</v>
      </c>
      <c r="D38034">
        <v>0</v>
      </c>
    </row>
    <row r="38035" spans="1:4" x14ac:dyDescent="0.25">
      <c r="A38035" t="s">
        <v>54640</v>
      </c>
      <c r="B38035" t="s">
        <v>54644</v>
      </c>
      <c r="C38035">
        <v>1</v>
      </c>
      <c r="D38035">
        <v>0</v>
      </c>
    </row>
    <row r="38036" spans="1:4" x14ac:dyDescent="0.25">
      <c r="A38036" t="s">
        <v>54645</v>
      </c>
      <c r="B38036" t="s">
        <v>54646</v>
      </c>
      <c r="C38036">
        <v>1</v>
      </c>
      <c r="D38036">
        <v>0</v>
      </c>
    </row>
    <row r="38037" spans="1:4" x14ac:dyDescent="0.25">
      <c r="A38037" t="s">
        <v>54645</v>
      </c>
      <c r="B38037" t="s">
        <v>54647</v>
      </c>
      <c r="C38037">
        <v>0</v>
      </c>
      <c r="D38037">
        <v>0</v>
      </c>
    </row>
    <row r="38038" spans="1:4" x14ac:dyDescent="0.25">
      <c r="A38038" t="s">
        <v>54645</v>
      </c>
      <c r="B38038" t="s">
        <v>54648</v>
      </c>
      <c r="C38038">
        <v>1</v>
      </c>
      <c r="D38038">
        <v>0</v>
      </c>
    </row>
    <row r="38039" spans="1:4" x14ac:dyDescent="0.25">
      <c r="A38039" t="s">
        <v>54645</v>
      </c>
      <c r="B38039" t="s">
        <v>54649</v>
      </c>
      <c r="C38039">
        <v>1</v>
      </c>
      <c r="D38039">
        <v>0</v>
      </c>
    </row>
    <row r="38040" spans="1:4" x14ac:dyDescent="0.25">
      <c r="A38040" t="s">
        <v>54645</v>
      </c>
      <c r="B38040" t="s">
        <v>54650</v>
      </c>
      <c r="C38040">
        <v>0</v>
      </c>
      <c r="D38040">
        <v>0</v>
      </c>
    </row>
    <row r="38041" spans="1:4" x14ac:dyDescent="0.25">
      <c r="A38041" t="s">
        <v>54645</v>
      </c>
      <c r="B38041" t="s">
        <v>54651</v>
      </c>
      <c r="C38041">
        <v>2</v>
      </c>
      <c r="D38041">
        <v>0</v>
      </c>
    </row>
    <row r="38042" spans="1:4" x14ac:dyDescent="0.25">
      <c r="A38042" t="s">
        <v>54645</v>
      </c>
      <c r="B38042" t="s">
        <v>54652</v>
      </c>
      <c r="C38042">
        <v>2</v>
      </c>
      <c r="D38042">
        <v>0</v>
      </c>
    </row>
    <row r="38043" spans="1:4" x14ac:dyDescent="0.25">
      <c r="A38043" t="s">
        <v>54645</v>
      </c>
      <c r="B38043" t="s">
        <v>54653</v>
      </c>
      <c r="C38043">
        <v>1</v>
      </c>
      <c r="D38043">
        <v>0</v>
      </c>
    </row>
    <row r="38044" spans="1:4" x14ac:dyDescent="0.25">
      <c r="A38044" t="s">
        <v>54654</v>
      </c>
      <c r="B38044" t="s">
        <v>54655</v>
      </c>
      <c r="C38044">
        <v>1</v>
      </c>
      <c r="D38044">
        <v>0</v>
      </c>
    </row>
    <row r="38045" spans="1:4" x14ac:dyDescent="0.25">
      <c r="A38045" t="s">
        <v>54654</v>
      </c>
      <c r="B38045" t="s">
        <v>54656</v>
      </c>
      <c r="C38045">
        <v>1</v>
      </c>
      <c r="D38045">
        <v>0</v>
      </c>
    </row>
    <row r="38046" spans="1:4" x14ac:dyDescent="0.25">
      <c r="A38046" t="s">
        <v>54657</v>
      </c>
      <c r="B38046" t="s">
        <v>5434</v>
      </c>
      <c r="C38046">
        <v>1</v>
      </c>
      <c r="D38046">
        <v>0</v>
      </c>
    </row>
    <row r="38047" spans="1:4" x14ac:dyDescent="0.25">
      <c r="A38047" t="s">
        <v>54658</v>
      </c>
      <c r="B38047" t="s">
        <v>54659</v>
      </c>
      <c r="C38047">
        <v>1</v>
      </c>
      <c r="D38047">
        <v>0</v>
      </c>
    </row>
    <row r="38048" spans="1:4" x14ac:dyDescent="0.25">
      <c r="A38048" t="s">
        <v>54658</v>
      </c>
      <c r="B38048" t="s">
        <v>54660</v>
      </c>
      <c r="C38048">
        <v>1</v>
      </c>
      <c r="D38048">
        <v>0</v>
      </c>
    </row>
    <row r="38049" spans="1:4" x14ac:dyDescent="0.25">
      <c r="A38049" t="s">
        <v>54658</v>
      </c>
      <c r="B38049" t="s">
        <v>54661</v>
      </c>
      <c r="C38049">
        <v>0</v>
      </c>
      <c r="D38049">
        <v>0</v>
      </c>
    </row>
    <row r="38050" spans="1:4" x14ac:dyDescent="0.25">
      <c r="A38050" t="s">
        <v>54662</v>
      </c>
      <c r="B38050" t="s">
        <v>54663</v>
      </c>
      <c r="C38050">
        <v>1</v>
      </c>
      <c r="D38050">
        <v>0</v>
      </c>
    </row>
    <row r="38051" spans="1:4" x14ac:dyDescent="0.25">
      <c r="A38051" t="s">
        <v>54662</v>
      </c>
      <c r="B38051" t="s">
        <v>54664</v>
      </c>
      <c r="C38051">
        <v>1</v>
      </c>
      <c r="D38051">
        <v>0</v>
      </c>
    </row>
    <row r="38052" spans="1:4" x14ac:dyDescent="0.25">
      <c r="A38052" t="s">
        <v>54665</v>
      </c>
      <c r="B38052" t="s">
        <v>54666</v>
      </c>
      <c r="C38052">
        <v>0</v>
      </c>
      <c r="D38052">
        <v>0</v>
      </c>
    </row>
    <row r="38053" spans="1:4" x14ac:dyDescent="0.25">
      <c r="A38053" t="s">
        <v>54665</v>
      </c>
      <c r="B38053" t="s">
        <v>54667</v>
      </c>
      <c r="C38053">
        <v>2</v>
      </c>
      <c r="D38053">
        <v>0</v>
      </c>
    </row>
    <row r="38054" spans="1:4" x14ac:dyDescent="0.25">
      <c r="A38054" t="s">
        <v>54665</v>
      </c>
      <c r="B38054" t="s">
        <v>54668</v>
      </c>
      <c r="C38054">
        <v>1</v>
      </c>
      <c r="D38054">
        <v>0</v>
      </c>
    </row>
    <row r="38055" spans="1:4" x14ac:dyDescent="0.25">
      <c r="A38055" t="s">
        <v>54665</v>
      </c>
      <c r="B38055" t="s">
        <v>54669</v>
      </c>
      <c r="C38055">
        <v>2</v>
      </c>
      <c r="D38055">
        <v>0</v>
      </c>
    </row>
    <row r="38056" spans="1:4" x14ac:dyDescent="0.25">
      <c r="A38056" t="s">
        <v>54665</v>
      </c>
      <c r="B38056" t="s">
        <v>54670</v>
      </c>
      <c r="C38056">
        <v>1</v>
      </c>
      <c r="D38056">
        <v>0</v>
      </c>
    </row>
    <row r="38057" spans="1:4" x14ac:dyDescent="0.25">
      <c r="A38057" t="s">
        <v>54671</v>
      </c>
      <c r="B38057" t="s">
        <v>54672</v>
      </c>
      <c r="C38057">
        <v>0</v>
      </c>
      <c r="D38057">
        <v>0</v>
      </c>
    </row>
    <row r="38058" spans="1:4" x14ac:dyDescent="0.25">
      <c r="A38058" t="s">
        <v>54671</v>
      </c>
      <c r="B38058" t="s">
        <v>54673</v>
      </c>
      <c r="C38058">
        <v>1</v>
      </c>
      <c r="D38058">
        <v>0</v>
      </c>
    </row>
    <row r="38059" spans="1:4" x14ac:dyDescent="0.25">
      <c r="A38059" t="s">
        <v>54671</v>
      </c>
      <c r="B38059" t="s">
        <v>54674</v>
      </c>
      <c r="C38059">
        <v>0</v>
      </c>
      <c r="D38059">
        <v>0</v>
      </c>
    </row>
    <row r="38060" spans="1:4" x14ac:dyDescent="0.25">
      <c r="A38060" t="s">
        <v>54675</v>
      </c>
      <c r="B38060" t="s">
        <v>54676</v>
      </c>
      <c r="C38060">
        <v>1</v>
      </c>
      <c r="D38060">
        <v>0</v>
      </c>
    </row>
    <row r="38061" spans="1:4" x14ac:dyDescent="0.25">
      <c r="A38061" t="s">
        <v>54675</v>
      </c>
      <c r="B38061" t="s">
        <v>54677</v>
      </c>
      <c r="C38061">
        <v>0</v>
      </c>
      <c r="D38061">
        <v>0</v>
      </c>
    </row>
    <row r="38062" spans="1:4" x14ac:dyDescent="0.25">
      <c r="A38062" t="s">
        <v>54675</v>
      </c>
      <c r="B38062" t="s">
        <v>54678</v>
      </c>
      <c r="C38062">
        <v>0</v>
      </c>
      <c r="D38062">
        <v>0</v>
      </c>
    </row>
    <row r="38063" spans="1:4" x14ac:dyDescent="0.25">
      <c r="A38063" t="s">
        <v>54675</v>
      </c>
      <c r="B38063" t="s">
        <v>54679</v>
      </c>
      <c r="C38063">
        <v>0</v>
      </c>
      <c r="D38063">
        <v>0</v>
      </c>
    </row>
    <row r="38064" spans="1:4" x14ac:dyDescent="0.25">
      <c r="A38064" t="s">
        <v>54680</v>
      </c>
      <c r="B38064" t="s">
        <v>54681</v>
      </c>
      <c r="C38064">
        <v>1</v>
      </c>
      <c r="D38064">
        <v>0</v>
      </c>
    </row>
    <row r="38065" spans="1:4" x14ac:dyDescent="0.25">
      <c r="A38065" t="s">
        <v>54680</v>
      </c>
      <c r="B38065" t="s">
        <v>54682</v>
      </c>
      <c r="C38065">
        <v>2</v>
      </c>
      <c r="D38065">
        <v>0</v>
      </c>
    </row>
    <row r="38066" spans="1:4" x14ac:dyDescent="0.25">
      <c r="A38066" t="s">
        <v>54683</v>
      </c>
      <c r="B38066" t="s">
        <v>1001</v>
      </c>
      <c r="C38066">
        <v>1</v>
      </c>
      <c r="D38066">
        <v>0</v>
      </c>
    </row>
    <row r="38067" spans="1:4" x14ac:dyDescent="0.25">
      <c r="A38067" t="s">
        <v>54683</v>
      </c>
      <c r="B38067" t="s">
        <v>54684</v>
      </c>
      <c r="C38067">
        <v>1</v>
      </c>
      <c r="D38067">
        <v>0</v>
      </c>
    </row>
    <row r="38068" spans="1:4" x14ac:dyDescent="0.25">
      <c r="A38068" t="s">
        <v>54683</v>
      </c>
      <c r="B38068" t="s">
        <v>54685</v>
      </c>
      <c r="C38068">
        <v>2</v>
      </c>
      <c r="D38068">
        <v>0</v>
      </c>
    </row>
    <row r="38069" spans="1:4" x14ac:dyDescent="0.25">
      <c r="A38069" t="s">
        <v>54683</v>
      </c>
      <c r="B38069" t="s">
        <v>54686</v>
      </c>
      <c r="C38069">
        <v>1</v>
      </c>
      <c r="D38069">
        <v>0</v>
      </c>
    </row>
    <row r="38070" spans="1:4" x14ac:dyDescent="0.25">
      <c r="A38070" t="s">
        <v>54683</v>
      </c>
      <c r="B38070" t="s">
        <v>54687</v>
      </c>
      <c r="C38070">
        <v>0</v>
      </c>
      <c r="D38070">
        <v>0</v>
      </c>
    </row>
    <row r="38071" spans="1:4" x14ac:dyDescent="0.25">
      <c r="A38071" t="s">
        <v>54683</v>
      </c>
      <c r="B38071" t="s">
        <v>54688</v>
      </c>
      <c r="C38071">
        <v>0</v>
      </c>
      <c r="D38071">
        <v>0</v>
      </c>
    </row>
    <row r="38072" spans="1:4" x14ac:dyDescent="0.25">
      <c r="A38072" t="s">
        <v>54689</v>
      </c>
      <c r="B38072" t="s">
        <v>54690</v>
      </c>
      <c r="C38072">
        <v>1</v>
      </c>
      <c r="D38072">
        <v>0</v>
      </c>
    </row>
    <row r="38073" spans="1:4" x14ac:dyDescent="0.25">
      <c r="A38073" t="s">
        <v>54689</v>
      </c>
      <c r="B38073" t="s">
        <v>5864</v>
      </c>
      <c r="C38073">
        <v>1</v>
      </c>
      <c r="D38073">
        <v>0</v>
      </c>
    </row>
    <row r="38074" spans="1:4" x14ac:dyDescent="0.25">
      <c r="A38074" t="s">
        <v>54689</v>
      </c>
      <c r="B38074" t="s">
        <v>54691</v>
      </c>
      <c r="C38074">
        <v>1</v>
      </c>
      <c r="D38074">
        <v>0</v>
      </c>
    </row>
    <row r="38075" spans="1:4" x14ac:dyDescent="0.25">
      <c r="A38075" t="s">
        <v>54689</v>
      </c>
      <c r="B38075" t="s">
        <v>54692</v>
      </c>
      <c r="C38075">
        <v>1</v>
      </c>
      <c r="D38075">
        <v>0</v>
      </c>
    </row>
    <row r="38076" spans="1:4" x14ac:dyDescent="0.25">
      <c r="A38076" t="s">
        <v>54689</v>
      </c>
      <c r="B38076" t="s">
        <v>54693</v>
      </c>
      <c r="C38076">
        <v>1</v>
      </c>
      <c r="D38076">
        <v>0</v>
      </c>
    </row>
    <row r="38077" spans="1:4" x14ac:dyDescent="0.25">
      <c r="A38077" t="s">
        <v>54689</v>
      </c>
      <c r="B38077" t="s">
        <v>54694</v>
      </c>
      <c r="C38077">
        <v>1</v>
      </c>
      <c r="D38077">
        <v>0</v>
      </c>
    </row>
    <row r="38078" spans="1:4" x14ac:dyDescent="0.25">
      <c r="A38078" t="s">
        <v>54695</v>
      </c>
      <c r="B38078" t="s">
        <v>54696</v>
      </c>
      <c r="C38078">
        <v>0</v>
      </c>
      <c r="D38078">
        <v>0</v>
      </c>
    </row>
    <row r="38079" spans="1:4" x14ac:dyDescent="0.25">
      <c r="A38079" t="s">
        <v>54695</v>
      </c>
      <c r="B38079" t="s">
        <v>54697</v>
      </c>
      <c r="C38079">
        <v>2</v>
      </c>
      <c r="D38079">
        <v>0</v>
      </c>
    </row>
    <row r="38080" spans="1:4" x14ac:dyDescent="0.25">
      <c r="A38080" t="s">
        <v>54695</v>
      </c>
      <c r="B38080" t="s">
        <v>54698</v>
      </c>
      <c r="C38080">
        <v>2</v>
      </c>
      <c r="D38080">
        <v>0</v>
      </c>
    </row>
    <row r="38081" spans="1:4" x14ac:dyDescent="0.25">
      <c r="A38081" t="s">
        <v>54699</v>
      </c>
      <c r="B38081" t="s">
        <v>54700</v>
      </c>
      <c r="C38081">
        <v>1</v>
      </c>
      <c r="D38081">
        <v>0</v>
      </c>
    </row>
    <row r="38082" spans="1:4" x14ac:dyDescent="0.25">
      <c r="A38082" t="s">
        <v>54699</v>
      </c>
      <c r="B38082" t="s">
        <v>54701</v>
      </c>
      <c r="C38082">
        <v>1</v>
      </c>
      <c r="D38082">
        <v>0</v>
      </c>
    </row>
    <row r="38083" spans="1:4" x14ac:dyDescent="0.25">
      <c r="A38083" t="s">
        <v>54699</v>
      </c>
      <c r="B38083" t="s">
        <v>54702</v>
      </c>
      <c r="C38083">
        <v>1</v>
      </c>
      <c r="D38083">
        <v>0</v>
      </c>
    </row>
    <row r="38084" spans="1:4" x14ac:dyDescent="0.25">
      <c r="A38084" t="s">
        <v>54703</v>
      </c>
      <c r="B38084" t="s">
        <v>54704</v>
      </c>
      <c r="C38084">
        <v>1</v>
      </c>
      <c r="D38084">
        <v>0</v>
      </c>
    </row>
    <row r="38085" spans="1:4" x14ac:dyDescent="0.25">
      <c r="A38085" t="s">
        <v>54705</v>
      </c>
      <c r="B38085" t="s">
        <v>54706</v>
      </c>
      <c r="C38085">
        <v>1</v>
      </c>
      <c r="D38085">
        <v>0</v>
      </c>
    </row>
    <row r="38086" spans="1:4" x14ac:dyDescent="0.25">
      <c r="A38086" t="s">
        <v>54705</v>
      </c>
      <c r="B38086" t="s">
        <v>54707</v>
      </c>
      <c r="C38086">
        <v>1</v>
      </c>
      <c r="D38086">
        <v>0</v>
      </c>
    </row>
    <row r="38087" spans="1:4" x14ac:dyDescent="0.25">
      <c r="A38087" t="s">
        <v>54705</v>
      </c>
      <c r="B38087" t="s">
        <v>54708</v>
      </c>
      <c r="C38087">
        <v>1</v>
      </c>
      <c r="D38087">
        <v>0</v>
      </c>
    </row>
    <row r="38088" spans="1:4" x14ac:dyDescent="0.25">
      <c r="A38088" t="s">
        <v>54705</v>
      </c>
      <c r="B38088" t="s">
        <v>54709</v>
      </c>
      <c r="C38088">
        <v>0</v>
      </c>
      <c r="D38088">
        <v>0</v>
      </c>
    </row>
    <row r="38089" spans="1:4" x14ac:dyDescent="0.25">
      <c r="A38089" t="s">
        <v>54705</v>
      </c>
      <c r="B38089" t="s">
        <v>54710</v>
      </c>
      <c r="C38089">
        <v>1</v>
      </c>
      <c r="D38089">
        <v>0</v>
      </c>
    </row>
    <row r="38090" spans="1:4" x14ac:dyDescent="0.25">
      <c r="A38090" t="s">
        <v>54705</v>
      </c>
      <c r="B38090" t="s">
        <v>54711</v>
      </c>
      <c r="C38090">
        <v>1</v>
      </c>
      <c r="D38090">
        <v>0</v>
      </c>
    </row>
    <row r="38091" spans="1:4" x14ac:dyDescent="0.25">
      <c r="A38091" t="s">
        <v>54705</v>
      </c>
      <c r="B38091" t="s">
        <v>54712</v>
      </c>
      <c r="C38091">
        <v>1</v>
      </c>
      <c r="D38091">
        <v>0</v>
      </c>
    </row>
    <row r="38092" spans="1:4" x14ac:dyDescent="0.25">
      <c r="A38092" t="s">
        <v>54713</v>
      </c>
      <c r="B38092" t="s">
        <v>54714</v>
      </c>
      <c r="C38092">
        <v>1</v>
      </c>
      <c r="D38092">
        <v>0</v>
      </c>
    </row>
    <row r="38093" spans="1:4" x14ac:dyDescent="0.25">
      <c r="A38093" t="s">
        <v>54713</v>
      </c>
      <c r="B38093" t="s">
        <v>54715</v>
      </c>
      <c r="C38093">
        <v>1</v>
      </c>
      <c r="D38093">
        <v>0</v>
      </c>
    </row>
    <row r="38094" spans="1:4" x14ac:dyDescent="0.25">
      <c r="A38094" t="s">
        <v>54713</v>
      </c>
      <c r="B38094" t="s">
        <v>54716</v>
      </c>
      <c r="C38094">
        <v>0</v>
      </c>
      <c r="D38094">
        <v>0</v>
      </c>
    </row>
    <row r="38095" spans="1:4" x14ac:dyDescent="0.25">
      <c r="A38095" t="s">
        <v>54713</v>
      </c>
      <c r="B38095" t="s">
        <v>54717</v>
      </c>
      <c r="C38095">
        <v>1</v>
      </c>
      <c r="D38095">
        <v>0</v>
      </c>
    </row>
    <row r="38096" spans="1:4" x14ac:dyDescent="0.25">
      <c r="A38096" t="s">
        <v>54713</v>
      </c>
      <c r="B38096" t="s">
        <v>1001</v>
      </c>
      <c r="C38096">
        <v>1</v>
      </c>
      <c r="D38096">
        <v>0</v>
      </c>
    </row>
    <row r="38097" spans="1:4" x14ac:dyDescent="0.25">
      <c r="A38097" t="s">
        <v>54718</v>
      </c>
      <c r="B38097" t="s">
        <v>54719</v>
      </c>
      <c r="C38097">
        <v>2</v>
      </c>
      <c r="D38097">
        <v>0</v>
      </c>
    </row>
    <row r="38098" spans="1:4" x14ac:dyDescent="0.25">
      <c r="A38098" t="s">
        <v>54718</v>
      </c>
      <c r="B38098" t="s">
        <v>54720</v>
      </c>
      <c r="C38098">
        <v>1</v>
      </c>
      <c r="D38098">
        <v>0</v>
      </c>
    </row>
    <row r="38099" spans="1:4" x14ac:dyDescent="0.25">
      <c r="A38099" t="s">
        <v>54718</v>
      </c>
      <c r="B38099" t="s">
        <v>54721</v>
      </c>
      <c r="C38099">
        <v>0</v>
      </c>
      <c r="D38099">
        <v>0</v>
      </c>
    </row>
    <row r="38100" spans="1:4" x14ac:dyDescent="0.25">
      <c r="A38100" t="s">
        <v>54718</v>
      </c>
      <c r="B38100" t="s">
        <v>54722</v>
      </c>
      <c r="C38100">
        <v>1</v>
      </c>
      <c r="D38100">
        <v>0</v>
      </c>
    </row>
    <row r="38101" spans="1:4" x14ac:dyDescent="0.25">
      <c r="A38101" t="s">
        <v>54718</v>
      </c>
      <c r="B38101" t="s">
        <v>54723</v>
      </c>
      <c r="C38101">
        <v>0</v>
      </c>
      <c r="D38101">
        <v>0</v>
      </c>
    </row>
    <row r="38102" spans="1:4" x14ac:dyDescent="0.25">
      <c r="A38102" t="s">
        <v>54718</v>
      </c>
      <c r="B38102" t="s">
        <v>3075</v>
      </c>
      <c r="C38102">
        <v>0</v>
      </c>
      <c r="D38102">
        <v>0</v>
      </c>
    </row>
    <row r="38103" spans="1:4" x14ac:dyDescent="0.25">
      <c r="A38103" t="s">
        <v>54718</v>
      </c>
      <c r="B38103" t="s">
        <v>54724</v>
      </c>
      <c r="C38103">
        <v>1</v>
      </c>
      <c r="D38103">
        <v>0</v>
      </c>
    </row>
    <row r="38104" spans="1:4" x14ac:dyDescent="0.25">
      <c r="A38104" t="s">
        <v>54725</v>
      </c>
      <c r="B38104" t="s">
        <v>54726</v>
      </c>
      <c r="C38104">
        <v>1</v>
      </c>
      <c r="D38104">
        <v>0</v>
      </c>
    </row>
    <row r="38105" spans="1:4" x14ac:dyDescent="0.25">
      <c r="A38105" t="s">
        <v>54725</v>
      </c>
      <c r="B38105" t="s">
        <v>54727</v>
      </c>
      <c r="C38105">
        <v>2</v>
      </c>
      <c r="D38105">
        <v>0</v>
      </c>
    </row>
    <row r="38106" spans="1:4" x14ac:dyDescent="0.25">
      <c r="A38106" t="s">
        <v>54725</v>
      </c>
      <c r="B38106" t="s">
        <v>54728</v>
      </c>
      <c r="C38106">
        <v>1</v>
      </c>
      <c r="D38106">
        <v>0</v>
      </c>
    </row>
    <row r="38107" spans="1:4" x14ac:dyDescent="0.25">
      <c r="A38107" t="s">
        <v>54729</v>
      </c>
      <c r="B38107" t="s">
        <v>54730</v>
      </c>
      <c r="C38107">
        <v>2</v>
      </c>
      <c r="D38107">
        <v>0</v>
      </c>
    </row>
    <row r="38108" spans="1:4" x14ac:dyDescent="0.25">
      <c r="A38108" t="s">
        <v>54729</v>
      </c>
      <c r="B38108" t="s">
        <v>54731</v>
      </c>
      <c r="C38108">
        <v>1</v>
      </c>
      <c r="D38108">
        <v>0</v>
      </c>
    </row>
    <row r="38109" spans="1:4" x14ac:dyDescent="0.25">
      <c r="A38109" t="s">
        <v>54729</v>
      </c>
      <c r="B38109" t="s">
        <v>54732</v>
      </c>
      <c r="C38109">
        <v>1</v>
      </c>
      <c r="D38109">
        <v>0</v>
      </c>
    </row>
    <row r="38110" spans="1:4" x14ac:dyDescent="0.25">
      <c r="A38110" t="s">
        <v>54729</v>
      </c>
      <c r="B38110" t="s">
        <v>54733</v>
      </c>
      <c r="C38110">
        <v>1</v>
      </c>
      <c r="D38110">
        <v>0</v>
      </c>
    </row>
    <row r="38111" spans="1:4" x14ac:dyDescent="0.25">
      <c r="A38111" t="s">
        <v>54729</v>
      </c>
      <c r="B38111" t="s">
        <v>54734</v>
      </c>
      <c r="C38111">
        <v>1</v>
      </c>
      <c r="D38111">
        <v>0</v>
      </c>
    </row>
    <row r="38112" spans="1:4" x14ac:dyDescent="0.25">
      <c r="A38112" t="s">
        <v>54729</v>
      </c>
      <c r="B38112" t="s">
        <v>54735</v>
      </c>
      <c r="C38112">
        <v>1</v>
      </c>
      <c r="D38112">
        <v>0</v>
      </c>
    </row>
    <row r="38113" spans="1:4" x14ac:dyDescent="0.25">
      <c r="A38113" t="s">
        <v>54736</v>
      </c>
      <c r="B38113" t="s">
        <v>54737</v>
      </c>
      <c r="C38113">
        <v>1</v>
      </c>
      <c r="D38113">
        <v>0</v>
      </c>
    </row>
    <row r="38114" spans="1:4" x14ac:dyDescent="0.25">
      <c r="A38114" t="s">
        <v>54736</v>
      </c>
      <c r="B38114" t="s">
        <v>54738</v>
      </c>
      <c r="C38114">
        <v>2</v>
      </c>
      <c r="D38114">
        <v>0</v>
      </c>
    </row>
    <row r="38115" spans="1:4" x14ac:dyDescent="0.25">
      <c r="A38115" t="s">
        <v>54736</v>
      </c>
      <c r="B38115" t="s">
        <v>54739</v>
      </c>
      <c r="C38115">
        <v>2</v>
      </c>
      <c r="D38115">
        <v>0</v>
      </c>
    </row>
    <row r="38116" spans="1:4" x14ac:dyDescent="0.25">
      <c r="A38116" t="s">
        <v>54736</v>
      </c>
      <c r="B38116" t="s">
        <v>54740</v>
      </c>
      <c r="C38116">
        <v>2</v>
      </c>
      <c r="D38116">
        <v>0</v>
      </c>
    </row>
    <row r="38117" spans="1:4" x14ac:dyDescent="0.25">
      <c r="A38117" t="s">
        <v>54741</v>
      </c>
      <c r="B38117" t="s">
        <v>54742</v>
      </c>
      <c r="C38117">
        <v>2</v>
      </c>
      <c r="D38117">
        <v>0</v>
      </c>
    </row>
    <row r="38118" spans="1:4" x14ac:dyDescent="0.25">
      <c r="A38118" t="s">
        <v>54741</v>
      </c>
      <c r="B38118" t="s">
        <v>54743</v>
      </c>
      <c r="C38118">
        <v>0</v>
      </c>
      <c r="D38118">
        <v>0</v>
      </c>
    </row>
    <row r="38119" spans="1:4" x14ac:dyDescent="0.25">
      <c r="A38119" t="s">
        <v>54741</v>
      </c>
      <c r="B38119" t="s">
        <v>54744</v>
      </c>
      <c r="C38119">
        <v>0</v>
      </c>
      <c r="D38119">
        <v>0</v>
      </c>
    </row>
    <row r="38120" spans="1:4" x14ac:dyDescent="0.25">
      <c r="A38120" t="s">
        <v>54745</v>
      </c>
      <c r="B38120" t="s">
        <v>54746</v>
      </c>
      <c r="C38120">
        <v>0</v>
      </c>
      <c r="D38120">
        <v>0</v>
      </c>
    </row>
    <row r="38121" spans="1:4" x14ac:dyDescent="0.25">
      <c r="A38121" t="s">
        <v>54745</v>
      </c>
      <c r="B38121" t="s">
        <v>46617</v>
      </c>
      <c r="C38121">
        <v>0</v>
      </c>
      <c r="D38121">
        <v>0</v>
      </c>
    </row>
    <row r="38122" spans="1:4" x14ac:dyDescent="0.25">
      <c r="A38122" t="s">
        <v>54745</v>
      </c>
      <c r="B38122" t="s">
        <v>54747</v>
      </c>
      <c r="C38122">
        <v>0</v>
      </c>
      <c r="D38122">
        <v>0</v>
      </c>
    </row>
    <row r="38123" spans="1:4" x14ac:dyDescent="0.25">
      <c r="A38123" t="s">
        <v>54748</v>
      </c>
      <c r="B38123" t="s">
        <v>54749</v>
      </c>
      <c r="C38123">
        <v>0</v>
      </c>
      <c r="D38123">
        <v>0</v>
      </c>
    </row>
    <row r="38124" spans="1:4" x14ac:dyDescent="0.25">
      <c r="A38124" t="s">
        <v>54748</v>
      </c>
      <c r="B38124" t="s">
        <v>54750</v>
      </c>
      <c r="C38124">
        <v>0</v>
      </c>
      <c r="D38124">
        <v>0</v>
      </c>
    </row>
    <row r="38125" spans="1:4" x14ac:dyDescent="0.25">
      <c r="A38125" t="s">
        <v>54748</v>
      </c>
      <c r="B38125" t="s">
        <v>54751</v>
      </c>
      <c r="C38125">
        <v>0</v>
      </c>
      <c r="D38125">
        <v>0</v>
      </c>
    </row>
    <row r="38126" spans="1:4" x14ac:dyDescent="0.25">
      <c r="A38126" t="s">
        <v>54748</v>
      </c>
      <c r="B38126" t="s">
        <v>54752</v>
      </c>
      <c r="C38126">
        <v>2</v>
      </c>
      <c r="D38126">
        <v>0</v>
      </c>
    </row>
    <row r="38127" spans="1:4" x14ac:dyDescent="0.25">
      <c r="A38127" t="s">
        <v>54748</v>
      </c>
      <c r="B38127" t="s">
        <v>54753</v>
      </c>
      <c r="C38127">
        <v>1</v>
      </c>
      <c r="D38127">
        <v>0</v>
      </c>
    </row>
    <row r="38128" spans="1:4" x14ac:dyDescent="0.25">
      <c r="A38128" t="s">
        <v>54748</v>
      </c>
      <c r="B38128" t="s">
        <v>54754</v>
      </c>
      <c r="C38128">
        <v>0</v>
      </c>
      <c r="D38128">
        <v>0</v>
      </c>
    </row>
    <row r="38129" spans="1:4" x14ac:dyDescent="0.25">
      <c r="A38129" t="s">
        <v>54755</v>
      </c>
      <c r="B38129" t="s">
        <v>54756</v>
      </c>
      <c r="C38129">
        <v>1</v>
      </c>
      <c r="D38129">
        <v>0</v>
      </c>
    </row>
    <row r="38130" spans="1:4" x14ac:dyDescent="0.25">
      <c r="A38130" t="s">
        <v>54755</v>
      </c>
      <c r="B38130" t="s">
        <v>54757</v>
      </c>
      <c r="C38130">
        <v>1</v>
      </c>
      <c r="D38130">
        <v>0</v>
      </c>
    </row>
    <row r="38131" spans="1:4" x14ac:dyDescent="0.25">
      <c r="A38131" t="s">
        <v>54755</v>
      </c>
      <c r="B38131" t="s">
        <v>54758</v>
      </c>
      <c r="C38131">
        <v>1</v>
      </c>
      <c r="D38131">
        <v>0</v>
      </c>
    </row>
    <row r="38132" spans="1:4" x14ac:dyDescent="0.25">
      <c r="A38132" t="s">
        <v>54759</v>
      </c>
      <c r="B38132" t="s">
        <v>54760</v>
      </c>
      <c r="C38132">
        <v>1</v>
      </c>
      <c r="D38132">
        <v>0</v>
      </c>
    </row>
    <row r="38133" spans="1:4" x14ac:dyDescent="0.25">
      <c r="A38133" t="s">
        <v>54759</v>
      </c>
      <c r="B38133" t="s">
        <v>54761</v>
      </c>
      <c r="C38133">
        <v>1</v>
      </c>
      <c r="D38133">
        <v>0</v>
      </c>
    </row>
    <row r="38134" spans="1:4" x14ac:dyDescent="0.25">
      <c r="A38134" t="s">
        <v>54759</v>
      </c>
      <c r="B38134" t="s">
        <v>54762</v>
      </c>
      <c r="C38134">
        <v>1</v>
      </c>
      <c r="D38134">
        <v>0</v>
      </c>
    </row>
    <row r="38135" spans="1:4" x14ac:dyDescent="0.25">
      <c r="A38135" t="s">
        <v>54759</v>
      </c>
      <c r="B38135" t="s">
        <v>54763</v>
      </c>
      <c r="C38135">
        <v>2</v>
      </c>
      <c r="D38135">
        <v>0</v>
      </c>
    </row>
    <row r="38136" spans="1:4" x14ac:dyDescent="0.25">
      <c r="A38136" t="s">
        <v>54764</v>
      </c>
      <c r="B38136" t="s">
        <v>54765</v>
      </c>
      <c r="C38136">
        <v>1</v>
      </c>
      <c r="D38136">
        <v>0</v>
      </c>
    </row>
    <row r="38137" spans="1:4" x14ac:dyDescent="0.25">
      <c r="A38137" t="s">
        <v>54764</v>
      </c>
      <c r="B38137" t="s">
        <v>54766</v>
      </c>
      <c r="C38137">
        <v>2</v>
      </c>
      <c r="D38137">
        <v>0</v>
      </c>
    </row>
    <row r="38138" spans="1:4" x14ac:dyDescent="0.25">
      <c r="A38138" t="s">
        <v>54764</v>
      </c>
      <c r="B38138" t="s">
        <v>54767</v>
      </c>
      <c r="C38138">
        <v>1</v>
      </c>
      <c r="D38138">
        <v>0</v>
      </c>
    </row>
    <row r="38139" spans="1:4" x14ac:dyDescent="0.25">
      <c r="A38139" t="s">
        <v>54768</v>
      </c>
      <c r="B38139" t="s">
        <v>54769</v>
      </c>
      <c r="C38139">
        <v>0</v>
      </c>
      <c r="D38139">
        <v>0</v>
      </c>
    </row>
    <row r="38140" spans="1:4" x14ac:dyDescent="0.25">
      <c r="A38140" t="s">
        <v>54768</v>
      </c>
      <c r="B38140" t="s">
        <v>54770</v>
      </c>
      <c r="C38140">
        <v>0</v>
      </c>
      <c r="D38140">
        <v>0</v>
      </c>
    </row>
    <row r="38141" spans="1:4" x14ac:dyDescent="0.25">
      <c r="A38141" t="s">
        <v>54768</v>
      </c>
      <c r="B38141" t="s">
        <v>54771</v>
      </c>
      <c r="C38141">
        <v>0</v>
      </c>
      <c r="D38141">
        <v>0</v>
      </c>
    </row>
    <row r="38142" spans="1:4" x14ac:dyDescent="0.25">
      <c r="A38142" t="s">
        <v>54768</v>
      </c>
      <c r="B38142" t="s">
        <v>54772</v>
      </c>
      <c r="C38142">
        <v>1</v>
      </c>
      <c r="D38142">
        <v>0</v>
      </c>
    </row>
    <row r="38143" spans="1:4" x14ac:dyDescent="0.25">
      <c r="A38143" t="s">
        <v>54773</v>
      </c>
      <c r="B38143" t="s">
        <v>54774</v>
      </c>
      <c r="C38143">
        <v>1</v>
      </c>
      <c r="D38143">
        <v>0</v>
      </c>
    </row>
    <row r="38144" spans="1:4" x14ac:dyDescent="0.25">
      <c r="A38144" t="s">
        <v>54773</v>
      </c>
      <c r="B38144" t="s">
        <v>54775</v>
      </c>
      <c r="C38144">
        <v>0</v>
      </c>
      <c r="D38144">
        <v>0</v>
      </c>
    </row>
    <row r="38145" spans="1:4" x14ac:dyDescent="0.25">
      <c r="A38145" t="s">
        <v>54773</v>
      </c>
      <c r="B38145" t="s">
        <v>54776</v>
      </c>
      <c r="C38145">
        <v>0</v>
      </c>
      <c r="D38145">
        <v>0</v>
      </c>
    </row>
    <row r="38146" spans="1:4" x14ac:dyDescent="0.25">
      <c r="A38146" t="s">
        <v>54773</v>
      </c>
      <c r="B38146" t="s">
        <v>54777</v>
      </c>
      <c r="C38146">
        <v>0</v>
      </c>
      <c r="D38146">
        <v>0</v>
      </c>
    </row>
    <row r="38147" spans="1:4" x14ac:dyDescent="0.25">
      <c r="A38147" t="s">
        <v>54778</v>
      </c>
      <c r="B38147" t="s">
        <v>54779</v>
      </c>
      <c r="C38147">
        <v>2</v>
      </c>
      <c r="D38147">
        <v>0</v>
      </c>
    </row>
    <row r="38148" spans="1:4" x14ac:dyDescent="0.25">
      <c r="A38148" t="s">
        <v>54778</v>
      </c>
      <c r="B38148" t="s">
        <v>54780</v>
      </c>
      <c r="C38148">
        <v>0</v>
      </c>
      <c r="D38148">
        <v>0</v>
      </c>
    </row>
    <row r="38149" spans="1:4" x14ac:dyDescent="0.25">
      <c r="A38149" t="s">
        <v>54778</v>
      </c>
      <c r="B38149" t="s">
        <v>54781</v>
      </c>
      <c r="C38149">
        <v>0</v>
      </c>
      <c r="D38149">
        <v>0</v>
      </c>
    </row>
    <row r="38150" spans="1:4" x14ac:dyDescent="0.25">
      <c r="A38150" t="s">
        <v>54778</v>
      </c>
      <c r="B38150" t="s">
        <v>54782</v>
      </c>
      <c r="C38150">
        <v>0</v>
      </c>
      <c r="D38150">
        <v>0</v>
      </c>
    </row>
    <row r="38151" spans="1:4" x14ac:dyDescent="0.25">
      <c r="A38151" t="s">
        <v>54778</v>
      </c>
      <c r="B38151" t="s">
        <v>54783</v>
      </c>
      <c r="C38151">
        <v>0</v>
      </c>
      <c r="D38151">
        <v>0</v>
      </c>
    </row>
    <row r="38152" spans="1:4" x14ac:dyDescent="0.25">
      <c r="A38152" t="s">
        <v>54778</v>
      </c>
      <c r="B38152" t="s">
        <v>54784</v>
      </c>
      <c r="C38152">
        <v>2</v>
      </c>
      <c r="D38152">
        <v>0</v>
      </c>
    </row>
    <row r="38153" spans="1:4" x14ac:dyDescent="0.25">
      <c r="A38153" t="s">
        <v>54778</v>
      </c>
      <c r="B38153" t="s">
        <v>54785</v>
      </c>
      <c r="C38153">
        <v>1</v>
      </c>
      <c r="D38153">
        <v>0</v>
      </c>
    </row>
    <row r="38154" spans="1:4" x14ac:dyDescent="0.25">
      <c r="A38154" t="s">
        <v>54778</v>
      </c>
      <c r="B38154" t="s">
        <v>54786</v>
      </c>
      <c r="C38154">
        <v>1</v>
      </c>
      <c r="D38154">
        <v>0</v>
      </c>
    </row>
    <row r="38155" spans="1:4" x14ac:dyDescent="0.25">
      <c r="A38155" t="s">
        <v>54778</v>
      </c>
      <c r="B38155" t="s">
        <v>54787</v>
      </c>
      <c r="C38155">
        <v>2</v>
      </c>
      <c r="D38155">
        <v>0</v>
      </c>
    </row>
    <row r="38156" spans="1:4" x14ac:dyDescent="0.25">
      <c r="A38156" t="s">
        <v>54788</v>
      </c>
      <c r="B38156" t="s">
        <v>54789</v>
      </c>
      <c r="C38156">
        <v>1</v>
      </c>
      <c r="D38156">
        <v>0</v>
      </c>
    </row>
    <row r="38157" spans="1:4" x14ac:dyDescent="0.25">
      <c r="A38157" t="s">
        <v>54788</v>
      </c>
      <c r="B38157" t="s">
        <v>54790</v>
      </c>
      <c r="C38157">
        <v>1</v>
      </c>
      <c r="D38157">
        <v>0</v>
      </c>
    </row>
    <row r="38158" spans="1:4" x14ac:dyDescent="0.25">
      <c r="A38158" t="s">
        <v>54788</v>
      </c>
      <c r="B38158" t="s">
        <v>54791</v>
      </c>
      <c r="C38158">
        <v>0</v>
      </c>
      <c r="D38158">
        <v>0</v>
      </c>
    </row>
    <row r="38159" spans="1:4" x14ac:dyDescent="0.25">
      <c r="A38159" t="s">
        <v>54788</v>
      </c>
      <c r="B38159" t="s">
        <v>54792</v>
      </c>
      <c r="C38159">
        <v>2</v>
      </c>
      <c r="D38159">
        <v>0</v>
      </c>
    </row>
    <row r="38160" spans="1:4" x14ac:dyDescent="0.25">
      <c r="A38160" t="s">
        <v>54788</v>
      </c>
      <c r="B38160" t="s">
        <v>54793</v>
      </c>
      <c r="C38160">
        <v>1</v>
      </c>
      <c r="D38160">
        <v>0</v>
      </c>
    </row>
    <row r="38161" spans="1:4" x14ac:dyDescent="0.25">
      <c r="A38161" t="s">
        <v>54794</v>
      </c>
      <c r="B38161" t="s">
        <v>54795</v>
      </c>
      <c r="C38161">
        <v>2</v>
      </c>
      <c r="D38161">
        <v>0</v>
      </c>
    </row>
    <row r="38162" spans="1:4" x14ac:dyDescent="0.25">
      <c r="A38162" t="s">
        <v>54794</v>
      </c>
      <c r="B38162" t="s">
        <v>54796</v>
      </c>
      <c r="C38162">
        <v>2</v>
      </c>
      <c r="D38162">
        <v>0</v>
      </c>
    </row>
    <row r="38163" spans="1:4" x14ac:dyDescent="0.25">
      <c r="A38163" t="s">
        <v>54794</v>
      </c>
      <c r="B38163" t="s">
        <v>54797</v>
      </c>
      <c r="C38163">
        <v>2</v>
      </c>
      <c r="D38163">
        <v>0</v>
      </c>
    </row>
    <row r="38164" spans="1:4" x14ac:dyDescent="0.25">
      <c r="A38164" t="s">
        <v>54794</v>
      </c>
      <c r="B38164" t="s">
        <v>54798</v>
      </c>
      <c r="C38164">
        <v>0</v>
      </c>
      <c r="D38164">
        <v>0</v>
      </c>
    </row>
    <row r="38165" spans="1:4" x14ac:dyDescent="0.25">
      <c r="A38165" t="s">
        <v>54794</v>
      </c>
      <c r="B38165" t="s">
        <v>54799</v>
      </c>
      <c r="C38165">
        <v>2</v>
      </c>
      <c r="D38165">
        <v>0</v>
      </c>
    </row>
    <row r="38166" spans="1:4" x14ac:dyDescent="0.25">
      <c r="A38166" t="s">
        <v>54800</v>
      </c>
      <c r="B38166" t="s">
        <v>54801</v>
      </c>
      <c r="C38166">
        <v>2</v>
      </c>
      <c r="D38166">
        <v>0</v>
      </c>
    </row>
    <row r="38167" spans="1:4" x14ac:dyDescent="0.25">
      <c r="A38167" t="s">
        <v>54800</v>
      </c>
      <c r="B38167" t="s">
        <v>54802</v>
      </c>
      <c r="C38167">
        <v>2</v>
      </c>
      <c r="D38167">
        <v>0</v>
      </c>
    </row>
    <row r="38168" spans="1:4" x14ac:dyDescent="0.25">
      <c r="A38168" t="s">
        <v>54800</v>
      </c>
      <c r="B38168" t="s">
        <v>54803</v>
      </c>
      <c r="C38168">
        <v>1</v>
      </c>
      <c r="D38168">
        <v>0</v>
      </c>
    </row>
    <row r="38169" spans="1:4" x14ac:dyDescent="0.25">
      <c r="A38169" t="s">
        <v>54800</v>
      </c>
      <c r="B38169" t="s">
        <v>5809</v>
      </c>
      <c r="C38169">
        <v>0</v>
      </c>
      <c r="D38169">
        <v>0</v>
      </c>
    </row>
    <row r="38170" spans="1:4" x14ac:dyDescent="0.25">
      <c r="A38170" t="s">
        <v>54800</v>
      </c>
      <c r="B38170" t="s">
        <v>45283</v>
      </c>
      <c r="C38170">
        <v>1</v>
      </c>
      <c r="D38170">
        <v>0</v>
      </c>
    </row>
    <row r="38171" spans="1:4" x14ac:dyDescent="0.25">
      <c r="A38171" t="s">
        <v>54800</v>
      </c>
      <c r="B38171" t="s">
        <v>54804</v>
      </c>
      <c r="C38171">
        <v>1</v>
      </c>
      <c r="D38171">
        <v>0</v>
      </c>
    </row>
    <row r="38172" spans="1:4" x14ac:dyDescent="0.25">
      <c r="A38172" t="s">
        <v>54800</v>
      </c>
      <c r="B38172" t="s">
        <v>54805</v>
      </c>
      <c r="C38172">
        <v>1</v>
      </c>
      <c r="D38172">
        <v>0</v>
      </c>
    </row>
    <row r="38173" spans="1:4" x14ac:dyDescent="0.25">
      <c r="A38173" t="s">
        <v>54800</v>
      </c>
      <c r="B38173" t="s">
        <v>54806</v>
      </c>
      <c r="C38173">
        <v>1</v>
      </c>
      <c r="D38173">
        <v>0</v>
      </c>
    </row>
    <row r="38174" spans="1:4" x14ac:dyDescent="0.25">
      <c r="A38174" t="s">
        <v>54807</v>
      </c>
      <c r="B38174" t="s">
        <v>54808</v>
      </c>
      <c r="C38174">
        <v>1</v>
      </c>
      <c r="D38174">
        <v>0</v>
      </c>
    </row>
    <row r="38175" spans="1:4" x14ac:dyDescent="0.25">
      <c r="A38175" t="s">
        <v>54807</v>
      </c>
      <c r="B38175" t="s">
        <v>54809</v>
      </c>
      <c r="C38175">
        <v>0</v>
      </c>
      <c r="D38175">
        <v>0</v>
      </c>
    </row>
    <row r="38176" spans="1:4" x14ac:dyDescent="0.25">
      <c r="A38176" t="s">
        <v>54807</v>
      </c>
      <c r="B38176" t="s">
        <v>54810</v>
      </c>
      <c r="C38176">
        <v>1</v>
      </c>
      <c r="D38176">
        <v>0</v>
      </c>
    </row>
    <row r="38177" spans="1:4" x14ac:dyDescent="0.25">
      <c r="A38177" t="s">
        <v>54807</v>
      </c>
      <c r="B38177" t="s">
        <v>54811</v>
      </c>
      <c r="C38177">
        <v>1</v>
      </c>
      <c r="D38177">
        <v>0</v>
      </c>
    </row>
    <row r="38178" spans="1:4" x14ac:dyDescent="0.25">
      <c r="A38178" t="s">
        <v>54807</v>
      </c>
      <c r="B38178" t="s">
        <v>54812</v>
      </c>
      <c r="C38178">
        <v>1</v>
      </c>
      <c r="D38178">
        <v>0</v>
      </c>
    </row>
    <row r="38179" spans="1:4" x14ac:dyDescent="0.25">
      <c r="A38179" t="s">
        <v>54813</v>
      </c>
      <c r="B38179" t="s">
        <v>25060</v>
      </c>
      <c r="C38179">
        <v>1</v>
      </c>
      <c r="D38179">
        <v>0</v>
      </c>
    </row>
    <row r="38180" spans="1:4" x14ac:dyDescent="0.25">
      <c r="A38180" t="s">
        <v>54813</v>
      </c>
      <c r="B38180" t="s">
        <v>54814</v>
      </c>
      <c r="C38180">
        <v>1</v>
      </c>
      <c r="D38180">
        <v>0</v>
      </c>
    </row>
    <row r="38181" spans="1:4" x14ac:dyDescent="0.25">
      <c r="A38181" t="s">
        <v>54813</v>
      </c>
      <c r="B38181" t="s">
        <v>54815</v>
      </c>
      <c r="C38181">
        <v>0</v>
      </c>
      <c r="D38181">
        <v>0</v>
      </c>
    </row>
    <row r="38182" spans="1:4" x14ac:dyDescent="0.25">
      <c r="A38182" t="s">
        <v>54816</v>
      </c>
      <c r="B38182" t="s">
        <v>54817</v>
      </c>
      <c r="C38182">
        <v>0</v>
      </c>
      <c r="D38182">
        <v>0</v>
      </c>
    </row>
    <row r="38183" spans="1:4" x14ac:dyDescent="0.25">
      <c r="A38183" t="s">
        <v>54816</v>
      </c>
      <c r="B38183" t="s">
        <v>54818</v>
      </c>
      <c r="C38183">
        <v>0</v>
      </c>
      <c r="D38183">
        <v>0</v>
      </c>
    </row>
    <row r="38184" spans="1:4" x14ac:dyDescent="0.25">
      <c r="A38184" t="s">
        <v>54816</v>
      </c>
      <c r="B38184" t="s">
        <v>54819</v>
      </c>
      <c r="C38184">
        <v>2</v>
      </c>
      <c r="D38184">
        <v>0</v>
      </c>
    </row>
    <row r="38185" spans="1:4" x14ac:dyDescent="0.25">
      <c r="A38185" t="s">
        <v>54816</v>
      </c>
      <c r="B38185" t="s">
        <v>54820</v>
      </c>
      <c r="C38185">
        <v>2</v>
      </c>
      <c r="D38185">
        <v>0</v>
      </c>
    </row>
    <row r="38186" spans="1:4" x14ac:dyDescent="0.25">
      <c r="A38186" t="s">
        <v>54816</v>
      </c>
      <c r="B38186" t="s">
        <v>54821</v>
      </c>
      <c r="C38186">
        <v>1</v>
      </c>
      <c r="D38186">
        <v>0</v>
      </c>
    </row>
    <row r="38187" spans="1:4" x14ac:dyDescent="0.25">
      <c r="A38187" t="s">
        <v>54816</v>
      </c>
      <c r="B38187" t="s">
        <v>54817</v>
      </c>
      <c r="C38187">
        <v>0</v>
      </c>
      <c r="D38187">
        <v>0</v>
      </c>
    </row>
    <row r="38188" spans="1:4" x14ac:dyDescent="0.25">
      <c r="A38188" t="s">
        <v>54822</v>
      </c>
      <c r="B38188" t="s">
        <v>54823</v>
      </c>
      <c r="C38188">
        <v>1</v>
      </c>
      <c r="D38188">
        <v>0</v>
      </c>
    </row>
    <row r="38189" spans="1:4" x14ac:dyDescent="0.25">
      <c r="A38189" t="s">
        <v>54822</v>
      </c>
      <c r="B38189" t="s">
        <v>54824</v>
      </c>
      <c r="C38189">
        <v>2</v>
      </c>
      <c r="D38189">
        <v>0</v>
      </c>
    </row>
    <row r="38190" spans="1:4" x14ac:dyDescent="0.25">
      <c r="A38190" t="s">
        <v>54822</v>
      </c>
      <c r="B38190" t="s">
        <v>54825</v>
      </c>
      <c r="C38190">
        <v>1</v>
      </c>
      <c r="D38190">
        <v>0</v>
      </c>
    </row>
    <row r="38191" spans="1:4" x14ac:dyDescent="0.25">
      <c r="A38191" t="s">
        <v>54826</v>
      </c>
      <c r="B38191" t="s">
        <v>54827</v>
      </c>
      <c r="C38191">
        <v>1</v>
      </c>
      <c r="D38191">
        <v>0</v>
      </c>
    </row>
    <row r="38192" spans="1:4" x14ac:dyDescent="0.25">
      <c r="A38192" t="s">
        <v>54826</v>
      </c>
      <c r="B38192" t="s">
        <v>54828</v>
      </c>
      <c r="C38192">
        <v>2</v>
      </c>
      <c r="D38192">
        <v>0</v>
      </c>
    </row>
    <row r="38193" spans="1:4" x14ac:dyDescent="0.25">
      <c r="A38193" t="s">
        <v>54826</v>
      </c>
      <c r="B38193" t="s">
        <v>54829</v>
      </c>
      <c r="C38193">
        <v>1</v>
      </c>
      <c r="D38193">
        <v>0</v>
      </c>
    </row>
    <row r="38194" spans="1:4" x14ac:dyDescent="0.25">
      <c r="A38194" t="s">
        <v>54826</v>
      </c>
      <c r="B38194" t="s">
        <v>54830</v>
      </c>
      <c r="C38194">
        <v>1</v>
      </c>
      <c r="D38194">
        <v>0</v>
      </c>
    </row>
    <row r="38195" spans="1:4" x14ac:dyDescent="0.25">
      <c r="A38195" t="s">
        <v>54826</v>
      </c>
      <c r="B38195" t="s">
        <v>54831</v>
      </c>
      <c r="C38195">
        <v>2</v>
      </c>
      <c r="D38195">
        <v>0</v>
      </c>
    </row>
    <row r="38196" spans="1:4" x14ac:dyDescent="0.25">
      <c r="A38196" t="s">
        <v>54826</v>
      </c>
      <c r="B38196" t="s">
        <v>54832</v>
      </c>
      <c r="C38196">
        <v>1</v>
      </c>
      <c r="D38196">
        <v>0</v>
      </c>
    </row>
    <row r="38197" spans="1:4" x14ac:dyDescent="0.25">
      <c r="A38197" t="s">
        <v>54833</v>
      </c>
      <c r="B38197" t="s">
        <v>54834</v>
      </c>
      <c r="C38197">
        <v>0</v>
      </c>
      <c r="D38197">
        <v>0</v>
      </c>
    </row>
    <row r="38198" spans="1:4" x14ac:dyDescent="0.25">
      <c r="A38198" t="s">
        <v>54833</v>
      </c>
      <c r="B38198" t="s">
        <v>54835</v>
      </c>
      <c r="C38198">
        <v>0</v>
      </c>
      <c r="D38198">
        <v>0</v>
      </c>
    </row>
    <row r="38199" spans="1:4" x14ac:dyDescent="0.25">
      <c r="A38199" t="s">
        <v>54833</v>
      </c>
      <c r="B38199" t="s">
        <v>54836</v>
      </c>
      <c r="C38199">
        <v>1</v>
      </c>
      <c r="D38199">
        <v>0</v>
      </c>
    </row>
    <row r="38200" spans="1:4" x14ac:dyDescent="0.25">
      <c r="A38200" t="s">
        <v>54833</v>
      </c>
      <c r="B38200" t="s">
        <v>54837</v>
      </c>
      <c r="C38200">
        <v>1</v>
      </c>
      <c r="D38200">
        <v>0</v>
      </c>
    </row>
    <row r="38201" spans="1:4" x14ac:dyDescent="0.25">
      <c r="A38201" t="s">
        <v>54833</v>
      </c>
      <c r="B38201" t="s">
        <v>54838</v>
      </c>
      <c r="C38201">
        <v>0</v>
      </c>
      <c r="D38201">
        <v>0</v>
      </c>
    </row>
    <row r="38202" spans="1:4" x14ac:dyDescent="0.25">
      <c r="A38202" t="s">
        <v>54839</v>
      </c>
      <c r="B38202" t="s">
        <v>54840</v>
      </c>
      <c r="C38202">
        <v>0</v>
      </c>
      <c r="D38202">
        <v>0</v>
      </c>
    </row>
    <row r="38203" spans="1:4" x14ac:dyDescent="0.25">
      <c r="A38203" t="s">
        <v>54839</v>
      </c>
      <c r="B38203" t="s">
        <v>5713</v>
      </c>
      <c r="C38203">
        <v>1</v>
      </c>
      <c r="D38203">
        <v>0</v>
      </c>
    </row>
    <row r="38204" spans="1:4" x14ac:dyDescent="0.25">
      <c r="A38204" t="s">
        <v>54839</v>
      </c>
      <c r="B38204" t="s">
        <v>54841</v>
      </c>
      <c r="C38204">
        <v>1</v>
      </c>
      <c r="D38204">
        <v>0</v>
      </c>
    </row>
    <row r="38205" spans="1:4" x14ac:dyDescent="0.25">
      <c r="A38205" t="s">
        <v>54839</v>
      </c>
      <c r="B38205" t="s">
        <v>54842</v>
      </c>
      <c r="C38205">
        <v>1</v>
      </c>
      <c r="D38205">
        <v>0</v>
      </c>
    </row>
    <row r="38206" spans="1:4" x14ac:dyDescent="0.25">
      <c r="A38206" t="s">
        <v>54839</v>
      </c>
      <c r="B38206" t="s">
        <v>54843</v>
      </c>
      <c r="C38206">
        <v>0</v>
      </c>
      <c r="D38206">
        <v>0</v>
      </c>
    </row>
    <row r="38207" spans="1:4" x14ac:dyDescent="0.25">
      <c r="A38207" t="s">
        <v>54844</v>
      </c>
      <c r="B38207" t="s">
        <v>54845</v>
      </c>
      <c r="C38207">
        <v>0</v>
      </c>
      <c r="D38207">
        <v>0</v>
      </c>
    </row>
    <row r="38208" spans="1:4" x14ac:dyDescent="0.25">
      <c r="A38208" t="s">
        <v>54844</v>
      </c>
      <c r="B38208" t="s">
        <v>54846</v>
      </c>
      <c r="C38208">
        <v>1</v>
      </c>
      <c r="D38208">
        <v>0</v>
      </c>
    </row>
    <row r="38209" spans="1:4" x14ac:dyDescent="0.25">
      <c r="A38209" t="s">
        <v>54844</v>
      </c>
      <c r="B38209" t="s">
        <v>54847</v>
      </c>
      <c r="C38209">
        <v>1</v>
      </c>
      <c r="D38209">
        <v>0</v>
      </c>
    </row>
    <row r="38210" spans="1:4" x14ac:dyDescent="0.25">
      <c r="A38210" t="s">
        <v>54844</v>
      </c>
      <c r="B38210" t="s">
        <v>54848</v>
      </c>
      <c r="C38210">
        <v>2</v>
      </c>
      <c r="D38210">
        <v>0</v>
      </c>
    </row>
    <row r="38211" spans="1:4" x14ac:dyDescent="0.25">
      <c r="A38211" t="s">
        <v>54849</v>
      </c>
      <c r="B38211" t="s">
        <v>54850</v>
      </c>
      <c r="C38211">
        <v>1</v>
      </c>
      <c r="D38211">
        <v>0</v>
      </c>
    </row>
    <row r="38212" spans="1:4" x14ac:dyDescent="0.25">
      <c r="A38212" t="s">
        <v>54849</v>
      </c>
      <c r="B38212" t="s">
        <v>54851</v>
      </c>
      <c r="C38212">
        <v>0</v>
      </c>
      <c r="D38212">
        <v>0</v>
      </c>
    </row>
    <row r="38213" spans="1:4" x14ac:dyDescent="0.25">
      <c r="A38213" t="s">
        <v>54849</v>
      </c>
      <c r="B38213" t="s">
        <v>54852</v>
      </c>
      <c r="C38213">
        <v>1</v>
      </c>
      <c r="D38213">
        <v>0</v>
      </c>
    </row>
    <row r="38214" spans="1:4" x14ac:dyDescent="0.25">
      <c r="A38214" t="s">
        <v>54849</v>
      </c>
      <c r="B38214" t="s">
        <v>11948</v>
      </c>
      <c r="C38214">
        <v>1</v>
      </c>
      <c r="D38214">
        <v>0</v>
      </c>
    </row>
    <row r="38215" spans="1:4" x14ac:dyDescent="0.25">
      <c r="A38215" t="s">
        <v>54849</v>
      </c>
      <c r="B38215" t="s">
        <v>54853</v>
      </c>
      <c r="C38215">
        <v>0</v>
      </c>
      <c r="D38215">
        <v>0</v>
      </c>
    </row>
    <row r="38216" spans="1:4" x14ac:dyDescent="0.25">
      <c r="A38216" t="s">
        <v>54849</v>
      </c>
      <c r="B38216" t="s">
        <v>11948</v>
      </c>
      <c r="C38216">
        <v>0</v>
      </c>
      <c r="D38216">
        <v>0</v>
      </c>
    </row>
    <row r="38217" spans="1:4" x14ac:dyDescent="0.25">
      <c r="A38217" t="s">
        <v>54849</v>
      </c>
      <c r="B38217" t="s">
        <v>54854</v>
      </c>
      <c r="C38217">
        <v>0</v>
      </c>
      <c r="D38217">
        <v>0</v>
      </c>
    </row>
    <row r="38218" spans="1:4" x14ac:dyDescent="0.25">
      <c r="A38218" t="s">
        <v>54855</v>
      </c>
      <c r="B38218" t="s">
        <v>25389</v>
      </c>
      <c r="C38218">
        <v>0</v>
      </c>
      <c r="D38218">
        <v>0</v>
      </c>
    </row>
    <row r="38219" spans="1:4" x14ac:dyDescent="0.25">
      <c r="A38219" t="s">
        <v>54855</v>
      </c>
      <c r="B38219" t="s">
        <v>54856</v>
      </c>
      <c r="C38219">
        <v>1</v>
      </c>
      <c r="D38219">
        <v>0</v>
      </c>
    </row>
    <row r="38220" spans="1:4" x14ac:dyDescent="0.25">
      <c r="A38220" t="s">
        <v>54855</v>
      </c>
      <c r="B38220" t="s">
        <v>54857</v>
      </c>
      <c r="C38220">
        <v>1</v>
      </c>
      <c r="D38220">
        <v>0</v>
      </c>
    </row>
    <row r="38221" spans="1:4" x14ac:dyDescent="0.25">
      <c r="A38221" t="s">
        <v>54855</v>
      </c>
      <c r="B38221" t="s">
        <v>54858</v>
      </c>
      <c r="C38221">
        <v>0</v>
      </c>
      <c r="D38221">
        <v>0</v>
      </c>
    </row>
    <row r="38222" spans="1:4" x14ac:dyDescent="0.25">
      <c r="A38222" t="s">
        <v>54855</v>
      </c>
      <c r="B38222" t="s">
        <v>54859</v>
      </c>
      <c r="C38222">
        <v>1</v>
      </c>
      <c r="D38222">
        <v>0</v>
      </c>
    </row>
    <row r="38223" spans="1:4" x14ac:dyDescent="0.25">
      <c r="A38223" t="s">
        <v>54855</v>
      </c>
      <c r="B38223" t="s">
        <v>54860</v>
      </c>
      <c r="C38223">
        <v>1</v>
      </c>
      <c r="D38223">
        <v>0</v>
      </c>
    </row>
    <row r="38224" spans="1:4" x14ac:dyDescent="0.25">
      <c r="A38224" t="s">
        <v>54855</v>
      </c>
      <c r="B38224" t="s">
        <v>54861</v>
      </c>
      <c r="C38224">
        <v>2</v>
      </c>
      <c r="D38224">
        <v>0</v>
      </c>
    </row>
    <row r="38225" spans="1:4" x14ac:dyDescent="0.25">
      <c r="A38225" t="s">
        <v>54862</v>
      </c>
      <c r="B38225" t="s">
        <v>54863</v>
      </c>
      <c r="C38225">
        <v>2</v>
      </c>
      <c r="D38225">
        <v>0</v>
      </c>
    </row>
    <row r="38226" spans="1:4" x14ac:dyDescent="0.25">
      <c r="A38226" t="s">
        <v>54864</v>
      </c>
      <c r="B38226" t="s">
        <v>54865</v>
      </c>
      <c r="C38226">
        <v>1</v>
      </c>
      <c r="D38226">
        <v>0</v>
      </c>
    </row>
    <row r="38227" spans="1:4" x14ac:dyDescent="0.25">
      <c r="A38227" t="s">
        <v>54864</v>
      </c>
      <c r="B38227" t="s">
        <v>54866</v>
      </c>
      <c r="C38227">
        <v>0</v>
      </c>
      <c r="D38227">
        <v>0</v>
      </c>
    </row>
    <row r="38228" spans="1:4" x14ac:dyDescent="0.25">
      <c r="A38228" t="s">
        <v>54864</v>
      </c>
      <c r="B38228" t="s">
        <v>54867</v>
      </c>
      <c r="C38228">
        <v>1</v>
      </c>
      <c r="D38228">
        <v>0</v>
      </c>
    </row>
    <row r="38229" spans="1:4" x14ac:dyDescent="0.25">
      <c r="A38229" t="s">
        <v>54864</v>
      </c>
      <c r="B38229" t="s">
        <v>54868</v>
      </c>
      <c r="C38229">
        <v>1</v>
      </c>
      <c r="D38229">
        <v>0</v>
      </c>
    </row>
    <row r="38230" spans="1:4" x14ac:dyDescent="0.25">
      <c r="A38230" t="s">
        <v>54864</v>
      </c>
      <c r="B38230" t="s">
        <v>54869</v>
      </c>
      <c r="C38230">
        <v>2</v>
      </c>
      <c r="D38230">
        <v>0</v>
      </c>
    </row>
    <row r="38231" spans="1:4" x14ac:dyDescent="0.25">
      <c r="A38231" t="s">
        <v>54864</v>
      </c>
      <c r="B38231" t="s">
        <v>54870</v>
      </c>
      <c r="C38231">
        <v>1</v>
      </c>
      <c r="D38231">
        <v>0</v>
      </c>
    </row>
    <row r="38232" spans="1:4" x14ac:dyDescent="0.25">
      <c r="A38232" t="s">
        <v>54864</v>
      </c>
      <c r="B38232" t="s">
        <v>54871</v>
      </c>
      <c r="C38232">
        <v>2</v>
      </c>
      <c r="D38232">
        <v>0</v>
      </c>
    </row>
    <row r="38233" spans="1:4" x14ac:dyDescent="0.25">
      <c r="A38233" t="s">
        <v>54872</v>
      </c>
      <c r="B38233" t="s">
        <v>54873</v>
      </c>
      <c r="C38233">
        <v>1</v>
      </c>
      <c r="D38233">
        <v>0</v>
      </c>
    </row>
    <row r="38234" spans="1:4" x14ac:dyDescent="0.25">
      <c r="A38234" t="s">
        <v>54872</v>
      </c>
      <c r="B38234" t="s">
        <v>54874</v>
      </c>
      <c r="C38234">
        <v>1</v>
      </c>
      <c r="D38234">
        <v>0</v>
      </c>
    </row>
    <row r="38235" spans="1:4" x14ac:dyDescent="0.25">
      <c r="A38235" t="s">
        <v>54872</v>
      </c>
      <c r="B38235" t="s">
        <v>54875</v>
      </c>
      <c r="C38235">
        <v>0</v>
      </c>
      <c r="D38235">
        <v>0</v>
      </c>
    </row>
    <row r="38236" spans="1:4" x14ac:dyDescent="0.25">
      <c r="A38236" t="s">
        <v>54872</v>
      </c>
      <c r="B38236" t="s">
        <v>54876</v>
      </c>
      <c r="C38236">
        <v>2</v>
      </c>
      <c r="D38236">
        <v>0</v>
      </c>
    </row>
    <row r="38237" spans="1:4" x14ac:dyDescent="0.25">
      <c r="A38237" t="s">
        <v>54872</v>
      </c>
      <c r="B38237" t="s">
        <v>54877</v>
      </c>
      <c r="C38237">
        <v>2</v>
      </c>
      <c r="D38237">
        <v>0</v>
      </c>
    </row>
    <row r="38238" spans="1:4" x14ac:dyDescent="0.25">
      <c r="A38238" t="s">
        <v>54872</v>
      </c>
      <c r="B38238" t="s">
        <v>54878</v>
      </c>
      <c r="C38238">
        <v>1</v>
      </c>
      <c r="D38238">
        <v>0</v>
      </c>
    </row>
    <row r="38239" spans="1:4" x14ac:dyDescent="0.25">
      <c r="A38239" t="s">
        <v>54872</v>
      </c>
      <c r="B38239" t="s">
        <v>54879</v>
      </c>
      <c r="C38239">
        <v>1</v>
      </c>
      <c r="D38239">
        <v>0</v>
      </c>
    </row>
    <row r="38240" spans="1:4" x14ac:dyDescent="0.25">
      <c r="A38240" t="s">
        <v>54880</v>
      </c>
      <c r="B38240" t="s">
        <v>54881</v>
      </c>
      <c r="C38240">
        <v>1</v>
      </c>
      <c r="D38240">
        <v>0</v>
      </c>
    </row>
    <row r="38241" spans="1:4" x14ac:dyDescent="0.25">
      <c r="A38241" t="s">
        <v>54880</v>
      </c>
      <c r="B38241" t="s">
        <v>54882</v>
      </c>
      <c r="C38241">
        <v>0</v>
      </c>
      <c r="D38241">
        <v>0</v>
      </c>
    </row>
    <row r="38242" spans="1:4" x14ac:dyDescent="0.25">
      <c r="A38242" t="s">
        <v>54880</v>
      </c>
      <c r="B38242" t="s">
        <v>54883</v>
      </c>
      <c r="C38242">
        <v>1</v>
      </c>
      <c r="D38242">
        <v>0</v>
      </c>
    </row>
    <row r="38243" spans="1:4" x14ac:dyDescent="0.25">
      <c r="A38243" t="s">
        <v>54880</v>
      </c>
      <c r="B38243" t="s">
        <v>5047</v>
      </c>
      <c r="C38243">
        <v>0</v>
      </c>
      <c r="D38243">
        <v>0</v>
      </c>
    </row>
    <row r="38244" spans="1:4" x14ac:dyDescent="0.25">
      <c r="A38244" t="s">
        <v>54884</v>
      </c>
      <c r="B38244" t="s">
        <v>54885</v>
      </c>
      <c r="C38244">
        <v>1</v>
      </c>
      <c r="D38244">
        <v>0</v>
      </c>
    </row>
    <row r="38245" spans="1:4" x14ac:dyDescent="0.25">
      <c r="A38245" t="s">
        <v>54884</v>
      </c>
      <c r="B38245" t="s">
        <v>54886</v>
      </c>
      <c r="C38245">
        <v>1</v>
      </c>
      <c r="D38245">
        <v>0</v>
      </c>
    </row>
    <row r="38246" spans="1:4" x14ac:dyDescent="0.25">
      <c r="A38246" t="s">
        <v>54884</v>
      </c>
      <c r="B38246" t="s">
        <v>54887</v>
      </c>
      <c r="C38246">
        <v>0</v>
      </c>
      <c r="D38246">
        <v>0</v>
      </c>
    </row>
    <row r="38247" spans="1:4" x14ac:dyDescent="0.25">
      <c r="A38247" t="s">
        <v>54884</v>
      </c>
      <c r="B38247" t="s">
        <v>54888</v>
      </c>
      <c r="C38247">
        <v>1</v>
      </c>
      <c r="D38247">
        <v>0</v>
      </c>
    </row>
    <row r="38248" spans="1:4" x14ac:dyDescent="0.25">
      <c r="A38248" t="s">
        <v>54889</v>
      </c>
      <c r="B38248" t="s">
        <v>54890</v>
      </c>
      <c r="C38248">
        <v>1</v>
      </c>
      <c r="D38248">
        <v>0</v>
      </c>
    </row>
    <row r="38249" spans="1:4" x14ac:dyDescent="0.25">
      <c r="A38249" t="s">
        <v>54889</v>
      </c>
      <c r="B38249" t="s">
        <v>54891</v>
      </c>
      <c r="C38249">
        <v>1</v>
      </c>
      <c r="D38249">
        <v>0</v>
      </c>
    </row>
    <row r="38250" spans="1:4" x14ac:dyDescent="0.25">
      <c r="A38250" t="s">
        <v>54889</v>
      </c>
      <c r="B38250" t="s">
        <v>54892</v>
      </c>
      <c r="C38250">
        <v>1</v>
      </c>
      <c r="D38250">
        <v>0</v>
      </c>
    </row>
    <row r="38251" spans="1:4" x14ac:dyDescent="0.25">
      <c r="A38251" t="s">
        <v>54889</v>
      </c>
      <c r="B38251" t="s">
        <v>54893</v>
      </c>
      <c r="C38251">
        <v>1</v>
      </c>
      <c r="D38251">
        <v>0</v>
      </c>
    </row>
    <row r="38252" spans="1:4" x14ac:dyDescent="0.25">
      <c r="A38252" t="s">
        <v>54889</v>
      </c>
      <c r="B38252" t="s">
        <v>54894</v>
      </c>
      <c r="C38252">
        <v>1</v>
      </c>
      <c r="D38252">
        <v>0</v>
      </c>
    </row>
    <row r="38253" spans="1:4" x14ac:dyDescent="0.25">
      <c r="A38253" t="s">
        <v>54889</v>
      </c>
      <c r="B38253" t="s">
        <v>54895</v>
      </c>
      <c r="C38253">
        <v>1</v>
      </c>
      <c r="D38253">
        <v>0</v>
      </c>
    </row>
    <row r="38254" spans="1:4" x14ac:dyDescent="0.25">
      <c r="A38254" t="s">
        <v>54896</v>
      </c>
      <c r="B38254" t="s">
        <v>54897</v>
      </c>
      <c r="C38254">
        <v>1</v>
      </c>
      <c r="D38254">
        <v>0</v>
      </c>
    </row>
    <row r="38255" spans="1:4" x14ac:dyDescent="0.25">
      <c r="A38255" t="s">
        <v>54896</v>
      </c>
      <c r="B38255" t="s">
        <v>54898</v>
      </c>
      <c r="C38255">
        <v>0</v>
      </c>
      <c r="D38255">
        <v>0</v>
      </c>
    </row>
    <row r="38256" spans="1:4" x14ac:dyDescent="0.25">
      <c r="A38256" t="s">
        <v>54896</v>
      </c>
      <c r="B38256" t="s">
        <v>54899</v>
      </c>
      <c r="C38256">
        <v>2</v>
      </c>
      <c r="D38256">
        <v>0</v>
      </c>
    </row>
    <row r="38257" spans="1:4" x14ac:dyDescent="0.25">
      <c r="A38257" t="s">
        <v>54896</v>
      </c>
      <c r="B38257" t="s">
        <v>54900</v>
      </c>
      <c r="C38257">
        <v>0</v>
      </c>
      <c r="D38257">
        <v>0</v>
      </c>
    </row>
    <row r="38258" spans="1:4" x14ac:dyDescent="0.25">
      <c r="A38258" t="s">
        <v>54896</v>
      </c>
      <c r="B38258" t="s">
        <v>54901</v>
      </c>
      <c r="C38258">
        <v>2</v>
      </c>
      <c r="D38258">
        <v>0</v>
      </c>
    </row>
    <row r="38259" spans="1:4" x14ac:dyDescent="0.25">
      <c r="A38259" t="s">
        <v>54896</v>
      </c>
      <c r="B38259" t="s">
        <v>54902</v>
      </c>
      <c r="C38259">
        <v>0</v>
      </c>
      <c r="D38259">
        <v>0</v>
      </c>
    </row>
    <row r="38260" spans="1:4" x14ac:dyDescent="0.25">
      <c r="A38260" t="s">
        <v>54903</v>
      </c>
      <c r="B38260" t="s">
        <v>54904</v>
      </c>
      <c r="C38260">
        <v>1</v>
      </c>
      <c r="D38260">
        <v>0</v>
      </c>
    </row>
    <row r="38261" spans="1:4" x14ac:dyDescent="0.25">
      <c r="A38261" t="s">
        <v>54903</v>
      </c>
      <c r="B38261" t="s">
        <v>54905</v>
      </c>
      <c r="C38261">
        <v>0</v>
      </c>
      <c r="D38261">
        <v>0</v>
      </c>
    </row>
    <row r="38262" spans="1:4" x14ac:dyDescent="0.25">
      <c r="A38262" t="s">
        <v>54903</v>
      </c>
      <c r="B38262" t="s">
        <v>54906</v>
      </c>
      <c r="C38262">
        <v>1</v>
      </c>
      <c r="D38262">
        <v>0</v>
      </c>
    </row>
    <row r="38263" spans="1:4" x14ac:dyDescent="0.25">
      <c r="A38263" t="s">
        <v>54903</v>
      </c>
      <c r="B38263" t="s">
        <v>54907</v>
      </c>
      <c r="C38263">
        <v>1</v>
      </c>
      <c r="D38263">
        <v>0</v>
      </c>
    </row>
    <row r="38264" spans="1:4" x14ac:dyDescent="0.25">
      <c r="A38264" t="s">
        <v>54903</v>
      </c>
      <c r="B38264" t="s">
        <v>54908</v>
      </c>
      <c r="C38264">
        <v>1</v>
      </c>
      <c r="D38264">
        <v>0</v>
      </c>
    </row>
    <row r="38265" spans="1:4" x14ac:dyDescent="0.25">
      <c r="A38265" t="s">
        <v>54903</v>
      </c>
      <c r="B38265" t="s">
        <v>54909</v>
      </c>
      <c r="C38265">
        <v>0</v>
      </c>
      <c r="D38265">
        <v>0</v>
      </c>
    </row>
    <row r="38266" spans="1:4" x14ac:dyDescent="0.25">
      <c r="A38266" t="s">
        <v>54910</v>
      </c>
      <c r="B38266" t="s">
        <v>54911</v>
      </c>
      <c r="C38266">
        <v>1</v>
      </c>
      <c r="D38266">
        <v>0</v>
      </c>
    </row>
    <row r="38267" spans="1:4" x14ac:dyDescent="0.25">
      <c r="A38267" t="s">
        <v>54910</v>
      </c>
      <c r="B38267" t="s">
        <v>54912</v>
      </c>
      <c r="C38267">
        <v>2</v>
      </c>
      <c r="D38267">
        <v>0</v>
      </c>
    </row>
    <row r="38268" spans="1:4" x14ac:dyDescent="0.25">
      <c r="A38268" t="s">
        <v>54910</v>
      </c>
      <c r="B38268" t="s">
        <v>54913</v>
      </c>
      <c r="C38268">
        <v>2</v>
      </c>
      <c r="D38268">
        <v>0</v>
      </c>
    </row>
    <row r="38269" spans="1:4" x14ac:dyDescent="0.25">
      <c r="A38269" t="s">
        <v>54910</v>
      </c>
      <c r="B38269" t="s">
        <v>54914</v>
      </c>
      <c r="C38269">
        <v>1</v>
      </c>
      <c r="D38269">
        <v>0</v>
      </c>
    </row>
    <row r="38270" spans="1:4" x14ac:dyDescent="0.25">
      <c r="A38270" t="s">
        <v>54910</v>
      </c>
      <c r="B38270" t="s">
        <v>37351</v>
      </c>
      <c r="C38270">
        <v>1</v>
      </c>
      <c r="D38270">
        <v>0</v>
      </c>
    </row>
    <row r="38271" spans="1:4" x14ac:dyDescent="0.25">
      <c r="A38271" t="s">
        <v>54915</v>
      </c>
      <c r="B38271" t="s">
        <v>54916</v>
      </c>
      <c r="C38271">
        <v>1</v>
      </c>
      <c r="D38271">
        <v>0</v>
      </c>
    </row>
    <row r="38272" spans="1:4" x14ac:dyDescent="0.25">
      <c r="A38272" t="s">
        <v>54915</v>
      </c>
      <c r="B38272" t="s">
        <v>54917</v>
      </c>
      <c r="C38272">
        <v>1</v>
      </c>
      <c r="D38272">
        <v>0</v>
      </c>
    </row>
    <row r="38273" spans="1:4" x14ac:dyDescent="0.25">
      <c r="A38273" t="s">
        <v>54915</v>
      </c>
      <c r="B38273" t="s">
        <v>54918</v>
      </c>
      <c r="C38273">
        <v>1</v>
      </c>
      <c r="D38273">
        <v>0</v>
      </c>
    </row>
    <row r="38274" spans="1:4" x14ac:dyDescent="0.25">
      <c r="A38274" t="s">
        <v>54915</v>
      </c>
      <c r="B38274" t="s">
        <v>54919</v>
      </c>
      <c r="C38274">
        <v>0</v>
      </c>
      <c r="D38274">
        <v>0</v>
      </c>
    </row>
    <row r="38275" spans="1:4" x14ac:dyDescent="0.25">
      <c r="A38275" t="s">
        <v>54920</v>
      </c>
      <c r="B38275" t="s">
        <v>54921</v>
      </c>
      <c r="C38275">
        <v>0</v>
      </c>
      <c r="D38275">
        <v>0</v>
      </c>
    </row>
    <row r="38276" spans="1:4" x14ac:dyDescent="0.25">
      <c r="A38276" t="s">
        <v>54922</v>
      </c>
      <c r="B38276" t="s">
        <v>54923</v>
      </c>
      <c r="C38276">
        <v>2</v>
      </c>
      <c r="D38276">
        <v>0</v>
      </c>
    </row>
    <row r="38277" spans="1:4" x14ac:dyDescent="0.25">
      <c r="A38277" t="s">
        <v>54922</v>
      </c>
      <c r="B38277" t="s">
        <v>54924</v>
      </c>
      <c r="C38277">
        <v>2</v>
      </c>
      <c r="D38277">
        <v>0</v>
      </c>
    </row>
    <row r="38278" spans="1:4" x14ac:dyDescent="0.25">
      <c r="A38278" t="s">
        <v>54922</v>
      </c>
      <c r="B38278" t="s">
        <v>54925</v>
      </c>
      <c r="C38278">
        <v>0</v>
      </c>
      <c r="D38278">
        <v>0</v>
      </c>
    </row>
    <row r="38279" spans="1:4" x14ac:dyDescent="0.25">
      <c r="A38279" t="s">
        <v>54922</v>
      </c>
      <c r="B38279" t="s">
        <v>54926</v>
      </c>
      <c r="C38279">
        <v>1</v>
      </c>
      <c r="D38279">
        <v>0</v>
      </c>
    </row>
    <row r="38280" spans="1:4" x14ac:dyDescent="0.25">
      <c r="A38280" t="s">
        <v>54922</v>
      </c>
      <c r="B38280" t="s">
        <v>54927</v>
      </c>
      <c r="C38280">
        <v>0</v>
      </c>
      <c r="D38280">
        <v>0</v>
      </c>
    </row>
    <row r="38281" spans="1:4" x14ac:dyDescent="0.25">
      <c r="A38281" t="s">
        <v>54922</v>
      </c>
      <c r="B38281" t="s">
        <v>54928</v>
      </c>
      <c r="C38281">
        <v>0</v>
      </c>
      <c r="D38281">
        <v>0</v>
      </c>
    </row>
    <row r="38282" spans="1:4" x14ac:dyDescent="0.25">
      <c r="A38282" t="s">
        <v>54922</v>
      </c>
      <c r="B38282" t="s">
        <v>54929</v>
      </c>
      <c r="C38282">
        <v>1</v>
      </c>
      <c r="D38282">
        <v>0</v>
      </c>
    </row>
    <row r="38283" spans="1:4" x14ac:dyDescent="0.25">
      <c r="A38283" t="s">
        <v>54922</v>
      </c>
      <c r="B38283" t="s">
        <v>54930</v>
      </c>
      <c r="C38283">
        <v>2</v>
      </c>
      <c r="D38283">
        <v>0</v>
      </c>
    </row>
    <row r="38284" spans="1:4" x14ac:dyDescent="0.25">
      <c r="A38284" t="s">
        <v>54931</v>
      </c>
      <c r="B38284" t="s">
        <v>54932</v>
      </c>
      <c r="C38284">
        <v>1</v>
      </c>
      <c r="D38284">
        <v>0</v>
      </c>
    </row>
    <row r="38285" spans="1:4" x14ac:dyDescent="0.25">
      <c r="A38285" t="s">
        <v>54931</v>
      </c>
      <c r="B38285" t="s">
        <v>54933</v>
      </c>
      <c r="C38285">
        <v>1</v>
      </c>
      <c r="D38285">
        <v>0</v>
      </c>
    </row>
    <row r="38286" spans="1:4" x14ac:dyDescent="0.25">
      <c r="A38286" t="s">
        <v>54931</v>
      </c>
      <c r="B38286" t="s">
        <v>54934</v>
      </c>
      <c r="C38286">
        <v>0</v>
      </c>
      <c r="D38286">
        <v>0</v>
      </c>
    </row>
    <row r="38287" spans="1:4" x14ac:dyDescent="0.25">
      <c r="A38287" t="s">
        <v>54931</v>
      </c>
      <c r="B38287" t="s">
        <v>54935</v>
      </c>
      <c r="C38287">
        <v>2</v>
      </c>
      <c r="D38287">
        <v>0</v>
      </c>
    </row>
    <row r="38288" spans="1:4" x14ac:dyDescent="0.25">
      <c r="A38288" t="s">
        <v>54931</v>
      </c>
      <c r="B38288" t="s">
        <v>54936</v>
      </c>
      <c r="C38288">
        <v>1</v>
      </c>
      <c r="D38288">
        <v>0</v>
      </c>
    </row>
    <row r="38289" spans="1:4" x14ac:dyDescent="0.25">
      <c r="A38289" t="s">
        <v>54931</v>
      </c>
      <c r="B38289" t="s">
        <v>54937</v>
      </c>
      <c r="C38289">
        <v>1</v>
      </c>
      <c r="D38289">
        <v>0</v>
      </c>
    </row>
    <row r="38290" spans="1:4" x14ac:dyDescent="0.25">
      <c r="A38290" t="s">
        <v>54938</v>
      </c>
      <c r="B38290" t="s">
        <v>54939</v>
      </c>
      <c r="C38290">
        <v>2</v>
      </c>
      <c r="D38290">
        <v>0</v>
      </c>
    </row>
    <row r="38291" spans="1:4" x14ac:dyDescent="0.25">
      <c r="A38291" t="s">
        <v>54938</v>
      </c>
      <c r="B38291" t="s">
        <v>54940</v>
      </c>
      <c r="C38291">
        <v>2</v>
      </c>
      <c r="D38291">
        <v>0</v>
      </c>
    </row>
    <row r="38292" spans="1:4" x14ac:dyDescent="0.25">
      <c r="A38292" t="s">
        <v>54938</v>
      </c>
      <c r="B38292" t="s">
        <v>54941</v>
      </c>
      <c r="C38292">
        <v>2</v>
      </c>
      <c r="D38292">
        <v>0</v>
      </c>
    </row>
    <row r="38293" spans="1:4" x14ac:dyDescent="0.25">
      <c r="A38293" t="s">
        <v>54938</v>
      </c>
      <c r="B38293" t="s">
        <v>54942</v>
      </c>
      <c r="C38293">
        <v>2</v>
      </c>
      <c r="D38293">
        <v>0</v>
      </c>
    </row>
    <row r="38294" spans="1:4" x14ac:dyDescent="0.25">
      <c r="A38294" t="s">
        <v>54938</v>
      </c>
      <c r="B38294" t="s">
        <v>54943</v>
      </c>
      <c r="C38294">
        <v>2</v>
      </c>
      <c r="D38294">
        <v>0</v>
      </c>
    </row>
    <row r="38295" spans="1:4" x14ac:dyDescent="0.25">
      <c r="A38295" t="s">
        <v>54938</v>
      </c>
      <c r="B38295" t="s">
        <v>54944</v>
      </c>
      <c r="C38295">
        <v>2</v>
      </c>
      <c r="D38295">
        <v>0</v>
      </c>
    </row>
    <row r="38296" spans="1:4" x14ac:dyDescent="0.25">
      <c r="A38296" t="s">
        <v>54945</v>
      </c>
      <c r="B38296" t="s">
        <v>54946</v>
      </c>
      <c r="C38296">
        <v>1</v>
      </c>
      <c r="D38296">
        <v>0</v>
      </c>
    </row>
    <row r="38297" spans="1:4" x14ac:dyDescent="0.25">
      <c r="A38297" t="s">
        <v>54945</v>
      </c>
      <c r="B38297" t="s">
        <v>54947</v>
      </c>
      <c r="C38297">
        <v>1</v>
      </c>
      <c r="D38297">
        <v>0</v>
      </c>
    </row>
    <row r="38298" spans="1:4" x14ac:dyDescent="0.25">
      <c r="A38298" t="s">
        <v>54945</v>
      </c>
      <c r="B38298" t="s">
        <v>54948</v>
      </c>
      <c r="C38298">
        <v>1</v>
      </c>
      <c r="D38298">
        <v>0</v>
      </c>
    </row>
    <row r="38299" spans="1:4" x14ac:dyDescent="0.25">
      <c r="A38299" t="s">
        <v>54945</v>
      </c>
      <c r="B38299" t="s">
        <v>54946</v>
      </c>
      <c r="C38299">
        <v>1</v>
      </c>
      <c r="D38299">
        <v>0</v>
      </c>
    </row>
    <row r="38300" spans="1:4" x14ac:dyDescent="0.25">
      <c r="A38300" t="s">
        <v>54949</v>
      </c>
      <c r="B38300" t="s">
        <v>54950</v>
      </c>
      <c r="C38300">
        <v>1</v>
      </c>
      <c r="D38300">
        <v>0</v>
      </c>
    </row>
    <row r="38301" spans="1:4" x14ac:dyDescent="0.25">
      <c r="A38301" t="s">
        <v>54949</v>
      </c>
      <c r="B38301" t="s">
        <v>54951</v>
      </c>
      <c r="C38301">
        <v>2</v>
      </c>
      <c r="D38301">
        <v>0</v>
      </c>
    </row>
    <row r="38302" spans="1:4" x14ac:dyDescent="0.25">
      <c r="A38302" t="s">
        <v>54949</v>
      </c>
      <c r="B38302" t="s">
        <v>54952</v>
      </c>
      <c r="C38302">
        <v>1</v>
      </c>
      <c r="D38302">
        <v>0</v>
      </c>
    </row>
    <row r="38303" spans="1:4" x14ac:dyDescent="0.25">
      <c r="A38303" t="s">
        <v>54949</v>
      </c>
      <c r="B38303" t="s">
        <v>2651</v>
      </c>
      <c r="C38303">
        <v>0</v>
      </c>
      <c r="D38303">
        <v>0</v>
      </c>
    </row>
    <row r="38304" spans="1:4" x14ac:dyDescent="0.25">
      <c r="A38304" t="s">
        <v>54949</v>
      </c>
      <c r="B38304" t="s">
        <v>54953</v>
      </c>
      <c r="C38304">
        <v>0</v>
      </c>
      <c r="D38304">
        <v>0</v>
      </c>
    </row>
    <row r="38305" spans="1:4" x14ac:dyDescent="0.25">
      <c r="A38305" t="s">
        <v>54949</v>
      </c>
      <c r="B38305" t="s">
        <v>54954</v>
      </c>
      <c r="C38305">
        <v>0</v>
      </c>
      <c r="D38305">
        <v>0</v>
      </c>
    </row>
    <row r="38306" spans="1:4" x14ac:dyDescent="0.25">
      <c r="A38306" t="s">
        <v>54955</v>
      </c>
      <c r="B38306" t="s">
        <v>54956</v>
      </c>
      <c r="C38306">
        <v>1</v>
      </c>
      <c r="D38306">
        <v>0</v>
      </c>
    </row>
    <row r="38307" spans="1:4" x14ac:dyDescent="0.25">
      <c r="A38307" t="s">
        <v>54957</v>
      </c>
      <c r="B38307" t="s">
        <v>54958</v>
      </c>
      <c r="C38307">
        <v>1</v>
      </c>
      <c r="D38307">
        <v>0</v>
      </c>
    </row>
    <row r="38308" spans="1:4" x14ac:dyDescent="0.25">
      <c r="A38308" t="s">
        <v>54957</v>
      </c>
      <c r="B38308" t="s">
        <v>54959</v>
      </c>
      <c r="C38308">
        <v>0</v>
      </c>
      <c r="D38308">
        <v>0</v>
      </c>
    </row>
    <row r="38309" spans="1:4" x14ac:dyDescent="0.25">
      <c r="A38309" t="s">
        <v>54957</v>
      </c>
      <c r="B38309" t="s">
        <v>54960</v>
      </c>
      <c r="C38309">
        <v>0</v>
      </c>
      <c r="D38309">
        <v>0</v>
      </c>
    </row>
    <row r="38310" spans="1:4" x14ac:dyDescent="0.25">
      <c r="A38310" t="s">
        <v>54957</v>
      </c>
      <c r="B38310" t="s">
        <v>54961</v>
      </c>
      <c r="C38310">
        <v>0</v>
      </c>
      <c r="D38310">
        <v>0</v>
      </c>
    </row>
    <row r="38311" spans="1:4" x14ac:dyDescent="0.25">
      <c r="A38311" t="s">
        <v>54957</v>
      </c>
      <c r="B38311" t="s">
        <v>54962</v>
      </c>
      <c r="C38311">
        <v>0</v>
      </c>
      <c r="D38311">
        <v>0</v>
      </c>
    </row>
    <row r="38312" spans="1:4" x14ac:dyDescent="0.25">
      <c r="A38312" t="s">
        <v>54963</v>
      </c>
      <c r="B38312" t="s">
        <v>54964</v>
      </c>
      <c r="C38312">
        <v>1</v>
      </c>
      <c r="D38312">
        <v>0</v>
      </c>
    </row>
    <row r="38313" spans="1:4" x14ac:dyDescent="0.25">
      <c r="A38313" t="s">
        <v>54963</v>
      </c>
      <c r="B38313" t="s">
        <v>54965</v>
      </c>
      <c r="C38313">
        <v>1</v>
      </c>
      <c r="D38313">
        <v>0</v>
      </c>
    </row>
    <row r="38314" spans="1:4" x14ac:dyDescent="0.25">
      <c r="A38314" t="s">
        <v>54963</v>
      </c>
      <c r="B38314" t="s">
        <v>54966</v>
      </c>
      <c r="C38314">
        <v>1</v>
      </c>
      <c r="D38314">
        <v>0</v>
      </c>
    </row>
    <row r="38315" spans="1:4" x14ac:dyDescent="0.25">
      <c r="A38315" t="s">
        <v>54963</v>
      </c>
      <c r="B38315" t="s">
        <v>54967</v>
      </c>
      <c r="C38315">
        <v>1</v>
      </c>
      <c r="D38315">
        <v>0</v>
      </c>
    </row>
    <row r="38316" spans="1:4" x14ac:dyDescent="0.25">
      <c r="A38316" t="s">
        <v>54968</v>
      </c>
      <c r="B38316" t="s">
        <v>54969</v>
      </c>
      <c r="C38316">
        <v>2</v>
      </c>
      <c r="D38316">
        <v>0</v>
      </c>
    </row>
    <row r="38317" spans="1:4" x14ac:dyDescent="0.25">
      <c r="A38317" t="s">
        <v>54968</v>
      </c>
      <c r="B38317" t="s">
        <v>54970</v>
      </c>
      <c r="C38317">
        <v>0</v>
      </c>
      <c r="D38317">
        <v>0</v>
      </c>
    </row>
    <row r="38318" spans="1:4" x14ac:dyDescent="0.25">
      <c r="A38318" t="s">
        <v>54968</v>
      </c>
      <c r="B38318" t="s">
        <v>54971</v>
      </c>
      <c r="C38318">
        <v>2</v>
      </c>
      <c r="D38318">
        <v>0</v>
      </c>
    </row>
    <row r="38319" spans="1:4" x14ac:dyDescent="0.25">
      <c r="A38319" t="s">
        <v>54968</v>
      </c>
      <c r="B38319" t="s">
        <v>54972</v>
      </c>
      <c r="C38319">
        <v>0</v>
      </c>
      <c r="D38319">
        <v>0</v>
      </c>
    </row>
    <row r="38320" spans="1:4" x14ac:dyDescent="0.25">
      <c r="A38320" t="s">
        <v>54973</v>
      </c>
      <c r="B38320" t="s">
        <v>54974</v>
      </c>
      <c r="C38320">
        <v>1</v>
      </c>
      <c r="D38320">
        <v>0</v>
      </c>
    </row>
    <row r="38321" spans="1:4" x14ac:dyDescent="0.25">
      <c r="A38321" t="s">
        <v>54973</v>
      </c>
      <c r="B38321" t="s">
        <v>54975</v>
      </c>
      <c r="C38321">
        <v>0</v>
      </c>
      <c r="D38321">
        <v>0</v>
      </c>
    </row>
    <row r="38322" spans="1:4" x14ac:dyDescent="0.25">
      <c r="A38322" t="s">
        <v>54973</v>
      </c>
      <c r="B38322" t="s">
        <v>54976</v>
      </c>
      <c r="C38322">
        <v>0</v>
      </c>
      <c r="D38322">
        <v>0</v>
      </c>
    </row>
    <row r="38323" spans="1:4" x14ac:dyDescent="0.25">
      <c r="A38323" t="s">
        <v>54977</v>
      </c>
      <c r="B38323" t="s">
        <v>54978</v>
      </c>
      <c r="C38323">
        <v>0</v>
      </c>
      <c r="D38323">
        <v>0</v>
      </c>
    </row>
    <row r="38324" spans="1:4" x14ac:dyDescent="0.25">
      <c r="A38324" t="s">
        <v>54977</v>
      </c>
      <c r="B38324" t="s">
        <v>5713</v>
      </c>
      <c r="C38324">
        <v>1</v>
      </c>
      <c r="D38324">
        <v>0</v>
      </c>
    </row>
    <row r="38325" spans="1:4" x14ac:dyDescent="0.25">
      <c r="A38325" t="s">
        <v>54977</v>
      </c>
      <c r="B38325" t="s">
        <v>54979</v>
      </c>
      <c r="C38325">
        <v>0</v>
      </c>
      <c r="D38325">
        <v>0</v>
      </c>
    </row>
    <row r="38326" spans="1:4" x14ac:dyDescent="0.25">
      <c r="A38326" t="s">
        <v>54977</v>
      </c>
      <c r="B38326" t="s">
        <v>54980</v>
      </c>
      <c r="C38326">
        <v>0</v>
      </c>
      <c r="D38326">
        <v>0</v>
      </c>
    </row>
    <row r="38327" spans="1:4" x14ac:dyDescent="0.25">
      <c r="A38327" t="s">
        <v>54977</v>
      </c>
      <c r="B38327" t="s">
        <v>54981</v>
      </c>
      <c r="C38327">
        <v>0</v>
      </c>
      <c r="D38327">
        <v>0</v>
      </c>
    </row>
    <row r="38328" spans="1:4" x14ac:dyDescent="0.25">
      <c r="A38328" t="s">
        <v>54977</v>
      </c>
      <c r="B38328" t="s">
        <v>54982</v>
      </c>
      <c r="C38328">
        <v>0</v>
      </c>
      <c r="D38328">
        <v>0</v>
      </c>
    </row>
    <row r="38329" spans="1:4" x14ac:dyDescent="0.25">
      <c r="A38329" t="s">
        <v>54983</v>
      </c>
      <c r="B38329" t="s">
        <v>54984</v>
      </c>
      <c r="C38329">
        <v>0</v>
      </c>
      <c r="D38329">
        <v>0</v>
      </c>
    </row>
    <row r="38330" spans="1:4" x14ac:dyDescent="0.25">
      <c r="A38330" t="s">
        <v>54983</v>
      </c>
      <c r="B38330" t="s">
        <v>54985</v>
      </c>
      <c r="C38330">
        <v>0</v>
      </c>
      <c r="D38330">
        <v>0</v>
      </c>
    </row>
    <row r="38331" spans="1:4" x14ac:dyDescent="0.25">
      <c r="A38331" t="s">
        <v>54983</v>
      </c>
      <c r="B38331" t="s">
        <v>54986</v>
      </c>
      <c r="C38331">
        <v>0</v>
      </c>
      <c r="D38331">
        <v>0</v>
      </c>
    </row>
    <row r="38332" spans="1:4" x14ac:dyDescent="0.25">
      <c r="A38332" t="s">
        <v>54987</v>
      </c>
      <c r="B38332" t="s">
        <v>54988</v>
      </c>
      <c r="C38332">
        <v>1</v>
      </c>
      <c r="D38332">
        <v>0</v>
      </c>
    </row>
    <row r="38333" spans="1:4" x14ac:dyDescent="0.25">
      <c r="A38333" t="s">
        <v>54987</v>
      </c>
      <c r="B38333" t="s">
        <v>54989</v>
      </c>
      <c r="C38333">
        <v>1</v>
      </c>
      <c r="D38333">
        <v>0</v>
      </c>
    </row>
    <row r="38334" spans="1:4" x14ac:dyDescent="0.25">
      <c r="A38334" t="s">
        <v>54990</v>
      </c>
      <c r="B38334" t="s">
        <v>54991</v>
      </c>
      <c r="C38334">
        <v>0</v>
      </c>
      <c r="D38334">
        <v>0</v>
      </c>
    </row>
    <row r="38335" spans="1:4" x14ac:dyDescent="0.25">
      <c r="A38335" t="s">
        <v>54990</v>
      </c>
      <c r="B38335" t="s">
        <v>54992</v>
      </c>
      <c r="C38335">
        <v>0</v>
      </c>
      <c r="D38335">
        <v>0</v>
      </c>
    </row>
    <row r="38336" spans="1:4" x14ac:dyDescent="0.25">
      <c r="A38336" t="s">
        <v>54990</v>
      </c>
      <c r="B38336" t="s">
        <v>54993</v>
      </c>
      <c r="C38336">
        <v>1</v>
      </c>
      <c r="D38336">
        <v>0</v>
      </c>
    </row>
    <row r="38337" spans="1:4" x14ac:dyDescent="0.25">
      <c r="A38337" t="s">
        <v>54990</v>
      </c>
      <c r="B38337" t="s">
        <v>40730</v>
      </c>
      <c r="C38337">
        <v>0</v>
      </c>
      <c r="D38337">
        <v>0</v>
      </c>
    </row>
    <row r="38338" spans="1:4" x14ac:dyDescent="0.25">
      <c r="A38338" t="s">
        <v>54994</v>
      </c>
      <c r="B38338" t="s">
        <v>54995</v>
      </c>
      <c r="C38338">
        <v>1</v>
      </c>
      <c r="D38338">
        <v>0</v>
      </c>
    </row>
    <row r="38339" spans="1:4" x14ac:dyDescent="0.25">
      <c r="A38339" t="s">
        <v>54994</v>
      </c>
      <c r="B38339" t="s">
        <v>54996</v>
      </c>
      <c r="C38339">
        <v>1</v>
      </c>
      <c r="D38339">
        <v>0</v>
      </c>
    </row>
    <row r="38340" spans="1:4" x14ac:dyDescent="0.25">
      <c r="A38340" t="s">
        <v>54994</v>
      </c>
      <c r="B38340" t="s">
        <v>54997</v>
      </c>
      <c r="C38340">
        <v>1</v>
      </c>
      <c r="D38340">
        <v>0</v>
      </c>
    </row>
    <row r="38341" spans="1:4" x14ac:dyDescent="0.25">
      <c r="A38341" t="s">
        <v>54994</v>
      </c>
      <c r="B38341" t="s">
        <v>54998</v>
      </c>
      <c r="C38341">
        <v>0</v>
      </c>
      <c r="D38341">
        <v>0</v>
      </c>
    </row>
    <row r="38342" spans="1:4" x14ac:dyDescent="0.25">
      <c r="A38342" t="s">
        <v>54994</v>
      </c>
      <c r="B38342" t="s">
        <v>54999</v>
      </c>
      <c r="C38342">
        <v>0</v>
      </c>
      <c r="D38342">
        <v>0</v>
      </c>
    </row>
    <row r="38343" spans="1:4" x14ac:dyDescent="0.25">
      <c r="A38343" t="s">
        <v>54994</v>
      </c>
      <c r="B38343" t="s">
        <v>55000</v>
      </c>
      <c r="C38343">
        <v>0</v>
      </c>
      <c r="D38343">
        <v>0</v>
      </c>
    </row>
    <row r="38344" spans="1:4" x14ac:dyDescent="0.25">
      <c r="A38344" t="s">
        <v>55001</v>
      </c>
      <c r="B38344" t="s">
        <v>55002</v>
      </c>
      <c r="C38344">
        <v>1</v>
      </c>
      <c r="D38344">
        <v>0</v>
      </c>
    </row>
    <row r="38345" spans="1:4" x14ac:dyDescent="0.25">
      <c r="A38345" t="s">
        <v>55001</v>
      </c>
      <c r="B38345" t="s">
        <v>55003</v>
      </c>
      <c r="C38345">
        <v>1</v>
      </c>
      <c r="D38345">
        <v>0</v>
      </c>
    </row>
    <row r="38346" spans="1:4" x14ac:dyDescent="0.25">
      <c r="A38346" t="s">
        <v>55001</v>
      </c>
      <c r="B38346" t="s">
        <v>55004</v>
      </c>
      <c r="C38346">
        <v>2</v>
      </c>
      <c r="D38346">
        <v>0</v>
      </c>
    </row>
    <row r="38347" spans="1:4" x14ac:dyDescent="0.25">
      <c r="A38347" t="s">
        <v>55005</v>
      </c>
      <c r="B38347" t="s">
        <v>55006</v>
      </c>
      <c r="C38347">
        <v>1</v>
      </c>
      <c r="D38347">
        <v>0</v>
      </c>
    </row>
    <row r="38348" spans="1:4" x14ac:dyDescent="0.25">
      <c r="A38348" t="s">
        <v>55005</v>
      </c>
      <c r="B38348" t="s">
        <v>55007</v>
      </c>
      <c r="C38348">
        <v>0</v>
      </c>
      <c r="D38348">
        <v>0</v>
      </c>
    </row>
    <row r="38349" spans="1:4" x14ac:dyDescent="0.25">
      <c r="A38349" t="s">
        <v>55005</v>
      </c>
      <c r="B38349" t="s">
        <v>55008</v>
      </c>
      <c r="C38349">
        <v>0</v>
      </c>
      <c r="D38349">
        <v>0</v>
      </c>
    </row>
    <row r="38350" spans="1:4" x14ac:dyDescent="0.25">
      <c r="A38350" t="s">
        <v>55005</v>
      </c>
      <c r="B38350" t="s">
        <v>55009</v>
      </c>
      <c r="C38350">
        <v>1</v>
      </c>
      <c r="D38350">
        <v>0</v>
      </c>
    </row>
    <row r="38351" spans="1:4" x14ac:dyDescent="0.25">
      <c r="A38351" t="s">
        <v>55005</v>
      </c>
      <c r="B38351" t="s">
        <v>2865</v>
      </c>
      <c r="C38351">
        <v>0</v>
      </c>
      <c r="D38351">
        <v>0</v>
      </c>
    </row>
    <row r="38352" spans="1:4" x14ac:dyDescent="0.25">
      <c r="A38352" t="s">
        <v>55005</v>
      </c>
      <c r="B38352" t="s">
        <v>55010</v>
      </c>
      <c r="C38352">
        <v>1</v>
      </c>
      <c r="D38352">
        <v>0</v>
      </c>
    </row>
    <row r="38353" spans="1:4" x14ac:dyDescent="0.25">
      <c r="A38353" t="s">
        <v>55011</v>
      </c>
      <c r="B38353" t="s">
        <v>55012</v>
      </c>
      <c r="C38353">
        <v>1</v>
      </c>
      <c r="D38353">
        <v>0</v>
      </c>
    </row>
    <row r="38354" spans="1:4" x14ac:dyDescent="0.25">
      <c r="A38354" t="s">
        <v>55011</v>
      </c>
      <c r="B38354" t="s">
        <v>55013</v>
      </c>
      <c r="C38354">
        <v>2</v>
      </c>
      <c r="D38354">
        <v>0</v>
      </c>
    </row>
    <row r="38355" spans="1:4" x14ac:dyDescent="0.25">
      <c r="A38355" t="s">
        <v>55011</v>
      </c>
      <c r="B38355" t="s">
        <v>55014</v>
      </c>
      <c r="C38355">
        <v>1</v>
      </c>
      <c r="D38355">
        <v>0</v>
      </c>
    </row>
    <row r="38356" spans="1:4" x14ac:dyDescent="0.25">
      <c r="A38356" t="s">
        <v>55011</v>
      </c>
      <c r="B38356" t="s">
        <v>5211</v>
      </c>
      <c r="C38356">
        <v>1</v>
      </c>
      <c r="D38356">
        <v>0</v>
      </c>
    </row>
    <row r="38357" spans="1:4" x14ac:dyDescent="0.25">
      <c r="A38357" t="s">
        <v>55015</v>
      </c>
      <c r="B38357" t="s">
        <v>55016</v>
      </c>
      <c r="C38357">
        <v>1</v>
      </c>
      <c r="D38357">
        <v>0</v>
      </c>
    </row>
    <row r="38358" spans="1:4" x14ac:dyDescent="0.25">
      <c r="A38358" t="s">
        <v>55015</v>
      </c>
      <c r="B38358" t="s">
        <v>55017</v>
      </c>
      <c r="C38358">
        <v>1</v>
      </c>
      <c r="D38358">
        <v>0</v>
      </c>
    </row>
    <row r="38359" spans="1:4" x14ac:dyDescent="0.25">
      <c r="A38359" t="s">
        <v>55015</v>
      </c>
      <c r="B38359" t="s">
        <v>55018</v>
      </c>
      <c r="C38359">
        <v>0</v>
      </c>
      <c r="D38359">
        <v>0</v>
      </c>
    </row>
    <row r="38360" spans="1:4" x14ac:dyDescent="0.25">
      <c r="A38360" t="s">
        <v>55015</v>
      </c>
      <c r="B38360" t="s">
        <v>55019</v>
      </c>
      <c r="C38360">
        <v>1</v>
      </c>
      <c r="D38360">
        <v>0</v>
      </c>
    </row>
    <row r="38361" spans="1:4" x14ac:dyDescent="0.25">
      <c r="A38361" t="s">
        <v>55015</v>
      </c>
      <c r="B38361" t="s">
        <v>55020</v>
      </c>
      <c r="C38361">
        <v>1</v>
      </c>
      <c r="D38361">
        <v>0</v>
      </c>
    </row>
    <row r="38362" spans="1:4" x14ac:dyDescent="0.25">
      <c r="A38362" t="s">
        <v>55021</v>
      </c>
      <c r="B38362" t="s">
        <v>55022</v>
      </c>
      <c r="C38362">
        <v>2</v>
      </c>
      <c r="D38362">
        <v>0</v>
      </c>
    </row>
    <row r="38363" spans="1:4" x14ac:dyDescent="0.25">
      <c r="A38363" t="s">
        <v>55021</v>
      </c>
      <c r="B38363" t="s">
        <v>55023</v>
      </c>
      <c r="C38363">
        <v>1</v>
      </c>
      <c r="D38363">
        <v>0</v>
      </c>
    </row>
    <row r="38364" spans="1:4" x14ac:dyDescent="0.25">
      <c r="A38364" t="s">
        <v>55024</v>
      </c>
      <c r="B38364" t="s">
        <v>55025</v>
      </c>
      <c r="C38364">
        <v>2</v>
      </c>
      <c r="D38364">
        <v>0</v>
      </c>
    </row>
    <row r="38365" spans="1:4" x14ac:dyDescent="0.25">
      <c r="A38365" t="s">
        <v>55026</v>
      </c>
      <c r="B38365" t="s">
        <v>55027</v>
      </c>
      <c r="C38365">
        <v>0</v>
      </c>
      <c r="D38365">
        <v>0</v>
      </c>
    </row>
    <row r="38366" spans="1:4" x14ac:dyDescent="0.25">
      <c r="A38366" t="s">
        <v>55026</v>
      </c>
      <c r="B38366" t="s">
        <v>55028</v>
      </c>
      <c r="C38366">
        <v>1</v>
      </c>
      <c r="D38366">
        <v>0</v>
      </c>
    </row>
    <row r="38367" spans="1:4" x14ac:dyDescent="0.25">
      <c r="A38367" t="s">
        <v>55026</v>
      </c>
      <c r="B38367" t="s">
        <v>55029</v>
      </c>
      <c r="C38367">
        <v>1</v>
      </c>
      <c r="D38367">
        <v>0</v>
      </c>
    </row>
    <row r="38368" spans="1:4" x14ac:dyDescent="0.25">
      <c r="A38368" t="s">
        <v>55030</v>
      </c>
      <c r="B38368" t="s">
        <v>55031</v>
      </c>
      <c r="C38368">
        <v>1</v>
      </c>
      <c r="D38368">
        <v>0</v>
      </c>
    </row>
    <row r="38369" spans="1:4" x14ac:dyDescent="0.25">
      <c r="A38369" t="s">
        <v>55032</v>
      </c>
      <c r="B38369" t="s">
        <v>55033</v>
      </c>
      <c r="C38369">
        <v>1</v>
      </c>
      <c r="D38369">
        <v>0</v>
      </c>
    </row>
    <row r="38370" spans="1:4" x14ac:dyDescent="0.25">
      <c r="A38370" t="s">
        <v>55032</v>
      </c>
      <c r="B38370" t="s">
        <v>5434</v>
      </c>
      <c r="C38370">
        <v>1</v>
      </c>
      <c r="D38370">
        <v>0</v>
      </c>
    </row>
    <row r="38371" spans="1:4" x14ac:dyDescent="0.25">
      <c r="A38371" t="s">
        <v>55034</v>
      </c>
      <c r="B38371" t="s">
        <v>55035</v>
      </c>
      <c r="C38371">
        <v>1</v>
      </c>
      <c r="D38371">
        <v>0</v>
      </c>
    </row>
    <row r="38372" spans="1:4" x14ac:dyDescent="0.25">
      <c r="A38372" t="s">
        <v>55034</v>
      </c>
      <c r="B38372" t="s">
        <v>55036</v>
      </c>
      <c r="C38372">
        <v>0</v>
      </c>
      <c r="D38372">
        <v>0</v>
      </c>
    </row>
    <row r="38373" spans="1:4" x14ac:dyDescent="0.25">
      <c r="A38373" t="s">
        <v>55037</v>
      </c>
      <c r="B38373" t="s">
        <v>55038</v>
      </c>
      <c r="C38373">
        <v>1</v>
      </c>
      <c r="D38373">
        <v>0</v>
      </c>
    </row>
    <row r="38374" spans="1:4" x14ac:dyDescent="0.25">
      <c r="A38374" t="s">
        <v>55037</v>
      </c>
      <c r="B38374" t="s">
        <v>55039</v>
      </c>
      <c r="C38374">
        <v>1</v>
      </c>
      <c r="D38374">
        <v>0</v>
      </c>
    </row>
    <row r="38375" spans="1:4" x14ac:dyDescent="0.25">
      <c r="A38375" t="s">
        <v>55037</v>
      </c>
      <c r="B38375" t="s">
        <v>55040</v>
      </c>
      <c r="C38375">
        <v>1</v>
      </c>
      <c r="D38375">
        <v>0</v>
      </c>
    </row>
    <row r="38376" spans="1:4" x14ac:dyDescent="0.25">
      <c r="A38376" t="s">
        <v>55037</v>
      </c>
      <c r="B38376" t="s">
        <v>55041</v>
      </c>
      <c r="C38376">
        <v>2</v>
      </c>
      <c r="D38376">
        <v>0</v>
      </c>
    </row>
    <row r="38377" spans="1:4" x14ac:dyDescent="0.25">
      <c r="A38377" t="s">
        <v>55037</v>
      </c>
      <c r="B38377" t="s">
        <v>55042</v>
      </c>
      <c r="C38377">
        <v>1</v>
      </c>
      <c r="D38377">
        <v>0</v>
      </c>
    </row>
    <row r="38378" spans="1:4" x14ac:dyDescent="0.25">
      <c r="A38378" t="s">
        <v>55043</v>
      </c>
      <c r="B38378" t="s">
        <v>55044</v>
      </c>
      <c r="C38378">
        <v>1</v>
      </c>
      <c r="D38378">
        <v>0</v>
      </c>
    </row>
    <row r="38379" spans="1:4" x14ac:dyDescent="0.25">
      <c r="A38379" t="s">
        <v>55043</v>
      </c>
      <c r="B38379" t="s">
        <v>55045</v>
      </c>
      <c r="C38379">
        <v>0</v>
      </c>
      <c r="D38379">
        <v>0</v>
      </c>
    </row>
    <row r="38380" spans="1:4" x14ac:dyDescent="0.25">
      <c r="A38380" t="s">
        <v>55043</v>
      </c>
      <c r="B38380" t="s">
        <v>55046</v>
      </c>
      <c r="C38380">
        <v>1</v>
      </c>
      <c r="D38380">
        <v>0</v>
      </c>
    </row>
    <row r="38381" spans="1:4" x14ac:dyDescent="0.25">
      <c r="A38381" t="s">
        <v>55043</v>
      </c>
      <c r="B38381" t="s">
        <v>55047</v>
      </c>
      <c r="C38381">
        <v>1</v>
      </c>
      <c r="D38381">
        <v>0</v>
      </c>
    </row>
    <row r="38382" spans="1:4" x14ac:dyDescent="0.25">
      <c r="A38382" t="s">
        <v>55043</v>
      </c>
      <c r="B38382" t="s">
        <v>55048</v>
      </c>
      <c r="C38382">
        <v>1</v>
      </c>
      <c r="D38382">
        <v>0</v>
      </c>
    </row>
    <row r="38383" spans="1:4" x14ac:dyDescent="0.25">
      <c r="A38383" t="s">
        <v>55043</v>
      </c>
      <c r="B38383" t="s">
        <v>55049</v>
      </c>
      <c r="C38383">
        <v>2</v>
      </c>
      <c r="D38383">
        <v>0</v>
      </c>
    </row>
    <row r="38384" spans="1:4" x14ac:dyDescent="0.25">
      <c r="A38384" t="s">
        <v>55043</v>
      </c>
      <c r="B38384" t="s">
        <v>55050</v>
      </c>
      <c r="C38384">
        <v>1</v>
      </c>
      <c r="D38384">
        <v>0</v>
      </c>
    </row>
    <row r="38385" spans="1:4" x14ac:dyDescent="0.25">
      <c r="A38385" t="s">
        <v>55043</v>
      </c>
      <c r="B38385" t="s">
        <v>55051</v>
      </c>
      <c r="C38385">
        <v>1</v>
      </c>
      <c r="D38385">
        <v>0</v>
      </c>
    </row>
    <row r="38386" spans="1:4" x14ac:dyDescent="0.25">
      <c r="A38386" t="s">
        <v>55043</v>
      </c>
      <c r="B38386" t="s">
        <v>55052</v>
      </c>
      <c r="C38386">
        <v>1</v>
      </c>
      <c r="D38386">
        <v>0</v>
      </c>
    </row>
    <row r="38387" spans="1:4" x14ac:dyDescent="0.25">
      <c r="A38387" t="s">
        <v>55053</v>
      </c>
      <c r="B38387" t="s">
        <v>55054</v>
      </c>
      <c r="C38387">
        <v>0</v>
      </c>
      <c r="D38387">
        <v>0</v>
      </c>
    </row>
    <row r="38388" spans="1:4" x14ac:dyDescent="0.25">
      <c r="A38388" t="s">
        <v>55053</v>
      </c>
      <c r="B38388" t="s">
        <v>55055</v>
      </c>
      <c r="C38388">
        <v>2</v>
      </c>
      <c r="D38388">
        <v>0</v>
      </c>
    </row>
    <row r="38389" spans="1:4" x14ac:dyDescent="0.25">
      <c r="A38389" t="s">
        <v>55053</v>
      </c>
      <c r="B38389" t="s">
        <v>55056</v>
      </c>
      <c r="C38389">
        <v>2</v>
      </c>
      <c r="D38389">
        <v>0</v>
      </c>
    </row>
    <row r="38390" spans="1:4" x14ac:dyDescent="0.25">
      <c r="A38390" t="s">
        <v>55053</v>
      </c>
      <c r="B38390" t="s">
        <v>55057</v>
      </c>
      <c r="C38390">
        <v>1</v>
      </c>
      <c r="D38390">
        <v>0</v>
      </c>
    </row>
    <row r="38391" spans="1:4" x14ac:dyDescent="0.25">
      <c r="A38391" t="s">
        <v>55053</v>
      </c>
      <c r="B38391" t="s">
        <v>55058</v>
      </c>
      <c r="C38391">
        <v>1</v>
      </c>
      <c r="D38391">
        <v>0</v>
      </c>
    </row>
    <row r="38392" spans="1:4" x14ac:dyDescent="0.25">
      <c r="A38392" t="s">
        <v>55053</v>
      </c>
      <c r="B38392" t="s">
        <v>55059</v>
      </c>
      <c r="C38392">
        <v>1</v>
      </c>
      <c r="D38392">
        <v>0</v>
      </c>
    </row>
    <row r="38393" spans="1:4" x14ac:dyDescent="0.25">
      <c r="A38393" t="s">
        <v>55060</v>
      </c>
      <c r="B38393" t="s">
        <v>55061</v>
      </c>
      <c r="C38393">
        <v>0</v>
      </c>
      <c r="D38393">
        <v>0</v>
      </c>
    </row>
    <row r="38394" spans="1:4" x14ac:dyDescent="0.25">
      <c r="A38394" t="s">
        <v>55060</v>
      </c>
      <c r="B38394" t="s">
        <v>55062</v>
      </c>
      <c r="C38394">
        <v>1</v>
      </c>
      <c r="D38394">
        <v>0</v>
      </c>
    </row>
    <row r="38395" spans="1:4" x14ac:dyDescent="0.25">
      <c r="A38395" t="s">
        <v>55060</v>
      </c>
      <c r="B38395" t="s">
        <v>55063</v>
      </c>
      <c r="C38395">
        <v>1</v>
      </c>
      <c r="D38395">
        <v>0</v>
      </c>
    </row>
    <row r="38396" spans="1:4" x14ac:dyDescent="0.25">
      <c r="A38396" t="s">
        <v>55060</v>
      </c>
      <c r="B38396" t="s">
        <v>55064</v>
      </c>
      <c r="C38396">
        <v>2</v>
      </c>
      <c r="D38396">
        <v>0</v>
      </c>
    </row>
    <row r="38397" spans="1:4" x14ac:dyDescent="0.25">
      <c r="A38397" t="s">
        <v>55065</v>
      </c>
      <c r="B38397" t="s">
        <v>55066</v>
      </c>
      <c r="C38397">
        <v>0</v>
      </c>
      <c r="D38397">
        <v>0</v>
      </c>
    </row>
    <row r="38398" spans="1:4" x14ac:dyDescent="0.25">
      <c r="A38398" t="s">
        <v>55065</v>
      </c>
      <c r="B38398" t="s">
        <v>55067</v>
      </c>
      <c r="C38398">
        <v>0</v>
      </c>
      <c r="D38398">
        <v>0</v>
      </c>
    </row>
    <row r="38399" spans="1:4" x14ac:dyDescent="0.25">
      <c r="A38399" t="s">
        <v>55065</v>
      </c>
      <c r="B38399" t="s">
        <v>55068</v>
      </c>
      <c r="C38399">
        <v>2</v>
      </c>
      <c r="D38399">
        <v>0</v>
      </c>
    </row>
    <row r="38400" spans="1:4" x14ac:dyDescent="0.25">
      <c r="A38400" t="s">
        <v>55065</v>
      </c>
      <c r="B38400" t="s">
        <v>55069</v>
      </c>
      <c r="C38400">
        <v>1</v>
      </c>
      <c r="D38400">
        <v>0</v>
      </c>
    </row>
    <row r="38401" spans="1:4" x14ac:dyDescent="0.25">
      <c r="A38401" t="s">
        <v>55065</v>
      </c>
      <c r="B38401" t="s">
        <v>55070</v>
      </c>
      <c r="C38401">
        <v>0</v>
      </c>
      <c r="D38401">
        <v>0</v>
      </c>
    </row>
    <row r="38402" spans="1:4" x14ac:dyDescent="0.25">
      <c r="A38402" t="s">
        <v>55065</v>
      </c>
      <c r="B38402" t="s">
        <v>55071</v>
      </c>
      <c r="C38402">
        <v>2</v>
      </c>
      <c r="D38402">
        <v>0</v>
      </c>
    </row>
    <row r="38403" spans="1:4" x14ac:dyDescent="0.25">
      <c r="A38403" t="s">
        <v>55072</v>
      </c>
      <c r="B38403" t="s">
        <v>55073</v>
      </c>
      <c r="C38403">
        <v>0</v>
      </c>
      <c r="D38403">
        <v>0</v>
      </c>
    </row>
    <row r="38404" spans="1:4" x14ac:dyDescent="0.25">
      <c r="A38404" t="s">
        <v>55072</v>
      </c>
      <c r="B38404" t="s">
        <v>55074</v>
      </c>
      <c r="C38404">
        <v>0</v>
      </c>
      <c r="D38404">
        <v>0</v>
      </c>
    </row>
    <row r="38405" spans="1:4" x14ac:dyDescent="0.25">
      <c r="A38405" t="s">
        <v>55075</v>
      </c>
      <c r="B38405" t="s">
        <v>55076</v>
      </c>
      <c r="C38405">
        <v>1</v>
      </c>
      <c r="D38405">
        <v>0</v>
      </c>
    </row>
    <row r="38406" spans="1:4" x14ac:dyDescent="0.25">
      <c r="A38406" t="s">
        <v>55075</v>
      </c>
      <c r="B38406" t="s">
        <v>55077</v>
      </c>
      <c r="C38406">
        <v>0</v>
      </c>
      <c r="D38406">
        <v>0</v>
      </c>
    </row>
    <row r="38407" spans="1:4" x14ac:dyDescent="0.25">
      <c r="A38407" t="s">
        <v>55075</v>
      </c>
      <c r="B38407" t="s">
        <v>55078</v>
      </c>
      <c r="C38407">
        <v>0</v>
      </c>
      <c r="D38407">
        <v>0</v>
      </c>
    </row>
    <row r="38408" spans="1:4" x14ac:dyDescent="0.25">
      <c r="A38408" t="s">
        <v>55075</v>
      </c>
      <c r="B38408" t="s">
        <v>55077</v>
      </c>
      <c r="C38408">
        <v>0</v>
      </c>
      <c r="D38408">
        <v>0</v>
      </c>
    </row>
    <row r="38409" spans="1:4" x14ac:dyDescent="0.25">
      <c r="A38409" t="s">
        <v>55075</v>
      </c>
      <c r="B38409" t="s">
        <v>55079</v>
      </c>
      <c r="C38409">
        <v>0</v>
      </c>
      <c r="D38409">
        <v>0</v>
      </c>
    </row>
    <row r="38410" spans="1:4" x14ac:dyDescent="0.25">
      <c r="A38410" t="s">
        <v>55075</v>
      </c>
      <c r="B38410" t="s">
        <v>55080</v>
      </c>
      <c r="C38410">
        <v>2</v>
      </c>
      <c r="D38410">
        <v>0</v>
      </c>
    </row>
    <row r="38411" spans="1:4" x14ac:dyDescent="0.25">
      <c r="A38411" t="s">
        <v>55081</v>
      </c>
      <c r="B38411" t="s">
        <v>55082</v>
      </c>
      <c r="C38411">
        <v>1</v>
      </c>
      <c r="D38411">
        <v>0</v>
      </c>
    </row>
    <row r="38412" spans="1:4" x14ac:dyDescent="0.25">
      <c r="A38412" t="s">
        <v>55081</v>
      </c>
      <c r="B38412" t="s">
        <v>55083</v>
      </c>
      <c r="C38412">
        <v>1</v>
      </c>
      <c r="D38412">
        <v>0</v>
      </c>
    </row>
    <row r="38413" spans="1:4" x14ac:dyDescent="0.25">
      <c r="A38413" t="s">
        <v>55081</v>
      </c>
      <c r="B38413" t="s">
        <v>55084</v>
      </c>
      <c r="C38413">
        <v>2</v>
      </c>
      <c r="D38413">
        <v>0</v>
      </c>
    </row>
    <row r="38414" spans="1:4" x14ac:dyDescent="0.25">
      <c r="A38414" t="s">
        <v>55081</v>
      </c>
      <c r="B38414" t="s">
        <v>55085</v>
      </c>
      <c r="C38414">
        <v>1</v>
      </c>
      <c r="D38414">
        <v>0</v>
      </c>
    </row>
    <row r="38415" spans="1:4" x14ac:dyDescent="0.25">
      <c r="A38415" t="s">
        <v>55081</v>
      </c>
      <c r="B38415" t="s">
        <v>55086</v>
      </c>
      <c r="C38415">
        <v>1</v>
      </c>
      <c r="D38415">
        <v>0</v>
      </c>
    </row>
    <row r="38416" spans="1:4" x14ac:dyDescent="0.25">
      <c r="A38416" t="s">
        <v>55081</v>
      </c>
      <c r="B38416" t="s">
        <v>55087</v>
      </c>
      <c r="C38416">
        <v>2</v>
      </c>
      <c r="D38416">
        <v>0</v>
      </c>
    </row>
    <row r="38417" spans="1:4" x14ac:dyDescent="0.25">
      <c r="A38417" t="s">
        <v>55088</v>
      </c>
      <c r="B38417" t="s">
        <v>5713</v>
      </c>
      <c r="C38417">
        <v>1</v>
      </c>
      <c r="D38417">
        <v>0</v>
      </c>
    </row>
    <row r="38418" spans="1:4" x14ac:dyDescent="0.25">
      <c r="A38418" t="s">
        <v>55088</v>
      </c>
      <c r="B38418" t="s">
        <v>55089</v>
      </c>
      <c r="C38418">
        <v>0</v>
      </c>
      <c r="D38418">
        <v>0</v>
      </c>
    </row>
    <row r="38419" spans="1:4" x14ac:dyDescent="0.25">
      <c r="A38419" t="s">
        <v>55088</v>
      </c>
      <c r="B38419" t="s">
        <v>55090</v>
      </c>
      <c r="C38419">
        <v>1</v>
      </c>
      <c r="D38419">
        <v>0</v>
      </c>
    </row>
    <row r="38420" spans="1:4" x14ac:dyDescent="0.25">
      <c r="A38420" t="s">
        <v>55088</v>
      </c>
      <c r="B38420" t="s">
        <v>55091</v>
      </c>
      <c r="C38420">
        <v>2</v>
      </c>
      <c r="D38420">
        <v>0</v>
      </c>
    </row>
    <row r="38421" spans="1:4" x14ac:dyDescent="0.25">
      <c r="A38421" t="s">
        <v>55088</v>
      </c>
      <c r="B38421" t="s">
        <v>21395</v>
      </c>
      <c r="C38421">
        <v>1</v>
      </c>
      <c r="D38421">
        <v>0</v>
      </c>
    </row>
    <row r="38422" spans="1:4" x14ac:dyDescent="0.25">
      <c r="A38422" t="s">
        <v>55092</v>
      </c>
      <c r="B38422" t="s">
        <v>55093</v>
      </c>
      <c r="C38422">
        <v>1</v>
      </c>
      <c r="D38422">
        <v>0</v>
      </c>
    </row>
    <row r="38423" spans="1:4" x14ac:dyDescent="0.25">
      <c r="A38423" t="s">
        <v>55092</v>
      </c>
      <c r="B38423" t="s">
        <v>55094</v>
      </c>
      <c r="C38423">
        <v>2</v>
      </c>
      <c r="D38423">
        <v>0</v>
      </c>
    </row>
    <row r="38424" spans="1:4" x14ac:dyDescent="0.25">
      <c r="A38424" t="s">
        <v>55092</v>
      </c>
      <c r="B38424" t="s">
        <v>55093</v>
      </c>
      <c r="C38424">
        <v>1</v>
      </c>
      <c r="D38424">
        <v>0</v>
      </c>
    </row>
    <row r="38425" spans="1:4" x14ac:dyDescent="0.25">
      <c r="A38425" t="s">
        <v>55095</v>
      </c>
      <c r="B38425" t="s">
        <v>55096</v>
      </c>
      <c r="C38425">
        <v>1</v>
      </c>
      <c r="D38425">
        <v>0</v>
      </c>
    </row>
    <row r="38426" spans="1:4" x14ac:dyDescent="0.25">
      <c r="A38426" t="s">
        <v>55097</v>
      </c>
      <c r="B38426" t="s">
        <v>55098</v>
      </c>
      <c r="C38426">
        <v>1</v>
      </c>
      <c r="D38426">
        <v>0</v>
      </c>
    </row>
    <row r="38427" spans="1:4" x14ac:dyDescent="0.25">
      <c r="A38427" t="s">
        <v>55097</v>
      </c>
      <c r="B38427" t="s">
        <v>55099</v>
      </c>
      <c r="C38427">
        <v>1</v>
      </c>
      <c r="D38427">
        <v>0</v>
      </c>
    </row>
    <row r="38428" spans="1:4" x14ac:dyDescent="0.25">
      <c r="A38428" t="s">
        <v>55097</v>
      </c>
      <c r="B38428" t="s">
        <v>55100</v>
      </c>
      <c r="C38428">
        <v>1</v>
      </c>
      <c r="D38428">
        <v>0</v>
      </c>
    </row>
    <row r="38429" spans="1:4" x14ac:dyDescent="0.25">
      <c r="A38429" t="s">
        <v>55097</v>
      </c>
      <c r="B38429" t="s">
        <v>55101</v>
      </c>
      <c r="C38429">
        <v>0</v>
      </c>
      <c r="D38429">
        <v>0</v>
      </c>
    </row>
    <row r="38430" spans="1:4" x14ac:dyDescent="0.25">
      <c r="A38430" t="s">
        <v>55097</v>
      </c>
      <c r="B38430" t="s">
        <v>55102</v>
      </c>
      <c r="C38430">
        <v>1</v>
      </c>
      <c r="D38430">
        <v>0</v>
      </c>
    </row>
    <row r="38431" spans="1:4" x14ac:dyDescent="0.25">
      <c r="A38431" t="s">
        <v>55103</v>
      </c>
      <c r="B38431" t="s">
        <v>22326</v>
      </c>
      <c r="C38431">
        <v>1</v>
      </c>
      <c r="D38431">
        <v>0</v>
      </c>
    </row>
    <row r="38432" spans="1:4" x14ac:dyDescent="0.25">
      <c r="A38432" t="s">
        <v>55103</v>
      </c>
      <c r="B38432" t="s">
        <v>55104</v>
      </c>
      <c r="C38432">
        <v>1</v>
      </c>
      <c r="D38432">
        <v>0</v>
      </c>
    </row>
    <row r="38433" spans="1:4" x14ac:dyDescent="0.25">
      <c r="A38433" t="s">
        <v>55103</v>
      </c>
      <c r="B38433" t="s">
        <v>42776</v>
      </c>
      <c r="C38433">
        <v>0</v>
      </c>
      <c r="D38433">
        <v>0</v>
      </c>
    </row>
    <row r="38434" spans="1:4" x14ac:dyDescent="0.25">
      <c r="A38434" t="s">
        <v>55103</v>
      </c>
      <c r="B38434" t="s">
        <v>55105</v>
      </c>
      <c r="C38434">
        <v>1</v>
      </c>
      <c r="D38434">
        <v>0</v>
      </c>
    </row>
    <row r="38435" spans="1:4" x14ac:dyDescent="0.25">
      <c r="A38435" t="s">
        <v>55103</v>
      </c>
      <c r="B38435" t="s">
        <v>55106</v>
      </c>
      <c r="C38435">
        <v>1</v>
      </c>
      <c r="D38435">
        <v>0</v>
      </c>
    </row>
    <row r="38436" spans="1:4" x14ac:dyDescent="0.25">
      <c r="A38436" t="s">
        <v>55103</v>
      </c>
      <c r="B38436" t="s">
        <v>55107</v>
      </c>
      <c r="C38436">
        <v>2</v>
      </c>
      <c r="D38436">
        <v>0</v>
      </c>
    </row>
    <row r="38437" spans="1:4" x14ac:dyDescent="0.25">
      <c r="A38437" t="s">
        <v>55108</v>
      </c>
      <c r="B38437" t="s">
        <v>55109</v>
      </c>
      <c r="C38437">
        <v>2</v>
      </c>
      <c r="D38437">
        <v>0</v>
      </c>
    </row>
    <row r="38438" spans="1:4" x14ac:dyDescent="0.25">
      <c r="A38438" t="s">
        <v>55108</v>
      </c>
      <c r="B38438" t="s">
        <v>55110</v>
      </c>
      <c r="C38438">
        <v>1</v>
      </c>
      <c r="D38438">
        <v>0</v>
      </c>
    </row>
    <row r="38439" spans="1:4" x14ac:dyDescent="0.25">
      <c r="A38439" t="s">
        <v>55111</v>
      </c>
      <c r="B38439" t="s">
        <v>55112</v>
      </c>
      <c r="C38439">
        <v>1</v>
      </c>
      <c r="D38439">
        <v>0</v>
      </c>
    </row>
    <row r="38440" spans="1:4" x14ac:dyDescent="0.25">
      <c r="A38440" t="s">
        <v>55111</v>
      </c>
      <c r="B38440" t="s">
        <v>55113</v>
      </c>
      <c r="C38440">
        <v>0</v>
      </c>
      <c r="D38440">
        <v>0</v>
      </c>
    </row>
    <row r="38441" spans="1:4" x14ac:dyDescent="0.25">
      <c r="A38441" t="s">
        <v>55111</v>
      </c>
      <c r="B38441" t="s">
        <v>51939</v>
      </c>
      <c r="C38441">
        <v>0</v>
      </c>
      <c r="D38441">
        <v>0</v>
      </c>
    </row>
    <row r="38442" spans="1:4" x14ac:dyDescent="0.25">
      <c r="A38442" t="s">
        <v>55111</v>
      </c>
      <c r="B38442" t="s">
        <v>55114</v>
      </c>
      <c r="C38442">
        <v>2</v>
      </c>
      <c r="D38442">
        <v>0</v>
      </c>
    </row>
    <row r="38443" spans="1:4" x14ac:dyDescent="0.25">
      <c r="A38443" t="s">
        <v>55111</v>
      </c>
      <c r="B38443" t="s">
        <v>55115</v>
      </c>
      <c r="C38443">
        <v>2</v>
      </c>
      <c r="D38443">
        <v>0</v>
      </c>
    </row>
    <row r="38444" spans="1:4" x14ac:dyDescent="0.25">
      <c r="A38444" t="s">
        <v>55111</v>
      </c>
      <c r="B38444" t="s">
        <v>55116</v>
      </c>
      <c r="C38444">
        <v>2</v>
      </c>
      <c r="D38444">
        <v>0</v>
      </c>
    </row>
    <row r="38445" spans="1:4" x14ac:dyDescent="0.25">
      <c r="A38445" t="s">
        <v>55111</v>
      </c>
      <c r="B38445" t="s">
        <v>55117</v>
      </c>
      <c r="C38445">
        <v>2</v>
      </c>
      <c r="D38445">
        <v>0</v>
      </c>
    </row>
    <row r="38446" spans="1:4" x14ac:dyDescent="0.25">
      <c r="A38446" t="s">
        <v>55118</v>
      </c>
      <c r="B38446" t="s">
        <v>55119</v>
      </c>
      <c r="C38446">
        <v>1</v>
      </c>
      <c r="D38446">
        <v>0</v>
      </c>
    </row>
    <row r="38447" spans="1:4" x14ac:dyDescent="0.25">
      <c r="A38447" t="s">
        <v>55118</v>
      </c>
      <c r="B38447" t="s">
        <v>55120</v>
      </c>
      <c r="C38447">
        <v>2</v>
      </c>
      <c r="D38447">
        <v>0</v>
      </c>
    </row>
    <row r="38448" spans="1:4" x14ac:dyDescent="0.25">
      <c r="A38448" t="s">
        <v>55118</v>
      </c>
      <c r="B38448" t="s">
        <v>55121</v>
      </c>
      <c r="C38448">
        <v>0</v>
      </c>
      <c r="D38448">
        <v>0</v>
      </c>
    </row>
    <row r="38449" spans="1:4" x14ac:dyDescent="0.25">
      <c r="A38449" t="s">
        <v>55118</v>
      </c>
      <c r="B38449" t="s">
        <v>55122</v>
      </c>
      <c r="C38449">
        <v>0</v>
      </c>
      <c r="D38449">
        <v>0</v>
      </c>
    </row>
    <row r="38450" spans="1:4" x14ac:dyDescent="0.25">
      <c r="A38450" t="s">
        <v>55118</v>
      </c>
      <c r="B38450" t="s">
        <v>55123</v>
      </c>
      <c r="C38450">
        <v>1</v>
      </c>
      <c r="D38450">
        <v>0</v>
      </c>
    </row>
    <row r="38451" spans="1:4" x14ac:dyDescent="0.25">
      <c r="A38451" t="s">
        <v>55118</v>
      </c>
      <c r="B38451" t="s">
        <v>48470</v>
      </c>
      <c r="C38451">
        <v>0</v>
      </c>
      <c r="D38451">
        <v>0</v>
      </c>
    </row>
    <row r="38452" spans="1:4" x14ac:dyDescent="0.25">
      <c r="A38452" t="s">
        <v>55118</v>
      </c>
      <c r="B38452" t="s">
        <v>55124</v>
      </c>
      <c r="C38452">
        <v>2</v>
      </c>
      <c r="D38452">
        <v>0</v>
      </c>
    </row>
    <row r="38453" spans="1:4" x14ac:dyDescent="0.25">
      <c r="A38453" t="s">
        <v>55125</v>
      </c>
      <c r="B38453" t="s">
        <v>55126</v>
      </c>
      <c r="C38453">
        <v>1</v>
      </c>
      <c r="D38453">
        <v>0</v>
      </c>
    </row>
    <row r="38454" spans="1:4" x14ac:dyDescent="0.25">
      <c r="A38454" t="s">
        <v>55125</v>
      </c>
      <c r="B38454" t="s">
        <v>55127</v>
      </c>
      <c r="C38454">
        <v>2</v>
      </c>
      <c r="D38454">
        <v>0</v>
      </c>
    </row>
    <row r="38455" spans="1:4" x14ac:dyDescent="0.25">
      <c r="A38455" t="s">
        <v>55125</v>
      </c>
      <c r="B38455" t="s">
        <v>55128</v>
      </c>
      <c r="C38455">
        <v>2</v>
      </c>
      <c r="D38455">
        <v>0</v>
      </c>
    </row>
    <row r="38456" spans="1:4" x14ac:dyDescent="0.25">
      <c r="A38456" t="s">
        <v>55125</v>
      </c>
      <c r="B38456" t="s">
        <v>55129</v>
      </c>
      <c r="C38456">
        <v>2</v>
      </c>
      <c r="D38456">
        <v>0</v>
      </c>
    </row>
    <row r="38457" spans="1:4" x14ac:dyDescent="0.25">
      <c r="A38457" t="s">
        <v>55125</v>
      </c>
      <c r="B38457" t="s">
        <v>55130</v>
      </c>
      <c r="C38457">
        <v>1</v>
      </c>
      <c r="D38457">
        <v>0</v>
      </c>
    </row>
    <row r="38458" spans="1:4" x14ac:dyDescent="0.25">
      <c r="A38458" t="s">
        <v>55125</v>
      </c>
      <c r="B38458" t="s">
        <v>55131</v>
      </c>
      <c r="C38458">
        <v>1</v>
      </c>
      <c r="D38458">
        <v>0</v>
      </c>
    </row>
    <row r="38459" spans="1:4" x14ac:dyDescent="0.25">
      <c r="A38459" t="s">
        <v>55125</v>
      </c>
      <c r="B38459" t="s">
        <v>55132</v>
      </c>
      <c r="C38459">
        <v>1</v>
      </c>
      <c r="D38459">
        <v>0</v>
      </c>
    </row>
    <row r="38460" spans="1:4" x14ac:dyDescent="0.25">
      <c r="A38460" t="s">
        <v>55133</v>
      </c>
      <c r="B38460" t="s">
        <v>55134</v>
      </c>
      <c r="C38460">
        <v>1</v>
      </c>
      <c r="D38460">
        <v>0</v>
      </c>
    </row>
    <row r="38461" spans="1:4" x14ac:dyDescent="0.25">
      <c r="A38461" t="s">
        <v>55133</v>
      </c>
      <c r="B38461" t="s">
        <v>55135</v>
      </c>
      <c r="C38461">
        <v>2</v>
      </c>
      <c r="D38461">
        <v>0</v>
      </c>
    </row>
    <row r="38462" spans="1:4" x14ac:dyDescent="0.25">
      <c r="A38462" t="s">
        <v>55133</v>
      </c>
      <c r="B38462" t="s">
        <v>55136</v>
      </c>
      <c r="C38462">
        <v>1</v>
      </c>
      <c r="D38462">
        <v>0</v>
      </c>
    </row>
    <row r="38463" spans="1:4" x14ac:dyDescent="0.25">
      <c r="A38463" t="s">
        <v>55133</v>
      </c>
      <c r="B38463" t="s">
        <v>55136</v>
      </c>
      <c r="C38463">
        <v>2</v>
      </c>
      <c r="D38463">
        <v>0</v>
      </c>
    </row>
    <row r="38464" spans="1:4" x14ac:dyDescent="0.25">
      <c r="A38464" t="s">
        <v>55137</v>
      </c>
      <c r="B38464" t="s">
        <v>55138</v>
      </c>
      <c r="C38464">
        <v>0</v>
      </c>
      <c r="D38464">
        <v>0</v>
      </c>
    </row>
    <row r="38465" spans="1:4" x14ac:dyDescent="0.25">
      <c r="A38465" t="s">
        <v>55137</v>
      </c>
      <c r="B38465" t="s">
        <v>55139</v>
      </c>
      <c r="C38465">
        <v>1</v>
      </c>
      <c r="D38465">
        <v>0</v>
      </c>
    </row>
    <row r="38466" spans="1:4" x14ac:dyDescent="0.25">
      <c r="A38466" t="s">
        <v>55137</v>
      </c>
      <c r="B38466" t="s">
        <v>55140</v>
      </c>
      <c r="C38466">
        <v>0</v>
      </c>
      <c r="D38466">
        <v>0</v>
      </c>
    </row>
    <row r="38467" spans="1:4" x14ac:dyDescent="0.25">
      <c r="A38467" t="s">
        <v>55137</v>
      </c>
      <c r="B38467" t="s">
        <v>55141</v>
      </c>
      <c r="C38467">
        <v>1</v>
      </c>
      <c r="D38467">
        <v>0</v>
      </c>
    </row>
    <row r="38468" spans="1:4" x14ac:dyDescent="0.25">
      <c r="A38468" t="s">
        <v>55137</v>
      </c>
      <c r="B38468" t="s">
        <v>55142</v>
      </c>
      <c r="C38468">
        <v>0</v>
      </c>
      <c r="D38468">
        <v>0</v>
      </c>
    </row>
    <row r="38469" spans="1:4" x14ac:dyDescent="0.25">
      <c r="A38469" t="s">
        <v>55137</v>
      </c>
      <c r="B38469" t="s">
        <v>55143</v>
      </c>
      <c r="C38469">
        <v>1</v>
      </c>
      <c r="D38469">
        <v>0</v>
      </c>
    </row>
    <row r="38470" spans="1:4" x14ac:dyDescent="0.25">
      <c r="A38470" t="s">
        <v>55144</v>
      </c>
      <c r="B38470" t="s">
        <v>55145</v>
      </c>
      <c r="C38470">
        <v>0</v>
      </c>
      <c r="D38470">
        <v>0</v>
      </c>
    </row>
    <row r="38471" spans="1:4" x14ac:dyDescent="0.25">
      <c r="A38471" t="s">
        <v>55144</v>
      </c>
      <c r="B38471" t="s">
        <v>55145</v>
      </c>
      <c r="C38471">
        <v>0</v>
      </c>
      <c r="D38471">
        <v>0</v>
      </c>
    </row>
    <row r="38472" spans="1:4" x14ac:dyDescent="0.25">
      <c r="A38472" t="s">
        <v>55144</v>
      </c>
      <c r="B38472" t="s">
        <v>55146</v>
      </c>
      <c r="C38472">
        <v>1</v>
      </c>
      <c r="D38472">
        <v>0</v>
      </c>
    </row>
    <row r="38473" spans="1:4" x14ac:dyDescent="0.25">
      <c r="A38473" t="s">
        <v>55147</v>
      </c>
      <c r="B38473" t="s">
        <v>55148</v>
      </c>
      <c r="C38473">
        <v>1</v>
      </c>
      <c r="D38473">
        <v>0</v>
      </c>
    </row>
    <row r="38474" spans="1:4" x14ac:dyDescent="0.25">
      <c r="A38474" t="s">
        <v>55149</v>
      </c>
      <c r="B38474" t="s">
        <v>55150</v>
      </c>
      <c r="C38474">
        <v>1</v>
      </c>
      <c r="D38474">
        <v>0</v>
      </c>
    </row>
    <row r="38475" spans="1:4" x14ac:dyDescent="0.25">
      <c r="A38475" t="s">
        <v>55151</v>
      </c>
      <c r="B38475" t="s">
        <v>55152</v>
      </c>
      <c r="C38475">
        <v>2</v>
      </c>
      <c r="D38475">
        <v>0</v>
      </c>
    </row>
    <row r="38476" spans="1:4" x14ac:dyDescent="0.25">
      <c r="A38476" t="s">
        <v>55151</v>
      </c>
      <c r="B38476" t="s">
        <v>55153</v>
      </c>
      <c r="C38476">
        <v>2</v>
      </c>
      <c r="D38476">
        <v>0</v>
      </c>
    </row>
    <row r="38477" spans="1:4" x14ac:dyDescent="0.25">
      <c r="A38477" t="s">
        <v>55151</v>
      </c>
      <c r="B38477" t="s">
        <v>55154</v>
      </c>
      <c r="C38477">
        <v>0</v>
      </c>
      <c r="D38477">
        <v>0</v>
      </c>
    </row>
    <row r="38478" spans="1:4" x14ac:dyDescent="0.25">
      <c r="A38478" t="s">
        <v>55151</v>
      </c>
      <c r="B38478" t="s">
        <v>55155</v>
      </c>
      <c r="C38478">
        <v>1</v>
      </c>
      <c r="D38478">
        <v>0</v>
      </c>
    </row>
    <row r="38479" spans="1:4" x14ac:dyDescent="0.25">
      <c r="A38479" t="s">
        <v>55151</v>
      </c>
      <c r="B38479" t="s">
        <v>55156</v>
      </c>
      <c r="C38479">
        <v>2</v>
      </c>
      <c r="D38479">
        <v>0</v>
      </c>
    </row>
    <row r="38480" spans="1:4" x14ac:dyDescent="0.25">
      <c r="A38480" t="s">
        <v>55151</v>
      </c>
      <c r="B38480" t="s">
        <v>55157</v>
      </c>
      <c r="C38480">
        <v>2</v>
      </c>
      <c r="D38480">
        <v>0</v>
      </c>
    </row>
    <row r="38481" spans="1:4" x14ac:dyDescent="0.25">
      <c r="A38481" t="s">
        <v>55158</v>
      </c>
      <c r="B38481" t="s">
        <v>55159</v>
      </c>
      <c r="C38481">
        <v>0</v>
      </c>
      <c r="D38481">
        <v>0</v>
      </c>
    </row>
    <row r="38482" spans="1:4" x14ac:dyDescent="0.25">
      <c r="A38482" t="s">
        <v>55158</v>
      </c>
      <c r="B38482" t="s">
        <v>55160</v>
      </c>
      <c r="C38482">
        <v>2</v>
      </c>
      <c r="D38482">
        <v>0</v>
      </c>
    </row>
    <row r="38483" spans="1:4" x14ac:dyDescent="0.25">
      <c r="A38483" t="s">
        <v>55158</v>
      </c>
      <c r="B38483" t="s">
        <v>55161</v>
      </c>
      <c r="C38483">
        <v>2</v>
      </c>
      <c r="D38483">
        <v>0</v>
      </c>
    </row>
    <row r="38484" spans="1:4" x14ac:dyDescent="0.25">
      <c r="A38484" t="s">
        <v>55158</v>
      </c>
      <c r="B38484" t="s">
        <v>55162</v>
      </c>
      <c r="C38484">
        <v>1</v>
      </c>
      <c r="D38484">
        <v>0</v>
      </c>
    </row>
    <row r="38485" spans="1:4" x14ac:dyDescent="0.25">
      <c r="A38485" t="s">
        <v>55158</v>
      </c>
      <c r="B38485" t="s">
        <v>55163</v>
      </c>
      <c r="C38485">
        <v>0</v>
      </c>
      <c r="D38485">
        <v>0</v>
      </c>
    </row>
    <row r="38486" spans="1:4" x14ac:dyDescent="0.25">
      <c r="A38486" t="s">
        <v>55158</v>
      </c>
      <c r="B38486" t="s">
        <v>55164</v>
      </c>
      <c r="C38486">
        <v>2</v>
      </c>
      <c r="D38486">
        <v>0</v>
      </c>
    </row>
    <row r="38487" spans="1:4" x14ac:dyDescent="0.25">
      <c r="A38487" t="s">
        <v>55158</v>
      </c>
      <c r="B38487" t="s">
        <v>55165</v>
      </c>
      <c r="C38487">
        <v>2</v>
      </c>
      <c r="D38487">
        <v>0</v>
      </c>
    </row>
    <row r="38488" spans="1:4" x14ac:dyDescent="0.25">
      <c r="A38488" t="s">
        <v>55166</v>
      </c>
      <c r="B38488" t="s">
        <v>55167</v>
      </c>
      <c r="C38488">
        <v>1</v>
      </c>
      <c r="D38488">
        <v>0</v>
      </c>
    </row>
    <row r="38489" spans="1:4" x14ac:dyDescent="0.25">
      <c r="A38489" t="s">
        <v>55166</v>
      </c>
      <c r="B38489" t="s">
        <v>55168</v>
      </c>
      <c r="C38489">
        <v>1</v>
      </c>
      <c r="D38489">
        <v>0</v>
      </c>
    </row>
    <row r="38490" spans="1:4" x14ac:dyDescent="0.25">
      <c r="A38490" t="s">
        <v>55166</v>
      </c>
      <c r="B38490" t="s">
        <v>55169</v>
      </c>
      <c r="C38490">
        <v>1</v>
      </c>
      <c r="D38490">
        <v>0</v>
      </c>
    </row>
    <row r="38491" spans="1:4" x14ac:dyDescent="0.25">
      <c r="A38491" t="s">
        <v>55166</v>
      </c>
      <c r="B38491" t="s">
        <v>55170</v>
      </c>
      <c r="C38491">
        <v>0</v>
      </c>
      <c r="D38491">
        <v>0</v>
      </c>
    </row>
    <row r="38492" spans="1:4" x14ac:dyDescent="0.25">
      <c r="A38492" t="s">
        <v>55171</v>
      </c>
      <c r="B38492" t="s">
        <v>55172</v>
      </c>
      <c r="C38492">
        <v>1</v>
      </c>
      <c r="D38492">
        <v>0</v>
      </c>
    </row>
    <row r="38493" spans="1:4" x14ac:dyDescent="0.25">
      <c r="A38493" t="s">
        <v>55171</v>
      </c>
      <c r="B38493" t="s">
        <v>55173</v>
      </c>
      <c r="C38493">
        <v>1</v>
      </c>
      <c r="D38493">
        <v>0</v>
      </c>
    </row>
    <row r="38494" spans="1:4" x14ac:dyDescent="0.25">
      <c r="A38494" t="s">
        <v>55171</v>
      </c>
      <c r="B38494" t="s">
        <v>55174</v>
      </c>
      <c r="C38494">
        <v>1</v>
      </c>
      <c r="D38494">
        <v>0</v>
      </c>
    </row>
    <row r="38495" spans="1:4" x14ac:dyDescent="0.25">
      <c r="A38495" t="s">
        <v>55171</v>
      </c>
      <c r="B38495" t="s">
        <v>55175</v>
      </c>
      <c r="C38495">
        <v>1</v>
      </c>
      <c r="D38495">
        <v>0</v>
      </c>
    </row>
    <row r="38496" spans="1:4" x14ac:dyDescent="0.25">
      <c r="A38496" t="s">
        <v>55176</v>
      </c>
      <c r="B38496" t="s">
        <v>55177</v>
      </c>
      <c r="C38496">
        <v>1</v>
      </c>
      <c r="D38496">
        <v>0</v>
      </c>
    </row>
    <row r="38497" spans="1:4" x14ac:dyDescent="0.25">
      <c r="A38497" t="s">
        <v>55176</v>
      </c>
      <c r="B38497" t="s">
        <v>55178</v>
      </c>
      <c r="C38497">
        <v>1</v>
      </c>
      <c r="D38497">
        <v>0</v>
      </c>
    </row>
    <row r="38498" spans="1:4" x14ac:dyDescent="0.25">
      <c r="A38498" t="s">
        <v>55176</v>
      </c>
      <c r="B38498" t="s">
        <v>55179</v>
      </c>
      <c r="C38498">
        <v>1</v>
      </c>
      <c r="D38498">
        <v>0</v>
      </c>
    </row>
    <row r="38499" spans="1:4" x14ac:dyDescent="0.25">
      <c r="A38499" t="s">
        <v>55176</v>
      </c>
      <c r="B38499" t="s">
        <v>55180</v>
      </c>
      <c r="C38499">
        <v>1</v>
      </c>
      <c r="D38499">
        <v>0</v>
      </c>
    </row>
    <row r="38500" spans="1:4" x14ac:dyDescent="0.25">
      <c r="A38500" t="s">
        <v>55181</v>
      </c>
      <c r="B38500" t="s">
        <v>55182</v>
      </c>
      <c r="C38500">
        <v>2</v>
      </c>
      <c r="D38500">
        <v>0</v>
      </c>
    </row>
    <row r="38501" spans="1:4" x14ac:dyDescent="0.25">
      <c r="A38501" t="s">
        <v>55181</v>
      </c>
      <c r="B38501" t="s">
        <v>55182</v>
      </c>
      <c r="C38501">
        <v>2</v>
      </c>
      <c r="D38501">
        <v>0</v>
      </c>
    </row>
    <row r="38502" spans="1:4" x14ac:dyDescent="0.25">
      <c r="A38502" t="s">
        <v>55183</v>
      </c>
      <c r="B38502" t="s">
        <v>55184</v>
      </c>
      <c r="C38502">
        <v>1</v>
      </c>
      <c r="D38502">
        <v>0</v>
      </c>
    </row>
    <row r="38503" spans="1:4" x14ac:dyDescent="0.25">
      <c r="A38503" t="s">
        <v>55183</v>
      </c>
      <c r="B38503" t="s">
        <v>55185</v>
      </c>
      <c r="C38503">
        <v>0</v>
      </c>
      <c r="D38503">
        <v>0</v>
      </c>
    </row>
    <row r="38504" spans="1:4" x14ac:dyDescent="0.25">
      <c r="A38504" t="s">
        <v>55183</v>
      </c>
      <c r="B38504" t="s">
        <v>55186</v>
      </c>
      <c r="C38504">
        <v>2</v>
      </c>
      <c r="D38504">
        <v>0</v>
      </c>
    </row>
    <row r="38505" spans="1:4" x14ac:dyDescent="0.25">
      <c r="A38505" t="s">
        <v>55187</v>
      </c>
      <c r="B38505" t="s">
        <v>1001</v>
      </c>
      <c r="C38505">
        <v>1</v>
      </c>
      <c r="D38505">
        <v>0</v>
      </c>
    </row>
    <row r="38506" spans="1:4" x14ac:dyDescent="0.25">
      <c r="A38506" t="s">
        <v>55187</v>
      </c>
      <c r="B38506" t="s">
        <v>55188</v>
      </c>
      <c r="C38506">
        <v>1</v>
      </c>
      <c r="D38506">
        <v>0</v>
      </c>
    </row>
    <row r="38507" spans="1:4" x14ac:dyDescent="0.25">
      <c r="A38507" t="s">
        <v>55187</v>
      </c>
      <c r="B38507" t="s">
        <v>55189</v>
      </c>
      <c r="C38507">
        <v>0</v>
      </c>
      <c r="D38507">
        <v>0</v>
      </c>
    </row>
    <row r="38508" spans="1:4" x14ac:dyDescent="0.25">
      <c r="A38508" t="s">
        <v>55187</v>
      </c>
      <c r="B38508" t="s">
        <v>55190</v>
      </c>
      <c r="C38508">
        <v>1</v>
      </c>
      <c r="D38508">
        <v>0</v>
      </c>
    </row>
    <row r="38509" spans="1:4" x14ac:dyDescent="0.25">
      <c r="A38509" t="s">
        <v>55187</v>
      </c>
      <c r="B38509" t="s">
        <v>5713</v>
      </c>
      <c r="C38509">
        <v>1</v>
      </c>
      <c r="D38509">
        <v>0</v>
      </c>
    </row>
    <row r="38510" spans="1:4" x14ac:dyDescent="0.25">
      <c r="A38510" t="s">
        <v>55187</v>
      </c>
      <c r="B38510" t="s">
        <v>55191</v>
      </c>
      <c r="C38510">
        <v>0</v>
      </c>
      <c r="D38510">
        <v>0</v>
      </c>
    </row>
    <row r="38511" spans="1:4" x14ac:dyDescent="0.25">
      <c r="A38511" t="s">
        <v>55192</v>
      </c>
      <c r="B38511" t="s">
        <v>55193</v>
      </c>
      <c r="C38511">
        <v>1</v>
      </c>
      <c r="D38511">
        <v>0</v>
      </c>
    </row>
    <row r="38512" spans="1:4" x14ac:dyDescent="0.25">
      <c r="A38512" t="s">
        <v>55192</v>
      </c>
      <c r="B38512" t="s">
        <v>55194</v>
      </c>
      <c r="C38512">
        <v>1</v>
      </c>
      <c r="D38512">
        <v>0</v>
      </c>
    </row>
    <row r="38513" spans="1:4" x14ac:dyDescent="0.25">
      <c r="A38513" t="s">
        <v>55192</v>
      </c>
      <c r="B38513" t="s">
        <v>55195</v>
      </c>
      <c r="C38513">
        <v>0</v>
      </c>
      <c r="D38513">
        <v>0</v>
      </c>
    </row>
    <row r="38514" spans="1:4" x14ac:dyDescent="0.25">
      <c r="A38514" t="s">
        <v>55196</v>
      </c>
      <c r="B38514" t="s">
        <v>55197</v>
      </c>
      <c r="C38514">
        <v>1</v>
      </c>
      <c r="D38514">
        <v>0</v>
      </c>
    </row>
    <row r="38515" spans="1:4" x14ac:dyDescent="0.25">
      <c r="A38515" t="s">
        <v>55196</v>
      </c>
      <c r="B38515" t="s">
        <v>55198</v>
      </c>
      <c r="C38515">
        <v>1</v>
      </c>
      <c r="D38515">
        <v>0</v>
      </c>
    </row>
    <row r="38516" spans="1:4" x14ac:dyDescent="0.25">
      <c r="A38516" t="s">
        <v>55196</v>
      </c>
      <c r="B38516" t="s">
        <v>55199</v>
      </c>
      <c r="C38516">
        <v>1</v>
      </c>
      <c r="D38516">
        <v>0</v>
      </c>
    </row>
    <row r="38517" spans="1:4" x14ac:dyDescent="0.25">
      <c r="A38517" t="s">
        <v>55196</v>
      </c>
      <c r="B38517" t="s">
        <v>55200</v>
      </c>
      <c r="C38517">
        <v>1</v>
      </c>
      <c r="D38517">
        <v>0</v>
      </c>
    </row>
    <row r="38518" spans="1:4" x14ac:dyDescent="0.25">
      <c r="A38518" t="s">
        <v>55201</v>
      </c>
      <c r="B38518" t="s">
        <v>55202</v>
      </c>
      <c r="C38518">
        <v>2</v>
      </c>
      <c r="D38518">
        <v>0</v>
      </c>
    </row>
    <row r="38519" spans="1:4" x14ac:dyDescent="0.25">
      <c r="A38519" t="s">
        <v>55201</v>
      </c>
      <c r="B38519" t="s">
        <v>55203</v>
      </c>
      <c r="C38519">
        <v>2</v>
      </c>
      <c r="D38519">
        <v>0</v>
      </c>
    </row>
    <row r="38520" spans="1:4" x14ac:dyDescent="0.25">
      <c r="A38520" t="s">
        <v>55201</v>
      </c>
      <c r="B38520" t="s">
        <v>55204</v>
      </c>
      <c r="C38520">
        <v>2</v>
      </c>
      <c r="D38520">
        <v>0</v>
      </c>
    </row>
    <row r="38521" spans="1:4" x14ac:dyDescent="0.25">
      <c r="A38521" t="s">
        <v>55205</v>
      </c>
      <c r="B38521" t="s">
        <v>55206</v>
      </c>
      <c r="C38521">
        <v>1</v>
      </c>
      <c r="D38521">
        <v>0</v>
      </c>
    </row>
    <row r="38522" spans="1:4" x14ac:dyDescent="0.25">
      <c r="A38522" t="s">
        <v>55207</v>
      </c>
      <c r="B38522" t="s">
        <v>55208</v>
      </c>
      <c r="C38522">
        <v>1</v>
      </c>
      <c r="D38522">
        <v>0</v>
      </c>
    </row>
    <row r="38523" spans="1:4" x14ac:dyDescent="0.25">
      <c r="A38523" t="s">
        <v>55209</v>
      </c>
      <c r="B38523" t="s">
        <v>55210</v>
      </c>
      <c r="C38523">
        <v>1</v>
      </c>
      <c r="D38523">
        <v>0</v>
      </c>
    </row>
    <row r="38524" spans="1:4" x14ac:dyDescent="0.25">
      <c r="A38524" t="s">
        <v>55209</v>
      </c>
      <c r="B38524" t="s">
        <v>55211</v>
      </c>
      <c r="C38524">
        <v>1</v>
      </c>
      <c r="D38524">
        <v>0</v>
      </c>
    </row>
    <row r="38525" spans="1:4" x14ac:dyDescent="0.25">
      <c r="A38525" t="s">
        <v>55209</v>
      </c>
      <c r="B38525" t="s">
        <v>55212</v>
      </c>
      <c r="C38525">
        <v>0</v>
      </c>
      <c r="D38525">
        <v>0</v>
      </c>
    </row>
    <row r="38526" spans="1:4" x14ac:dyDescent="0.25">
      <c r="A38526" t="s">
        <v>55209</v>
      </c>
      <c r="B38526" t="s">
        <v>55213</v>
      </c>
      <c r="C38526">
        <v>0</v>
      </c>
      <c r="D38526">
        <v>0</v>
      </c>
    </row>
    <row r="38527" spans="1:4" x14ac:dyDescent="0.25">
      <c r="A38527" t="s">
        <v>55209</v>
      </c>
      <c r="B38527" t="s">
        <v>55214</v>
      </c>
      <c r="C38527">
        <v>1</v>
      </c>
      <c r="D38527">
        <v>0</v>
      </c>
    </row>
    <row r="38528" spans="1:4" x14ac:dyDescent="0.25">
      <c r="A38528" t="s">
        <v>55215</v>
      </c>
      <c r="B38528" t="s">
        <v>55216</v>
      </c>
      <c r="C38528">
        <v>1</v>
      </c>
      <c r="D38528">
        <v>0</v>
      </c>
    </row>
    <row r="38529" spans="1:4" x14ac:dyDescent="0.25">
      <c r="A38529" t="s">
        <v>55215</v>
      </c>
      <c r="B38529" t="s">
        <v>5047</v>
      </c>
      <c r="C38529">
        <v>1</v>
      </c>
      <c r="D38529">
        <v>0</v>
      </c>
    </row>
    <row r="38530" spans="1:4" x14ac:dyDescent="0.25">
      <c r="A38530" t="s">
        <v>55215</v>
      </c>
      <c r="B38530" t="s">
        <v>55217</v>
      </c>
      <c r="C38530">
        <v>0</v>
      </c>
      <c r="D38530">
        <v>0</v>
      </c>
    </row>
    <row r="38531" spans="1:4" x14ac:dyDescent="0.25">
      <c r="A38531" t="s">
        <v>55215</v>
      </c>
      <c r="B38531" t="s">
        <v>55218</v>
      </c>
      <c r="C38531">
        <v>1</v>
      </c>
      <c r="D38531">
        <v>0</v>
      </c>
    </row>
    <row r="38532" spans="1:4" x14ac:dyDescent="0.25">
      <c r="A38532" t="s">
        <v>55215</v>
      </c>
      <c r="B38532" t="s">
        <v>55219</v>
      </c>
      <c r="C38532">
        <v>1</v>
      </c>
      <c r="D38532">
        <v>0</v>
      </c>
    </row>
    <row r="38533" spans="1:4" x14ac:dyDescent="0.25">
      <c r="A38533" t="s">
        <v>55215</v>
      </c>
      <c r="B38533" t="s">
        <v>55220</v>
      </c>
      <c r="C38533">
        <v>0</v>
      </c>
      <c r="D38533">
        <v>0</v>
      </c>
    </row>
    <row r="38534" spans="1:4" x14ac:dyDescent="0.25">
      <c r="A38534" t="s">
        <v>55221</v>
      </c>
      <c r="B38534" t="s">
        <v>55222</v>
      </c>
      <c r="C38534">
        <v>1</v>
      </c>
      <c r="D38534">
        <v>0</v>
      </c>
    </row>
    <row r="38535" spans="1:4" x14ac:dyDescent="0.25">
      <c r="A38535" t="s">
        <v>55221</v>
      </c>
      <c r="B38535" t="s">
        <v>55223</v>
      </c>
      <c r="C38535">
        <v>0</v>
      </c>
      <c r="D38535">
        <v>0</v>
      </c>
    </row>
    <row r="38536" spans="1:4" x14ac:dyDescent="0.25">
      <c r="A38536" t="s">
        <v>55221</v>
      </c>
      <c r="B38536" t="s">
        <v>55224</v>
      </c>
      <c r="C38536">
        <v>1</v>
      </c>
      <c r="D38536">
        <v>0</v>
      </c>
    </row>
    <row r="38537" spans="1:4" x14ac:dyDescent="0.25">
      <c r="A38537" t="s">
        <v>55221</v>
      </c>
      <c r="B38537" t="s">
        <v>55225</v>
      </c>
      <c r="C38537">
        <v>1</v>
      </c>
      <c r="D38537">
        <v>0</v>
      </c>
    </row>
    <row r="38538" spans="1:4" x14ac:dyDescent="0.25">
      <c r="A38538" t="s">
        <v>55221</v>
      </c>
      <c r="B38538" t="s">
        <v>55226</v>
      </c>
      <c r="C38538">
        <v>2</v>
      </c>
      <c r="D38538">
        <v>0</v>
      </c>
    </row>
    <row r="38539" spans="1:4" x14ac:dyDescent="0.25">
      <c r="A38539" t="s">
        <v>55227</v>
      </c>
      <c r="B38539" t="s">
        <v>55228</v>
      </c>
      <c r="C38539">
        <v>1</v>
      </c>
      <c r="D38539">
        <v>0</v>
      </c>
    </row>
    <row r="38540" spans="1:4" x14ac:dyDescent="0.25">
      <c r="A38540" t="s">
        <v>55227</v>
      </c>
      <c r="B38540" t="s">
        <v>55229</v>
      </c>
      <c r="C38540">
        <v>0</v>
      </c>
      <c r="D38540">
        <v>0</v>
      </c>
    </row>
    <row r="38541" spans="1:4" x14ac:dyDescent="0.25">
      <c r="A38541" t="s">
        <v>55230</v>
      </c>
      <c r="B38541" t="s">
        <v>55231</v>
      </c>
      <c r="C38541">
        <v>0</v>
      </c>
      <c r="D38541">
        <v>0</v>
      </c>
    </row>
    <row r="38542" spans="1:4" x14ac:dyDescent="0.25">
      <c r="A38542" t="s">
        <v>55230</v>
      </c>
      <c r="B38542" t="s">
        <v>55232</v>
      </c>
      <c r="C38542">
        <v>0</v>
      </c>
      <c r="D38542">
        <v>0</v>
      </c>
    </row>
    <row r="38543" spans="1:4" x14ac:dyDescent="0.25">
      <c r="A38543" t="s">
        <v>55230</v>
      </c>
      <c r="B38543" t="s">
        <v>55233</v>
      </c>
      <c r="C38543">
        <v>2</v>
      </c>
      <c r="D38543">
        <v>0</v>
      </c>
    </row>
    <row r="38544" spans="1:4" x14ac:dyDescent="0.25">
      <c r="A38544" t="s">
        <v>55230</v>
      </c>
      <c r="B38544" t="s">
        <v>55234</v>
      </c>
      <c r="C38544">
        <v>0</v>
      </c>
      <c r="D38544">
        <v>0</v>
      </c>
    </row>
    <row r="38545" spans="1:4" x14ac:dyDescent="0.25">
      <c r="A38545" t="s">
        <v>55230</v>
      </c>
      <c r="B38545" t="s">
        <v>55235</v>
      </c>
      <c r="C38545">
        <v>0</v>
      </c>
      <c r="D38545">
        <v>0</v>
      </c>
    </row>
    <row r="38546" spans="1:4" x14ac:dyDescent="0.25">
      <c r="A38546" t="s">
        <v>55230</v>
      </c>
      <c r="B38546" t="s">
        <v>55236</v>
      </c>
      <c r="C38546">
        <v>0</v>
      </c>
      <c r="D38546">
        <v>0</v>
      </c>
    </row>
    <row r="38547" spans="1:4" x14ac:dyDescent="0.25">
      <c r="A38547" t="s">
        <v>55230</v>
      </c>
      <c r="B38547" t="s">
        <v>55237</v>
      </c>
      <c r="C38547">
        <v>2</v>
      </c>
      <c r="D38547">
        <v>0</v>
      </c>
    </row>
    <row r="38548" spans="1:4" x14ac:dyDescent="0.25">
      <c r="A38548" t="s">
        <v>55238</v>
      </c>
      <c r="B38548" t="s">
        <v>55239</v>
      </c>
      <c r="C38548">
        <v>2</v>
      </c>
      <c r="D38548">
        <v>0</v>
      </c>
    </row>
    <row r="38549" spans="1:4" x14ac:dyDescent="0.25">
      <c r="A38549" t="s">
        <v>55238</v>
      </c>
      <c r="B38549" t="s">
        <v>55240</v>
      </c>
      <c r="C38549">
        <v>0</v>
      </c>
      <c r="D38549">
        <v>0</v>
      </c>
    </row>
    <row r="38550" spans="1:4" x14ac:dyDescent="0.25">
      <c r="A38550" t="s">
        <v>55238</v>
      </c>
      <c r="B38550" t="s">
        <v>55241</v>
      </c>
      <c r="C38550">
        <v>0</v>
      </c>
      <c r="D38550">
        <v>0</v>
      </c>
    </row>
    <row r="38551" spans="1:4" x14ac:dyDescent="0.25">
      <c r="A38551" t="s">
        <v>55242</v>
      </c>
      <c r="B38551" t="s">
        <v>55243</v>
      </c>
      <c r="C38551">
        <v>1</v>
      </c>
      <c r="D38551">
        <v>0</v>
      </c>
    </row>
    <row r="38552" spans="1:4" x14ac:dyDescent="0.25">
      <c r="A38552" t="s">
        <v>55242</v>
      </c>
      <c r="B38552" t="s">
        <v>55244</v>
      </c>
      <c r="C38552">
        <v>1</v>
      </c>
      <c r="D38552">
        <v>0</v>
      </c>
    </row>
    <row r="38553" spans="1:4" x14ac:dyDescent="0.25">
      <c r="A38553" t="s">
        <v>55242</v>
      </c>
      <c r="B38553" t="s">
        <v>55245</v>
      </c>
      <c r="C38553">
        <v>1</v>
      </c>
      <c r="D38553">
        <v>0</v>
      </c>
    </row>
    <row r="38554" spans="1:4" x14ac:dyDescent="0.25">
      <c r="A38554" t="s">
        <v>55242</v>
      </c>
      <c r="B38554" t="s">
        <v>55246</v>
      </c>
      <c r="C38554">
        <v>1</v>
      </c>
      <c r="D38554">
        <v>0</v>
      </c>
    </row>
    <row r="38555" spans="1:4" x14ac:dyDescent="0.25">
      <c r="A38555" t="s">
        <v>55242</v>
      </c>
      <c r="B38555" t="s">
        <v>55247</v>
      </c>
      <c r="C38555">
        <v>1</v>
      </c>
      <c r="D38555">
        <v>0</v>
      </c>
    </row>
    <row r="38556" spans="1:4" x14ac:dyDescent="0.25">
      <c r="A38556" t="s">
        <v>55248</v>
      </c>
      <c r="B38556" t="s">
        <v>55249</v>
      </c>
      <c r="C38556">
        <v>0</v>
      </c>
      <c r="D38556">
        <v>0</v>
      </c>
    </row>
    <row r="38557" spans="1:4" x14ac:dyDescent="0.25">
      <c r="A38557" t="s">
        <v>55250</v>
      </c>
      <c r="B38557" t="s">
        <v>35545</v>
      </c>
      <c r="C38557">
        <v>1</v>
      </c>
      <c r="D38557">
        <v>0</v>
      </c>
    </row>
    <row r="38558" spans="1:4" x14ac:dyDescent="0.25">
      <c r="A38558" t="s">
        <v>55250</v>
      </c>
      <c r="B38558" t="s">
        <v>55251</v>
      </c>
      <c r="C38558">
        <v>2</v>
      </c>
      <c r="D38558">
        <v>0</v>
      </c>
    </row>
    <row r="38559" spans="1:4" x14ac:dyDescent="0.25">
      <c r="A38559" t="s">
        <v>55250</v>
      </c>
      <c r="B38559" t="s">
        <v>55252</v>
      </c>
      <c r="C38559">
        <v>2</v>
      </c>
      <c r="D38559">
        <v>0</v>
      </c>
    </row>
    <row r="38560" spans="1:4" x14ac:dyDescent="0.25">
      <c r="A38560" t="s">
        <v>55250</v>
      </c>
      <c r="B38560" t="s">
        <v>12472</v>
      </c>
      <c r="C38560">
        <v>1</v>
      </c>
      <c r="D38560">
        <v>0</v>
      </c>
    </row>
    <row r="38561" spans="1:4" x14ac:dyDescent="0.25">
      <c r="A38561" t="s">
        <v>55250</v>
      </c>
      <c r="B38561" t="s">
        <v>55253</v>
      </c>
      <c r="C38561">
        <v>2</v>
      </c>
      <c r="D38561">
        <v>0</v>
      </c>
    </row>
    <row r="38562" spans="1:4" x14ac:dyDescent="0.25">
      <c r="A38562" t="s">
        <v>55254</v>
      </c>
      <c r="B38562" t="s">
        <v>55255</v>
      </c>
      <c r="C38562">
        <v>1</v>
      </c>
      <c r="D38562">
        <v>0</v>
      </c>
    </row>
    <row r="38563" spans="1:4" x14ac:dyDescent="0.25">
      <c r="A38563" t="s">
        <v>55254</v>
      </c>
      <c r="B38563" t="s">
        <v>55256</v>
      </c>
      <c r="C38563">
        <v>1</v>
      </c>
      <c r="D38563">
        <v>0</v>
      </c>
    </row>
    <row r="38564" spans="1:4" x14ac:dyDescent="0.25">
      <c r="A38564" t="s">
        <v>55254</v>
      </c>
      <c r="B38564" t="s">
        <v>55257</v>
      </c>
      <c r="C38564">
        <v>0</v>
      </c>
      <c r="D38564">
        <v>0</v>
      </c>
    </row>
    <row r="38565" spans="1:4" x14ac:dyDescent="0.25">
      <c r="A38565" t="s">
        <v>55254</v>
      </c>
      <c r="B38565" t="s">
        <v>55258</v>
      </c>
      <c r="C38565">
        <v>1</v>
      </c>
      <c r="D38565">
        <v>0</v>
      </c>
    </row>
    <row r="38566" spans="1:4" x14ac:dyDescent="0.25">
      <c r="A38566" t="s">
        <v>55254</v>
      </c>
      <c r="B38566" t="s">
        <v>55259</v>
      </c>
      <c r="C38566">
        <v>0</v>
      </c>
      <c r="D38566">
        <v>0</v>
      </c>
    </row>
    <row r="38567" spans="1:4" x14ac:dyDescent="0.25">
      <c r="A38567" t="s">
        <v>55254</v>
      </c>
      <c r="B38567" t="s">
        <v>55260</v>
      </c>
      <c r="C38567">
        <v>1</v>
      </c>
      <c r="D38567">
        <v>0</v>
      </c>
    </row>
    <row r="38568" spans="1:4" x14ac:dyDescent="0.25">
      <c r="A38568" t="s">
        <v>55261</v>
      </c>
      <c r="B38568" t="s">
        <v>55262</v>
      </c>
      <c r="C38568">
        <v>0</v>
      </c>
      <c r="D38568">
        <v>0</v>
      </c>
    </row>
    <row r="38569" spans="1:4" x14ac:dyDescent="0.25">
      <c r="A38569" t="s">
        <v>55261</v>
      </c>
      <c r="B38569" t="s">
        <v>55263</v>
      </c>
      <c r="C38569">
        <v>1</v>
      </c>
      <c r="D38569">
        <v>0</v>
      </c>
    </row>
    <row r="38570" spans="1:4" x14ac:dyDescent="0.25">
      <c r="A38570" t="s">
        <v>55261</v>
      </c>
      <c r="B38570" t="s">
        <v>55264</v>
      </c>
      <c r="C38570">
        <v>2</v>
      </c>
      <c r="D38570">
        <v>0</v>
      </c>
    </row>
    <row r="38571" spans="1:4" x14ac:dyDescent="0.25">
      <c r="A38571" t="s">
        <v>55261</v>
      </c>
      <c r="B38571" t="s">
        <v>55265</v>
      </c>
      <c r="C38571">
        <v>0</v>
      </c>
      <c r="D38571">
        <v>0</v>
      </c>
    </row>
    <row r="38572" spans="1:4" x14ac:dyDescent="0.25">
      <c r="A38572" t="s">
        <v>55261</v>
      </c>
      <c r="B38572" t="s">
        <v>55266</v>
      </c>
      <c r="C38572">
        <v>2</v>
      </c>
      <c r="D38572">
        <v>0</v>
      </c>
    </row>
    <row r="38573" spans="1:4" x14ac:dyDescent="0.25">
      <c r="A38573" t="s">
        <v>55261</v>
      </c>
      <c r="B38573" t="s">
        <v>55267</v>
      </c>
      <c r="C38573">
        <v>2</v>
      </c>
      <c r="D38573">
        <v>0</v>
      </c>
    </row>
    <row r="38574" spans="1:4" x14ac:dyDescent="0.25">
      <c r="A38574" t="s">
        <v>55261</v>
      </c>
      <c r="B38574" t="s">
        <v>55268</v>
      </c>
      <c r="C38574">
        <v>1</v>
      </c>
      <c r="D38574">
        <v>0</v>
      </c>
    </row>
    <row r="38575" spans="1:4" x14ac:dyDescent="0.25">
      <c r="A38575" t="s">
        <v>55269</v>
      </c>
      <c r="B38575" t="s">
        <v>55270</v>
      </c>
      <c r="C38575">
        <v>2</v>
      </c>
      <c r="D38575">
        <v>0</v>
      </c>
    </row>
    <row r="38576" spans="1:4" x14ac:dyDescent="0.25">
      <c r="A38576" t="s">
        <v>55269</v>
      </c>
      <c r="B38576" t="s">
        <v>55271</v>
      </c>
      <c r="C38576">
        <v>1</v>
      </c>
      <c r="D38576">
        <v>0</v>
      </c>
    </row>
    <row r="38577" spans="1:4" x14ac:dyDescent="0.25">
      <c r="A38577" t="s">
        <v>55269</v>
      </c>
      <c r="B38577" t="s">
        <v>55272</v>
      </c>
      <c r="C38577">
        <v>1</v>
      </c>
      <c r="D38577">
        <v>0</v>
      </c>
    </row>
    <row r="38578" spans="1:4" x14ac:dyDescent="0.25">
      <c r="A38578" t="s">
        <v>55269</v>
      </c>
      <c r="B38578" t="s">
        <v>55273</v>
      </c>
      <c r="C38578">
        <v>1</v>
      </c>
      <c r="D38578">
        <v>0</v>
      </c>
    </row>
    <row r="38579" spans="1:4" x14ac:dyDescent="0.25">
      <c r="A38579" t="s">
        <v>55269</v>
      </c>
      <c r="B38579" t="s">
        <v>55274</v>
      </c>
      <c r="C38579">
        <v>1</v>
      </c>
      <c r="D38579">
        <v>0</v>
      </c>
    </row>
    <row r="38580" spans="1:4" x14ac:dyDescent="0.25">
      <c r="A38580" t="s">
        <v>55275</v>
      </c>
      <c r="B38580" t="s">
        <v>55276</v>
      </c>
      <c r="C38580">
        <v>0</v>
      </c>
      <c r="D38580">
        <v>0</v>
      </c>
    </row>
    <row r="38581" spans="1:4" x14ac:dyDescent="0.25">
      <c r="A38581" t="s">
        <v>55275</v>
      </c>
      <c r="B38581" t="s">
        <v>55277</v>
      </c>
      <c r="C38581">
        <v>2</v>
      </c>
      <c r="D38581">
        <v>0</v>
      </c>
    </row>
    <row r="38582" spans="1:4" x14ac:dyDescent="0.25">
      <c r="A38582" t="s">
        <v>55278</v>
      </c>
      <c r="B38582" t="s">
        <v>47564</v>
      </c>
      <c r="C38582">
        <v>1</v>
      </c>
      <c r="D38582">
        <v>0</v>
      </c>
    </row>
    <row r="38583" spans="1:4" x14ac:dyDescent="0.25">
      <c r="A38583" t="s">
        <v>55279</v>
      </c>
      <c r="B38583" t="s">
        <v>55280</v>
      </c>
      <c r="C38583">
        <v>1</v>
      </c>
      <c r="D38583">
        <v>0</v>
      </c>
    </row>
    <row r="38584" spans="1:4" x14ac:dyDescent="0.25">
      <c r="A38584" t="s">
        <v>55281</v>
      </c>
      <c r="B38584" t="s">
        <v>55282</v>
      </c>
      <c r="C38584">
        <v>1</v>
      </c>
      <c r="D38584">
        <v>0</v>
      </c>
    </row>
    <row r="38585" spans="1:4" x14ac:dyDescent="0.25">
      <c r="A38585" t="s">
        <v>55281</v>
      </c>
      <c r="B38585" t="s">
        <v>55283</v>
      </c>
      <c r="C38585">
        <v>1</v>
      </c>
      <c r="D38585">
        <v>0</v>
      </c>
    </row>
    <row r="38586" spans="1:4" x14ac:dyDescent="0.25">
      <c r="A38586" t="s">
        <v>55281</v>
      </c>
      <c r="B38586" t="s">
        <v>55284</v>
      </c>
      <c r="C38586">
        <v>0</v>
      </c>
      <c r="D38586">
        <v>0</v>
      </c>
    </row>
    <row r="38587" spans="1:4" x14ac:dyDescent="0.25">
      <c r="A38587" t="s">
        <v>55281</v>
      </c>
      <c r="B38587" t="s">
        <v>55285</v>
      </c>
      <c r="C38587">
        <v>1</v>
      </c>
      <c r="D38587">
        <v>0</v>
      </c>
    </row>
    <row r="38588" spans="1:4" x14ac:dyDescent="0.25">
      <c r="A38588" t="s">
        <v>55286</v>
      </c>
      <c r="B38588" t="s">
        <v>55287</v>
      </c>
      <c r="C38588">
        <v>0</v>
      </c>
      <c r="D38588">
        <v>0</v>
      </c>
    </row>
    <row r="38589" spans="1:4" x14ac:dyDescent="0.25">
      <c r="A38589" t="s">
        <v>55286</v>
      </c>
      <c r="B38589" t="s">
        <v>55288</v>
      </c>
      <c r="C38589">
        <v>1</v>
      </c>
      <c r="D38589">
        <v>0</v>
      </c>
    </row>
    <row r="38590" spans="1:4" x14ac:dyDescent="0.25">
      <c r="A38590" t="s">
        <v>55286</v>
      </c>
      <c r="B38590" t="s">
        <v>38030</v>
      </c>
      <c r="C38590">
        <v>1</v>
      </c>
      <c r="D38590">
        <v>0</v>
      </c>
    </row>
    <row r="38591" spans="1:4" x14ac:dyDescent="0.25">
      <c r="A38591" t="s">
        <v>55286</v>
      </c>
      <c r="B38591" t="s">
        <v>19284</v>
      </c>
      <c r="C38591">
        <v>0</v>
      </c>
      <c r="D38591">
        <v>0</v>
      </c>
    </row>
    <row r="38592" spans="1:4" x14ac:dyDescent="0.25">
      <c r="A38592" t="s">
        <v>55286</v>
      </c>
      <c r="B38592" t="s">
        <v>55289</v>
      </c>
      <c r="C38592">
        <v>0</v>
      </c>
      <c r="D38592">
        <v>0</v>
      </c>
    </row>
    <row r="38593" spans="1:4" x14ac:dyDescent="0.25">
      <c r="A38593" t="s">
        <v>55286</v>
      </c>
      <c r="B38593" t="s">
        <v>55290</v>
      </c>
      <c r="C38593">
        <v>1</v>
      </c>
      <c r="D38593">
        <v>0</v>
      </c>
    </row>
    <row r="38594" spans="1:4" x14ac:dyDescent="0.25">
      <c r="A38594" t="s">
        <v>55286</v>
      </c>
      <c r="B38594" t="s">
        <v>55291</v>
      </c>
      <c r="C38594">
        <v>1</v>
      </c>
      <c r="D38594">
        <v>0</v>
      </c>
    </row>
    <row r="38595" spans="1:4" x14ac:dyDescent="0.25">
      <c r="A38595" t="s">
        <v>55286</v>
      </c>
      <c r="B38595" t="s">
        <v>55292</v>
      </c>
      <c r="C38595">
        <v>0</v>
      </c>
      <c r="D38595">
        <v>0</v>
      </c>
    </row>
    <row r="38596" spans="1:4" x14ac:dyDescent="0.25">
      <c r="A38596" t="s">
        <v>55293</v>
      </c>
      <c r="B38596" t="s">
        <v>55294</v>
      </c>
      <c r="C38596">
        <v>1</v>
      </c>
      <c r="D38596">
        <v>0</v>
      </c>
    </row>
    <row r="38597" spans="1:4" x14ac:dyDescent="0.25">
      <c r="A38597" t="s">
        <v>55293</v>
      </c>
      <c r="B38597" t="s">
        <v>55295</v>
      </c>
      <c r="C38597">
        <v>1</v>
      </c>
      <c r="D38597">
        <v>0</v>
      </c>
    </row>
    <row r="38598" spans="1:4" x14ac:dyDescent="0.25">
      <c r="A38598" t="s">
        <v>55296</v>
      </c>
      <c r="B38598" t="s">
        <v>55297</v>
      </c>
      <c r="C38598">
        <v>1</v>
      </c>
      <c r="D38598">
        <v>0</v>
      </c>
    </row>
    <row r="38599" spans="1:4" x14ac:dyDescent="0.25">
      <c r="A38599" t="s">
        <v>55296</v>
      </c>
      <c r="B38599" t="s">
        <v>55298</v>
      </c>
      <c r="C38599">
        <v>1</v>
      </c>
      <c r="D38599">
        <v>0</v>
      </c>
    </row>
    <row r="38600" spans="1:4" x14ac:dyDescent="0.25">
      <c r="A38600" t="s">
        <v>55296</v>
      </c>
      <c r="B38600" t="s">
        <v>55299</v>
      </c>
      <c r="C38600">
        <v>2</v>
      </c>
      <c r="D38600">
        <v>0</v>
      </c>
    </row>
    <row r="38601" spans="1:4" x14ac:dyDescent="0.25">
      <c r="A38601" t="s">
        <v>55296</v>
      </c>
      <c r="B38601" t="s">
        <v>55300</v>
      </c>
      <c r="C38601">
        <v>1</v>
      </c>
      <c r="D38601">
        <v>0</v>
      </c>
    </row>
    <row r="38602" spans="1:4" x14ac:dyDescent="0.25">
      <c r="A38602" t="s">
        <v>55296</v>
      </c>
      <c r="B38602" t="s">
        <v>19309</v>
      </c>
      <c r="C38602">
        <v>0</v>
      </c>
      <c r="D38602">
        <v>0</v>
      </c>
    </row>
    <row r="38603" spans="1:4" x14ac:dyDescent="0.25">
      <c r="A38603" t="s">
        <v>55296</v>
      </c>
      <c r="B38603" t="s">
        <v>47183</v>
      </c>
      <c r="C38603">
        <v>2</v>
      </c>
      <c r="D38603">
        <v>0</v>
      </c>
    </row>
    <row r="38604" spans="1:4" x14ac:dyDescent="0.25">
      <c r="A38604" t="s">
        <v>55296</v>
      </c>
      <c r="B38604" t="s">
        <v>55301</v>
      </c>
      <c r="C38604">
        <v>2</v>
      </c>
      <c r="D38604">
        <v>0</v>
      </c>
    </row>
    <row r="38605" spans="1:4" x14ac:dyDescent="0.25">
      <c r="A38605" t="s">
        <v>55302</v>
      </c>
      <c r="B38605" t="s">
        <v>55303</v>
      </c>
      <c r="C38605">
        <v>0</v>
      </c>
      <c r="D38605">
        <v>0</v>
      </c>
    </row>
    <row r="38606" spans="1:4" x14ac:dyDescent="0.25">
      <c r="A38606" t="s">
        <v>55302</v>
      </c>
      <c r="B38606" t="s">
        <v>55304</v>
      </c>
      <c r="C38606">
        <v>1</v>
      </c>
      <c r="D38606">
        <v>0</v>
      </c>
    </row>
    <row r="38607" spans="1:4" x14ac:dyDescent="0.25">
      <c r="A38607" t="s">
        <v>55302</v>
      </c>
      <c r="B38607" t="s">
        <v>55305</v>
      </c>
      <c r="C38607">
        <v>0</v>
      </c>
      <c r="D38607">
        <v>0</v>
      </c>
    </row>
    <row r="38608" spans="1:4" x14ac:dyDescent="0.25">
      <c r="A38608" t="s">
        <v>55302</v>
      </c>
      <c r="B38608" t="s">
        <v>55306</v>
      </c>
      <c r="C38608">
        <v>2</v>
      </c>
      <c r="D38608">
        <v>0</v>
      </c>
    </row>
    <row r="38609" spans="1:4" x14ac:dyDescent="0.25">
      <c r="A38609" t="s">
        <v>55302</v>
      </c>
      <c r="B38609" t="s">
        <v>55307</v>
      </c>
      <c r="C38609">
        <v>2</v>
      </c>
      <c r="D38609">
        <v>0</v>
      </c>
    </row>
    <row r="38610" spans="1:4" x14ac:dyDescent="0.25">
      <c r="A38610" t="s">
        <v>55302</v>
      </c>
      <c r="B38610" t="s">
        <v>55308</v>
      </c>
      <c r="C38610">
        <v>1</v>
      </c>
      <c r="D38610">
        <v>0</v>
      </c>
    </row>
    <row r="38611" spans="1:4" x14ac:dyDescent="0.25">
      <c r="A38611" t="s">
        <v>55302</v>
      </c>
      <c r="B38611" t="s">
        <v>55309</v>
      </c>
      <c r="C38611">
        <v>0</v>
      </c>
      <c r="D38611">
        <v>0</v>
      </c>
    </row>
    <row r="38612" spans="1:4" x14ac:dyDescent="0.25">
      <c r="A38612" t="s">
        <v>55302</v>
      </c>
      <c r="B38612" t="s">
        <v>55310</v>
      </c>
      <c r="C38612">
        <v>2</v>
      </c>
      <c r="D38612">
        <v>0</v>
      </c>
    </row>
    <row r="38613" spans="1:4" x14ac:dyDescent="0.25">
      <c r="A38613" t="s">
        <v>55302</v>
      </c>
      <c r="B38613" t="s">
        <v>55311</v>
      </c>
      <c r="C38613">
        <v>1</v>
      </c>
      <c r="D38613">
        <v>0</v>
      </c>
    </row>
    <row r="38614" spans="1:4" x14ac:dyDescent="0.25">
      <c r="A38614" t="s">
        <v>55302</v>
      </c>
      <c r="B38614" t="s">
        <v>55312</v>
      </c>
      <c r="C38614">
        <v>0</v>
      </c>
      <c r="D38614">
        <v>0</v>
      </c>
    </row>
    <row r="38615" spans="1:4" x14ac:dyDescent="0.25">
      <c r="A38615" t="s">
        <v>55313</v>
      </c>
      <c r="B38615" t="s">
        <v>55314</v>
      </c>
      <c r="C38615">
        <v>1</v>
      </c>
      <c r="D38615">
        <v>0</v>
      </c>
    </row>
    <row r="38616" spans="1:4" x14ac:dyDescent="0.25">
      <c r="A38616" t="s">
        <v>55315</v>
      </c>
      <c r="B38616" t="s">
        <v>55316</v>
      </c>
      <c r="C38616">
        <v>2</v>
      </c>
      <c r="D38616">
        <v>0</v>
      </c>
    </row>
    <row r="38617" spans="1:4" x14ac:dyDescent="0.25">
      <c r="A38617" t="s">
        <v>55315</v>
      </c>
      <c r="B38617" t="s">
        <v>55317</v>
      </c>
      <c r="C38617">
        <v>0</v>
      </c>
      <c r="D38617">
        <v>0</v>
      </c>
    </row>
    <row r="38618" spans="1:4" x14ac:dyDescent="0.25">
      <c r="A38618" t="s">
        <v>55315</v>
      </c>
      <c r="B38618" t="s">
        <v>55318</v>
      </c>
      <c r="C38618">
        <v>1</v>
      </c>
      <c r="D38618">
        <v>0</v>
      </c>
    </row>
    <row r="38619" spans="1:4" x14ac:dyDescent="0.25">
      <c r="A38619" t="s">
        <v>55315</v>
      </c>
      <c r="B38619" t="s">
        <v>55319</v>
      </c>
      <c r="C38619">
        <v>1</v>
      </c>
      <c r="D38619">
        <v>0</v>
      </c>
    </row>
    <row r="38620" spans="1:4" x14ac:dyDescent="0.25">
      <c r="A38620" t="s">
        <v>55320</v>
      </c>
      <c r="B38620" t="s">
        <v>5713</v>
      </c>
      <c r="C38620">
        <v>1</v>
      </c>
      <c r="D38620">
        <v>0</v>
      </c>
    </row>
    <row r="38621" spans="1:4" x14ac:dyDescent="0.25">
      <c r="A38621" t="s">
        <v>55321</v>
      </c>
      <c r="B38621" t="s">
        <v>55322</v>
      </c>
      <c r="C38621">
        <v>0</v>
      </c>
      <c r="D38621">
        <v>0</v>
      </c>
    </row>
    <row r="38622" spans="1:4" x14ac:dyDescent="0.25">
      <c r="A38622" t="s">
        <v>55321</v>
      </c>
      <c r="B38622" t="s">
        <v>55323</v>
      </c>
      <c r="C38622">
        <v>1</v>
      </c>
      <c r="D38622">
        <v>0</v>
      </c>
    </row>
    <row r="38623" spans="1:4" x14ac:dyDescent="0.25">
      <c r="A38623" t="s">
        <v>55321</v>
      </c>
      <c r="B38623" t="s">
        <v>55324</v>
      </c>
      <c r="C38623">
        <v>1</v>
      </c>
      <c r="D38623">
        <v>0</v>
      </c>
    </row>
    <row r="38624" spans="1:4" x14ac:dyDescent="0.25">
      <c r="A38624" t="s">
        <v>55321</v>
      </c>
      <c r="B38624" t="s">
        <v>55325</v>
      </c>
      <c r="C38624">
        <v>1</v>
      </c>
      <c r="D38624">
        <v>0</v>
      </c>
    </row>
    <row r="38625" spans="1:4" x14ac:dyDescent="0.25">
      <c r="A38625" t="s">
        <v>55321</v>
      </c>
      <c r="B38625" t="s">
        <v>55326</v>
      </c>
      <c r="C38625">
        <v>1</v>
      </c>
      <c r="D38625">
        <v>0</v>
      </c>
    </row>
    <row r="38626" spans="1:4" x14ac:dyDescent="0.25">
      <c r="A38626" t="s">
        <v>55321</v>
      </c>
      <c r="B38626" t="s">
        <v>55327</v>
      </c>
      <c r="C38626">
        <v>2</v>
      </c>
      <c r="D38626">
        <v>0</v>
      </c>
    </row>
    <row r="38627" spans="1:4" x14ac:dyDescent="0.25">
      <c r="A38627" t="s">
        <v>55321</v>
      </c>
      <c r="B38627" t="s">
        <v>55328</v>
      </c>
      <c r="C38627">
        <v>1</v>
      </c>
      <c r="D38627">
        <v>0</v>
      </c>
    </row>
    <row r="38628" spans="1:4" x14ac:dyDescent="0.25">
      <c r="A38628" t="s">
        <v>55321</v>
      </c>
      <c r="B38628" t="s">
        <v>55329</v>
      </c>
      <c r="C38628">
        <v>1</v>
      </c>
      <c r="D38628">
        <v>0</v>
      </c>
    </row>
    <row r="38629" spans="1:4" x14ac:dyDescent="0.25">
      <c r="A38629" t="s">
        <v>55330</v>
      </c>
      <c r="B38629" t="s">
        <v>55331</v>
      </c>
      <c r="C38629">
        <v>2</v>
      </c>
      <c r="D38629">
        <v>0</v>
      </c>
    </row>
    <row r="38630" spans="1:4" x14ac:dyDescent="0.25">
      <c r="A38630" t="s">
        <v>55330</v>
      </c>
      <c r="B38630" t="s">
        <v>55332</v>
      </c>
      <c r="C38630">
        <v>1</v>
      </c>
      <c r="D38630">
        <v>0</v>
      </c>
    </row>
    <row r="38631" spans="1:4" x14ac:dyDescent="0.25">
      <c r="A38631" t="s">
        <v>55330</v>
      </c>
      <c r="B38631" t="s">
        <v>55333</v>
      </c>
      <c r="C38631">
        <v>1</v>
      </c>
      <c r="D38631">
        <v>0</v>
      </c>
    </row>
    <row r="38632" spans="1:4" x14ac:dyDescent="0.25">
      <c r="A38632" t="s">
        <v>55330</v>
      </c>
      <c r="B38632" t="s">
        <v>55334</v>
      </c>
      <c r="C38632">
        <v>1</v>
      </c>
      <c r="D38632">
        <v>0</v>
      </c>
    </row>
    <row r="38633" spans="1:4" x14ac:dyDescent="0.25">
      <c r="A38633" t="s">
        <v>55335</v>
      </c>
      <c r="B38633" t="s">
        <v>55336</v>
      </c>
      <c r="C38633">
        <v>1</v>
      </c>
      <c r="D38633">
        <v>0</v>
      </c>
    </row>
    <row r="38634" spans="1:4" x14ac:dyDescent="0.25">
      <c r="A38634" t="s">
        <v>55335</v>
      </c>
      <c r="B38634" t="s">
        <v>55337</v>
      </c>
      <c r="C38634">
        <v>2</v>
      </c>
      <c r="D38634">
        <v>0</v>
      </c>
    </row>
    <row r="38635" spans="1:4" x14ac:dyDescent="0.25">
      <c r="A38635" t="s">
        <v>55335</v>
      </c>
      <c r="B38635" t="s">
        <v>55338</v>
      </c>
      <c r="C38635">
        <v>1</v>
      </c>
      <c r="D38635">
        <v>0</v>
      </c>
    </row>
    <row r="38636" spans="1:4" x14ac:dyDescent="0.25">
      <c r="A38636" t="s">
        <v>55335</v>
      </c>
      <c r="B38636" t="s">
        <v>55339</v>
      </c>
      <c r="C38636">
        <v>0</v>
      </c>
      <c r="D38636">
        <v>0</v>
      </c>
    </row>
    <row r="38637" spans="1:4" x14ac:dyDescent="0.25">
      <c r="A38637" t="s">
        <v>55335</v>
      </c>
      <c r="B38637" t="s">
        <v>55340</v>
      </c>
      <c r="C38637">
        <v>1</v>
      </c>
      <c r="D38637">
        <v>0</v>
      </c>
    </row>
    <row r="38638" spans="1:4" x14ac:dyDescent="0.25">
      <c r="A38638" t="s">
        <v>55335</v>
      </c>
      <c r="B38638" t="s">
        <v>55341</v>
      </c>
      <c r="C38638">
        <v>0</v>
      </c>
      <c r="D38638">
        <v>0</v>
      </c>
    </row>
    <row r="38639" spans="1:4" x14ac:dyDescent="0.25">
      <c r="A38639" t="s">
        <v>55335</v>
      </c>
      <c r="B38639" t="s">
        <v>55342</v>
      </c>
      <c r="C38639">
        <v>1</v>
      </c>
      <c r="D38639">
        <v>0</v>
      </c>
    </row>
    <row r="38640" spans="1:4" x14ac:dyDescent="0.25">
      <c r="A38640" t="s">
        <v>55335</v>
      </c>
      <c r="B38640" t="s">
        <v>55343</v>
      </c>
      <c r="C38640">
        <v>0</v>
      </c>
      <c r="D38640">
        <v>0</v>
      </c>
    </row>
    <row r="38641" spans="1:4" x14ac:dyDescent="0.25">
      <c r="A38641" t="s">
        <v>55344</v>
      </c>
      <c r="B38641" t="s">
        <v>55345</v>
      </c>
      <c r="C38641">
        <v>1</v>
      </c>
      <c r="D38641">
        <v>0</v>
      </c>
    </row>
    <row r="38642" spans="1:4" x14ac:dyDescent="0.25">
      <c r="A38642" t="s">
        <v>55344</v>
      </c>
      <c r="B38642" t="s">
        <v>55346</v>
      </c>
      <c r="C38642">
        <v>0</v>
      </c>
      <c r="D38642">
        <v>0</v>
      </c>
    </row>
    <row r="38643" spans="1:4" x14ac:dyDescent="0.25">
      <c r="A38643" t="s">
        <v>55344</v>
      </c>
      <c r="B38643" t="s">
        <v>55345</v>
      </c>
      <c r="C38643">
        <v>0</v>
      </c>
      <c r="D38643">
        <v>0</v>
      </c>
    </row>
    <row r="38644" spans="1:4" x14ac:dyDescent="0.25">
      <c r="A38644" t="s">
        <v>55344</v>
      </c>
      <c r="B38644" t="s">
        <v>55347</v>
      </c>
      <c r="C38644">
        <v>0</v>
      </c>
      <c r="D38644">
        <v>0</v>
      </c>
    </row>
    <row r="38645" spans="1:4" x14ac:dyDescent="0.25">
      <c r="A38645" t="s">
        <v>55344</v>
      </c>
      <c r="B38645" t="s">
        <v>55348</v>
      </c>
      <c r="C38645">
        <v>0</v>
      </c>
      <c r="D38645">
        <v>0</v>
      </c>
    </row>
    <row r="38646" spans="1:4" x14ac:dyDescent="0.25">
      <c r="A38646" t="s">
        <v>55349</v>
      </c>
      <c r="B38646" t="s">
        <v>55350</v>
      </c>
      <c r="C38646">
        <v>0</v>
      </c>
      <c r="D38646">
        <v>0</v>
      </c>
    </row>
    <row r="38647" spans="1:4" x14ac:dyDescent="0.25">
      <c r="A38647" t="s">
        <v>55349</v>
      </c>
      <c r="B38647" t="s">
        <v>23181</v>
      </c>
      <c r="C38647">
        <v>1</v>
      </c>
      <c r="D38647">
        <v>0</v>
      </c>
    </row>
    <row r="38648" spans="1:4" x14ac:dyDescent="0.25">
      <c r="A38648" t="s">
        <v>55349</v>
      </c>
      <c r="B38648" t="s">
        <v>55351</v>
      </c>
      <c r="C38648">
        <v>0</v>
      </c>
      <c r="D38648">
        <v>0</v>
      </c>
    </row>
    <row r="38649" spans="1:4" x14ac:dyDescent="0.25">
      <c r="A38649" t="s">
        <v>55349</v>
      </c>
      <c r="B38649" t="s">
        <v>55352</v>
      </c>
      <c r="C38649">
        <v>0</v>
      </c>
      <c r="D38649">
        <v>0</v>
      </c>
    </row>
    <row r="38650" spans="1:4" x14ac:dyDescent="0.25">
      <c r="A38650" t="s">
        <v>55349</v>
      </c>
      <c r="B38650" t="s">
        <v>55353</v>
      </c>
      <c r="C38650">
        <v>0</v>
      </c>
      <c r="D38650">
        <v>0</v>
      </c>
    </row>
    <row r="38651" spans="1:4" x14ac:dyDescent="0.25">
      <c r="A38651" t="s">
        <v>55349</v>
      </c>
      <c r="B38651" t="s">
        <v>55354</v>
      </c>
      <c r="C38651">
        <v>0</v>
      </c>
      <c r="D38651">
        <v>0</v>
      </c>
    </row>
    <row r="38652" spans="1:4" x14ac:dyDescent="0.25">
      <c r="A38652" t="s">
        <v>55355</v>
      </c>
      <c r="B38652" t="s">
        <v>5434</v>
      </c>
      <c r="C38652">
        <v>1</v>
      </c>
      <c r="D38652">
        <v>0</v>
      </c>
    </row>
    <row r="38653" spans="1:4" x14ac:dyDescent="0.25">
      <c r="A38653" t="s">
        <v>55355</v>
      </c>
      <c r="B38653" t="s">
        <v>55356</v>
      </c>
      <c r="C38653">
        <v>1</v>
      </c>
      <c r="D38653">
        <v>0</v>
      </c>
    </row>
    <row r="38654" spans="1:4" x14ac:dyDescent="0.25">
      <c r="A38654" t="s">
        <v>55355</v>
      </c>
      <c r="B38654" t="s">
        <v>5713</v>
      </c>
      <c r="C38654">
        <v>1</v>
      </c>
      <c r="D38654">
        <v>0</v>
      </c>
    </row>
    <row r="38655" spans="1:4" x14ac:dyDescent="0.25">
      <c r="A38655" t="s">
        <v>55355</v>
      </c>
      <c r="B38655" t="s">
        <v>55357</v>
      </c>
      <c r="C38655">
        <v>0</v>
      </c>
      <c r="D38655">
        <v>0</v>
      </c>
    </row>
    <row r="38656" spans="1:4" x14ac:dyDescent="0.25">
      <c r="A38656" t="s">
        <v>55355</v>
      </c>
      <c r="B38656" t="s">
        <v>55358</v>
      </c>
      <c r="C38656">
        <v>1</v>
      </c>
      <c r="D38656">
        <v>0</v>
      </c>
    </row>
    <row r="38657" spans="1:4" x14ac:dyDescent="0.25">
      <c r="A38657" t="s">
        <v>55359</v>
      </c>
      <c r="B38657" t="s">
        <v>55360</v>
      </c>
      <c r="C38657">
        <v>1</v>
      </c>
      <c r="D38657">
        <v>0</v>
      </c>
    </row>
    <row r="38658" spans="1:4" x14ac:dyDescent="0.25">
      <c r="A38658" t="s">
        <v>55359</v>
      </c>
      <c r="B38658" t="s">
        <v>55361</v>
      </c>
      <c r="C38658">
        <v>1</v>
      </c>
      <c r="D38658">
        <v>0</v>
      </c>
    </row>
    <row r="38659" spans="1:4" x14ac:dyDescent="0.25">
      <c r="A38659" t="s">
        <v>55359</v>
      </c>
      <c r="B38659" t="s">
        <v>55362</v>
      </c>
      <c r="C38659">
        <v>1</v>
      </c>
      <c r="D38659">
        <v>0</v>
      </c>
    </row>
    <row r="38660" spans="1:4" x14ac:dyDescent="0.25">
      <c r="A38660" t="s">
        <v>55359</v>
      </c>
      <c r="B38660" t="s">
        <v>55363</v>
      </c>
      <c r="C38660">
        <v>2</v>
      </c>
      <c r="D38660">
        <v>0</v>
      </c>
    </row>
    <row r="38661" spans="1:4" x14ac:dyDescent="0.25">
      <c r="A38661" t="s">
        <v>55359</v>
      </c>
      <c r="B38661" t="s">
        <v>55364</v>
      </c>
      <c r="C38661">
        <v>1</v>
      </c>
      <c r="D38661">
        <v>0</v>
      </c>
    </row>
    <row r="38662" spans="1:4" x14ac:dyDescent="0.25">
      <c r="A38662" t="s">
        <v>55359</v>
      </c>
      <c r="B38662" t="s">
        <v>55365</v>
      </c>
      <c r="C38662">
        <v>0</v>
      </c>
      <c r="D38662">
        <v>0</v>
      </c>
    </row>
    <row r="38663" spans="1:4" x14ac:dyDescent="0.25">
      <c r="A38663" t="s">
        <v>55359</v>
      </c>
      <c r="B38663" t="s">
        <v>55366</v>
      </c>
      <c r="C38663">
        <v>1</v>
      </c>
      <c r="D38663">
        <v>0</v>
      </c>
    </row>
    <row r="38664" spans="1:4" x14ac:dyDescent="0.25">
      <c r="A38664" t="s">
        <v>55359</v>
      </c>
      <c r="B38664" t="s">
        <v>55367</v>
      </c>
      <c r="C38664">
        <v>1</v>
      </c>
      <c r="D38664">
        <v>0</v>
      </c>
    </row>
    <row r="38665" spans="1:4" x14ac:dyDescent="0.25">
      <c r="A38665" t="s">
        <v>55368</v>
      </c>
      <c r="B38665" t="s">
        <v>55369</v>
      </c>
      <c r="C38665">
        <v>2</v>
      </c>
      <c r="D38665">
        <v>0</v>
      </c>
    </row>
    <row r="38666" spans="1:4" x14ac:dyDescent="0.25">
      <c r="A38666" t="s">
        <v>55368</v>
      </c>
      <c r="B38666" t="s">
        <v>48934</v>
      </c>
      <c r="C38666">
        <v>1</v>
      </c>
      <c r="D38666">
        <v>0</v>
      </c>
    </row>
    <row r="38667" spans="1:4" x14ac:dyDescent="0.25">
      <c r="A38667" t="s">
        <v>55368</v>
      </c>
      <c r="B38667" t="s">
        <v>55370</v>
      </c>
      <c r="C38667">
        <v>1</v>
      </c>
      <c r="D38667">
        <v>0</v>
      </c>
    </row>
    <row r="38668" spans="1:4" x14ac:dyDescent="0.25">
      <c r="A38668" t="s">
        <v>55368</v>
      </c>
      <c r="B38668" t="s">
        <v>55371</v>
      </c>
      <c r="C38668">
        <v>1</v>
      </c>
      <c r="D38668">
        <v>0</v>
      </c>
    </row>
    <row r="38669" spans="1:4" x14ac:dyDescent="0.25">
      <c r="A38669" t="s">
        <v>55368</v>
      </c>
      <c r="B38669" t="s">
        <v>55372</v>
      </c>
      <c r="C38669">
        <v>1</v>
      </c>
      <c r="D38669">
        <v>0</v>
      </c>
    </row>
    <row r="38670" spans="1:4" x14ac:dyDescent="0.25">
      <c r="A38670" t="s">
        <v>55373</v>
      </c>
      <c r="B38670" t="s">
        <v>55374</v>
      </c>
      <c r="C38670">
        <v>0</v>
      </c>
      <c r="D38670">
        <v>0</v>
      </c>
    </row>
    <row r="38671" spans="1:4" x14ac:dyDescent="0.25">
      <c r="A38671" t="s">
        <v>55373</v>
      </c>
      <c r="B38671" t="s">
        <v>55375</v>
      </c>
      <c r="C38671">
        <v>0</v>
      </c>
      <c r="D38671">
        <v>0</v>
      </c>
    </row>
    <row r="38672" spans="1:4" x14ac:dyDescent="0.25">
      <c r="A38672" t="s">
        <v>55376</v>
      </c>
      <c r="B38672" t="s">
        <v>55377</v>
      </c>
      <c r="C38672">
        <v>0</v>
      </c>
      <c r="D38672">
        <v>0</v>
      </c>
    </row>
    <row r="38673" spans="1:4" x14ac:dyDescent="0.25">
      <c r="A38673" t="s">
        <v>55378</v>
      </c>
      <c r="B38673" t="s">
        <v>55379</v>
      </c>
      <c r="C38673">
        <v>0</v>
      </c>
      <c r="D38673">
        <v>0</v>
      </c>
    </row>
    <row r="38674" spans="1:4" x14ac:dyDescent="0.25">
      <c r="A38674" t="s">
        <v>55380</v>
      </c>
      <c r="B38674" t="s">
        <v>55381</v>
      </c>
      <c r="C38674">
        <v>2</v>
      </c>
      <c r="D38674">
        <v>0</v>
      </c>
    </row>
    <row r="38675" spans="1:4" x14ac:dyDescent="0.25">
      <c r="A38675" t="s">
        <v>55382</v>
      </c>
      <c r="B38675" t="s">
        <v>55383</v>
      </c>
      <c r="C38675">
        <v>2</v>
      </c>
      <c r="D38675">
        <v>0</v>
      </c>
    </row>
    <row r="38676" spans="1:4" x14ac:dyDescent="0.25">
      <c r="A38676" t="s">
        <v>55382</v>
      </c>
      <c r="B38676" t="s">
        <v>55384</v>
      </c>
      <c r="C38676">
        <v>1</v>
      </c>
      <c r="D38676">
        <v>0</v>
      </c>
    </row>
    <row r="38677" spans="1:4" x14ac:dyDescent="0.25">
      <c r="A38677" t="s">
        <v>55382</v>
      </c>
      <c r="B38677" t="s">
        <v>55385</v>
      </c>
      <c r="C38677">
        <v>2</v>
      </c>
      <c r="D38677">
        <v>0</v>
      </c>
    </row>
    <row r="38678" spans="1:4" x14ac:dyDescent="0.25">
      <c r="A38678" t="s">
        <v>55386</v>
      </c>
      <c r="B38678" t="s">
        <v>55387</v>
      </c>
      <c r="C38678">
        <v>0</v>
      </c>
      <c r="D38678">
        <v>0</v>
      </c>
    </row>
    <row r="38679" spans="1:4" x14ac:dyDescent="0.25">
      <c r="A38679" t="s">
        <v>55386</v>
      </c>
      <c r="B38679" t="s">
        <v>55388</v>
      </c>
      <c r="C38679">
        <v>1</v>
      </c>
      <c r="D38679">
        <v>0</v>
      </c>
    </row>
    <row r="38680" spans="1:4" x14ac:dyDescent="0.25">
      <c r="A38680" t="s">
        <v>55386</v>
      </c>
      <c r="B38680" t="s">
        <v>55389</v>
      </c>
      <c r="C38680">
        <v>1</v>
      </c>
      <c r="D38680">
        <v>0</v>
      </c>
    </row>
    <row r="38681" spans="1:4" x14ac:dyDescent="0.25">
      <c r="A38681" t="s">
        <v>55386</v>
      </c>
      <c r="B38681" t="s">
        <v>55390</v>
      </c>
      <c r="C38681">
        <v>0</v>
      </c>
      <c r="D38681">
        <v>0</v>
      </c>
    </row>
    <row r="38682" spans="1:4" x14ac:dyDescent="0.25">
      <c r="A38682" t="s">
        <v>55391</v>
      </c>
      <c r="B38682" t="s">
        <v>55392</v>
      </c>
      <c r="C38682">
        <v>1</v>
      </c>
      <c r="D38682">
        <v>0</v>
      </c>
    </row>
    <row r="38683" spans="1:4" x14ac:dyDescent="0.25">
      <c r="A38683" t="s">
        <v>55391</v>
      </c>
      <c r="B38683" t="s">
        <v>55393</v>
      </c>
      <c r="C38683">
        <v>2</v>
      </c>
      <c r="D38683">
        <v>0</v>
      </c>
    </row>
    <row r="38684" spans="1:4" x14ac:dyDescent="0.25">
      <c r="A38684" t="s">
        <v>55391</v>
      </c>
      <c r="B38684" t="s">
        <v>55394</v>
      </c>
      <c r="C38684">
        <v>1</v>
      </c>
      <c r="D38684">
        <v>0</v>
      </c>
    </row>
    <row r="38685" spans="1:4" x14ac:dyDescent="0.25">
      <c r="A38685" t="s">
        <v>55391</v>
      </c>
      <c r="B38685" t="s">
        <v>55395</v>
      </c>
      <c r="C38685">
        <v>1</v>
      </c>
      <c r="D38685">
        <v>0</v>
      </c>
    </row>
    <row r="38686" spans="1:4" x14ac:dyDescent="0.25">
      <c r="A38686" t="s">
        <v>55396</v>
      </c>
      <c r="B38686" t="s">
        <v>398</v>
      </c>
      <c r="C38686">
        <v>0</v>
      </c>
      <c r="D38686">
        <v>0</v>
      </c>
    </row>
    <row r="38687" spans="1:4" x14ac:dyDescent="0.25">
      <c r="A38687" t="s">
        <v>55396</v>
      </c>
      <c r="B38687" t="s">
        <v>55397</v>
      </c>
      <c r="C38687">
        <v>1</v>
      </c>
      <c r="D38687">
        <v>0</v>
      </c>
    </row>
    <row r="38688" spans="1:4" x14ac:dyDescent="0.25">
      <c r="A38688" t="s">
        <v>55398</v>
      </c>
      <c r="B38688" t="s">
        <v>55399</v>
      </c>
      <c r="C38688">
        <v>0</v>
      </c>
      <c r="D38688">
        <v>0</v>
      </c>
    </row>
    <row r="38689" spans="1:4" x14ac:dyDescent="0.25">
      <c r="A38689" t="s">
        <v>55398</v>
      </c>
      <c r="B38689" t="s">
        <v>55400</v>
      </c>
      <c r="C38689">
        <v>0</v>
      </c>
      <c r="D38689">
        <v>0</v>
      </c>
    </row>
    <row r="38690" spans="1:4" x14ac:dyDescent="0.25">
      <c r="A38690" t="s">
        <v>55398</v>
      </c>
      <c r="B38690" t="s">
        <v>55401</v>
      </c>
      <c r="C38690">
        <v>0</v>
      </c>
      <c r="D38690">
        <v>0</v>
      </c>
    </row>
    <row r="38691" spans="1:4" x14ac:dyDescent="0.25">
      <c r="A38691" t="s">
        <v>55398</v>
      </c>
      <c r="B38691" t="s">
        <v>55402</v>
      </c>
      <c r="C38691">
        <v>0</v>
      </c>
      <c r="D38691">
        <v>0</v>
      </c>
    </row>
    <row r="38692" spans="1:4" x14ac:dyDescent="0.25">
      <c r="A38692" t="s">
        <v>55398</v>
      </c>
      <c r="B38692" t="s">
        <v>55403</v>
      </c>
      <c r="C38692">
        <v>0</v>
      </c>
      <c r="D38692">
        <v>0</v>
      </c>
    </row>
    <row r="38693" spans="1:4" x14ac:dyDescent="0.25">
      <c r="A38693" t="s">
        <v>55398</v>
      </c>
      <c r="B38693" t="s">
        <v>55404</v>
      </c>
      <c r="C38693">
        <v>0</v>
      </c>
      <c r="D38693">
        <v>0</v>
      </c>
    </row>
    <row r="38694" spans="1:4" x14ac:dyDescent="0.25">
      <c r="A38694" t="s">
        <v>55405</v>
      </c>
      <c r="B38694" t="s">
        <v>55406</v>
      </c>
      <c r="C38694">
        <v>1</v>
      </c>
      <c r="D38694">
        <v>0</v>
      </c>
    </row>
    <row r="38695" spans="1:4" x14ac:dyDescent="0.25">
      <c r="A38695" t="s">
        <v>55405</v>
      </c>
      <c r="B38695" t="s">
        <v>55407</v>
      </c>
      <c r="C38695">
        <v>1</v>
      </c>
      <c r="D38695">
        <v>0</v>
      </c>
    </row>
    <row r="38696" spans="1:4" x14ac:dyDescent="0.25">
      <c r="A38696" t="s">
        <v>55408</v>
      </c>
      <c r="B38696" t="s">
        <v>55409</v>
      </c>
      <c r="C38696">
        <v>1</v>
      </c>
      <c r="D38696">
        <v>0</v>
      </c>
    </row>
    <row r="38697" spans="1:4" x14ac:dyDescent="0.25">
      <c r="A38697" t="s">
        <v>55410</v>
      </c>
      <c r="B38697" t="s">
        <v>55411</v>
      </c>
      <c r="C38697">
        <v>1</v>
      </c>
      <c r="D38697">
        <v>0</v>
      </c>
    </row>
    <row r="38698" spans="1:4" x14ac:dyDescent="0.25">
      <c r="A38698" t="s">
        <v>55410</v>
      </c>
      <c r="B38698" t="s">
        <v>55412</v>
      </c>
      <c r="C38698">
        <v>1</v>
      </c>
      <c r="D38698">
        <v>0</v>
      </c>
    </row>
    <row r="38699" spans="1:4" x14ac:dyDescent="0.25">
      <c r="A38699" t="s">
        <v>55410</v>
      </c>
      <c r="B38699" t="s">
        <v>5713</v>
      </c>
      <c r="C38699">
        <v>1</v>
      </c>
      <c r="D38699">
        <v>0</v>
      </c>
    </row>
    <row r="38700" spans="1:4" x14ac:dyDescent="0.25">
      <c r="A38700" t="s">
        <v>55410</v>
      </c>
      <c r="B38700" t="s">
        <v>55413</v>
      </c>
      <c r="C38700">
        <v>1</v>
      </c>
      <c r="D38700">
        <v>0</v>
      </c>
    </row>
    <row r="38701" spans="1:4" x14ac:dyDescent="0.25">
      <c r="A38701" t="s">
        <v>55410</v>
      </c>
      <c r="B38701" t="s">
        <v>55414</v>
      </c>
      <c r="C38701">
        <v>1</v>
      </c>
      <c r="D38701">
        <v>0</v>
      </c>
    </row>
    <row r="38702" spans="1:4" x14ac:dyDescent="0.25">
      <c r="A38702" t="s">
        <v>55410</v>
      </c>
      <c r="B38702" t="s">
        <v>55415</v>
      </c>
      <c r="C38702">
        <v>1</v>
      </c>
      <c r="D38702">
        <v>0</v>
      </c>
    </row>
    <row r="38703" spans="1:4" x14ac:dyDescent="0.25">
      <c r="A38703" t="s">
        <v>55416</v>
      </c>
      <c r="B38703" t="s">
        <v>55417</v>
      </c>
      <c r="C38703">
        <v>2</v>
      </c>
      <c r="D38703">
        <v>0</v>
      </c>
    </row>
    <row r="38704" spans="1:4" x14ac:dyDescent="0.25">
      <c r="A38704" t="s">
        <v>55416</v>
      </c>
      <c r="B38704" t="s">
        <v>55418</v>
      </c>
      <c r="C38704">
        <v>0</v>
      </c>
      <c r="D38704">
        <v>0</v>
      </c>
    </row>
    <row r="38705" spans="1:4" x14ac:dyDescent="0.25">
      <c r="A38705" t="s">
        <v>55419</v>
      </c>
      <c r="B38705" t="s">
        <v>55420</v>
      </c>
      <c r="C38705">
        <v>0</v>
      </c>
      <c r="D38705">
        <v>0</v>
      </c>
    </row>
    <row r="38706" spans="1:4" x14ac:dyDescent="0.25">
      <c r="A38706" t="s">
        <v>55419</v>
      </c>
      <c r="B38706" t="s">
        <v>55421</v>
      </c>
      <c r="C38706">
        <v>2</v>
      </c>
      <c r="D38706">
        <v>0</v>
      </c>
    </row>
    <row r="38707" spans="1:4" x14ac:dyDescent="0.25">
      <c r="A38707" t="s">
        <v>55419</v>
      </c>
      <c r="B38707" t="s">
        <v>55422</v>
      </c>
      <c r="C38707">
        <v>1</v>
      </c>
      <c r="D38707">
        <v>0</v>
      </c>
    </row>
    <row r="38708" spans="1:4" x14ac:dyDescent="0.25">
      <c r="A38708" t="s">
        <v>55419</v>
      </c>
      <c r="B38708" t="s">
        <v>55423</v>
      </c>
      <c r="C38708">
        <v>2</v>
      </c>
      <c r="D38708">
        <v>0</v>
      </c>
    </row>
    <row r="38709" spans="1:4" x14ac:dyDescent="0.25">
      <c r="A38709" t="s">
        <v>55419</v>
      </c>
      <c r="B38709" t="s">
        <v>55424</v>
      </c>
      <c r="C38709">
        <v>1</v>
      </c>
      <c r="D38709">
        <v>0</v>
      </c>
    </row>
    <row r="38710" spans="1:4" x14ac:dyDescent="0.25">
      <c r="A38710" t="s">
        <v>55419</v>
      </c>
      <c r="B38710" t="s">
        <v>55425</v>
      </c>
      <c r="C38710">
        <v>2</v>
      </c>
      <c r="D38710">
        <v>0</v>
      </c>
    </row>
    <row r="38711" spans="1:4" x14ac:dyDescent="0.25">
      <c r="A38711" t="s">
        <v>55426</v>
      </c>
      <c r="B38711" t="s">
        <v>55427</v>
      </c>
      <c r="C38711">
        <v>1</v>
      </c>
      <c r="D38711">
        <v>0</v>
      </c>
    </row>
    <row r="38712" spans="1:4" x14ac:dyDescent="0.25">
      <c r="A38712" t="s">
        <v>55426</v>
      </c>
      <c r="B38712" t="s">
        <v>55428</v>
      </c>
      <c r="C38712">
        <v>1</v>
      </c>
      <c r="D38712">
        <v>0</v>
      </c>
    </row>
    <row r="38713" spans="1:4" x14ac:dyDescent="0.25">
      <c r="A38713" t="s">
        <v>55426</v>
      </c>
      <c r="B38713" t="s">
        <v>55429</v>
      </c>
      <c r="C38713">
        <v>1</v>
      </c>
      <c r="D38713">
        <v>0</v>
      </c>
    </row>
    <row r="38714" spans="1:4" x14ac:dyDescent="0.25">
      <c r="A38714" t="s">
        <v>55430</v>
      </c>
      <c r="B38714" t="s">
        <v>55431</v>
      </c>
      <c r="C38714">
        <v>0</v>
      </c>
      <c r="D38714">
        <v>0</v>
      </c>
    </row>
    <row r="38715" spans="1:4" x14ac:dyDescent="0.25">
      <c r="A38715" t="s">
        <v>55430</v>
      </c>
      <c r="B38715" t="s">
        <v>55432</v>
      </c>
      <c r="C38715">
        <v>1</v>
      </c>
      <c r="D38715">
        <v>0</v>
      </c>
    </row>
    <row r="38716" spans="1:4" x14ac:dyDescent="0.25">
      <c r="A38716" t="s">
        <v>55430</v>
      </c>
      <c r="B38716" t="s">
        <v>55433</v>
      </c>
      <c r="C38716">
        <v>0</v>
      </c>
      <c r="D38716">
        <v>0</v>
      </c>
    </row>
    <row r="38717" spans="1:4" x14ac:dyDescent="0.25">
      <c r="A38717" t="s">
        <v>55434</v>
      </c>
      <c r="B38717" t="s">
        <v>55435</v>
      </c>
      <c r="C38717">
        <v>0</v>
      </c>
      <c r="D38717">
        <v>0</v>
      </c>
    </row>
    <row r="38718" spans="1:4" x14ac:dyDescent="0.25">
      <c r="A38718" t="s">
        <v>55434</v>
      </c>
      <c r="B38718" t="s">
        <v>55436</v>
      </c>
      <c r="C38718">
        <v>1</v>
      </c>
      <c r="D38718">
        <v>0</v>
      </c>
    </row>
    <row r="38719" spans="1:4" x14ac:dyDescent="0.25">
      <c r="A38719" t="s">
        <v>55437</v>
      </c>
      <c r="B38719" t="s">
        <v>50137</v>
      </c>
      <c r="C38719">
        <v>1</v>
      </c>
      <c r="D38719">
        <v>0</v>
      </c>
    </row>
    <row r="38720" spans="1:4" x14ac:dyDescent="0.25">
      <c r="A38720" t="s">
        <v>55437</v>
      </c>
      <c r="B38720" t="s">
        <v>55438</v>
      </c>
      <c r="C38720">
        <v>1</v>
      </c>
      <c r="D38720">
        <v>0</v>
      </c>
    </row>
    <row r="38721" spans="1:4" x14ac:dyDescent="0.25">
      <c r="A38721" t="s">
        <v>55437</v>
      </c>
      <c r="B38721" t="s">
        <v>55439</v>
      </c>
      <c r="C38721">
        <v>1</v>
      </c>
      <c r="D38721">
        <v>0</v>
      </c>
    </row>
    <row r="38722" spans="1:4" x14ac:dyDescent="0.25">
      <c r="A38722" t="s">
        <v>55437</v>
      </c>
      <c r="B38722" t="s">
        <v>55440</v>
      </c>
      <c r="C38722">
        <v>1</v>
      </c>
      <c r="D38722">
        <v>0</v>
      </c>
    </row>
    <row r="38723" spans="1:4" x14ac:dyDescent="0.25">
      <c r="A38723" t="s">
        <v>55437</v>
      </c>
      <c r="B38723" t="s">
        <v>5434</v>
      </c>
      <c r="C38723">
        <v>1</v>
      </c>
      <c r="D38723">
        <v>0</v>
      </c>
    </row>
    <row r="38724" spans="1:4" x14ac:dyDescent="0.25">
      <c r="A38724" t="s">
        <v>55437</v>
      </c>
      <c r="B38724" t="s">
        <v>2865</v>
      </c>
      <c r="C38724">
        <v>0</v>
      </c>
      <c r="D38724">
        <v>0</v>
      </c>
    </row>
    <row r="38725" spans="1:4" x14ac:dyDescent="0.25">
      <c r="A38725" t="s">
        <v>55441</v>
      </c>
      <c r="B38725" t="s">
        <v>55442</v>
      </c>
      <c r="C38725">
        <v>1</v>
      </c>
      <c r="D38725">
        <v>0</v>
      </c>
    </row>
    <row r="38726" spans="1:4" x14ac:dyDescent="0.25">
      <c r="A38726" t="s">
        <v>55441</v>
      </c>
      <c r="B38726" t="s">
        <v>55443</v>
      </c>
      <c r="C38726">
        <v>1</v>
      </c>
      <c r="D38726">
        <v>0</v>
      </c>
    </row>
    <row r="38727" spans="1:4" x14ac:dyDescent="0.25">
      <c r="A38727" t="s">
        <v>55444</v>
      </c>
      <c r="B38727" t="s">
        <v>55445</v>
      </c>
      <c r="C38727">
        <v>1</v>
      </c>
      <c r="D38727">
        <v>0</v>
      </c>
    </row>
    <row r="38728" spans="1:4" x14ac:dyDescent="0.25">
      <c r="A38728" t="s">
        <v>55444</v>
      </c>
      <c r="B38728" t="s">
        <v>55446</v>
      </c>
      <c r="C38728">
        <v>0</v>
      </c>
      <c r="D38728">
        <v>0</v>
      </c>
    </row>
    <row r="38729" spans="1:4" x14ac:dyDescent="0.25">
      <c r="A38729" t="s">
        <v>55444</v>
      </c>
      <c r="B38729" t="s">
        <v>55447</v>
      </c>
      <c r="C38729">
        <v>1</v>
      </c>
      <c r="D38729">
        <v>0</v>
      </c>
    </row>
    <row r="38730" spans="1:4" x14ac:dyDescent="0.25">
      <c r="A38730" t="s">
        <v>55444</v>
      </c>
      <c r="B38730" t="s">
        <v>55448</v>
      </c>
      <c r="C38730">
        <v>0</v>
      </c>
      <c r="D38730">
        <v>0</v>
      </c>
    </row>
    <row r="38731" spans="1:4" x14ac:dyDescent="0.25">
      <c r="A38731" t="s">
        <v>55444</v>
      </c>
      <c r="B38731" t="s">
        <v>55449</v>
      </c>
      <c r="C38731">
        <v>0</v>
      </c>
      <c r="D38731">
        <v>0</v>
      </c>
    </row>
    <row r="38732" spans="1:4" x14ac:dyDescent="0.25">
      <c r="A38732" t="s">
        <v>55444</v>
      </c>
      <c r="B38732" t="s">
        <v>55450</v>
      </c>
      <c r="C38732">
        <v>0</v>
      </c>
      <c r="D38732">
        <v>0</v>
      </c>
    </row>
    <row r="38733" spans="1:4" x14ac:dyDescent="0.25">
      <c r="A38733" t="s">
        <v>55444</v>
      </c>
      <c r="B38733" t="s">
        <v>55451</v>
      </c>
      <c r="C38733">
        <v>2</v>
      </c>
      <c r="D38733">
        <v>0</v>
      </c>
    </row>
    <row r="38734" spans="1:4" x14ac:dyDescent="0.25">
      <c r="A38734" t="s">
        <v>55444</v>
      </c>
      <c r="B38734" t="s">
        <v>55452</v>
      </c>
      <c r="C38734">
        <v>2</v>
      </c>
      <c r="D38734">
        <v>0</v>
      </c>
    </row>
    <row r="38735" spans="1:4" x14ac:dyDescent="0.25">
      <c r="A38735" t="s">
        <v>55444</v>
      </c>
      <c r="B38735" t="s">
        <v>55453</v>
      </c>
      <c r="C38735">
        <v>0</v>
      </c>
      <c r="D38735">
        <v>0</v>
      </c>
    </row>
    <row r="38736" spans="1:4" x14ac:dyDescent="0.25">
      <c r="A38736" t="s">
        <v>55444</v>
      </c>
      <c r="B38736" t="s">
        <v>55454</v>
      </c>
      <c r="C38736">
        <v>2</v>
      </c>
      <c r="D38736">
        <v>0</v>
      </c>
    </row>
    <row r="38737" spans="1:4" x14ac:dyDescent="0.25">
      <c r="A38737" t="s">
        <v>55444</v>
      </c>
      <c r="B38737" t="s">
        <v>55455</v>
      </c>
      <c r="C38737">
        <v>2</v>
      </c>
      <c r="D38737">
        <v>0</v>
      </c>
    </row>
    <row r="38738" spans="1:4" x14ac:dyDescent="0.25">
      <c r="A38738" t="s">
        <v>55444</v>
      </c>
      <c r="B38738" t="s">
        <v>55456</v>
      </c>
      <c r="C38738">
        <v>1</v>
      </c>
      <c r="D38738">
        <v>0</v>
      </c>
    </row>
    <row r="38739" spans="1:4" x14ac:dyDescent="0.25">
      <c r="A38739" t="s">
        <v>55444</v>
      </c>
      <c r="B38739" t="s">
        <v>55457</v>
      </c>
      <c r="C38739">
        <v>1</v>
      </c>
      <c r="D38739">
        <v>0</v>
      </c>
    </row>
    <row r="38740" spans="1:4" x14ac:dyDescent="0.25">
      <c r="A38740" t="s">
        <v>55444</v>
      </c>
      <c r="B38740" t="s">
        <v>55458</v>
      </c>
      <c r="C38740">
        <v>0</v>
      </c>
      <c r="D38740">
        <v>0</v>
      </c>
    </row>
    <row r="38741" spans="1:4" x14ac:dyDescent="0.25">
      <c r="A38741" t="s">
        <v>55459</v>
      </c>
      <c r="B38741" t="s">
        <v>55460</v>
      </c>
      <c r="C38741">
        <v>1</v>
      </c>
      <c r="D38741">
        <v>0</v>
      </c>
    </row>
    <row r="38742" spans="1:4" x14ac:dyDescent="0.25">
      <c r="A38742" t="s">
        <v>55459</v>
      </c>
      <c r="B38742" t="s">
        <v>55461</v>
      </c>
      <c r="C38742">
        <v>0</v>
      </c>
      <c r="D38742">
        <v>0</v>
      </c>
    </row>
    <row r="38743" spans="1:4" x14ac:dyDescent="0.25">
      <c r="A38743" t="s">
        <v>55459</v>
      </c>
      <c r="B38743" t="s">
        <v>55462</v>
      </c>
      <c r="C38743">
        <v>2</v>
      </c>
      <c r="D38743">
        <v>0</v>
      </c>
    </row>
    <row r="38744" spans="1:4" x14ac:dyDescent="0.25">
      <c r="A38744" t="s">
        <v>55459</v>
      </c>
      <c r="B38744" t="s">
        <v>55463</v>
      </c>
      <c r="C38744">
        <v>1</v>
      </c>
      <c r="D38744">
        <v>0</v>
      </c>
    </row>
    <row r="38745" spans="1:4" x14ac:dyDescent="0.25">
      <c r="A38745" t="s">
        <v>55459</v>
      </c>
      <c r="B38745" t="s">
        <v>55464</v>
      </c>
      <c r="C38745">
        <v>1</v>
      </c>
      <c r="D38745">
        <v>0</v>
      </c>
    </row>
    <row r="38746" spans="1:4" x14ac:dyDescent="0.25">
      <c r="A38746" t="s">
        <v>55459</v>
      </c>
      <c r="B38746" t="s">
        <v>55465</v>
      </c>
      <c r="C38746">
        <v>0</v>
      </c>
      <c r="D38746">
        <v>0</v>
      </c>
    </row>
    <row r="38747" spans="1:4" x14ac:dyDescent="0.25">
      <c r="A38747" t="s">
        <v>55466</v>
      </c>
      <c r="B38747" t="s">
        <v>55467</v>
      </c>
      <c r="C38747">
        <v>1</v>
      </c>
      <c r="D38747">
        <v>0</v>
      </c>
    </row>
    <row r="38748" spans="1:4" x14ac:dyDescent="0.25">
      <c r="A38748" t="s">
        <v>55466</v>
      </c>
      <c r="B38748" t="s">
        <v>55468</v>
      </c>
      <c r="C38748">
        <v>1</v>
      </c>
      <c r="D38748">
        <v>0</v>
      </c>
    </row>
    <row r="38749" spans="1:4" x14ac:dyDescent="0.25">
      <c r="A38749" t="s">
        <v>55469</v>
      </c>
      <c r="B38749" t="s">
        <v>55470</v>
      </c>
      <c r="C38749">
        <v>1</v>
      </c>
      <c r="D38749">
        <v>0</v>
      </c>
    </row>
    <row r="38750" spans="1:4" x14ac:dyDescent="0.25">
      <c r="A38750" t="s">
        <v>55469</v>
      </c>
      <c r="B38750" t="s">
        <v>2391</v>
      </c>
      <c r="C38750">
        <v>1</v>
      </c>
      <c r="D38750">
        <v>0</v>
      </c>
    </row>
    <row r="38751" spans="1:4" x14ac:dyDescent="0.25">
      <c r="A38751" t="s">
        <v>55469</v>
      </c>
      <c r="B38751" t="s">
        <v>55471</v>
      </c>
      <c r="C38751">
        <v>0</v>
      </c>
      <c r="D38751">
        <v>0</v>
      </c>
    </row>
    <row r="38752" spans="1:4" x14ac:dyDescent="0.25">
      <c r="A38752" t="s">
        <v>55469</v>
      </c>
      <c r="B38752" t="s">
        <v>55472</v>
      </c>
      <c r="C38752">
        <v>2</v>
      </c>
      <c r="D38752">
        <v>0</v>
      </c>
    </row>
    <row r="38753" spans="1:4" x14ac:dyDescent="0.25">
      <c r="A38753" t="s">
        <v>55469</v>
      </c>
      <c r="B38753" t="s">
        <v>55473</v>
      </c>
      <c r="C38753">
        <v>0</v>
      </c>
      <c r="D38753">
        <v>0</v>
      </c>
    </row>
    <row r="38754" spans="1:4" x14ac:dyDescent="0.25">
      <c r="A38754" t="s">
        <v>55474</v>
      </c>
      <c r="B38754" t="s">
        <v>55475</v>
      </c>
      <c r="C38754">
        <v>2</v>
      </c>
      <c r="D38754">
        <v>0</v>
      </c>
    </row>
    <row r="38755" spans="1:4" x14ac:dyDescent="0.25">
      <c r="A38755" t="s">
        <v>55474</v>
      </c>
      <c r="B38755" t="s">
        <v>55476</v>
      </c>
      <c r="C38755">
        <v>1</v>
      </c>
      <c r="D38755">
        <v>0</v>
      </c>
    </row>
    <row r="38756" spans="1:4" x14ac:dyDescent="0.25">
      <c r="A38756" t="s">
        <v>55474</v>
      </c>
      <c r="B38756" t="s">
        <v>55477</v>
      </c>
      <c r="C38756">
        <v>1</v>
      </c>
      <c r="D38756">
        <v>0</v>
      </c>
    </row>
    <row r="38757" spans="1:4" x14ac:dyDescent="0.25">
      <c r="A38757" t="s">
        <v>55474</v>
      </c>
      <c r="B38757" t="s">
        <v>55478</v>
      </c>
      <c r="C38757">
        <v>0</v>
      </c>
      <c r="D38757">
        <v>0</v>
      </c>
    </row>
    <row r="38758" spans="1:4" x14ac:dyDescent="0.25">
      <c r="A38758" t="s">
        <v>55474</v>
      </c>
      <c r="B38758" t="s">
        <v>55479</v>
      </c>
      <c r="C38758">
        <v>1</v>
      </c>
      <c r="D38758">
        <v>0</v>
      </c>
    </row>
    <row r="38759" spans="1:4" x14ac:dyDescent="0.25">
      <c r="A38759" t="s">
        <v>55474</v>
      </c>
      <c r="B38759" t="s">
        <v>55480</v>
      </c>
      <c r="C38759">
        <v>2</v>
      </c>
      <c r="D38759">
        <v>0</v>
      </c>
    </row>
    <row r="38760" spans="1:4" x14ac:dyDescent="0.25">
      <c r="A38760" t="s">
        <v>55474</v>
      </c>
      <c r="B38760" t="s">
        <v>5047</v>
      </c>
      <c r="C38760">
        <v>0</v>
      </c>
      <c r="D38760">
        <v>0</v>
      </c>
    </row>
    <row r="38761" spans="1:4" x14ac:dyDescent="0.25">
      <c r="A38761" t="s">
        <v>55481</v>
      </c>
      <c r="B38761" t="s">
        <v>55482</v>
      </c>
      <c r="C38761">
        <v>2</v>
      </c>
      <c r="D38761">
        <v>0</v>
      </c>
    </row>
    <row r="38762" spans="1:4" x14ac:dyDescent="0.25">
      <c r="A38762" t="s">
        <v>55481</v>
      </c>
      <c r="B38762" t="s">
        <v>55483</v>
      </c>
      <c r="C38762">
        <v>0</v>
      </c>
      <c r="D38762">
        <v>0</v>
      </c>
    </row>
    <row r="38763" spans="1:4" x14ac:dyDescent="0.25">
      <c r="A38763" t="s">
        <v>55484</v>
      </c>
      <c r="B38763" t="s">
        <v>55485</v>
      </c>
      <c r="C38763">
        <v>0</v>
      </c>
      <c r="D38763">
        <v>0</v>
      </c>
    </row>
    <row r="38764" spans="1:4" x14ac:dyDescent="0.25">
      <c r="A38764" t="s">
        <v>55484</v>
      </c>
      <c r="B38764" t="s">
        <v>55486</v>
      </c>
      <c r="C38764">
        <v>1</v>
      </c>
      <c r="D38764">
        <v>0</v>
      </c>
    </row>
    <row r="38765" spans="1:4" x14ac:dyDescent="0.25">
      <c r="A38765" t="s">
        <v>55484</v>
      </c>
      <c r="B38765" t="s">
        <v>2865</v>
      </c>
      <c r="C38765">
        <v>0</v>
      </c>
      <c r="D38765">
        <v>0</v>
      </c>
    </row>
    <row r="38766" spans="1:4" x14ac:dyDescent="0.25">
      <c r="A38766" t="s">
        <v>55484</v>
      </c>
      <c r="B38766" t="s">
        <v>55487</v>
      </c>
      <c r="C38766">
        <v>1</v>
      </c>
      <c r="D38766">
        <v>0</v>
      </c>
    </row>
    <row r="38767" spans="1:4" x14ac:dyDescent="0.25">
      <c r="A38767" t="s">
        <v>55488</v>
      </c>
      <c r="B38767" t="s">
        <v>55489</v>
      </c>
      <c r="C38767">
        <v>1</v>
      </c>
      <c r="D38767">
        <v>0</v>
      </c>
    </row>
    <row r="38768" spans="1:4" x14ac:dyDescent="0.25">
      <c r="A38768" t="s">
        <v>55490</v>
      </c>
      <c r="B38768" t="s">
        <v>55491</v>
      </c>
      <c r="C38768">
        <v>1</v>
      </c>
      <c r="D38768">
        <v>0</v>
      </c>
    </row>
    <row r="38769" spans="1:4" x14ac:dyDescent="0.25">
      <c r="A38769" t="s">
        <v>55490</v>
      </c>
      <c r="B38769" t="s">
        <v>55492</v>
      </c>
      <c r="C38769">
        <v>1</v>
      </c>
      <c r="D38769">
        <v>0</v>
      </c>
    </row>
    <row r="38770" spans="1:4" x14ac:dyDescent="0.25">
      <c r="A38770" t="s">
        <v>55490</v>
      </c>
      <c r="B38770" t="s">
        <v>55493</v>
      </c>
      <c r="C38770">
        <v>2</v>
      </c>
      <c r="D38770">
        <v>0</v>
      </c>
    </row>
    <row r="38771" spans="1:4" x14ac:dyDescent="0.25">
      <c r="A38771" t="s">
        <v>55494</v>
      </c>
      <c r="B38771" t="s">
        <v>55495</v>
      </c>
      <c r="C38771">
        <v>0</v>
      </c>
      <c r="D38771">
        <v>0</v>
      </c>
    </row>
    <row r="38772" spans="1:4" x14ac:dyDescent="0.25">
      <c r="A38772" t="s">
        <v>55496</v>
      </c>
      <c r="B38772" t="s">
        <v>55497</v>
      </c>
      <c r="C38772">
        <v>2</v>
      </c>
      <c r="D38772">
        <v>0</v>
      </c>
    </row>
    <row r="38773" spans="1:4" x14ac:dyDescent="0.25">
      <c r="A38773" t="s">
        <v>55496</v>
      </c>
      <c r="B38773" t="s">
        <v>55498</v>
      </c>
      <c r="C38773">
        <v>1</v>
      </c>
      <c r="D38773">
        <v>0</v>
      </c>
    </row>
    <row r="38774" spans="1:4" x14ac:dyDescent="0.25">
      <c r="A38774" t="s">
        <v>55496</v>
      </c>
      <c r="B38774" t="s">
        <v>55499</v>
      </c>
      <c r="C38774">
        <v>1</v>
      </c>
      <c r="D38774">
        <v>0</v>
      </c>
    </row>
    <row r="38775" spans="1:4" x14ac:dyDescent="0.25">
      <c r="A38775" t="s">
        <v>55496</v>
      </c>
      <c r="B38775" t="s">
        <v>55500</v>
      </c>
      <c r="C38775">
        <v>0</v>
      </c>
      <c r="D38775">
        <v>0</v>
      </c>
    </row>
    <row r="38776" spans="1:4" x14ac:dyDescent="0.25">
      <c r="A38776" t="s">
        <v>55496</v>
      </c>
      <c r="B38776" t="s">
        <v>55501</v>
      </c>
      <c r="C38776">
        <v>2</v>
      </c>
      <c r="D38776">
        <v>0</v>
      </c>
    </row>
    <row r="38777" spans="1:4" x14ac:dyDescent="0.25">
      <c r="A38777" t="s">
        <v>55502</v>
      </c>
      <c r="B38777" t="s">
        <v>55503</v>
      </c>
      <c r="C38777">
        <v>2</v>
      </c>
      <c r="D38777">
        <v>0</v>
      </c>
    </row>
    <row r="38778" spans="1:4" x14ac:dyDescent="0.25">
      <c r="A38778" t="s">
        <v>55502</v>
      </c>
      <c r="B38778" t="s">
        <v>55504</v>
      </c>
      <c r="C38778">
        <v>1</v>
      </c>
      <c r="D38778">
        <v>0</v>
      </c>
    </row>
    <row r="38779" spans="1:4" x14ac:dyDescent="0.25">
      <c r="A38779" t="s">
        <v>55505</v>
      </c>
      <c r="B38779" t="s">
        <v>55506</v>
      </c>
      <c r="C38779">
        <v>0</v>
      </c>
      <c r="D38779">
        <v>0</v>
      </c>
    </row>
    <row r="38780" spans="1:4" x14ac:dyDescent="0.25">
      <c r="A38780" t="s">
        <v>55505</v>
      </c>
      <c r="B38780" t="s">
        <v>55507</v>
      </c>
      <c r="C38780">
        <v>0</v>
      </c>
      <c r="D38780">
        <v>0</v>
      </c>
    </row>
    <row r="38781" spans="1:4" x14ac:dyDescent="0.25">
      <c r="A38781" t="s">
        <v>55505</v>
      </c>
      <c r="B38781" t="s">
        <v>55508</v>
      </c>
      <c r="C38781">
        <v>0</v>
      </c>
      <c r="D38781">
        <v>0</v>
      </c>
    </row>
    <row r="38782" spans="1:4" x14ac:dyDescent="0.25">
      <c r="A38782" t="s">
        <v>55505</v>
      </c>
      <c r="B38782" t="s">
        <v>55509</v>
      </c>
      <c r="C38782">
        <v>0</v>
      </c>
      <c r="D38782">
        <v>0</v>
      </c>
    </row>
    <row r="38783" spans="1:4" x14ac:dyDescent="0.25">
      <c r="A38783" t="s">
        <v>55510</v>
      </c>
      <c r="B38783" t="s">
        <v>55511</v>
      </c>
      <c r="C38783">
        <v>1</v>
      </c>
      <c r="D38783">
        <v>0</v>
      </c>
    </row>
    <row r="38784" spans="1:4" x14ac:dyDescent="0.25">
      <c r="A38784" t="s">
        <v>55510</v>
      </c>
      <c r="B38784" t="s">
        <v>55512</v>
      </c>
      <c r="C38784">
        <v>1</v>
      </c>
      <c r="D38784">
        <v>0</v>
      </c>
    </row>
    <row r="38785" spans="1:4" x14ac:dyDescent="0.25">
      <c r="A38785" t="s">
        <v>55510</v>
      </c>
      <c r="B38785" t="s">
        <v>55513</v>
      </c>
      <c r="C38785">
        <v>1</v>
      </c>
      <c r="D38785">
        <v>0</v>
      </c>
    </row>
    <row r="38786" spans="1:4" x14ac:dyDescent="0.25">
      <c r="A38786" t="s">
        <v>55510</v>
      </c>
      <c r="B38786" t="s">
        <v>5434</v>
      </c>
      <c r="C38786">
        <v>1</v>
      </c>
      <c r="D38786">
        <v>0</v>
      </c>
    </row>
    <row r="38787" spans="1:4" x14ac:dyDescent="0.25">
      <c r="A38787" t="s">
        <v>55510</v>
      </c>
      <c r="B38787" t="s">
        <v>55514</v>
      </c>
      <c r="C38787">
        <v>1</v>
      </c>
      <c r="D38787">
        <v>0</v>
      </c>
    </row>
    <row r="38788" spans="1:4" x14ac:dyDescent="0.25">
      <c r="A38788" t="s">
        <v>55510</v>
      </c>
      <c r="B38788" t="s">
        <v>54421</v>
      </c>
      <c r="C38788">
        <v>0</v>
      </c>
      <c r="D38788">
        <v>0</v>
      </c>
    </row>
    <row r="38789" spans="1:4" x14ac:dyDescent="0.25">
      <c r="A38789" t="s">
        <v>55515</v>
      </c>
      <c r="B38789" t="s">
        <v>55516</v>
      </c>
      <c r="C38789">
        <v>1</v>
      </c>
      <c r="D38789">
        <v>0</v>
      </c>
    </row>
    <row r="38790" spans="1:4" x14ac:dyDescent="0.25">
      <c r="A38790" t="s">
        <v>55515</v>
      </c>
      <c r="B38790" t="s">
        <v>55517</v>
      </c>
      <c r="C38790">
        <v>1</v>
      </c>
      <c r="D38790">
        <v>0</v>
      </c>
    </row>
    <row r="38791" spans="1:4" x14ac:dyDescent="0.25">
      <c r="A38791" t="s">
        <v>55515</v>
      </c>
      <c r="B38791" t="s">
        <v>55518</v>
      </c>
      <c r="C38791">
        <v>1</v>
      </c>
      <c r="D38791">
        <v>0</v>
      </c>
    </row>
    <row r="38792" spans="1:4" x14ac:dyDescent="0.25">
      <c r="A38792" t="s">
        <v>55515</v>
      </c>
      <c r="B38792" t="s">
        <v>55519</v>
      </c>
      <c r="C38792">
        <v>1</v>
      </c>
      <c r="D38792">
        <v>0</v>
      </c>
    </row>
    <row r="38793" spans="1:4" x14ac:dyDescent="0.25">
      <c r="A38793" t="s">
        <v>55520</v>
      </c>
      <c r="B38793" t="s">
        <v>55521</v>
      </c>
      <c r="C38793">
        <v>1</v>
      </c>
      <c r="D38793">
        <v>0</v>
      </c>
    </row>
    <row r="38794" spans="1:4" x14ac:dyDescent="0.25">
      <c r="A38794" t="s">
        <v>55520</v>
      </c>
      <c r="B38794" t="s">
        <v>55522</v>
      </c>
      <c r="C38794">
        <v>1</v>
      </c>
      <c r="D38794">
        <v>0</v>
      </c>
    </row>
    <row r="38795" spans="1:4" x14ac:dyDescent="0.25">
      <c r="A38795" t="s">
        <v>55520</v>
      </c>
      <c r="B38795" t="s">
        <v>55523</v>
      </c>
      <c r="C38795">
        <v>2</v>
      </c>
      <c r="D38795">
        <v>0</v>
      </c>
    </row>
    <row r="38796" spans="1:4" x14ac:dyDescent="0.25">
      <c r="A38796" t="s">
        <v>55520</v>
      </c>
      <c r="B38796" t="s">
        <v>55524</v>
      </c>
      <c r="C38796">
        <v>1</v>
      </c>
      <c r="D38796">
        <v>0</v>
      </c>
    </row>
    <row r="38797" spans="1:4" x14ac:dyDescent="0.25">
      <c r="A38797" t="s">
        <v>55520</v>
      </c>
      <c r="B38797" t="s">
        <v>55523</v>
      </c>
      <c r="C38797">
        <v>1</v>
      </c>
      <c r="D38797">
        <v>0</v>
      </c>
    </row>
    <row r="38798" spans="1:4" x14ac:dyDescent="0.25">
      <c r="A38798" t="s">
        <v>55525</v>
      </c>
      <c r="B38798" t="s">
        <v>55526</v>
      </c>
      <c r="C38798">
        <v>0</v>
      </c>
      <c r="D38798">
        <v>0</v>
      </c>
    </row>
    <row r="38799" spans="1:4" x14ac:dyDescent="0.25">
      <c r="A38799" t="s">
        <v>55525</v>
      </c>
      <c r="B38799" t="s">
        <v>55527</v>
      </c>
      <c r="C38799">
        <v>0</v>
      </c>
      <c r="D38799">
        <v>0</v>
      </c>
    </row>
    <row r="38800" spans="1:4" x14ac:dyDescent="0.25">
      <c r="A38800" t="s">
        <v>55525</v>
      </c>
      <c r="B38800" t="s">
        <v>55528</v>
      </c>
      <c r="C38800">
        <v>0</v>
      </c>
      <c r="D38800">
        <v>0</v>
      </c>
    </row>
    <row r="38801" spans="1:4" x14ac:dyDescent="0.25">
      <c r="A38801" t="s">
        <v>55525</v>
      </c>
      <c r="B38801" t="s">
        <v>55529</v>
      </c>
      <c r="C38801">
        <v>0</v>
      </c>
      <c r="D38801">
        <v>0</v>
      </c>
    </row>
    <row r="38802" spans="1:4" x14ac:dyDescent="0.25">
      <c r="A38802" t="s">
        <v>55525</v>
      </c>
      <c r="B38802" t="s">
        <v>55530</v>
      </c>
      <c r="C38802">
        <v>0</v>
      </c>
      <c r="D38802">
        <v>0</v>
      </c>
    </row>
    <row r="38803" spans="1:4" x14ac:dyDescent="0.25">
      <c r="A38803" t="s">
        <v>55531</v>
      </c>
      <c r="B38803" t="s">
        <v>55532</v>
      </c>
      <c r="C38803">
        <v>1</v>
      </c>
      <c r="D38803">
        <v>0</v>
      </c>
    </row>
    <row r="38804" spans="1:4" x14ac:dyDescent="0.25">
      <c r="A38804" t="s">
        <v>55531</v>
      </c>
      <c r="B38804" t="s">
        <v>55533</v>
      </c>
      <c r="C38804">
        <v>1</v>
      </c>
      <c r="D38804">
        <v>0</v>
      </c>
    </row>
    <row r="38805" spans="1:4" x14ac:dyDescent="0.25">
      <c r="A38805" t="s">
        <v>55531</v>
      </c>
      <c r="B38805" t="s">
        <v>55534</v>
      </c>
      <c r="C38805">
        <v>1</v>
      </c>
      <c r="D38805">
        <v>0</v>
      </c>
    </row>
    <row r="38806" spans="1:4" x14ac:dyDescent="0.25">
      <c r="A38806" t="s">
        <v>55531</v>
      </c>
      <c r="B38806" t="s">
        <v>55535</v>
      </c>
      <c r="C38806">
        <v>2</v>
      </c>
      <c r="D38806">
        <v>0</v>
      </c>
    </row>
    <row r="38807" spans="1:4" x14ac:dyDescent="0.25">
      <c r="A38807" t="s">
        <v>55531</v>
      </c>
      <c r="B38807" t="s">
        <v>55536</v>
      </c>
      <c r="C38807">
        <v>1</v>
      </c>
      <c r="D38807">
        <v>0</v>
      </c>
    </row>
    <row r="38808" spans="1:4" x14ac:dyDescent="0.25">
      <c r="A38808" t="s">
        <v>55531</v>
      </c>
      <c r="B38808" t="s">
        <v>55537</v>
      </c>
      <c r="C38808">
        <v>1</v>
      </c>
      <c r="D38808">
        <v>0</v>
      </c>
    </row>
    <row r="38809" spans="1:4" x14ac:dyDescent="0.25">
      <c r="A38809" t="s">
        <v>55538</v>
      </c>
      <c r="B38809" t="s">
        <v>55539</v>
      </c>
      <c r="C38809">
        <v>1</v>
      </c>
      <c r="D38809">
        <v>0</v>
      </c>
    </row>
    <row r="38810" spans="1:4" x14ac:dyDescent="0.25">
      <c r="A38810" t="s">
        <v>55538</v>
      </c>
      <c r="B38810" t="s">
        <v>55540</v>
      </c>
      <c r="C38810">
        <v>0</v>
      </c>
      <c r="D38810">
        <v>0</v>
      </c>
    </row>
    <row r="38811" spans="1:4" x14ac:dyDescent="0.25">
      <c r="A38811" t="s">
        <v>55538</v>
      </c>
      <c r="B38811" t="s">
        <v>55541</v>
      </c>
      <c r="C38811">
        <v>1</v>
      </c>
      <c r="D38811">
        <v>0</v>
      </c>
    </row>
    <row r="38812" spans="1:4" x14ac:dyDescent="0.25">
      <c r="A38812" t="s">
        <v>55538</v>
      </c>
      <c r="B38812" t="s">
        <v>55542</v>
      </c>
      <c r="C38812">
        <v>0</v>
      </c>
      <c r="D38812">
        <v>0</v>
      </c>
    </row>
    <row r="38813" spans="1:4" x14ac:dyDescent="0.25">
      <c r="A38813" t="s">
        <v>55538</v>
      </c>
      <c r="B38813" t="s">
        <v>55543</v>
      </c>
      <c r="C38813">
        <v>1</v>
      </c>
      <c r="D38813">
        <v>0</v>
      </c>
    </row>
    <row r="38814" spans="1:4" x14ac:dyDescent="0.25">
      <c r="A38814" t="s">
        <v>55538</v>
      </c>
      <c r="B38814" t="s">
        <v>55544</v>
      </c>
      <c r="C38814">
        <v>1</v>
      </c>
      <c r="D38814">
        <v>0</v>
      </c>
    </row>
    <row r="38815" spans="1:4" x14ac:dyDescent="0.25">
      <c r="A38815" t="s">
        <v>55545</v>
      </c>
      <c r="B38815" t="s">
        <v>55546</v>
      </c>
      <c r="C38815">
        <v>2</v>
      </c>
      <c r="D38815">
        <v>0</v>
      </c>
    </row>
    <row r="38816" spans="1:4" x14ac:dyDescent="0.25">
      <c r="A38816" t="s">
        <v>55547</v>
      </c>
      <c r="B38816" t="s">
        <v>55548</v>
      </c>
      <c r="C38816">
        <v>1</v>
      </c>
      <c r="D38816">
        <v>0</v>
      </c>
    </row>
    <row r="38817" spans="1:4" x14ac:dyDescent="0.25">
      <c r="A38817" t="s">
        <v>55547</v>
      </c>
      <c r="B38817" t="s">
        <v>55549</v>
      </c>
      <c r="C38817">
        <v>1</v>
      </c>
      <c r="D38817">
        <v>0</v>
      </c>
    </row>
    <row r="38818" spans="1:4" x14ac:dyDescent="0.25">
      <c r="A38818" t="s">
        <v>55550</v>
      </c>
      <c r="B38818" t="s">
        <v>55551</v>
      </c>
      <c r="C38818">
        <v>1</v>
      </c>
      <c r="D38818">
        <v>0</v>
      </c>
    </row>
    <row r="38819" spans="1:4" x14ac:dyDescent="0.25">
      <c r="A38819" t="s">
        <v>55550</v>
      </c>
      <c r="B38819" t="s">
        <v>55552</v>
      </c>
      <c r="C38819">
        <v>1</v>
      </c>
      <c r="D38819">
        <v>0</v>
      </c>
    </row>
    <row r="38820" spans="1:4" x14ac:dyDescent="0.25">
      <c r="A38820" t="s">
        <v>55553</v>
      </c>
      <c r="B38820" t="s">
        <v>55554</v>
      </c>
      <c r="C38820">
        <v>1</v>
      </c>
      <c r="D38820">
        <v>0</v>
      </c>
    </row>
    <row r="38821" spans="1:4" x14ac:dyDescent="0.25">
      <c r="A38821" t="s">
        <v>55553</v>
      </c>
      <c r="B38821" t="s">
        <v>55555</v>
      </c>
      <c r="C38821">
        <v>1</v>
      </c>
      <c r="D38821">
        <v>0</v>
      </c>
    </row>
    <row r="38822" spans="1:4" x14ac:dyDescent="0.25">
      <c r="A38822" t="s">
        <v>55553</v>
      </c>
      <c r="B38822" t="s">
        <v>55556</v>
      </c>
      <c r="C38822">
        <v>0</v>
      </c>
      <c r="D38822">
        <v>0</v>
      </c>
    </row>
    <row r="38823" spans="1:4" x14ac:dyDescent="0.25">
      <c r="A38823" t="s">
        <v>55553</v>
      </c>
      <c r="B38823" t="s">
        <v>55557</v>
      </c>
      <c r="C38823">
        <v>1</v>
      </c>
      <c r="D38823">
        <v>0</v>
      </c>
    </row>
    <row r="38824" spans="1:4" x14ac:dyDescent="0.25">
      <c r="A38824" t="s">
        <v>55558</v>
      </c>
      <c r="B38824" t="s">
        <v>55559</v>
      </c>
      <c r="C38824">
        <v>0</v>
      </c>
      <c r="D38824">
        <v>0</v>
      </c>
    </row>
    <row r="38825" spans="1:4" x14ac:dyDescent="0.25">
      <c r="A38825" t="s">
        <v>55558</v>
      </c>
      <c r="B38825" t="s">
        <v>55560</v>
      </c>
      <c r="C38825">
        <v>0</v>
      </c>
      <c r="D38825">
        <v>0</v>
      </c>
    </row>
    <row r="38826" spans="1:4" x14ac:dyDescent="0.25">
      <c r="A38826" t="s">
        <v>55558</v>
      </c>
      <c r="B38826" t="s">
        <v>55561</v>
      </c>
      <c r="C38826">
        <v>0</v>
      </c>
      <c r="D38826">
        <v>0</v>
      </c>
    </row>
    <row r="38827" spans="1:4" x14ac:dyDescent="0.25">
      <c r="A38827" t="s">
        <v>55558</v>
      </c>
      <c r="B38827" t="s">
        <v>55562</v>
      </c>
      <c r="C38827">
        <v>0</v>
      </c>
      <c r="D38827">
        <v>0</v>
      </c>
    </row>
    <row r="38828" spans="1:4" x14ac:dyDescent="0.25">
      <c r="A38828" t="s">
        <v>55563</v>
      </c>
      <c r="B38828" t="s">
        <v>55564</v>
      </c>
      <c r="C38828">
        <v>2</v>
      </c>
      <c r="D38828">
        <v>0</v>
      </c>
    </row>
    <row r="38829" spans="1:4" x14ac:dyDescent="0.25">
      <c r="A38829" t="s">
        <v>55563</v>
      </c>
      <c r="B38829" t="s">
        <v>55565</v>
      </c>
      <c r="C38829">
        <v>2</v>
      </c>
      <c r="D38829">
        <v>0</v>
      </c>
    </row>
    <row r="38830" spans="1:4" x14ac:dyDescent="0.25">
      <c r="A38830" t="s">
        <v>55563</v>
      </c>
      <c r="B38830" t="s">
        <v>55566</v>
      </c>
      <c r="C38830">
        <v>0</v>
      </c>
      <c r="D38830">
        <v>0</v>
      </c>
    </row>
    <row r="38831" spans="1:4" x14ac:dyDescent="0.25">
      <c r="A38831" t="s">
        <v>55567</v>
      </c>
      <c r="B38831" t="s">
        <v>55568</v>
      </c>
      <c r="C38831">
        <v>1</v>
      </c>
      <c r="D38831">
        <v>0</v>
      </c>
    </row>
    <row r="38832" spans="1:4" x14ac:dyDescent="0.25">
      <c r="A38832" t="s">
        <v>55567</v>
      </c>
      <c r="B38832" t="s">
        <v>55569</v>
      </c>
      <c r="C38832">
        <v>2</v>
      </c>
      <c r="D38832">
        <v>0</v>
      </c>
    </row>
    <row r="38833" spans="1:4" x14ac:dyDescent="0.25">
      <c r="A38833" t="s">
        <v>55567</v>
      </c>
      <c r="B38833" t="s">
        <v>55570</v>
      </c>
      <c r="C38833">
        <v>1</v>
      </c>
      <c r="D38833">
        <v>0</v>
      </c>
    </row>
    <row r="38834" spans="1:4" x14ac:dyDescent="0.25">
      <c r="A38834" t="s">
        <v>55567</v>
      </c>
      <c r="B38834" t="s">
        <v>55571</v>
      </c>
      <c r="C38834">
        <v>1</v>
      </c>
      <c r="D38834">
        <v>0</v>
      </c>
    </row>
    <row r="38835" spans="1:4" x14ac:dyDescent="0.25">
      <c r="A38835" t="s">
        <v>55567</v>
      </c>
      <c r="B38835" t="s">
        <v>55572</v>
      </c>
      <c r="C38835">
        <v>0</v>
      </c>
      <c r="D38835">
        <v>0</v>
      </c>
    </row>
    <row r="38836" spans="1:4" x14ac:dyDescent="0.25">
      <c r="A38836" t="s">
        <v>55567</v>
      </c>
      <c r="B38836" t="s">
        <v>55573</v>
      </c>
      <c r="C38836">
        <v>1</v>
      </c>
      <c r="D38836">
        <v>0</v>
      </c>
    </row>
    <row r="38837" spans="1:4" x14ac:dyDescent="0.25">
      <c r="A38837" t="s">
        <v>55567</v>
      </c>
      <c r="B38837" t="s">
        <v>55574</v>
      </c>
      <c r="C38837">
        <v>1</v>
      </c>
      <c r="D38837">
        <v>0</v>
      </c>
    </row>
    <row r="38838" spans="1:4" x14ac:dyDescent="0.25">
      <c r="A38838" t="s">
        <v>55567</v>
      </c>
      <c r="B38838" t="s">
        <v>55575</v>
      </c>
      <c r="C38838">
        <v>0</v>
      </c>
      <c r="D38838">
        <v>0</v>
      </c>
    </row>
    <row r="38839" spans="1:4" x14ac:dyDescent="0.25">
      <c r="A38839" t="s">
        <v>55576</v>
      </c>
      <c r="B38839" t="s">
        <v>55577</v>
      </c>
      <c r="C38839">
        <v>0</v>
      </c>
      <c r="D38839">
        <v>0</v>
      </c>
    </row>
    <row r="38840" spans="1:4" x14ac:dyDescent="0.25">
      <c r="A38840" t="s">
        <v>55576</v>
      </c>
      <c r="B38840" t="s">
        <v>55578</v>
      </c>
      <c r="C38840">
        <v>0</v>
      </c>
      <c r="D38840">
        <v>0</v>
      </c>
    </row>
    <row r="38841" spans="1:4" x14ac:dyDescent="0.25">
      <c r="A38841" t="s">
        <v>55579</v>
      </c>
      <c r="B38841" t="s">
        <v>55580</v>
      </c>
      <c r="C38841">
        <v>0</v>
      </c>
      <c r="D38841">
        <v>0</v>
      </c>
    </row>
    <row r="38842" spans="1:4" x14ac:dyDescent="0.25">
      <c r="A38842" t="s">
        <v>55579</v>
      </c>
      <c r="B38842" t="s">
        <v>55581</v>
      </c>
      <c r="C38842">
        <v>2</v>
      </c>
      <c r="D38842">
        <v>0</v>
      </c>
    </row>
    <row r="38843" spans="1:4" x14ac:dyDescent="0.25">
      <c r="A38843" t="s">
        <v>55579</v>
      </c>
      <c r="B38843" t="s">
        <v>55582</v>
      </c>
      <c r="C38843">
        <v>1</v>
      </c>
      <c r="D38843">
        <v>0</v>
      </c>
    </row>
    <row r="38844" spans="1:4" x14ac:dyDescent="0.25">
      <c r="A38844" t="s">
        <v>55579</v>
      </c>
      <c r="B38844" t="s">
        <v>55583</v>
      </c>
      <c r="C38844">
        <v>1</v>
      </c>
      <c r="D38844">
        <v>0</v>
      </c>
    </row>
    <row r="38845" spans="1:4" x14ac:dyDescent="0.25">
      <c r="A38845" t="s">
        <v>55584</v>
      </c>
      <c r="B38845" t="s">
        <v>55585</v>
      </c>
      <c r="C38845">
        <v>1</v>
      </c>
      <c r="D38845">
        <v>0</v>
      </c>
    </row>
    <row r="38846" spans="1:4" x14ac:dyDescent="0.25">
      <c r="A38846" t="s">
        <v>55584</v>
      </c>
      <c r="B38846" t="s">
        <v>55586</v>
      </c>
      <c r="C38846">
        <v>0</v>
      </c>
      <c r="D38846">
        <v>0</v>
      </c>
    </row>
    <row r="38847" spans="1:4" x14ac:dyDescent="0.25">
      <c r="A38847" t="s">
        <v>55584</v>
      </c>
      <c r="B38847" t="s">
        <v>55587</v>
      </c>
      <c r="C38847">
        <v>0</v>
      </c>
      <c r="D38847">
        <v>0</v>
      </c>
    </row>
    <row r="38848" spans="1:4" x14ac:dyDescent="0.25">
      <c r="A38848" t="s">
        <v>55584</v>
      </c>
      <c r="B38848" t="s">
        <v>55588</v>
      </c>
      <c r="C38848">
        <v>1</v>
      </c>
      <c r="D38848">
        <v>0</v>
      </c>
    </row>
    <row r="38849" spans="1:4" x14ac:dyDescent="0.25">
      <c r="A38849" t="s">
        <v>55584</v>
      </c>
      <c r="B38849" t="s">
        <v>55589</v>
      </c>
      <c r="C38849">
        <v>1</v>
      </c>
      <c r="D38849">
        <v>0</v>
      </c>
    </row>
    <row r="38850" spans="1:4" x14ac:dyDescent="0.25">
      <c r="A38850" t="s">
        <v>55584</v>
      </c>
      <c r="B38850" t="s">
        <v>55590</v>
      </c>
      <c r="C38850">
        <v>0</v>
      </c>
      <c r="D38850">
        <v>0</v>
      </c>
    </row>
    <row r="38851" spans="1:4" x14ac:dyDescent="0.25">
      <c r="A38851" t="s">
        <v>55584</v>
      </c>
      <c r="B38851" t="s">
        <v>55591</v>
      </c>
      <c r="C38851">
        <v>1</v>
      </c>
      <c r="D38851">
        <v>0</v>
      </c>
    </row>
    <row r="38852" spans="1:4" x14ac:dyDescent="0.25">
      <c r="A38852" t="s">
        <v>55592</v>
      </c>
      <c r="B38852" t="s">
        <v>55593</v>
      </c>
      <c r="C38852">
        <v>1</v>
      </c>
      <c r="D38852">
        <v>0</v>
      </c>
    </row>
    <row r="38853" spans="1:4" x14ac:dyDescent="0.25">
      <c r="A38853" t="s">
        <v>55592</v>
      </c>
      <c r="B38853" t="s">
        <v>55594</v>
      </c>
      <c r="C38853">
        <v>0</v>
      </c>
      <c r="D38853">
        <v>0</v>
      </c>
    </row>
    <row r="38854" spans="1:4" x14ac:dyDescent="0.25">
      <c r="A38854" t="s">
        <v>55592</v>
      </c>
      <c r="B38854" t="s">
        <v>55595</v>
      </c>
      <c r="C38854">
        <v>2</v>
      </c>
      <c r="D38854">
        <v>0</v>
      </c>
    </row>
    <row r="38855" spans="1:4" x14ac:dyDescent="0.25">
      <c r="A38855" t="s">
        <v>55592</v>
      </c>
      <c r="B38855" t="s">
        <v>55596</v>
      </c>
      <c r="C38855">
        <v>0</v>
      </c>
      <c r="D38855">
        <v>0</v>
      </c>
    </row>
    <row r="38856" spans="1:4" x14ac:dyDescent="0.25">
      <c r="A38856" t="s">
        <v>55592</v>
      </c>
      <c r="B38856" t="s">
        <v>55597</v>
      </c>
      <c r="C38856">
        <v>0</v>
      </c>
      <c r="D38856">
        <v>0</v>
      </c>
    </row>
    <row r="38857" spans="1:4" x14ac:dyDescent="0.25">
      <c r="A38857" t="s">
        <v>55592</v>
      </c>
      <c r="B38857" t="s">
        <v>55598</v>
      </c>
      <c r="C38857">
        <v>2</v>
      </c>
      <c r="D38857">
        <v>0</v>
      </c>
    </row>
    <row r="38858" spans="1:4" x14ac:dyDescent="0.25">
      <c r="A38858" t="s">
        <v>55592</v>
      </c>
      <c r="B38858" t="s">
        <v>19483</v>
      </c>
      <c r="C38858">
        <v>0</v>
      </c>
      <c r="D38858">
        <v>0</v>
      </c>
    </row>
    <row r="38859" spans="1:4" x14ac:dyDescent="0.25">
      <c r="A38859" t="s">
        <v>55592</v>
      </c>
      <c r="B38859" t="s">
        <v>55599</v>
      </c>
      <c r="C38859">
        <v>1</v>
      </c>
      <c r="D38859">
        <v>0</v>
      </c>
    </row>
    <row r="38860" spans="1:4" x14ac:dyDescent="0.25">
      <c r="A38860" t="s">
        <v>55592</v>
      </c>
      <c r="B38860" t="s">
        <v>55600</v>
      </c>
      <c r="C38860">
        <v>0</v>
      </c>
      <c r="D38860">
        <v>0</v>
      </c>
    </row>
    <row r="38861" spans="1:4" x14ac:dyDescent="0.25">
      <c r="A38861" t="s">
        <v>55601</v>
      </c>
      <c r="B38861" t="s">
        <v>55602</v>
      </c>
      <c r="C38861">
        <v>0</v>
      </c>
      <c r="D38861">
        <v>0</v>
      </c>
    </row>
    <row r="38862" spans="1:4" x14ac:dyDescent="0.25">
      <c r="A38862" t="s">
        <v>55601</v>
      </c>
      <c r="B38862" t="s">
        <v>55603</v>
      </c>
      <c r="C38862">
        <v>1</v>
      </c>
      <c r="D38862">
        <v>0</v>
      </c>
    </row>
    <row r="38863" spans="1:4" x14ac:dyDescent="0.25">
      <c r="A38863" t="s">
        <v>55601</v>
      </c>
      <c r="B38863" t="s">
        <v>55604</v>
      </c>
      <c r="C38863">
        <v>1</v>
      </c>
      <c r="D38863">
        <v>0</v>
      </c>
    </row>
    <row r="38864" spans="1:4" x14ac:dyDescent="0.25">
      <c r="A38864" t="s">
        <v>55601</v>
      </c>
      <c r="B38864" t="s">
        <v>55605</v>
      </c>
      <c r="C38864">
        <v>0</v>
      </c>
      <c r="D38864">
        <v>0</v>
      </c>
    </row>
    <row r="38865" spans="1:4" x14ac:dyDescent="0.25">
      <c r="A38865" t="s">
        <v>55601</v>
      </c>
      <c r="B38865" t="s">
        <v>55606</v>
      </c>
      <c r="C38865">
        <v>0</v>
      </c>
      <c r="D38865">
        <v>0</v>
      </c>
    </row>
    <row r="38866" spans="1:4" x14ac:dyDescent="0.25">
      <c r="A38866" t="s">
        <v>55601</v>
      </c>
      <c r="B38866" t="s">
        <v>55607</v>
      </c>
      <c r="C38866">
        <v>0</v>
      </c>
      <c r="D38866">
        <v>0</v>
      </c>
    </row>
    <row r="38867" spans="1:4" x14ac:dyDescent="0.25">
      <c r="A38867" t="s">
        <v>55601</v>
      </c>
      <c r="B38867" t="s">
        <v>55608</v>
      </c>
      <c r="C38867">
        <v>0</v>
      </c>
      <c r="D38867">
        <v>0</v>
      </c>
    </row>
    <row r="38868" spans="1:4" x14ac:dyDescent="0.25">
      <c r="A38868" t="s">
        <v>55601</v>
      </c>
      <c r="B38868" t="s">
        <v>55609</v>
      </c>
      <c r="C38868">
        <v>0</v>
      </c>
      <c r="D38868">
        <v>0</v>
      </c>
    </row>
    <row r="38869" spans="1:4" x14ac:dyDescent="0.25">
      <c r="A38869" t="s">
        <v>55610</v>
      </c>
      <c r="B38869" t="s">
        <v>55611</v>
      </c>
      <c r="C38869">
        <v>1</v>
      </c>
      <c r="D38869">
        <v>0</v>
      </c>
    </row>
    <row r="38870" spans="1:4" x14ac:dyDescent="0.25">
      <c r="A38870" t="s">
        <v>55610</v>
      </c>
      <c r="B38870" t="s">
        <v>55612</v>
      </c>
      <c r="C38870">
        <v>0</v>
      </c>
      <c r="D38870">
        <v>0</v>
      </c>
    </row>
    <row r="38871" spans="1:4" x14ac:dyDescent="0.25">
      <c r="A38871" t="s">
        <v>55610</v>
      </c>
      <c r="B38871" t="s">
        <v>55613</v>
      </c>
      <c r="C38871">
        <v>1</v>
      </c>
      <c r="D38871">
        <v>0</v>
      </c>
    </row>
    <row r="38872" spans="1:4" x14ac:dyDescent="0.25">
      <c r="A38872" t="s">
        <v>55610</v>
      </c>
      <c r="B38872" t="s">
        <v>55614</v>
      </c>
      <c r="C38872">
        <v>1</v>
      </c>
      <c r="D38872">
        <v>0</v>
      </c>
    </row>
    <row r="38873" spans="1:4" x14ac:dyDescent="0.25">
      <c r="A38873" t="s">
        <v>55610</v>
      </c>
      <c r="B38873" t="s">
        <v>55615</v>
      </c>
      <c r="C38873">
        <v>1</v>
      </c>
      <c r="D38873">
        <v>0</v>
      </c>
    </row>
    <row r="38874" spans="1:4" x14ac:dyDescent="0.25">
      <c r="A38874" t="s">
        <v>55610</v>
      </c>
      <c r="B38874" t="s">
        <v>843</v>
      </c>
      <c r="C38874">
        <v>1</v>
      </c>
      <c r="D38874">
        <v>0</v>
      </c>
    </row>
    <row r="38875" spans="1:4" x14ac:dyDescent="0.25">
      <c r="A38875" t="s">
        <v>55610</v>
      </c>
      <c r="B38875" t="s">
        <v>55616</v>
      </c>
      <c r="C38875">
        <v>1</v>
      </c>
      <c r="D38875">
        <v>0</v>
      </c>
    </row>
    <row r="38876" spans="1:4" x14ac:dyDescent="0.25">
      <c r="A38876" t="s">
        <v>55610</v>
      </c>
      <c r="B38876" t="s">
        <v>41998</v>
      </c>
      <c r="C38876">
        <v>1</v>
      </c>
      <c r="D38876">
        <v>0</v>
      </c>
    </row>
    <row r="38877" spans="1:4" x14ac:dyDescent="0.25">
      <c r="A38877" t="s">
        <v>55617</v>
      </c>
      <c r="B38877" t="s">
        <v>55618</v>
      </c>
      <c r="C38877">
        <v>1</v>
      </c>
      <c r="D38877">
        <v>0</v>
      </c>
    </row>
    <row r="38878" spans="1:4" x14ac:dyDescent="0.25">
      <c r="A38878" t="s">
        <v>55617</v>
      </c>
      <c r="B38878" t="s">
        <v>55619</v>
      </c>
      <c r="C38878">
        <v>1</v>
      </c>
      <c r="D38878">
        <v>0</v>
      </c>
    </row>
    <row r="38879" spans="1:4" x14ac:dyDescent="0.25">
      <c r="A38879" t="s">
        <v>55617</v>
      </c>
      <c r="B38879" t="s">
        <v>5713</v>
      </c>
      <c r="C38879">
        <v>1</v>
      </c>
      <c r="D38879">
        <v>0</v>
      </c>
    </row>
    <row r="38880" spans="1:4" x14ac:dyDescent="0.25">
      <c r="A38880" t="s">
        <v>55617</v>
      </c>
      <c r="B38880" t="s">
        <v>55620</v>
      </c>
      <c r="C38880">
        <v>1</v>
      </c>
      <c r="D38880">
        <v>0</v>
      </c>
    </row>
    <row r="38881" spans="1:4" x14ac:dyDescent="0.25">
      <c r="A38881" t="s">
        <v>55617</v>
      </c>
      <c r="B38881" t="s">
        <v>55621</v>
      </c>
      <c r="C38881">
        <v>2</v>
      </c>
      <c r="D38881">
        <v>0</v>
      </c>
    </row>
    <row r="38882" spans="1:4" x14ac:dyDescent="0.25">
      <c r="A38882" t="s">
        <v>55617</v>
      </c>
      <c r="B38882" t="s">
        <v>22326</v>
      </c>
      <c r="C38882">
        <v>1</v>
      </c>
      <c r="D38882">
        <v>0</v>
      </c>
    </row>
    <row r="38883" spans="1:4" x14ac:dyDescent="0.25">
      <c r="A38883" t="s">
        <v>55617</v>
      </c>
      <c r="B38883" t="s">
        <v>55622</v>
      </c>
      <c r="C38883">
        <v>0</v>
      </c>
      <c r="D38883">
        <v>0</v>
      </c>
    </row>
    <row r="38884" spans="1:4" x14ac:dyDescent="0.25">
      <c r="A38884" t="s">
        <v>55617</v>
      </c>
      <c r="B38884" t="s">
        <v>55623</v>
      </c>
      <c r="C38884">
        <v>0</v>
      </c>
      <c r="D38884">
        <v>0</v>
      </c>
    </row>
    <row r="38885" spans="1:4" x14ac:dyDescent="0.25">
      <c r="A38885" t="s">
        <v>55624</v>
      </c>
      <c r="B38885" t="s">
        <v>55625</v>
      </c>
      <c r="C38885">
        <v>2</v>
      </c>
      <c r="D38885">
        <v>0</v>
      </c>
    </row>
    <row r="38886" spans="1:4" x14ac:dyDescent="0.25">
      <c r="A38886" t="s">
        <v>55624</v>
      </c>
      <c r="B38886" t="s">
        <v>55626</v>
      </c>
      <c r="C38886">
        <v>2</v>
      </c>
      <c r="D38886">
        <v>0</v>
      </c>
    </row>
    <row r="38887" spans="1:4" x14ac:dyDescent="0.25">
      <c r="A38887" t="s">
        <v>55627</v>
      </c>
      <c r="B38887" t="s">
        <v>55628</v>
      </c>
      <c r="C38887">
        <v>1</v>
      </c>
      <c r="D38887">
        <v>0</v>
      </c>
    </row>
    <row r="38888" spans="1:4" x14ac:dyDescent="0.25">
      <c r="A38888" t="s">
        <v>55629</v>
      </c>
      <c r="B38888" t="s">
        <v>55630</v>
      </c>
      <c r="C38888">
        <v>0</v>
      </c>
      <c r="D38888">
        <v>0</v>
      </c>
    </row>
    <row r="38889" spans="1:4" x14ac:dyDescent="0.25">
      <c r="A38889" t="s">
        <v>55629</v>
      </c>
      <c r="B38889" t="s">
        <v>55631</v>
      </c>
      <c r="C38889">
        <v>1</v>
      </c>
      <c r="D38889">
        <v>0</v>
      </c>
    </row>
    <row r="38890" spans="1:4" x14ac:dyDescent="0.25">
      <c r="A38890" t="s">
        <v>55629</v>
      </c>
      <c r="B38890" t="s">
        <v>2267</v>
      </c>
      <c r="C38890">
        <v>0</v>
      </c>
      <c r="D38890">
        <v>0</v>
      </c>
    </row>
    <row r="38891" spans="1:4" x14ac:dyDescent="0.25">
      <c r="A38891" t="s">
        <v>55629</v>
      </c>
      <c r="B38891" t="s">
        <v>55632</v>
      </c>
      <c r="C38891">
        <v>1</v>
      </c>
      <c r="D38891">
        <v>0</v>
      </c>
    </row>
    <row r="38892" spans="1:4" x14ac:dyDescent="0.25">
      <c r="A38892" t="s">
        <v>55629</v>
      </c>
      <c r="B38892" t="s">
        <v>55633</v>
      </c>
      <c r="C38892">
        <v>0</v>
      </c>
      <c r="D38892">
        <v>0</v>
      </c>
    </row>
    <row r="38893" spans="1:4" x14ac:dyDescent="0.25">
      <c r="A38893" t="s">
        <v>55629</v>
      </c>
      <c r="B38893" t="s">
        <v>55634</v>
      </c>
      <c r="C38893">
        <v>0</v>
      </c>
      <c r="D38893">
        <v>0</v>
      </c>
    </row>
    <row r="38894" spans="1:4" x14ac:dyDescent="0.25">
      <c r="A38894" t="s">
        <v>55635</v>
      </c>
      <c r="B38894" t="s">
        <v>55636</v>
      </c>
      <c r="C38894">
        <v>1</v>
      </c>
      <c r="D38894">
        <v>0</v>
      </c>
    </row>
    <row r="38895" spans="1:4" x14ac:dyDescent="0.25">
      <c r="A38895" t="s">
        <v>55635</v>
      </c>
      <c r="B38895" t="s">
        <v>55637</v>
      </c>
      <c r="C38895">
        <v>1</v>
      </c>
      <c r="D38895">
        <v>0</v>
      </c>
    </row>
    <row r="38896" spans="1:4" x14ac:dyDescent="0.25">
      <c r="A38896" t="s">
        <v>55635</v>
      </c>
      <c r="B38896" t="s">
        <v>55638</v>
      </c>
      <c r="C38896">
        <v>1</v>
      </c>
      <c r="D38896">
        <v>0</v>
      </c>
    </row>
    <row r="38897" spans="1:4" x14ac:dyDescent="0.25">
      <c r="A38897" t="s">
        <v>55635</v>
      </c>
      <c r="B38897" t="s">
        <v>55639</v>
      </c>
      <c r="C38897">
        <v>1</v>
      </c>
      <c r="D38897">
        <v>0</v>
      </c>
    </row>
    <row r="38898" spans="1:4" x14ac:dyDescent="0.25">
      <c r="A38898" t="s">
        <v>55640</v>
      </c>
      <c r="B38898" t="s">
        <v>55641</v>
      </c>
      <c r="C38898">
        <v>0</v>
      </c>
      <c r="D38898">
        <v>0</v>
      </c>
    </row>
    <row r="38899" spans="1:4" x14ac:dyDescent="0.25">
      <c r="A38899" t="s">
        <v>55640</v>
      </c>
      <c r="B38899" t="s">
        <v>55642</v>
      </c>
      <c r="C38899">
        <v>0</v>
      </c>
      <c r="D38899">
        <v>0</v>
      </c>
    </row>
    <row r="38900" spans="1:4" x14ac:dyDescent="0.25">
      <c r="A38900" t="s">
        <v>55640</v>
      </c>
      <c r="B38900" t="s">
        <v>55643</v>
      </c>
      <c r="C38900">
        <v>2</v>
      </c>
      <c r="D38900">
        <v>0</v>
      </c>
    </row>
    <row r="38901" spans="1:4" x14ac:dyDescent="0.25">
      <c r="A38901" t="s">
        <v>55640</v>
      </c>
      <c r="B38901" t="s">
        <v>55644</v>
      </c>
      <c r="C38901">
        <v>2</v>
      </c>
      <c r="D38901">
        <v>0</v>
      </c>
    </row>
    <row r="38902" spans="1:4" x14ac:dyDescent="0.25">
      <c r="A38902" t="s">
        <v>55640</v>
      </c>
      <c r="B38902" t="s">
        <v>55645</v>
      </c>
      <c r="C38902">
        <v>1</v>
      </c>
      <c r="D38902">
        <v>0</v>
      </c>
    </row>
    <row r="38903" spans="1:4" x14ac:dyDescent="0.25">
      <c r="A38903" t="s">
        <v>55646</v>
      </c>
      <c r="B38903" t="s">
        <v>55647</v>
      </c>
      <c r="C38903">
        <v>2</v>
      </c>
      <c r="D38903">
        <v>0</v>
      </c>
    </row>
    <row r="38904" spans="1:4" x14ac:dyDescent="0.25">
      <c r="A38904" t="s">
        <v>55646</v>
      </c>
      <c r="B38904" t="s">
        <v>55648</v>
      </c>
      <c r="C38904">
        <v>1</v>
      </c>
      <c r="D38904">
        <v>0</v>
      </c>
    </row>
    <row r="38905" spans="1:4" x14ac:dyDescent="0.25">
      <c r="A38905" t="s">
        <v>55646</v>
      </c>
      <c r="B38905" t="s">
        <v>55649</v>
      </c>
      <c r="C38905">
        <v>1</v>
      </c>
      <c r="D38905">
        <v>0</v>
      </c>
    </row>
    <row r="38906" spans="1:4" x14ac:dyDescent="0.25">
      <c r="A38906" t="s">
        <v>55646</v>
      </c>
      <c r="B38906" t="s">
        <v>11075</v>
      </c>
      <c r="C38906">
        <v>1</v>
      </c>
      <c r="D38906">
        <v>0</v>
      </c>
    </row>
    <row r="38907" spans="1:4" x14ac:dyDescent="0.25">
      <c r="A38907" t="s">
        <v>55650</v>
      </c>
      <c r="B38907" t="s">
        <v>55651</v>
      </c>
      <c r="C38907">
        <v>2</v>
      </c>
      <c r="D38907">
        <v>0</v>
      </c>
    </row>
    <row r="38908" spans="1:4" x14ac:dyDescent="0.25">
      <c r="A38908" t="s">
        <v>55650</v>
      </c>
      <c r="B38908" t="s">
        <v>55652</v>
      </c>
      <c r="C38908">
        <v>1</v>
      </c>
      <c r="D38908">
        <v>0</v>
      </c>
    </row>
    <row r="38909" spans="1:4" x14ac:dyDescent="0.25">
      <c r="A38909" t="s">
        <v>55653</v>
      </c>
      <c r="B38909" t="s">
        <v>55654</v>
      </c>
      <c r="C38909">
        <v>2</v>
      </c>
      <c r="D38909">
        <v>0</v>
      </c>
    </row>
    <row r="38910" spans="1:4" x14ac:dyDescent="0.25">
      <c r="A38910" t="s">
        <v>55653</v>
      </c>
      <c r="B38910" t="s">
        <v>55655</v>
      </c>
      <c r="C38910">
        <v>1</v>
      </c>
      <c r="D38910">
        <v>0</v>
      </c>
    </row>
    <row r="38911" spans="1:4" x14ac:dyDescent="0.25">
      <c r="A38911" t="s">
        <v>55653</v>
      </c>
      <c r="B38911" t="s">
        <v>55656</v>
      </c>
      <c r="C38911">
        <v>2</v>
      </c>
      <c r="D38911">
        <v>0</v>
      </c>
    </row>
    <row r="38912" spans="1:4" x14ac:dyDescent="0.25">
      <c r="A38912" t="s">
        <v>55653</v>
      </c>
      <c r="B38912" t="s">
        <v>6837</v>
      </c>
      <c r="C38912">
        <v>1</v>
      </c>
      <c r="D38912">
        <v>0</v>
      </c>
    </row>
    <row r="38913" spans="1:4" x14ac:dyDescent="0.25">
      <c r="A38913" t="s">
        <v>55653</v>
      </c>
      <c r="B38913" t="s">
        <v>44774</v>
      </c>
      <c r="C38913">
        <v>0</v>
      </c>
      <c r="D38913">
        <v>0</v>
      </c>
    </row>
    <row r="38914" spans="1:4" x14ac:dyDescent="0.25">
      <c r="A38914" t="s">
        <v>55653</v>
      </c>
      <c r="B38914" t="s">
        <v>55657</v>
      </c>
      <c r="C38914">
        <v>2</v>
      </c>
      <c r="D38914">
        <v>0</v>
      </c>
    </row>
    <row r="38915" spans="1:4" x14ac:dyDescent="0.25">
      <c r="A38915" t="s">
        <v>55658</v>
      </c>
      <c r="B38915" t="s">
        <v>55659</v>
      </c>
      <c r="C38915">
        <v>1</v>
      </c>
      <c r="D38915">
        <v>0</v>
      </c>
    </row>
    <row r="38916" spans="1:4" x14ac:dyDescent="0.25">
      <c r="A38916" t="s">
        <v>55658</v>
      </c>
      <c r="B38916" t="s">
        <v>55660</v>
      </c>
      <c r="C38916">
        <v>1</v>
      </c>
      <c r="D38916">
        <v>0</v>
      </c>
    </row>
    <row r="38917" spans="1:4" x14ac:dyDescent="0.25">
      <c r="A38917" t="s">
        <v>55658</v>
      </c>
      <c r="B38917" t="s">
        <v>55661</v>
      </c>
      <c r="C38917">
        <v>1</v>
      </c>
      <c r="D38917">
        <v>0</v>
      </c>
    </row>
    <row r="38918" spans="1:4" x14ac:dyDescent="0.25">
      <c r="A38918" t="s">
        <v>55658</v>
      </c>
      <c r="B38918" t="s">
        <v>55662</v>
      </c>
      <c r="C38918">
        <v>2</v>
      </c>
      <c r="D38918">
        <v>0</v>
      </c>
    </row>
    <row r="38919" spans="1:4" x14ac:dyDescent="0.25">
      <c r="A38919" t="s">
        <v>55658</v>
      </c>
      <c r="B38919" t="s">
        <v>55663</v>
      </c>
      <c r="C38919">
        <v>0</v>
      </c>
      <c r="D38919">
        <v>0</v>
      </c>
    </row>
    <row r="38920" spans="1:4" x14ac:dyDescent="0.25">
      <c r="A38920" t="s">
        <v>55658</v>
      </c>
      <c r="B38920" t="s">
        <v>55664</v>
      </c>
      <c r="C38920">
        <v>1</v>
      </c>
      <c r="D38920">
        <v>0</v>
      </c>
    </row>
    <row r="38921" spans="1:4" x14ac:dyDescent="0.25">
      <c r="A38921" t="s">
        <v>55665</v>
      </c>
      <c r="B38921" t="s">
        <v>55666</v>
      </c>
      <c r="C38921">
        <v>1</v>
      </c>
      <c r="D38921">
        <v>0</v>
      </c>
    </row>
    <row r="38922" spans="1:4" x14ac:dyDescent="0.25">
      <c r="A38922" t="s">
        <v>55665</v>
      </c>
      <c r="B38922" t="s">
        <v>55667</v>
      </c>
      <c r="C38922">
        <v>1</v>
      </c>
      <c r="D38922">
        <v>0</v>
      </c>
    </row>
    <row r="38923" spans="1:4" x14ac:dyDescent="0.25">
      <c r="A38923" t="s">
        <v>55665</v>
      </c>
      <c r="B38923" t="s">
        <v>55668</v>
      </c>
      <c r="C38923">
        <v>1</v>
      </c>
      <c r="D38923">
        <v>0</v>
      </c>
    </row>
    <row r="38924" spans="1:4" x14ac:dyDescent="0.25">
      <c r="A38924" t="s">
        <v>55669</v>
      </c>
      <c r="B38924" t="s">
        <v>55670</v>
      </c>
      <c r="C38924">
        <v>0</v>
      </c>
      <c r="D38924">
        <v>0</v>
      </c>
    </row>
    <row r="38925" spans="1:4" x14ac:dyDescent="0.25">
      <c r="A38925" t="s">
        <v>55669</v>
      </c>
      <c r="B38925" t="s">
        <v>55671</v>
      </c>
      <c r="C38925">
        <v>0</v>
      </c>
      <c r="D38925">
        <v>0</v>
      </c>
    </row>
    <row r="38926" spans="1:4" x14ac:dyDescent="0.25">
      <c r="A38926" t="s">
        <v>55672</v>
      </c>
      <c r="B38926" t="s">
        <v>55673</v>
      </c>
      <c r="C38926">
        <v>1</v>
      </c>
      <c r="D38926">
        <v>0</v>
      </c>
    </row>
    <row r="38927" spans="1:4" x14ac:dyDescent="0.25">
      <c r="A38927" t="s">
        <v>55672</v>
      </c>
      <c r="B38927" t="s">
        <v>55674</v>
      </c>
      <c r="C38927">
        <v>1</v>
      </c>
      <c r="D38927">
        <v>0</v>
      </c>
    </row>
    <row r="38928" spans="1:4" x14ac:dyDescent="0.25">
      <c r="A38928" t="s">
        <v>55672</v>
      </c>
      <c r="B38928" t="s">
        <v>55675</v>
      </c>
      <c r="C38928">
        <v>2</v>
      </c>
      <c r="D38928">
        <v>0</v>
      </c>
    </row>
    <row r="38929" spans="1:4" x14ac:dyDescent="0.25">
      <c r="A38929" t="s">
        <v>55672</v>
      </c>
      <c r="B38929" t="s">
        <v>55676</v>
      </c>
      <c r="C38929">
        <v>1</v>
      </c>
      <c r="D38929">
        <v>0</v>
      </c>
    </row>
    <row r="38930" spans="1:4" x14ac:dyDescent="0.25">
      <c r="A38930" t="s">
        <v>55672</v>
      </c>
      <c r="B38930" t="s">
        <v>55677</v>
      </c>
      <c r="C38930">
        <v>1</v>
      </c>
      <c r="D38930">
        <v>0</v>
      </c>
    </row>
    <row r="38931" spans="1:4" x14ac:dyDescent="0.25">
      <c r="A38931" t="s">
        <v>55678</v>
      </c>
      <c r="B38931" t="s">
        <v>55679</v>
      </c>
      <c r="C38931">
        <v>1</v>
      </c>
      <c r="D38931">
        <v>0</v>
      </c>
    </row>
    <row r="38932" spans="1:4" x14ac:dyDescent="0.25">
      <c r="A38932" t="s">
        <v>55678</v>
      </c>
      <c r="B38932" t="s">
        <v>55680</v>
      </c>
      <c r="C38932">
        <v>1</v>
      </c>
      <c r="D38932">
        <v>0</v>
      </c>
    </row>
    <row r="38933" spans="1:4" x14ac:dyDescent="0.25">
      <c r="A38933" t="s">
        <v>55678</v>
      </c>
      <c r="B38933" t="s">
        <v>55681</v>
      </c>
      <c r="C38933">
        <v>1</v>
      </c>
      <c r="D38933">
        <v>0</v>
      </c>
    </row>
    <row r="38934" spans="1:4" x14ac:dyDescent="0.25">
      <c r="A38934" t="s">
        <v>55682</v>
      </c>
      <c r="B38934" t="s">
        <v>55683</v>
      </c>
      <c r="C38934">
        <v>2</v>
      </c>
      <c r="D38934">
        <v>0</v>
      </c>
    </row>
    <row r="38935" spans="1:4" x14ac:dyDescent="0.25">
      <c r="A38935" t="s">
        <v>55682</v>
      </c>
      <c r="B38935" t="s">
        <v>55684</v>
      </c>
      <c r="C38935">
        <v>0</v>
      </c>
      <c r="D38935">
        <v>0</v>
      </c>
    </row>
    <row r="38936" spans="1:4" x14ac:dyDescent="0.25">
      <c r="A38936" t="s">
        <v>55685</v>
      </c>
      <c r="B38936" t="s">
        <v>55686</v>
      </c>
      <c r="C38936">
        <v>1</v>
      </c>
      <c r="D38936">
        <v>0</v>
      </c>
    </row>
    <row r="38937" spans="1:4" x14ac:dyDescent="0.25">
      <c r="A38937" t="s">
        <v>55685</v>
      </c>
      <c r="B38937" t="s">
        <v>55687</v>
      </c>
      <c r="C38937">
        <v>0</v>
      </c>
      <c r="D38937">
        <v>0</v>
      </c>
    </row>
    <row r="38938" spans="1:4" x14ac:dyDescent="0.25">
      <c r="A38938" t="s">
        <v>55685</v>
      </c>
      <c r="B38938" t="s">
        <v>55686</v>
      </c>
      <c r="C38938">
        <v>2</v>
      </c>
      <c r="D38938">
        <v>0</v>
      </c>
    </row>
    <row r="38939" spans="1:4" x14ac:dyDescent="0.25">
      <c r="A38939" t="s">
        <v>55685</v>
      </c>
      <c r="B38939" t="s">
        <v>55688</v>
      </c>
      <c r="C38939">
        <v>2</v>
      </c>
      <c r="D38939">
        <v>0</v>
      </c>
    </row>
    <row r="38940" spans="1:4" x14ac:dyDescent="0.25">
      <c r="A38940" t="s">
        <v>55685</v>
      </c>
      <c r="B38940" t="s">
        <v>55689</v>
      </c>
      <c r="C38940">
        <v>1</v>
      </c>
      <c r="D38940">
        <v>0</v>
      </c>
    </row>
    <row r="38941" spans="1:4" x14ac:dyDescent="0.25">
      <c r="A38941" t="s">
        <v>55690</v>
      </c>
      <c r="B38941" t="s">
        <v>55691</v>
      </c>
      <c r="C38941">
        <v>2</v>
      </c>
      <c r="D38941">
        <v>0</v>
      </c>
    </row>
    <row r="38942" spans="1:4" x14ac:dyDescent="0.25">
      <c r="A38942" t="s">
        <v>55692</v>
      </c>
      <c r="B38942" t="s">
        <v>55693</v>
      </c>
      <c r="C38942">
        <v>1</v>
      </c>
      <c r="D38942">
        <v>0</v>
      </c>
    </row>
    <row r="38943" spans="1:4" x14ac:dyDescent="0.25">
      <c r="A38943" t="s">
        <v>55692</v>
      </c>
      <c r="B38943" t="s">
        <v>55694</v>
      </c>
      <c r="C38943">
        <v>0</v>
      </c>
      <c r="D38943">
        <v>0</v>
      </c>
    </row>
    <row r="38944" spans="1:4" x14ac:dyDescent="0.25">
      <c r="A38944" t="s">
        <v>55692</v>
      </c>
      <c r="B38944" t="s">
        <v>55695</v>
      </c>
      <c r="C38944">
        <v>2</v>
      </c>
      <c r="D38944">
        <v>0</v>
      </c>
    </row>
    <row r="38945" spans="1:4" x14ac:dyDescent="0.25">
      <c r="A38945" t="s">
        <v>55692</v>
      </c>
      <c r="B38945" t="s">
        <v>55696</v>
      </c>
      <c r="C38945">
        <v>2</v>
      </c>
      <c r="D38945">
        <v>0</v>
      </c>
    </row>
    <row r="38946" spans="1:4" x14ac:dyDescent="0.25">
      <c r="A38946" t="s">
        <v>55697</v>
      </c>
      <c r="B38946" t="s">
        <v>55698</v>
      </c>
      <c r="C38946">
        <v>1</v>
      </c>
      <c r="D38946">
        <v>0</v>
      </c>
    </row>
    <row r="38947" spans="1:4" x14ac:dyDescent="0.25">
      <c r="A38947" t="s">
        <v>55697</v>
      </c>
      <c r="B38947" t="s">
        <v>55699</v>
      </c>
      <c r="C38947">
        <v>1</v>
      </c>
      <c r="D38947">
        <v>0</v>
      </c>
    </row>
    <row r="38948" spans="1:4" x14ac:dyDescent="0.25">
      <c r="A38948" t="s">
        <v>55697</v>
      </c>
      <c r="B38948" t="s">
        <v>55700</v>
      </c>
      <c r="C38948">
        <v>1</v>
      </c>
      <c r="D38948">
        <v>0</v>
      </c>
    </row>
    <row r="38949" spans="1:4" x14ac:dyDescent="0.25">
      <c r="A38949" t="s">
        <v>55697</v>
      </c>
      <c r="B38949" t="s">
        <v>55701</v>
      </c>
      <c r="C38949">
        <v>1</v>
      </c>
      <c r="D38949">
        <v>0</v>
      </c>
    </row>
    <row r="38950" spans="1:4" x14ac:dyDescent="0.25">
      <c r="A38950" t="s">
        <v>55697</v>
      </c>
      <c r="B38950" t="s">
        <v>55702</v>
      </c>
      <c r="C38950">
        <v>2</v>
      </c>
      <c r="D38950">
        <v>0</v>
      </c>
    </row>
    <row r="38951" spans="1:4" x14ac:dyDescent="0.25">
      <c r="A38951" t="s">
        <v>55697</v>
      </c>
      <c r="B38951" t="s">
        <v>55703</v>
      </c>
      <c r="C38951">
        <v>2</v>
      </c>
      <c r="D38951">
        <v>0</v>
      </c>
    </row>
    <row r="38952" spans="1:4" x14ac:dyDescent="0.25">
      <c r="A38952" t="s">
        <v>55697</v>
      </c>
      <c r="B38952" t="s">
        <v>55704</v>
      </c>
      <c r="C38952">
        <v>2</v>
      </c>
      <c r="D38952">
        <v>0</v>
      </c>
    </row>
    <row r="38953" spans="1:4" x14ac:dyDescent="0.25">
      <c r="A38953" t="s">
        <v>55705</v>
      </c>
      <c r="B38953" t="s">
        <v>55706</v>
      </c>
      <c r="C38953">
        <v>1</v>
      </c>
      <c r="D38953">
        <v>0</v>
      </c>
    </row>
    <row r="38954" spans="1:4" x14ac:dyDescent="0.25">
      <c r="A38954" t="s">
        <v>55705</v>
      </c>
      <c r="B38954" t="s">
        <v>55707</v>
      </c>
      <c r="C38954">
        <v>1</v>
      </c>
      <c r="D38954">
        <v>0</v>
      </c>
    </row>
    <row r="38955" spans="1:4" x14ac:dyDescent="0.25">
      <c r="A38955" t="s">
        <v>55705</v>
      </c>
      <c r="B38955" t="s">
        <v>55708</v>
      </c>
      <c r="C38955">
        <v>1</v>
      </c>
      <c r="D38955">
        <v>0</v>
      </c>
    </row>
    <row r="38956" spans="1:4" x14ac:dyDescent="0.25">
      <c r="A38956" t="s">
        <v>55705</v>
      </c>
      <c r="B38956" t="s">
        <v>55709</v>
      </c>
      <c r="C38956">
        <v>1</v>
      </c>
      <c r="D38956">
        <v>0</v>
      </c>
    </row>
    <row r="38957" spans="1:4" x14ac:dyDescent="0.25">
      <c r="A38957" t="s">
        <v>55705</v>
      </c>
      <c r="B38957" t="s">
        <v>55710</v>
      </c>
      <c r="C38957">
        <v>1</v>
      </c>
      <c r="D38957">
        <v>0</v>
      </c>
    </row>
    <row r="38958" spans="1:4" x14ac:dyDescent="0.25">
      <c r="A38958" t="s">
        <v>55711</v>
      </c>
      <c r="B38958" t="s">
        <v>55712</v>
      </c>
      <c r="C38958">
        <v>2</v>
      </c>
      <c r="D38958">
        <v>0</v>
      </c>
    </row>
    <row r="38959" spans="1:4" x14ac:dyDescent="0.25">
      <c r="A38959" t="s">
        <v>55711</v>
      </c>
      <c r="B38959" t="s">
        <v>55713</v>
      </c>
      <c r="C38959">
        <v>2</v>
      </c>
      <c r="D38959">
        <v>0</v>
      </c>
    </row>
    <row r="38960" spans="1:4" x14ac:dyDescent="0.25">
      <c r="A38960" t="s">
        <v>55711</v>
      </c>
      <c r="B38960" t="s">
        <v>55714</v>
      </c>
      <c r="C38960">
        <v>1</v>
      </c>
      <c r="D38960">
        <v>0</v>
      </c>
    </row>
    <row r="38961" spans="1:4" x14ac:dyDescent="0.25">
      <c r="A38961" t="s">
        <v>55711</v>
      </c>
      <c r="B38961" t="s">
        <v>55715</v>
      </c>
      <c r="C38961">
        <v>1</v>
      </c>
      <c r="D38961">
        <v>0</v>
      </c>
    </row>
    <row r="38962" spans="1:4" x14ac:dyDescent="0.25">
      <c r="A38962" t="s">
        <v>55711</v>
      </c>
      <c r="B38962" t="s">
        <v>55716</v>
      </c>
      <c r="C38962">
        <v>2</v>
      </c>
      <c r="D38962">
        <v>0</v>
      </c>
    </row>
    <row r="38963" spans="1:4" x14ac:dyDescent="0.25">
      <c r="A38963" t="s">
        <v>55717</v>
      </c>
      <c r="B38963" t="s">
        <v>55718</v>
      </c>
      <c r="C38963">
        <v>0</v>
      </c>
      <c r="D38963">
        <v>0</v>
      </c>
    </row>
    <row r="38964" spans="1:4" x14ac:dyDescent="0.25">
      <c r="A38964" t="s">
        <v>55719</v>
      </c>
      <c r="B38964" t="s">
        <v>55720</v>
      </c>
      <c r="C38964">
        <v>1</v>
      </c>
      <c r="D38964">
        <v>0</v>
      </c>
    </row>
    <row r="38965" spans="1:4" x14ac:dyDescent="0.25">
      <c r="A38965" t="s">
        <v>55719</v>
      </c>
      <c r="B38965" t="s">
        <v>55721</v>
      </c>
      <c r="C38965">
        <v>1</v>
      </c>
      <c r="D38965">
        <v>0</v>
      </c>
    </row>
    <row r="38966" spans="1:4" x14ac:dyDescent="0.25">
      <c r="A38966" t="s">
        <v>55722</v>
      </c>
      <c r="B38966" t="s">
        <v>37299</v>
      </c>
      <c r="C38966">
        <v>0</v>
      </c>
      <c r="D38966">
        <v>0</v>
      </c>
    </row>
    <row r="38967" spans="1:4" x14ac:dyDescent="0.25">
      <c r="A38967" t="s">
        <v>55722</v>
      </c>
      <c r="B38967" t="s">
        <v>37299</v>
      </c>
      <c r="C38967">
        <v>0</v>
      </c>
      <c r="D38967">
        <v>0</v>
      </c>
    </row>
    <row r="38968" spans="1:4" x14ac:dyDescent="0.25">
      <c r="A38968" t="s">
        <v>55722</v>
      </c>
      <c r="B38968" t="s">
        <v>37299</v>
      </c>
      <c r="C38968">
        <v>0</v>
      </c>
      <c r="D38968">
        <v>0</v>
      </c>
    </row>
    <row r="38969" spans="1:4" x14ac:dyDescent="0.25">
      <c r="A38969" t="s">
        <v>55722</v>
      </c>
      <c r="B38969" t="s">
        <v>55723</v>
      </c>
      <c r="C38969">
        <v>0</v>
      </c>
      <c r="D38969">
        <v>0</v>
      </c>
    </row>
    <row r="38970" spans="1:4" x14ac:dyDescent="0.25">
      <c r="A38970" t="s">
        <v>55724</v>
      </c>
      <c r="B38970" t="s">
        <v>55725</v>
      </c>
      <c r="C38970">
        <v>1</v>
      </c>
      <c r="D38970">
        <v>0</v>
      </c>
    </row>
    <row r="38971" spans="1:4" x14ac:dyDescent="0.25">
      <c r="A38971" t="s">
        <v>55726</v>
      </c>
      <c r="B38971" t="s">
        <v>55727</v>
      </c>
      <c r="C38971">
        <v>0</v>
      </c>
      <c r="D38971">
        <v>0</v>
      </c>
    </row>
    <row r="38972" spans="1:4" x14ac:dyDescent="0.25">
      <c r="A38972" t="s">
        <v>55726</v>
      </c>
      <c r="B38972" t="s">
        <v>55728</v>
      </c>
      <c r="C38972">
        <v>2</v>
      </c>
      <c r="D38972">
        <v>0</v>
      </c>
    </row>
    <row r="38973" spans="1:4" x14ac:dyDescent="0.25">
      <c r="A38973" t="s">
        <v>55726</v>
      </c>
      <c r="B38973" t="s">
        <v>55729</v>
      </c>
      <c r="C38973">
        <v>1</v>
      </c>
      <c r="D38973">
        <v>0</v>
      </c>
    </row>
    <row r="38974" spans="1:4" x14ac:dyDescent="0.25">
      <c r="A38974" t="s">
        <v>55726</v>
      </c>
      <c r="B38974" t="s">
        <v>55730</v>
      </c>
      <c r="C38974">
        <v>2</v>
      </c>
      <c r="D38974">
        <v>0</v>
      </c>
    </row>
    <row r="38975" spans="1:4" x14ac:dyDescent="0.25">
      <c r="A38975" t="s">
        <v>55731</v>
      </c>
      <c r="B38975" t="s">
        <v>5047</v>
      </c>
      <c r="C38975">
        <v>0</v>
      </c>
      <c r="D38975">
        <v>0</v>
      </c>
    </row>
    <row r="38976" spans="1:4" x14ac:dyDescent="0.25">
      <c r="A38976" t="s">
        <v>55731</v>
      </c>
      <c r="B38976" t="s">
        <v>55732</v>
      </c>
      <c r="C38976">
        <v>0</v>
      </c>
      <c r="D38976">
        <v>0</v>
      </c>
    </row>
    <row r="38977" spans="1:4" x14ac:dyDescent="0.25">
      <c r="A38977" t="s">
        <v>55733</v>
      </c>
      <c r="B38977" t="s">
        <v>55734</v>
      </c>
      <c r="C38977">
        <v>1</v>
      </c>
      <c r="D38977">
        <v>0</v>
      </c>
    </row>
    <row r="38978" spans="1:4" x14ac:dyDescent="0.25">
      <c r="A38978" t="s">
        <v>55733</v>
      </c>
      <c r="B38978" t="s">
        <v>55735</v>
      </c>
      <c r="C38978">
        <v>1</v>
      </c>
      <c r="D38978">
        <v>0</v>
      </c>
    </row>
    <row r="38979" spans="1:4" x14ac:dyDescent="0.25">
      <c r="A38979" t="s">
        <v>55733</v>
      </c>
      <c r="B38979" t="s">
        <v>55736</v>
      </c>
      <c r="C38979">
        <v>1</v>
      </c>
      <c r="D38979">
        <v>0</v>
      </c>
    </row>
    <row r="38980" spans="1:4" x14ac:dyDescent="0.25">
      <c r="A38980" t="s">
        <v>55737</v>
      </c>
      <c r="B38980" t="s">
        <v>55738</v>
      </c>
      <c r="C38980">
        <v>0</v>
      </c>
      <c r="D38980">
        <v>0</v>
      </c>
    </row>
    <row r="38981" spans="1:4" x14ac:dyDescent="0.25">
      <c r="A38981" t="s">
        <v>55737</v>
      </c>
      <c r="B38981" t="s">
        <v>12472</v>
      </c>
      <c r="C38981">
        <v>1</v>
      </c>
      <c r="D38981">
        <v>0</v>
      </c>
    </row>
    <row r="38982" spans="1:4" x14ac:dyDescent="0.25">
      <c r="A38982" t="s">
        <v>55739</v>
      </c>
      <c r="B38982" t="s">
        <v>55740</v>
      </c>
      <c r="C38982">
        <v>0</v>
      </c>
      <c r="D38982">
        <v>0</v>
      </c>
    </row>
    <row r="38983" spans="1:4" x14ac:dyDescent="0.25">
      <c r="A38983" t="s">
        <v>55739</v>
      </c>
      <c r="B38983" t="s">
        <v>55741</v>
      </c>
      <c r="C38983">
        <v>2</v>
      </c>
      <c r="D38983">
        <v>0</v>
      </c>
    </row>
    <row r="38984" spans="1:4" x14ac:dyDescent="0.25">
      <c r="A38984" t="s">
        <v>55742</v>
      </c>
      <c r="B38984" t="s">
        <v>55743</v>
      </c>
      <c r="C38984">
        <v>1</v>
      </c>
      <c r="D38984">
        <v>0</v>
      </c>
    </row>
    <row r="38985" spans="1:4" x14ac:dyDescent="0.25">
      <c r="A38985" t="s">
        <v>55742</v>
      </c>
      <c r="B38985" t="s">
        <v>55744</v>
      </c>
      <c r="C38985">
        <v>0</v>
      </c>
      <c r="D38985">
        <v>0</v>
      </c>
    </row>
    <row r="38986" spans="1:4" x14ac:dyDescent="0.25">
      <c r="A38986" t="s">
        <v>55742</v>
      </c>
      <c r="B38986" t="s">
        <v>55745</v>
      </c>
      <c r="C38986">
        <v>1</v>
      </c>
      <c r="D38986">
        <v>0</v>
      </c>
    </row>
    <row r="38987" spans="1:4" x14ac:dyDescent="0.25">
      <c r="A38987" t="s">
        <v>55742</v>
      </c>
      <c r="B38987" t="s">
        <v>55746</v>
      </c>
      <c r="C38987">
        <v>1</v>
      </c>
      <c r="D38987">
        <v>0</v>
      </c>
    </row>
    <row r="38988" spans="1:4" x14ac:dyDescent="0.25">
      <c r="A38988" t="s">
        <v>55742</v>
      </c>
      <c r="B38988" t="s">
        <v>2865</v>
      </c>
      <c r="C38988">
        <v>0</v>
      </c>
      <c r="D38988">
        <v>0</v>
      </c>
    </row>
    <row r="38989" spans="1:4" x14ac:dyDescent="0.25">
      <c r="A38989" t="s">
        <v>55742</v>
      </c>
      <c r="B38989" t="s">
        <v>55747</v>
      </c>
      <c r="C38989">
        <v>1</v>
      </c>
      <c r="D38989">
        <v>0</v>
      </c>
    </row>
    <row r="38990" spans="1:4" x14ac:dyDescent="0.25">
      <c r="A38990" t="s">
        <v>55742</v>
      </c>
      <c r="B38990" t="s">
        <v>55748</v>
      </c>
      <c r="C38990">
        <v>2</v>
      </c>
      <c r="D38990">
        <v>0</v>
      </c>
    </row>
    <row r="38991" spans="1:4" x14ac:dyDescent="0.25">
      <c r="A38991" t="s">
        <v>55749</v>
      </c>
      <c r="B38991" t="s">
        <v>55750</v>
      </c>
      <c r="C38991">
        <v>1</v>
      </c>
      <c r="D38991">
        <v>0</v>
      </c>
    </row>
    <row r="38992" spans="1:4" x14ac:dyDescent="0.25">
      <c r="A38992" t="s">
        <v>55749</v>
      </c>
      <c r="B38992" t="s">
        <v>55751</v>
      </c>
      <c r="C38992">
        <v>1</v>
      </c>
      <c r="D38992">
        <v>0</v>
      </c>
    </row>
    <row r="38993" spans="1:4" x14ac:dyDescent="0.25">
      <c r="A38993" t="s">
        <v>55749</v>
      </c>
      <c r="B38993" t="s">
        <v>55752</v>
      </c>
      <c r="C38993">
        <v>1</v>
      </c>
      <c r="D38993">
        <v>0</v>
      </c>
    </row>
    <row r="38994" spans="1:4" x14ac:dyDescent="0.25">
      <c r="A38994" t="s">
        <v>55749</v>
      </c>
      <c r="B38994" t="s">
        <v>55753</v>
      </c>
      <c r="C38994">
        <v>2</v>
      </c>
      <c r="D38994">
        <v>0</v>
      </c>
    </row>
    <row r="38995" spans="1:4" x14ac:dyDescent="0.25">
      <c r="A38995" t="s">
        <v>55749</v>
      </c>
      <c r="B38995" t="s">
        <v>55754</v>
      </c>
      <c r="C38995">
        <v>2</v>
      </c>
      <c r="D38995">
        <v>0</v>
      </c>
    </row>
    <row r="38996" spans="1:4" x14ac:dyDescent="0.25">
      <c r="A38996" t="s">
        <v>55749</v>
      </c>
      <c r="B38996" t="s">
        <v>55755</v>
      </c>
      <c r="C38996">
        <v>1</v>
      </c>
      <c r="D38996">
        <v>0</v>
      </c>
    </row>
    <row r="38997" spans="1:4" x14ac:dyDescent="0.25">
      <c r="A38997" t="s">
        <v>55749</v>
      </c>
      <c r="B38997" t="s">
        <v>55756</v>
      </c>
      <c r="C38997">
        <v>2</v>
      </c>
      <c r="D38997">
        <v>0</v>
      </c>
    </row>
    <row r="38998" spans="1:4" x14ac:dyDescent="0.25">
      <c r="A38998" t="s">
        <v>55757</v>
      </c>
      <c r="B38998" t="s">
        <v>5713</v>
      </c>
      <c r="C38998">
        <v>1</v>
      </c>
      <c r="D38998">
        <v>0</v>
      </c>
    </row>
    <row r="38999" spans="1:4" x14ac:dyDescent="0.25">
      <c r="A38999" t="s">
        <v>55758</v>
      </c>
      <c r="B38999" t="s">
        <v>55759</v>
      </c>
      <c r="C38999">
        <v>0</v>
      </c>
      <c r="D38999">
        <v>0</v>
      </c>
    </row>
    <row r="39000" spans="1:4" x14ac:dyDescent="0.25">
      <c r="A39000" t="s">
        <v>55758</v>
      </c>
      <c r="B39000" t="s">
        <v>55760</v>
      </c>
      <c r="C39000">
        <v>2</v>
      </c>
      <c r="D39000">
        <v>0</v>
      </c>
    </row>
    <row r="39001" spans="1:4" x14ac:dyDescent="0.25">
      <c r="A39001" t="s">
        <v>55758</v>
      </c>
      <c r="B39001" t="s">
        <v>55761</v>
      </c>
      <c r="C39001">
        <v>2</v>
      </c>
      <c r="D39001">
        <v>0</v>
      </c>
    </row>
    <row r="39002" spans="1:4" x14ac:dyDescent="0.25">
      <c r="A39002" t="s">
        <v>55758</v>
      </c>
      <c r="B39002" t="s">
        <v>55762</v>
      </c>
      <c r="C39002">
        <v>1</v>
      </c>
      <c r="D39002">
        <v>0</v>
      </c>
    </row>
    <row r="39003" spans="1:4" x14ac:dyDescent="0.25">
      <c r="A39003" t="s">
        <v>55758</v>
      </c>
      <c r="B39003" t="s">
        <v>55763</v>
      </c>
      <c r="C39003">
        <v>0</v>
      </c>
      <c r="D39003">
        <v>0</v>
      </c>
    </row>
    <row r="39004" spans="1:4" x14ac:dyDescent="0.25">
      <c r="A39004" t="s">
        <v>55758</v>
      </c>
      <c r="B39004" t="s">
        <v>55764</v>
      </c>
      <c r="C39004">
        <v>1</v>
      </c>
      <c r="D39004">
        <v>0</v>
      </c>
    </row>
    <row r="39005" spans="1:4" x14ac:dyDescent="0.25">
      <c r="A39005" t="s">
        <v>55765</v>
      </c>
      <c r="B39005" t="s">
        <v>55766</v>
      </c>
      <c r="C39005">
        <v>1</v>
      </c>
      <c r="D39005">
        <v>0</v>
      </c>
    </row>
    <row r="39006" spans="1:4" x14ac:dyDescent="0.25">
      <c r="A39006" t="s">
        <v>55765</v>
      </c>
      <c r="B39006" t="s">
        <v>55767</v>
      </c>
      <c r="C39006">
        <v>2</v>
      </c>
      <c r="D39006">
        <v>0</v>
      </c>
    </row>
    <row r="39007" spans="1:4" x14ac:dyDescent="0.25">
      <c r="A39007" t="s">
        <v>55765</v>
      </c>
      <c r="B39007" t="s">
        <v>55768</v>
      </c>
      <c r="C39007">
        <v>1</v>
      </c>
      <c r="D39007">
        <v>0</v>
      </c>
    </row>
    <row r="39008" spans="1:4" x14ac:dyDescent="0.25">
      <c r="A39008" t="s">
        <v>55765</v>
      </c>
      <c r="B39008" t="s">
        <v>55769</v>
      </c>
      <c r="C39008">
        <v>1</v>
      </c>
      <c r="D39008">
        <v>0</v>
      </c>
    </row>
    <row r="39009" spans="1:4" x14ac:dyDescent="0.25">
      <c r="A39009" t="s">
        <v>55770</v>
      </c>
      <c r="B39009" t="s">
        <v>55771</v>
      </c>
      <c r="C39009">
        <v>1</v>
      </c>
      <c r="D39009">
        <v>0</v>
      </c>
    </row>
    <row r="39010" spans="1:4" x14ac:dyDescent="0.25">
      <c r="A39010" t="s">
        <v>55770</v>
      </c>
      <c r="B39010" t="s">
        <v>55772</v>
      </c>
      <c r="C39010">
        <v>2</v>
      </c>
      <c r="D39010">
        <v>0</v>
      </c>
    </row>
    <row r="39011" spans="1:4" x14ac:dyDescent="0.25">
      <c r="A39011" t="s">
        <v>55770</v>
      </c>
      <c r="B39011" t="s">
        <v>55773</v>
      </c>
      <c r="C39011">
        <v>2</v>
      </c>
      <c r="D39011">
        <v>0</v>
      </c>
    </row>
    <row r="39012" spans="1:4" x14ac:dyDescent="0.25">
      <c r="A39012" t="s">
        <v>55770</v>
      </c>
      <c r="B39012" t="s">
        <v>35545</v>
      </c>
      <c r="C39012">
        <v>1</v>
      </c>
      <c r="D39012">
        <v>0</v>
      </c>
    </row>
    <row r="39013" spans="1:4" x14ac:dyDescent="0.25">
      <c r="A39013" t="s">
        <v>55770</v>
      </c>
      <c r="B39013" t="s">
        <v>55774</v>
      </c>
      <c r="C39013">
        <v>0</v>
      </c>
      <c r="D39013">
        <v>0</v>
      </c>
    </row>
    <row r="39014" spans="1:4" x14ac:dyDescent="0.25">
      <c r="A39014" t="s">
        <v>55770</v>
      </c>
      <c r="B39014" t="s">
        <v>5864</v>
      </c>
      <c r="C39014">
        <v>1</v>
      </c>
      <c r="D39014">
        <v>0</v>
      </c>
    </row>
    <row r="39015" spans="1:4" x14ac:dyDescent="0.25">
      <c r="A39015" t="s">
        <v>55770</v>
      </c>
      <c r="B39015" t="s">
        <v>55775</v>
      </c>
      <c r="C39015">
        <v>0</v>
      </c>
      <c r="D39015">
        <v>0</v>
      </c>
    </row>
    <row r="39016" spans="1:4" x14ac:dyDescent="0.25">
      <c r="A39016" t="s">
        <v>55770</v>
      </c>
      <c r="B39016" t="s">
        <v>55776</v>
      </c>
      <c r="C39016">
        <v>2</v>
      </c>
      <c r="D39016">
        <v>0</v>
      </c>
    </row>
    <row r="39017" spans="1:4" x14ac:dyDescent="0.25">
      <c r="A39017" t="s">
        <v>55777</v>
      </c>
      <c r="B39017" t="s">
        <v>55778</v>
      </c>
      <c r="C39017">
        <v>2</v>
      </c>
      <c r="D39017">
        <v>0</v>
      </c>
    </row>
    <row r="39018" spans="1:4" x14ac:dyDescent="0.25">
      <c r="A39018" t="s">
        <v>55777</v>
      </c>
      <c r="B39018" t="s">
        <v>55779</v>
      </c>
      <c r="C39018">
        <v>0</v>
      </c>
      <c r="D39018">
        <v>0</v>
      </c>
    </row>
    <row r="39019" spans="1:4" x14ac:dyDescent="0.25">
      <c r="A39019" t="s">
        <v>55777</v>
      </c>
      <c r="B39019" t="s">
        <v>55780</v>
      </c>
      <c r="C39019">
        <v>2</v>
      </c>
      <c r="D39019">
        <v>0</v>
      </c>
    </row>
    <row r="39020" spans="1:4" x14ac:dyDescent="0.25">
      <c r="A39020" t="s">
        <v>55777</v>
      </c>
      <c r="B39020" t="s">
        <v>55781</v>
      </c>
      <c r="C39020">
        <v>0</v>
      </c>
      <c r="D39020">
        <v>0</v>
      </c>
    </row>
    <row r="39021" spans="1:4" x14ac:dyDescent="0.25">
      <c r="A39021" t="s">
        <v>55777</v>
      </c>
      <c r="B39021" t="s">
        <v>55782</v>
      </c>
      <c r="C39021">
        <v>0</v>
      </c>
      <c r="D39021">
        <v>0</v>
      </c>
    </row>
    <row r="39022" spans="1:4" x14ac:dyDescent="0.25">
      <c r="A39022" t="s">
        <v>55783</v>
      </c>
      <c r="B39022" t="s">
        <v>55784</v>
      </c>
      <c r="C39022">
        <v>1</v>
      </c>
      <c r="D39022">
        <v>0</v>
      </c>
    </row>
    <row r="39023" spans="1:4" x14ac:dyDescent="0.25">
      <c r="A39023" t="s">
        <v>55783</v>
      </c>
      <c r="B39023" t="s">
        <v>55785</v>
      </c>
      <c r="C39023">
        <v>1</v>
      </c>
      <c r="D39023">
        <v>0</v>
      </c>
    </row>
    <row r="39024" spans="1:4" x14ac:dyDescent="0.25">
      <c r="A39024" t="s">
        <v>55783</v>
      </c>
      <c r="B39024" t="s">
        <v>55786</v>
      </c>
      <c r="C39024">
        <v>1</v>
      </c>
      <c r="D39024">
        <v>0</v>
      </c>
    </row>
    <row r="39025" spans="1:4" x14ac:dyDescent="0.25">
      <c r="A39025" t="s">
        <v>55783</v>
      </c>
      <c r="B39025" t="s">
        <v>55787</v>
      </c>
      <c r="C39025">
        <v>1</v>
      </c>
      <c r="D39025">
        <v>0</v>
      </c>
    </row>
    <row r="39026" spans="1:4" x14ac:dyDescent="0.25">
      <c r="A39026" t="s">
        <v>55788</v>
      </c>
      <c r="B39026" t="s">
        <v>55789</v>
      </c>
      <c r="C39026">
        <v>1</v>
      </c>
      <c r="D39026">
        <v>0</v>
      </c>
    </row>
    <row r="39027" spans="1:4" x14ac:dyDescent="0.25">
      <c r="A39027" t="s">
        <v>55788</v>
      </c>
      <c r="B39027" t="s">
        <v>55790</v>
      </c>
      <c r="C39027">
        <v>1</v>
      </c>
      <c r="D39027">
        <v>0</v>
      </c>
    </row>
    <row r="39028" spans="1:4" x14ac:dyDescent="0.25">
      <c r="A39028" t="s">
        <v>55788</v>
      </c>
      <c r="B39028" t="s">
        <v>55791</v>
      </c>
      <c r="C39028">
        <v>0</v>
      </c>
      <c r="D39028">
        <v>0</v>
      </c>
    </row>
    <row r="39029" spans="1:4" x14ac:dyDescent="0.25">
      <c r="A39029" t="s">
        <v>55788</v>
      </c>
      <c r="B39029" t="s">
        <v>55792</v>
      </c>
      <c r="C39029">
        <v>1</v>
      </c>
      <c r="D39029">
        <v>0</v>
      </c>
    </row>
    <row r="39030" spans="1:4" x14ac:dyDescent="0.25">
      <c r="A39030" t="s">
        <v>55788</v>
      </c>
      <c r="B39030" t="s">
        <v>55793</v>
      </c>
      <c r="C39030">
        <v>2</v>
      </c>
      <c r="D39030">
        <v>0</v>
      </c>
    </row>
    <row r="39031" spans="1:4" x14ac:dyDescent="0.25">
      <c r="A39031" t="s">
        <v>55794</v>
      </c>
      <c r="B39031" t="s">
        <v>55795</v>
      </c>
      <c r="C39031">
        <v>1</v>
      </c>
      <c r="D39031">
        <v>0</v>
      </c>
    </row>
    <row r="39032" spans="1:4" x14ac:dyDescent="0.25">
      <c r="A39032" t="s">
        <v>55794</v>
      </c>
      <c r="B39032" t="s">
        <v>55796</v>
      </c>
      <c r="C39032">
        <v>1</v>
      </c>
      <c r="D39032">
        <v>0</v>
      </c>
    </row>
    <row r="39033" spans="1:4" x14ac:dyDescent="0.25">
      <c r="A39033" t="s">
        <v>55794</v>
      </c>
      <c r="B39033" t="s">
        <v>55797</v>
      </c>
      <c r="C39033">
        <v>1</v>
      </c>
      <c r="D39033">
        <v>0</v>
      </c>
    </row>
    <row r="39034" spans="1:4" x14ac:dyDescent="0.25">
      <c r="A39034" t="s">
        <v>55798</v>
      </c>
      <c r="B39034" t="s">
        <v>55799</v>
      </c>
      <c r="C39034">
        <v>1</v>
      </c>
      <c r="D39034">
        <v>0</v>
      </c>
    </row>
    <row r="39035" spans="1:4" x14ac:dyDescent="0.25">
      <c r="A39035" t="s">
        <v>55798</v>
      </c>
      <c r="B39035" t="s">
        <v>55800</v>
      </c>
      <c r="C39035">
        <v>0</v>
      </c>
      <c r="D39035">
        <v>0</v>
      </c>
    </row>
    <row r="39036" spans="1:4" x14ac:dyDescent="0.25">
      <c r="A39036" t="s">
        <v>55798</v>
      </c>
      <c r="B39036" t="s">
        <v>55801</v>
      </c>
      <c r="C39036">
        <v>1</v>
      </c>
      <c r="D39036">
        <v>0</v>
      </c>
    </row>
    <row r="39037" spans="1:4" x14ac:dyDescent="0.25">
      <c r="A39037" t="s">
        <v>55798</v>
      </c>
      <c r="B39037" t="s">
        <v>55802</v>
      </c>
      <c r="C39037">
        <v>2</v>
      </c>
      <c r="D39037">
        <v>0</v>
      </c>
    </row>
    <row r="39038" spans="1:4" x14ac:dyDescent="0.25">
      <c r="A39038" t="s">
        <v>55798</v>
      </c>
      <c r="B39038" t="s">
        <v>55803</v>
      </c>
      <c r="C39038">
        <v>1</v>
      </c>
      <c r="D39038">
        <v>0</v>
      </c>
    </row>
    <row r="39039" spans="1:4" x14ac:dyDescent="0.25">
      <c r="A39039" t="s">
        <v>55804</v>
      </c>
      <c r="B39039" t="s">
        <v>55805</v>
      </c>
      <c r="C39039">
        <v>0</v>
      </c>
      <c r="D39039">
        <v>0</v>
      </c>
    </row>
    <row r="39040" spans="1:4" x14ac:dyDescent="0.25">
      <c r="A39040" t="s">
        <v>55804</v>
      </c>
      <c r="B39040" t="s">
        <v>55806</v>
      </c>
      <c r="C39040">
        <v>1</v>
      </c>
      <c r="D39040">
        <v>0</v>
      </c>
    </row>
    <row r="39041" spans="1:4" x14ac:dyDescent="0.25">
      <c r="A39041" t="s">
        <v>55804</v>
      </c>
      <c r="B39041" t="s">
        <v>55807</v>
      </c>
      <c r="C39041">
        <v>1</v>
      </c>
      <c r="D39041">
        <v>0</v>
      </c>
    </row>
    <row r="39042" spans="1:4" x14ac:dyDescent="0.25">
      <c r="A39042" t="s">
        <v>55804</v>
      </c>
      <c r="B39042" t="s">
        <v>55808</v>
      </c>
      <c r="C39042">
        <v>1</v>
      </c>
      <c r="D39042">
        <v>0</v>
      </c>
    </row>
    <row r="39043" spans="1:4" x14ac:dyDescent="0.25">
      <c r="A39043" t="s">
        <v>55809</v>
      </c>
      <c r="B39043" t="s">
        <v>55810</v>
      </c>
      <c r="C39043">
        <v>1</v>
      </c>
      <c r="D39043">
        <v>0</v>
      </c>
    </row>
    <row r="39044" spans="1:4" x14ac:dyDescent="0.25">
      <c r="A39044" t="s">
        <v>55809</v>
      </c>
      <c r="B39044" t="s">
        <v>55811</v>
      </c>
      <c r="C39044">
        <v>1</v>
      </c>
      <c r="D39044">
        <v>0</v>
      </c>
    </row>
    <row r="39045" spans="1:4" x14ac:dyDescent="0.25">
      <c r="A39045" t="s">
        <v>55809</v>
      </c>
      <c r="B39045" t="s">
        <v>55812</v>
      </c>
      <c r="C39045">
        <v>2</v>
      </c>
      <c r="D39045">
        <v>0</v>
      </c>
    </row>
    <row r="39046" spans="1:4" x14ac:dyDescent="0.25">
      <c r="A39046" t="s">
        <v>55809</v>
      </c>
      <c r="B39046" t="s">
        <v>55813</v>
      </c>
      <c r="C39046">
        <v>2</v>
      </c>
      <c r="D39046">
        <v>0</v>
      </c>
    </row>
    <row r="39047" spans="1:4" x14ac:dyDescent="0.25">
      <c r="A39047" t="s">
        <v>55809</v>
      </c>
      <c r="B39047" t="s">
        <v>55814</v>
      </c>
      <c r="C39047">
        <v>0</v>
      </c>
      <c r="D39047">
        <v>0</v>
      </c>
    </row>
    <row r="39048" spans="1:4" x14ac:dyDescent="0.25">
      <c r="A39048" t="s">
        <v>55815</v>
      </c>
      <c r="B39048" t="s">
        <v>55816</v>
      </c>
      <c r="C39048">
        <v>2</v>
      </c>
      <c r="D39048">
        <v>0</v>
      </c>
    </row>
    <row r="39049" spans="1:4" x14ac:dyDescent="0.25">
      <c r="A39049" t="s">
        <v>55815</v>
      </c>
      <c r="B39049" t="s">
        <v>55817</v>
      </c>
      <c r="C39049">
        <v>1</v>
      </c>
      <c r="D39049">
        <v>0</v>
      </c>
    </row>
    <row r="39050" spans="1:4" x14ac:dyDescent="0.25">
      <c r="A39050" t="s">
        <v>55815</v>
      </c>
      <c r="B39050" t="s">
        <v>55818</v>
      </c>
      <c r="C39050">
        <v>2</v>
      </c>
      <c r="D39050">
        <v>0</v>
      </c>
    </row>
    <row r="39051" spans="1:4" x14ac:dyDescent="0.25">
      <c r="A39051" t="s">
        <v>55815</v>
      </c>
      <c r="B39051" t="s">
        <v>55819</v>
      </c>
      <c r="C39051">
        <v>1</v>
      </c>
      <c r="D39051">
        <v>0</v>
      </c>
    </row>
    <row r="39052" spans="1:4" x14ac:dyDescent="0.25">
      <c r="A39052" t="s">
        <v>55815</v>
      </c>
      <c r="B39052" t="s">
        <v>55820</v>
      </c>
      <c r="C39052">
        <v>2</v>
      </c>
      <c r="D39052">
        <v>0</v>
      </c>
    </row>
    <row r="39053" spans="1:4" x14ac:dyDescent="0.25">
      <c r="A39053" t="s">
        <v>55815</v>
      </c>
      <c r="B39053" t="s">
        <v>55821</v>
      </c>
      <c r="C39053">
        <v>1</v>
      </c>
      <c r="D39053">
        <v>0</v>
      </c>
    </row>
    <row r="39054" spans="1:4" x14ac:dyDescent="0.25">
      <c r="A39054" t="s">
        <v>55815</v>
      </c>
      <c r="B39054" t="s">
        <v>55822</v>
      </c>
      <c r="C39054">
        <v>1</v>
      </c>
      <c r="D39054">
        <v>0</v>
      </c>
    </row>
    <row r="39055" spans="1:4" x14ac:dyDescent="0.25">
      <c r="A39055" t="s">
        <v>55823</v>
      </c>
      <c r="B39055" t="s">
        <v>55824</v>
      </c>
      <c r="C39055">
        <v>0</v>
      </c>
      <c r="D39055">
        <v>0</v>
      </c>
    </row>
    <row r="39056" spans="1:4" x14ac:dyDescent="0.25">
      <c r="A39056" t="s">
        <v>55823</v>
      </c>
      <c r="B39056" t="s">
        <v>50399</v>
      </c>
      <c r="C39056">
        <v>1</v>
      </c>
      <c r="D39056">
        <v>0</v>
      </c>
    </row>
    <row r="39057" spans="1:4" x14ac:dyDescent="0.25">
      <c r="A39057" t="s">
        <v>55823</v>
      </c>
      <c r="B39057" t="s">
        <v>55825</v>
      </c>
      <c r="C39057">
        <v>0</v>
      </c>
      <c r="D39057">
        <v>0</v>
      </c>
    </row>
    <row r="39058" spans="1:4" x14ac:dyDescent="0.25">
      <c r="A39058" t="s">
        <v>55826</v>
      </c>
      <c r="B39058" t="s">
        <v>55827</v>
      </c>
      <c r="C39058">
        <v>1</v>
      </c>
      <c r="D39058">
        <v>0</v>
      </c>
    </row>
    <row r="39059" spans="1:4" x14ac:dyDescent="0.25">
      <c r="A39059" t="s">
        <v>55826</v>
      </c>
      <c r="B39059" t="s">
        <v>55828</v>
      </c>
      <c r="C39059">
        <v>1</v>
      </c>
      <c r="D39059">
        <v>0</v>
      </c>
    </row>
    <row r="39060" spans="1:4" x14ac:dyDescent="0.25">
      <c r="A39060" t="s">
        <v>55826</v>
      </c>
      <c r="B39060" t="s">
        <v>55829</v>
      </c>
      <c r="C39060">
        <v>1</v>
      </c>
      <c r="D39060">
        <v>0</v>
      </c>
    </row>
    <row r="39061" spans="1:4" x14ac:dyDescent="0.25">
      <c r="A39061" t="s">
        <v>55826</v>
      </c>
      <c r="B39061" t="s">
        <v>55830</v>
      </c>
      <c r="C39061">
        <v>1</v>
      </c>
      <c r="D39061">
        <v>0</v>
      </c>
    </row>
    <row r="39062" spans="1:4" x14ac:dyDescent="0.25">
      <c r="A39062" t="s">
        <v>55831</v>
      </c>
      <c r="B39062" t="s">
        <v>55832</v>
      </c>
      <c r="C39062">
        <v>1</v>
      </c>
      <c r="D39062">
        <v>0</v>
      </c>
    </row>
    <row r="39063" spans="1:4" x14ac:dyDescent="0.25">
      <c r="A39063" t="s">
        <v>55831</v>
      </c>
      <c r="B39063" t="s">
        <v>55833</v>
      </c>
      <c r="C39063">
        <v>1</v>
      </c>
      <c r="D39063">
        <v>0</v>
      </c>
    </row>
    <row r="39064" spans="1:4" x14ac:dyDescent="0.25">
      <c r="A39064" t="s">
        <v>55831</v>
      </c>
      <c r="B39064" t="s">
        <v>55834</v>
      </c>
      <c r="C39064">
        <v>2</v>
      </c>
      <c r="D39064">
        <v>0</v>
      </c>
    </row>
    <row r="39065" spans="1:4" x14ac:dyDescent="0.25">
      <c r="A39065" t="s">
        <v>55835</v>
      </c>
      <c r="B39065" t="s">
        <v>55836</v>
      </c>
      <c r="C39065">
        <v>1</v>
      </c>
      <c r="D39065">
        <v>0</v>
      </c>
    </row>
    <row r="39066" spans="1:4" x14ac:dyDescent="0.25">
      <c r="A39066" t="s">
        <v>55835</v>
      </c>
      <c r="B39066" t="s">
        <v>55837</v>
      </c>
      <c r="C39066">
        <v>1</v>
      </c>
      <c r="D39066">
        <v>0</v>
      </c>
    </row>
    <row r="39067" spans="1:4" x14ac:dyDescent="0.25">
      <c r="A39067" t="s">
        <v>55835</v>
      </c>
      <c r="B39067" t="s">
        <v>55838</v>
      </c>
      <c r="C39067">
        <v>1</v>
      </c>
      <c r="D39067">
        <v>0</v>
      </c>
    </row>
    <row r="39068" spans="1:4" x14ac:dyDescent="0.25">
      <c r="A39068" t="s">
        <v>55839</v>
      </c>
      <c r="B39068" t="s">
        <v>55840</v>
      </c>
      <c r="C39068">
        <v>0</v>
      </c>
      <c r="D39068">
        <v>0</v>
      </c>
    </row>
    <row r="39069" spans="1:4" x14ac:dyDescent="0.25">
      <c r="A39069" t="s">
        <v>55839</v>
      </c>
      <c r="B39069" t="s">
        <v>55841</v>
      </c>
      <c r="C39069">
        <v>2</v>
      </c>
      <c r="D39069">
        <v>0</v>
      </c>
    </row>
    <row r="39070" spans="1:4" x14ac:dyDescent="0.25">
      <c r="A39070" t="s">
        <v>55839</v>
      </c>
      <c r="B39070" t="s">
        <v>55842</v>
      </c>
      <c r="C39070">
        <v>1</v>
      </c>
      <c r="D39070">
        <v>0</v>
      </c>
    </row>
    <row r="39071" spans="1:4" x14ac:dyDescent="0.25">
      <c r="A39071" t="s">
        <v>55839</v>
      </c>
      <c r="B39071" t="s">
        <v>55843</v>
      </c>
      <c r="C39071">
        <v>0</v>
      </c>
      <c r="D39071">
        <v>0</v>
      </c>
    </row>
    <row r="39072" spans="1:4" x14ac:dyDescent="0.25">
      <c r="A39072" t="s">
        <v>55844</v>
      </c>
      <c r="B39072" t="s">
        <v>55845</v>
      </c>
      <c r="C39072">
        <v>2</v>
      </c>
      <c r="D39072">
        <v>0</v>
      </c>
    </row>
    <row r="39073" spans="1:4" x14ac:dyDescent="0.25">
      <c r="A39073" t="s">
        <v>55844</v>
      </c>
      <c r="B39073" t="s">
        <v>55846</v>
      </c>
      <c r="C39073">
        <v>0</v>
      </c>
      <c r="D39073">
        <v>0</v>
      </c>
    </row>
    <row r="39074" spans="1:4" x14ac:dyDescent="0.25">
      <c r="A39074" t="s">
        <v>55844</v>
      </c>
      <c r="B39074" t="s">
        <v>55847</v>
      </c>
      <c r="C39074">
        <v>0</v>
      </c>
      <c r="D39074">
        <v>0</v>
      </c>
    </row>
    <row r="39075" spans="1:4" x14ac:dyDescent="0.25">
      <c r="A39075" t="s">
        <v>55848</v>
      </c>
      <c r="B39075" t="s">
        <v>55849</v>
      </c>
      <c r="C39075">
        <v>1</v>
      </c>
      <c r="D39075">
        <v>0</v>
      </c>
    </row>
    <row r="39076" spans="1:4" x14ac:dyDescent="0.25">
      <c r="A39076" t="s">
        <v>55848</v>
      </c>
      <c r="B39076" t="s">
        <v>55850</v>
      </c>
      <c r="C39076">
        <v>2</v>
      </c>
      <c r="D39076">
        <v>0</v>
      </c>
    </row>
    <row r="39077" spans="1:4" x14ac:dyDescent="0.25">
      <c r="A39077" t="s">
        <v>55848</v>
      </c>
      <c r="B39077" t="s">
        <v>55851</v>
      </c>
      <c r="C39077">
        <v>1</v>
      </c>
      <c r="D39077">
        <v>0</v>
      </c>
    </row>
    <row r="39078" spans="1:4" x14ac:dyDescent="0.25">
      <c r="A39078" t="s">
        <v>55852</v>
      </c>
      <c r="B39078" t="s">
        <v>55853</v>
      </c>
      <c r="C39078">
        <v>1</v>
      </c>
      <c r="D39078">
        <v>0</v>
      </c>
    </row>
    <row r="39079" spans="1:4" x14ac:dyDescent="0.25">
      <c r="A39079" t="s">
        <v>55852</v>
      </c>
      <c r="B39079" t="s">
        <v>55854</v>
      </c>
      <c r="C39079">
        <v>2</v>
      </c>
      <c r="D39079">
        <v>0</v>
      </c>
    </row>
    <row r="39080" spans="1:4" x14ac:dyDescent="0.25">
      <c r="A39080" t="s">
        <v>55852</v>
      </c>
      <c r="B39080" t="s">
        <v>55855</v>
      </c>
      <c r="C39080">
        <v>1</v>
      </c>
      <c r="D39080">
        <v>0</v>
      </c>
    </row>
    <row r="39081" spans="1:4" x14ac:dyDescent="0.25">
      <c r="A39081" t="s">
        <v>55852</v>
      </c>
      <c r="B39081" t="s">
        <v>55856</v>
      </c>
      <c r="C39081">
        <v>2</v>
      </c>
      <c r="D39081">
        <v>0</v>
      </c>
    </row>
    <row r="39082" spans="1:4" x14ac:dyDescent="0.25">
      <c r="A39082" t="s">
        <v>55852</v>
      </c>
      <c r="B39082" t="s">
        <v>55857</v>
      </c>
      <c r="C39082">
        <v>2</v>
      </c>
      <c r="D39082">
        <v>0</v>
      </c>
    </row>
    <row r="39083" spans="1:4" x14ac:dyDescent="0.25">
      <c r="A39083" t="s">
        <v>55852</v>
      </c>
      <c r="B39083" t="s">
        <v>55858</v>
      </c>
      <c r="C39083">
        <v>1</v>
      </c>
      <c r="D39083">
        <v>0</v>
      </c>
    </row>
    <row r="39084" spans="1:4" x14ac:dyDescent="0.25">
      <c r="A39084" t="s">
        <v>55852</v>
      </c>
      <c r="B39084" t="s">
        <v>55859</v>
      </c>
      <c r="C39084">
        <v>0</v>
      </c>
      <c r="D39084">
        <v>0</v>
      </c>
    </row>
    <row r="39085" spans="1:4" x14ac:dyDescent="0.25">
      <c r="A39085" t="s">
        <v>55860</v>
      </c>
      <c r="B39085" t="s">
        <v>55861</v>
      </c>
      <c r="C39085">
        <v>0</v>
      </c>
      <c r="D39085">
        <v>0</v>
      </c>
    </row>
    <row r="39086" spans="1:4" x14ac:dyDescent="0.25">
      <c r="A39086" t="s">
        <v>55860</v>
      </c>
      <c r="B39086" t="s">
        <v>55862</v>
      </c>
      <c r="C39086">
        <v>1</v>
      </c>
      <c r="D39086">
        <v>0</v>
      </c>
    </row>
    <row r="39087" spans="1:4" x14ac:dyDescent="0.25">
      <c r="A39087" t="s">
        <v>55860</v>
      </c>
      <c r="B39087" t="s">
        <v>55863</v>
      </c>
      <c r="C39087">
        <v>1</v>
      </c>
      <c r="D39087">
        <v>0</v>
      </c>
    </row>
    <row r="39088" spans="1:4" x14ac:dyDescent="0.25">
      <c r="A39088" t="s">
        <v>55860</v>
      </c>
      <c r="B39088" t="s">
        <v>55864</v>
      </c>
      <c r="C39088">
        <v>0</v>
      </c>
      <c r="D39088">
        <v>0</v>
      </c>
    </row>
    <row r="39089" spans="1:4" x14ac:dyDescent="0.25">
      <c r="A39089" t="s">
        <v>55860</v>
      </c>
      <c r="B39089" t="s">
        <v>55865</v>
      </c>
      <c r="C39089">
        <v>0</v>
      </c>
      <c r="D39089">
        <v>0</v>
      </c>
    </row>
    <row r="39090" spans="1:4" x14ac:dyDescent="0.25">
      <c r="A39090" t="s">
        <v>55860</v>
      </c>
      <c r="B39090" t="s">
        <v>55866</v>
      </c>
      <c r="C39090">
        <v>1</v>
      </c>
      <c r="D39090">
        <v>0</v>
      </c>
    </row>
    <row r="39091" spans="1:4" x14ac:dyDescent="0.25">
      <c r="A39091" t="s">
        <v>55867</v>
      </c>
      <c r="B39091" t="s">
        <v>55868</v>
      </c>
      <c r="C39091">
        <v>1</v>
      </c>
      <c r="D39091">
        <v>0</v>
      </c>
    </row>
    <row r="39092" spans="1:4" x14ac:dyDescent="0.25">
      <c r="A39092" t="s">
        <v>55867</v>
      </c>
      <c r="B39092" t="s">
        <v>55869</v>
      </c>
      <c r="C39092">
        <v>1</v>
      </c>
      <c r="D39092">
        <v>0</v>
      </c>
    </row>
    <row r="39093" spans="1:4" x14ac:dyDescent="0.25">
      <c r="A39093" t="s">
        <v>55867</v>
      </c>
      <c r="B39093" t="s">
        <v>55870</v>
      </c>
      <c r="C39093">
        <v>1</v>
      </c>
      <c r="D39093">
        <v>0</v>
      </c>
    </row>
    <row r="39094" spans="1:4" x14ac:dyDescent="0.25">
      <c r="A39094" t="s">
        <v>55867</v>
      </c>
      <c r="B39094" t="s">
        <v>55871</v>
      </c>
      <c r="C39094">
        <v>1</v>
      </c>
      <c r="D39094">
        <v>0</v>
      </c>
    </row>
    <row r="39095" spans="1:4" x14ac:dyDescent="0.25">
      <c r="A39095" t="s">
        <v>55867</v>
      </c>
      <c r="B39095" t="s">
        <v>55872</v>
      </c>
      <c r="C39095">
        <v>1</v>
      </c>
      <c r="D39095">
        <v>0</v>
      </c>
    </row>
    <row r="39096" spans="1:4" x14ac:dyDescent="0.25">
      <c r="A39096" t="s">
        <v>55873</v>
      </c>
      <c r="B39096" t="s">
        <v>55874</v>
      </c>
      <c r="C39096">
        <v>1</v>
      </c>
      <c r="D39096">
        <v>0</v>
      </c>
    </row>
    <row r="39097" spans="1:4" x14ac:dyDescent="0.25">
      <c r="A39097" t="s">
        <v>55873</v>
      </c>
      <c r="B39097" t="s">
        <v>55875</v>
      </c>
      <c r="C39097">
        <v>1</v>
      </c>
      <c r="D39097">
        <v>0</v>
      </c>
    </row>
    <row r="39098" spans="1:4" x14ac:dyDescent="0.25">
      <c r="A39098" t="s">
        <v>55873</v>
      </c>
      <c r="B39098" t="s">
        <v>55876</v>
      </c>
      <c r="C39098">
        <v>1</v>
      </c>
      <c r="D39098">
        <v>0</v>
      </c>
    </row>
    <row r="39099" spans="1:4" x14ac:dyDescent="0.25">
      <c r="A39099" t="s">
        <v>55873</v>
      </c>
      <c r="B39099" t="s">
        <v>55877</v>
      </c>
      <c r="C39099">
        <v>1</v>
      </c>
      <c r="D39099">
        <v>0</v>
      </c>
    </row>
    <row r="39100" spans="1:4" x14ac:dyDescent="0.25">
      <c r="A39100" t="s">
        <v>55873</v>
      </c>
      <c r="B39100" t="s">
        <v>55878</v>
      </c>
      <c r="C39100">
        <v>1</v>
      </c>
      <c r="D39100">
        <v>0</v>
      </c>
    </row>
    <row r="39101" spans="1:4" x14ac:dyDescent="0.25">
      <c r="A39101" t="s">
        <v>55879</v>
      </c>
      <c r="B39101" t="s">
        <v>55880</v>
      </c>
      <c r="C39101">
        <v>1</v>
      </c>
      <c r="D39101">
        <v>0</v>
      </c>
    </row>
    <row r="39102" spans="1:4" x14ac:dyDescent="0.25">
      <c r="A39102" t="s">
        <v>55879</v>
      </c>
      <c r="B39102" t="s">
        <v>55881</v>
      </c>
      <c r="C39102">
        <v>1</v>
      </c>
      <c r="D39102">
        <v>0</v>
      </c>
    </row>
    <row r="39103" spans="1:4" x14ac:dyDescent="0.25">
      <c r="A39103" t="s">
        <v>55879</v>
      </c>
      <c r="B39103" t="s">
        <v>55882</v>
      </c>
      <c r="C39103">
        <v>0</v>
      </c>
      <c r="D39103">
        <v>0</v>
      </c>
    </row>
    <row r="39104" spans="1:4" x14ac:dyDescent="0.25">
      <c r="A39104" t="s">
        <v>55883</v>
      </c>
      <c r="B39104" t="s">
        <v>55884</v>
      </c>
      <c r="C39104">
        <v>0</v>
      </c>
      <c r="D39104">
        <v>0</v>
      </c>
    </row>
    <row r="39105" spans="1:4" x14ac:dyDescent="0.25">
      <c r="A39105" t="s">
        <v>55883</v>
      </c>
      <c r="B39105" t="s">
        <v>55885</v>
      </c>
      <c r="C39105">
        <v>0</v>
      </c>
      <c r="D39105">
        <v>0</v>
      </c>
    </row>
    <row r="39106" spans="1:4" x14ac:dyDescent="0.25">
      <c r="A39106" t="s">
        <v>55883</v>
      </c>
      <c r="B39106" t="s">
        <v>6061</v>
      </c>
      <c r="C39106">
        <v>0</v>
      </c>
      <c r="D39106">
        <v>0</v>
      </c>
    </row>
    <row r="39107" spans="1:4" x14ac:dyDescent="0.25">
      <c r="A39107" t="s">
        <v>55883</v>
      </c>
      <c r="B39107" t="s">
        <v>12472</v>
      </c>
      <c r="C39107">
        <v>1</v>
      </c>
      <c r="D39107">
        <v>0</v>
      </c>
    </row>
    <row r="39108" spans="1:4" x14ac:dyDescent="0.25">
      <c r="A39108" t="s">
        <v>55883</v>
      </c>
      <c r="B39108" t="s">
        <v>55886</v>
      </c>
      <c r="C39108">
        <v>0</v>
      </c>
      <c r="D39108">
        <v>0</v>
      </c>
    </row>
    <row r="39109" spans="1:4" x14ac:dyDescent="0.25">
      <c r="A39109" t="s">
        <v>55887</v>
      </c>
      <c r="B39109" t="s">
        <v>55888</v>
      </c>
      <c r="C39109">
        <v>1</v>
      </c>
      <c r="D39109">
        <v>0</v>
      </c>
    </row>
    <row r="39110" spans="1:4" x14ac:dyDescent="0.25">
      <c r="A39110" t="s">
        <v>55889</v>
      </c>
      <c r="B39110" t="s">
        <v>55890</v>
      </c>
      <c r="C39110">
        <v>1</v>
      </c>
      <c r="D39110">
        <v>0</v>
      </c>
    </row>
    <row r="39111" spans="1:4" x14ac:dyDescent="0.25">
      <c r="A39111" t="s">
        <v>55889</v>
      </c>
      <c r="B39111" t="s">
        <v>55891</v>
      </c>
      <c r="C39111">
        <v>1</v>
      </c>
      <c r="D39111">
        <v>0</v>
      </c>
    </row>
    <row r="39112" spans="1:4" x14ac:dyDescent="0.25">
      <c r="A39112" t="s">
        <v>55889</v>
      </c>
      <c r="B39112" t="s">
        <v>55892</v>
      </c>
      <c r="C39112">
        <v>2</v>
      </c>
      <c r="D39112">
        <v>0</v>
      </c>
    </row>
    <row r="39113" spans="1:4" x14ac:dyDescent="0.25">
      <c r="A39113" t="s">
        <v>55889</v>
      </c>
      <c r="B39113" t="s">
        <v>5434</v>
      </c>
      <c r="C39113">
        <v>1</v>
      </c>
      <c r="D39113">
        <v>0</v>
      </c>
    </row>
    <row r="39114" spans="1:4" x14ac:dyDescent="0.25">
      <c r="A39114" t="s">
        <v>55889</v>
      </c>
      <c r="B39114" t="s">
        <v>55893</v>
      </c>
      <c r="C39114">
        <v>1</v>
      </c>
      <c r="D39114">
        <v>0</v>
      </c>
    </row>
    <row r="39115" spans="1:4" x14ac:dyDescent="0.25">
      <c r="A39115" t="s">
        <v>55894</v>
      </c>
      <c r="B39115" t="s">
        <v>55895</v>
      </c>
      <c r="C39115">
        <v>2</v>
      </c>
      <c r="D39115">
        <v>0</v>
      </c>
    </row>
    <row r="39116" spans="1:4" x14ac:dyDescent="0.25">
      <c r="A39116" t="s">
        <v>55894</v>
      </c>
      <c r="B39116" t="s">
        <v>55896</v>
      </c>
      <c r="C39116">
        <v>0</v>
      </c>
      <c r="D39116">
        <v>0</v>
      </c>
    </row>
    <row r="39117" spans="1:4" x14ac:dyDescent="0.25">
      <c r="A39117" t="s">
        <v>55894</v>
      </c>
      <c r="B39117" t="s">
        <v>55897</v>
      </c>
      <c r="C39117">
        <v>1</v>
      </c>
      <c r="D39117">
        <v>0</v>
      </c>
    </row>
    <row r="39118" spans="1:4" x14ac:dyDescent="0.25">
      <c r="A39118" t="s">
        <v>55898</v>
      </c>
      <c r="B39118" t="s">
        <v>55899</v>
      </c>
      <c r="C39118">
        <v>1</v>
      </c>
      <c r="D39118">
        <v>0</v>
      </c>
    </row>
    <row r="39119" spans="1:4" x14ac:dyDescent="0.25">
      <c r="A39119" t="s">
        <v>55898</v>
      </c>
      <c r="B39119" t="s">
        <v>55900</v>
      </c>
      <c r="C39119">
        <v>1</v>
      </c>
      <c r="D39119">
        <v>0</v>
      </c>
    </row>
    <row r="39120" spans="1:4" x14ac:dyDescent="0.25">
      <c r="A39120" t="s">
        <v>55898</v>
      </c>
      <c r="B39120" t="s">
        <v>55901</v>
      </c>
      <c r="C39120">
        <v>1</v>
      </c>
      <c r="D39120">
        <v>0</v>
      </c>
    </row>
    <row r="39121" spans="1:4" x14ac:dyDescent="0.25">
      <c r="A39121" t="s">
        <v>55898</v>
      </c>
      <c r="B39121" t="s">
        <v>55902</v>
      </c>
      <c r="C39121">
        <v>0</v>
      </c>
      <c r="D39121">
        <v>0</v>
      </c>
    </row>
    <row r="39122" spans="1:4" x14ac:dyDescent="0.25">
      <c r="A39122" t="s">
        <v>55903</v>
      </c>
      <c r="B39122" t="s">
        <v>55904</v>
      </c>
      <c r="C39122">
        <v>1</v>
      </c>
      <c r="D39122">
        <v>0</v>
      </c>
    </row>
    <row r="39123" spans="1:4" x14ac:dyDescent="0.25">
      <c r="A39123" t="s">
        <v>55903</v>
      </c>
      <c r="B39123" t="s">
        <v>55905</v>
      </c>
      <c r="C39123">
        <v>1</v>
      </c>
      <c r="D39123">
        <v>0</v>
      </c>
    </row>
    <row r="39124" spans="1:4" x14ac:dyDescent="0.25">
      <c r="A39124" t="s">
        <v>55906</v>
      </c>
      <c r="B39124" t="s">
        <v>55907</v>
      </c>
      <c r="C39124">
        <v>1</v>
      </c>
      <c r="D39124">
        <v>0</v>
      </c>
    </row>
    <row r="39125" spans="1:4" x14ac:dyDescent="0.25">
      <c r="A39125" t="s">
        <v>55906</v>
      </c>
      <c r="B39125" t="s">
        <v>55908</v>
      </c>
      <c r="C39125">
        <v>0</v>
      </c>
      <c r="D39125">
        <v>0</v>
      </c>
    </row>
    <row r="39126" spans="1:4" x14ac:dyDescent="0.25">
      <c r="A39126" t="s">
        <v>55909</v>
      </c>
      <c r="B39126" t="s">
        <v>55910</v>
      </c>
      <c r="C39126">
        <v>0</v>
      </c>
      <c r="D39126">
        <v>0</v>
      </c>
    </row>
    <row r="39127" spans="1:4" x14ac:dyDescent="0.25">
      <c r="A39127" t="s">
        <v>55909</v>
      </c>
      <c r="B39127" t="s">
        <v>2651</v>
      </c>
      <c r="C39127">
        <v>0</v>
      </c>
      <c r="D39127">
        <v>0</v>
      </c>
    </row>
    <row r="39128" spans="1:4" x14ac:dyDescent="0.25">
      <c r="A39128" t="s">
        <v>55909</v>
      </c>
      <c r="B39128" t="s">
        <v>55911</v>
      </c>
      <c r="C39128">
        <v>0</v>
      </c>
      <c r="D39128">
        <v>0</v>
      </c>
    </row>
    <row r="39129" spans="1:4" x14ac:dyDescent="0.25">
      <c r="A39129" t="s">
        <v>55909</v>
      </c>
      <c r="B39129" t="s">
        <v>55912</v>
      </c>
      <c r="C39129">
        <v>1</v>
      </c>
      <c r="D39129">
        <v>0</v>
      </c>
    </row>
    <row r="39130" spans="1:4" x14ac:dyDescent="0.25">
      <c r="A39130" t="s">
        <v>55909</v>
      </c>
      <c r="B39130" t="s">
        <v>55913</v>
      </c>
      <c r="C39130">
        <v>1</v>
      </c>
      <c r="D39130">
        <v>0</v>
      </c>
    </row>
    <row r="39131" spans="1:4" x14ac:dyDescent="0.25">
      <c r="A39131" t="s">
        <v>55914</v>
      </c>
      <c r="B39131" t="s">
        <v>55915</v>
      </c>
      <c r="C39131">
        <v>1</v>
      </c>
      <c r="D39131">
        <v>0</v>
      </c>
    </row>
    <row r="39132" spans="1:4" x14ac:dyDescent="0.25">
      <c r="A39132" t="s">
        <v>55914</v>
      </c>
      <c r="B39132" t="s">
        <v>55916</v>
      </c>
      <c r="C39132">
        <v>1</v>
      </c>
      <c r="D39132">
        <v>0</v>
      </c>
    </row>
    <row r="39133" spans="1:4" x14ac:dyDescent="0.25">
      <c r="A39133" t="s">
        <v>55914</v>
      </c>
      <c r="B39133" t="s">
        <v>55917</v>
      </c>
      <c r="C39133">
        <v>1</v>
      </c>
      <c r="D39133">
        <v>0</v>
      </c>
    </row>
    <row r="39134" spans="1:4" x14ac:dyDescent="0.25">
      <c r="A39134" t="s">
        <v>55914</v>
      </c>
      <c r="B39134" t="s">
        <v>55918</v>
      </c>
      <c r="C39134">
        <v>2</v>
      </c>
      <c r="D39134">
        <v>0</v>
      </c>
    </row>
    <row r="39135" spans="1:4" x14ac:dyDescent="0.25">
      <c r="A39135" t="s">
        <v>55919</v>
      </c>
      <c r="B39135" t="s">
        <v>55920</v>
      </c>
      <c r="C39135">
        <v>1</v>
      </c>
      <c r="D39135">
        <v>0</v>
      </c>
    </row>
    <row r="39136" spans="1:4" x14ac:dyDescent="0.25">
      <c r="A39136" t="s">
        <v>55919</v>
      </c>
      <c r="B39136" t="s">
        <v>55921</v>
      </c>
      <c r="C39136">
        <v>1</v>
      </c>
      <c r="D39136">
        <v>0</v>
      </c>
    </row>
    <row r="39137" spans="1:4" x14ac:dyDescent="0.25">
      <c r="A39137" t="s">
        <v>55919</v>
      </c>
      <c r="B39137" t="s">
        <v>55922</v>
      </c>
      <c r="C39137">
        <v>1</v>
      </c>
      <c r="D39137">
        <v>0</v>
      </c>
    </row>
    <row r="39138" spans="1:4" x14ac:dyDescent="0.25">
      <c r="A39138" t="s">
        <v>55919</v>
      </c>
      <c r="B39138" t="s">
        <v>55923</v>
      </c>
      <c r="C39138">
        <v>1</v>
      </c>
      <c r="D39138">
        <v>0</v>
      </c>
    </row>
    <row r="39139" spans="1:4" x14ac:dyDescent="0.25">
      <c r="A39139" t="s">
        <v>55919</v>
      </c>
      <c r="B39139" t="s">
        <v>55924</v>
      </c>
      <c r="C39139">
        <v>1</v>
      </c>
      <c r="D39139">
        <v>0</v>
      </c>
    </row>
    <row r="39140" spans="1:4" x14ac:dyDescent="0.25">
      <c r="A39140" t="s">
        <v>55919</v>
      </c>
      <c r="B39140" t="s">
        <v>55925</v>
      </c>
      <c r="C39140">
        <v>1</v>
      </c>
      <c r="D39140">
        <v>0</v>
      </c>
    </row>
    <row r="39141" spans="1:4" x14ac:dyDescent="0.25">
      <c r="A39141" t="s">
        <v>55919</v>
      </c>
      <c r="B39141" t="s">
        <v>55926</v>
      </c>
      <c r="C39141">
        <v>1</v>
      </c>
      <c r="D39141">
        <v>0</v>
      </c>
    </row>
    <row r="39142" spans="1:4" x14ac:dyDescent="0.25">
      <c r="A39142" t="s">
        <v>55927</v>
      </c>
      <c r="B39142" t="s">
        <v>55928</v>
      </c>
      <c r="C39142">
        <v>1</v>
      </c>
      <c r="D39142">
        <v>0</v>
      </c>
    </row>
    <row r="39143" spans="1:4" x14ac:dyDescent="0.25">
      <c r="A39143" t="s">
        <v>55927</v>
      </c>
      <c r="B39143" t="s">
        <v>35545</v>
      </c>
      <c r="C39143">
        <v>1</v>
      </c>
      <c r="D39143">
        <v>0</v>
      </c>
    </row>
    <row r="39144" spans="1:4" x14ac:dyDescent="0.25">
      <c r="A39144" t="s">
        <v>55927</v>
      </c>
      <c r="B39144" t="s">
        <v>55929</v>
      </c>
      <c r="C39144">
        <v>1</v>
      </c>
      <c r="D39144">
        <v>0</v>
      </c>
    </row>
    <row r="39145" spans="1:4" x14ac:dyDescent="0.25">
      <c r="A39145" t="s">
        <v>55927</v>
      </c>
      <c r="B39145" t="s">
        <v>55930</v>
      </c>
      <c r="C39145">
        <v>2</v>
      </c>
      <c r="D39145">
        <v>0</v>
      </c>
    </row>
    <row r="39146" spans="1:4" x14ac:dyDescent="0.25">
      <c r="A39146" t="s">
        <v>55931</v>
      </c>
      <c r="B39146" t="s">
        <v>55932</v>
      </c>
      <c r="C39146">
        <v>1</v>
      </c>
      <c r="D39146">
        <v>0</v>
      </c>
    </row>
    <row r="39147" spans="1:4" x14ac:dyDescent="0.25">
      <c r="A39147" t="s">
        <v>55931</v>
      </c>
      <c r="B39147" t="s">
        <v>55933</v>
      </c>
      <c r="C39147">
        <v>0</v>
      </c>
      <c r="D39147">
        <v>0</v>
      </c>
    </row>
    <row r="39148" spans="1:4" x14ac:dyDescent="0.25">
      <c r="A39148" t="s">
        <v>55931</v>
      </c>
      <c r="B39148" t="s">
        <v>55934</v>
      </c>
      <c r="C39148">
        <v>1</v>
      </c>
      <c r="D39148">
        <v>0</v>
      </c>
    </row>
    <row r="39149" spans="1:4" x14ac:dyDescent="0.25">
      <c r="A39149" t="s">
        <v>55931</v>
      </c>
      <c r="B39149" t="s">
        <v>55935</v>
      </c>
      <c r="C39149">
        <v>1</v>
      </c>
      <c r="D39149">
        <v>0</v>
      </c>
    </row>
    <row r="39150" spans="1:4" x14ac:dyDescent="0.25">
      <c r="A39150" t="s">
        <v>55936</v>
      </c>
      <c r="B39150" t="s">
        <v>55937</v>
      </c>
      <c r="C39150">
        <v>1</v>
      </c>
      <c r="D39150">
        <v>0</v>
      </c>
    </row>
    <row r="39151" spans="1:4" x14ac:dyDescent="0.25">
      <c r="A39151" t="s">
        <v>55936</v>
      </c>
      <c r="B39151" t="s">
        <v>55938</v>
      </c>
      <c r="C39151">
        <v>1</v>
      </c>
      <c r="D39151">
        <v>0</v>
      </c>
    </row>
    <row r="39152" spans="1:4" x14ac:dyDescent="0.25">
      <c r="A39152" t="s">
        <v>55939</v>
      </c>
      <c r="B39152" t="s">
        <v>55940</v>
      </c>
      <c r="C39152">
        <v>1</v>
      </c>
      <c r="D39152">
        <v>0</v>
      </c>
    </row>
    <row r="39153" spans="1:4" x14ac:dyDescent="0.25">
      <c r="A39153" t="s">
        <v>55939</v>
      </c>
      <c r="B39153" t="s">
        <v>55941</v>
      </c>
      <c r="C39153">
        <v>1</v>
      </c>
      <c r="D39153">
        <v>0</v>
      </c>
    </row>
    <row r="39154" spans="1:4" x14ac:dyDescent="0.25">
      <c r="A39154" t="s">
        <v>55939</v>
      </c>
      <c r="B39154" t="s">
        <v>55942</v>
      </c>
      <c r="C39154">
        <v>0</v>
      </c>
      <c r="D39154">
        <v>0</v>
      </c>
    </row>
    <row r="39155" spans="1:4" x14ac:dyDescent="0.25">
      <c r="A39155" t="s">
        <v>55939</v>
      </c>
      <c r="B39155" t="s">
        <v>55943</v>
      </c>
      <c r="C39155">
        <v>2</v>
      </c>
      <c r="D39155">
        <v>0</v>
      </c>
    </row>
    <row r="39156" spans="1:4" x14ac:dyDescent="0.25">
      <c r="A39156" t="s">
        <v>55939</v>
      </c>
      <c r="B39156" t="s">
        <v>55944</v>
      </c>
      <c r="C39156">
        <v>1</v>
      </c>
      <c r="D39156">
        <v>0</v>
      </c>
    </row>
    <row r="39157" spans="1:4" x14ac:dyDescent="0.25">
      <c r="A39157" t="s">
        <v>55939</v>
      </c>
      <c r="B39157" t="s">
        <v>55945</v>
      </c>
      <c r="C39157">
        <v>0</v>
      </c>
      <c r="D39157">
        <v>0</v>
      </c>
    </row>
    <row r="39158" spans="1:4" x14ac:dyDescent="0.25">
      <c r="A39158" t="s">
        <v>55946</v>
      </c>
      <c r="B39158" t="s">
        <v>55947</v>
      </c>
      <c r="C39158">
        <v>1</v>
      </c>
      <c r="D39158">
        <v>0</v>
      </c>
    </row>
    <row r="39159" spans="1:4" x14ac:dyDescent="0.25">
      <c r="A39159" t="s">
        <v>55946</v>
      </c>
      <c r="B39159" t="s">
        <v>55948</v>
      </c>
      <c r="C39159">
        <v>0</v>
      </c>
      <c r="D39159">
        <v>0</v>
      </c>
    </row>
    <row r="39160" spans="1:4" x14ac:dyDescent="0.25">
      <c r="A39160" t="s">
        <v>55946</v>
      </c>
      <c r="B39160" t="s">
        <v>55949</v>
      </c>
      <c r="C39160">
        <v>0</v>
      </c>
      <c r="D39160">
        <v>0</v>
      </c>
    </row>
    <row r="39161" spans="1:4" x14ac:dyDescent="0.25">
      <c r="A39161" t="s">
        <v>55946</v>
      </c>
      <c r="B39161" t="s">
        <v>55950</v>
      </c>
      <c r="C39161">
        <v>0</v>
      </c>
      <c r="D39161">
        <v>0</v>
      </c>
    </row>
    <row r="39162" spans="1:4" x14ac:dyDescent="0.25">
      <c r="A39162" t="s">
        <v>55946</v>
      </c>
      <c r="B39162" t="s">
        <v>55951</v>
      </c>
      <c r="C39162">
        <v>0</v>
      </c>
      <c r="D39162">
        <v>0</v>
      </c>
    </row>
    <row r="39163" spans="1:4" x14ac:dyDescent="0.25">
      <c r="A39163" t="s">
        <v>55946</v>
      </c>
      <c r="B39163" t="s">
        <v>55952</v>
      </c>
      <c r="C39163">
        <v>0</v>
      </c>
      <c r="D39163">
        <v>0</v>
      </c>
    </row>
    <row r="39164" spans="1:4" x14ac:dyDescent="0.25">
      <c r="A39164" t="s">
        <v>55953</v>
      </c>
      <c r="B39164" t="s">
        <v>55954</v>
      </c>
      <c r="C39164">
        <v>1</v>
      </c>
      <c r="D39164">
        <v>0</v>
      </c>
    </row>
    <row r="39165" spans="1:4" x14ac:dyDescent="0.25">
      <c r="A39165" t="s">
        <v>55953</v>
      </c>
      <c r="B39165" t="s">
        <v>55955</v>
      </c>
      <c r="C39165">
        <v>1</v>
      </c>
      <c r="D39165">
        <v>0</v>
      </c>
    </row>
    <row r="39166" spans="1:4" x14ac:dyDescent="0.25">
      <c r="A39166" t="s">
        <v>55953</v>
      </c>
      <c r="B39166" t="s">
        <v>17257</v>
      </c>
      <c r="C39166">
        <v>2</v>
      </c>
      <c r="D39166">
        <v>0</v>
      </c>
    </row>
    <row r="39167" spans="1:4" x14ac:dyDescent="0.25">
      <c r="A39167" t="s">
        <v>55953</v>
      </c>
      <c r="B39167" t="s">
        <v>55956</v>
      </c>
      <c r="C39167">
        <v>1</v>
      </c>
      <c r="D39167">
        <v>0</v>
      </c>
    </row>
    <row r="39168" spans="1:4" x14ac:dyDescent="0.25">
      <c r="A39168" t="s">
        <v>55953</v>
      </c>
      <c r="B39168" t="s">
        <v>55957</v>
      </c>
      <c r="C39168">
        <v>1</v>
      </c>
      <c r="D39168">
        <v>0</v>
      </c>
    </row>
    <row r="39169" spans="1:4" x14ac:dyDescent="0.25">
      <c r="A39169" t="s">
        <v>55953</v>
      </c>
      <c r="B39169" t="s">
        <v>55958</v>
      </c>
      <c r="C39169">
        <v>1</v>
      </c>
      <c r="D39169">
        <v>0</v>
      </c>
    </row>
    <row r="39170" spans="1:4" x14ac:dyDescent="0.25">
      <c r="A39170" t="s">
        <v>55959</v>
      </c>
      <c r="B39170" t="s">
        <v>55345</v>
      </c>
      <c r="C39170">
        <v>0</v>
      </c>
      <c r="D39170">
        <v>0</v>
      </c>
    </row>
    <row r="39171" spans="1:4" x14ac:dyDescent="0.25">
      <c r="A39171" t="s">
        <v>55959</v>
      </c>
      <c r="B39171" t="s">
        <v>55960</v>
      </c>
      <c r="C39171">
        <v>2</v>
      </c>
      <c r="D39171">
        <v>0</v>
      </c>
    </row>
    <row r="39172" spans="1:4" x14ac:dyDescent="0.25">
      <c r="A39172" t="s">
        <v>55959</v>
      </c>
      <c r="B39172" t="s">
        <v>55961</v>
      </c>
      <c r="C39172">
        <v>1</v>
      </c>
      <c r="D39172">
        <v>0</v>
      </c>
    </row>
    <row r="39173" spans="1:4" x14ac:dyDescent="0.25">
      <c r="A39173" t="s">
        <v>55959</v>
      </c>
      <c r="B39173" t="s">
        <v>55962</v>
      </c>
      <c r="C39173">
        <v>0</v>
      </c>
      <c r="D39173">
        <v>0</v>
      </c>
    </row>
    <row r="39174" spans="1:4" x14ac:dyDescent="0.25">
      <c r="A39174" t="s">
        <v>55959</v>
      </c>
      <c r="B39174" t="s">
        <v>55963</v>
      </c>
      <c r="C39174">
        <v>2</v>
      </c>
      <c r="D39174">
        <v>0</v>
      </c>
    </row>
    <row r="39175" spans="1:4" x14ac:dyDescent="0.25">
      <c r="A39175" t="s">
        <v>55964</v>
      </c>
      <c r="B39175" t="s">
        <v>55965</v>
      </c>
      <c r="C39175">
        <v>2</v>
      </c>
      <c r="D39175">
        <v>0</v>
      </c>
    </row>
    <row r="39176" spans="1:4" x14ac:dyDescent="0.25">
      <c r="A39176" t="s">
        <v>55964</v>
      </c>
      <c r="B39176" t="s">
        <v>55966</v>
      </c>
      <c r="C39176">
        <v>1</v>
      </c>
      <c r="D39176">
        <v>0</v>
      </c>
    </row>
    <row r="39177" spans="1:4" x14ac:dyDescent="0.25">
      <c r="A39177" t="s">
        <v>55964</v>
      </c>
      <c r="B39177" t="s">
        <v>55967</v>
      </c>
      <c r="C39177">
        <v>1</v>
      </c>
      <c r="D39177">
        <v>0</v>
      </c>
    </row>
    <row r="39178" spans="1:4" x14ac:dyDescent="0.25">
      <c r="A39178" t="s">
        <v>55968</v>
      </c>
      <c r="B39178" t="s">
        <v>55969</v>
      </c>
      <c r="C39178">
        <v>1</v>
      </c>
      <c r="D39178">
        <v>0</v>
      </c>
    </row>
    <row r="39179" spans="1:4" x14ac:dyDescent="0.25">
      <c r="A39179" t="s">
        <v>55968</v>
      </c>
      <c r="B39179" t="s">
        <v>55970</v>
      </c>
      <c r="C39179">
        <v>1</v>
      </c>
      <c r="D39179">
        <v>0</v>
      </c>
    </row>
    <row r="39180" spans="1:4" x14ac:dyDescent="0.25">
      <c r="A39180" t="s">
        <v>55968</v>
      </c>
      <c r="B39180" t="s">
        <v>55971</v>
      </c>
      <c r="C39180">
        <v>1</v>
      </c>
      <c r="D39180">
        <v>0</v>
      </c>
    </row>
    <row r="39181" spans="1:4" x14ac:dyDescent="0.25">
      <c r="A39181" t="s">
        <v>55972</v>
      </c>
      <c r="B39181" t="s">
        <v>55973</v>
      </c>
      <c r="C39181">
        <v>0</v>
      </c>
      <c r="D39181">
        <v>0</v>
      </c>
    </row>
    <row r="39182" spans="1:4" x14ac:dyDescent="0.25">
      <c r="A39182" t="s">
        <v>55972</v>
      </c>
      <c r="B39182" t="s">
        <v>55974</v>
      </c>
      <c r="C39182">
        <v>0</v>
      </c>
      <c r="D39182">
        <v>0</v>
      </c>
    </row>
    <row r="39183" spans="1:4" x14ac:dyDescent="0.25">
      <c r="A39183" t="s">
        <v>55972</v>
      </c>
      <c r="B39183" t="s">
        <v>55975</v>
      </c>
      <c r="C39183">
        <v>0</v>
      </c>
      <c r="D39183">
        <v>0</v>
      </c>
    </row>
    <row r="39184" spans="1:4" x14ac:dyDescent="0.25">
      <c r="A39184" t="s">
        <v>55972</v>
      </c>
      <c r="B39184" t="s">
        <v>55976</v>
      </c>
      <c r="C39184">
        <v>1</v>
      </c>
      <c r="D39184">
        <v>0</v>
      </c>
    </row>
    <row r="39185" spans="1:4" x14ac:dyDescent="0.25">
      <c r="A39185" t="s">
        <v>55972</v>
      </c>
      <c r="B39185" t="s">
        <v>55977</v>
      </c>
      <c r="C39185">
        <v>0</v>
      </c>
      <c r="D39185">
        <v>0</v>
      </c>
    </row>
    <row r="39186" spans="1:4" x14ac:dyDescent="0.25">
      <c r="A39186" t="s">
        <v>55972</v>
      </c>
      <c r="B39186" t="s">
        <v>55978</v>
      </c>
      <c r="C39186">
        <v>0</v>
      </c>
      <c r="D39186">
        <v>0</v>
      </c>
    </row>
    <row r="39187" spans="1:4" x14ac:dyDescent="0.25">
      <c r="A39187" t="s">
        <v>55979</v>
      </c>
      <c r="B39187" t="s">
        <v>55980</v>
      </c>
      <c r="C39187">
        <v>0</v>
      </c>
      <c r="D39187">
        <v>0</v>
      </c>
    </row>
    <row r="39188" spans="1:4" x14ac:dyDescent="0.25">
      <c r="A39188" t="s">
        <v>55981</v>
      </c>
      <c r="B39188" t="s">
        <v>55982</v>
      </c>
      <c r="C39188">
        <v>0</v>
      </c>
      <c r="D39188">
        <v>0</v>
      </c>
    </row>
    <row r="39189" spans="1:4" x14ac:dyDescent="0.25">
      <c r="A39189" t="s">
        <v>55981</v>
      </c>
      <c r="B39189" t="s">
        <v>55983</v>
      </c>
      <c r="C39189">
        <v>2</v>
      </c>
      <c r="D39189">
        <v>0</v>
      </c>
    </row>
    <row r="39190" spans="1:4" x14ac:dyDescent="0.25">
      <c r="A39190" t="s">
        <v>55981</v>
      </c>
      <c r="B39190" t="s">
        <v>55984</v>
      </c>
      <c r="C39190">
        <v>2</v>
      </c>
      <c r="D39190">
        <v>0</v>
      </c>
    </row>
    <row r="39191" spans="1:4" x14ac:dyDescent="0.25">
      <c r="A39191" t="s">
        <v>55985</v>
      </c>
      <c r="B39191" t="s">
        <v>55986</v>
      </c>
      <c r="C39191">
        <v>1</v>
      </c>
      <c r="D39191">
        <v>0</v>
      </c>
    </row>
    <row r="39192" spans="1:4" x14ac:dyDescent="0.25">
      <c r="A39192" t="s">
        <v>55985</v>
      </c>
      <c r="B39192" t="s">
        <v>55987</v>
      </c>
      <c r="C39192">
        <v>1</v>
      </c>
      <c r="D39192">
        <v>0</v>
      </c>
    </row>
    <row r="39193" spans="1:4" x14ac:dyDescent="0.25">
      <c r="A39193" t="s">
        <v>55985</v>
      </c>
      <c r="B39193" t="s">
        <v>55988</v>
      </c>
      <c r="C39193">
        <v>2</v>
      </c>
      <c r="D39193">
        <v>0</v>
      </c>
    </row>
    <row r="39194" spans="1:4" x14ac:dyDescent="0.25">
      <c r="A39194" t="s">
        <v>55989</v>
      </c>
      <c r="B39194" t="s">
        <v>55990</v>
      </c>
      <c r="C39194">
        <v>1</v>
      </c>
      <c r="D39194">
        <v>0</v>
      </c>
    </row>
    <row r="39195" spans="1:4" x14ac:dyDescent="0.25">
      <c r="A39195" t="s">
        <v>55989</v>
      </c>
      <c r="B39195" t="s">
        <v>55991</v>
      </c>
      <c r="C39195">
        <v>1</v>
      </c>
      <c r="D39195">
        <v>0</v>
      </c>
    </row>
    <row r="39196" spans="1:4" x14ac:dyDescent="0.25">
      <c r="A39196" t="s">
        <v>55989</v>
      </c>
      <c r="B39196" t="s">
        <v>55992</v>
      </c>
      <c r="C39196">
        <v>1</v>
      </c>
      <c r="D39196">
        <v>0</v>
      </c>
    </row>
    <row r="39197" spans="1:4" x14ac:dyDescent="0.25">
      <c r="A39197" t="s">
        <v>55989</v>
      </c>
      <c r="B39197" t="s">
        <v>55993</v>
      </c>
      <c r="C39197">
        <v>1</v>
      </c>
      <c r="D39197">
        <v>0</v>
      </c>
    </row>
    <row r="39198" spans="1:4" x14ac:dyDescent="0.25">
      <c r="A39198" t="s">
        <v>55989</v>
      </c>
      <c r="B39198" t="s">
        <v>55994</v>
      </c>
      <c r="C39198">
        <v>1</v>
      </c>
      <c r="D39198">
        <v>0</v>
      </c>
    </row>
    <row r="39199" spans="1:4" x14ac:dyDescent="0.25">
      <c r="A39199" t="s">
        <v>55995</v>
      </c>
      <c r="B39199" t="s">
        <v>55996</v>
      </c>
      <c r="C39199">
        <v>0</v>
      </c>
      <c r="D39199">
        <v>0</v>
      </c>
    </row>
    <row r="39200" spans="1:4" x14ac:dyDescent="0.25">
      <c r="A39200" t="s">
        <v>55995</v>
      </c>
      <c r="B39200" t="s">
        <v>55997</v>
      </c>
      <c r="C39200">
        <v>1</v>
      </c>
      <c r="D39200">
        <v>0</v>
      </c>
    </row>
    <row r="39201" spans="1:4" x14ac:dyDescent="0.25">
      <c r="A39201" t="s">
        <v>55995</v>
      </c>
      <c r="B39201" t="s">
        <v>55998</v>
      </c>
      <c r="C39201">
        <v>1</v>
      </c>
      <c r="D39201">
        <v>0</v>
      </c>
    </row>
    <row r="39202" spans="1:4" x14ac:dyDescent="0.25">
      <c r="A39202" t="s">
        <v>55995</v>
      </c>
      <c r="B39202" t="s">
        <v>55999</v>
      </c>
      <c r="C39202">
        <v>1</v>
      </c>
      <c r="D39202">
        <v>0</v>
      </c>
    </row>
    <row r="39203" spans="1:4" x14ac:dyDescent="0.25">
      <c r="A39203" t="s">
        <v>55995</v>
      </c>
      <c r="B39203" t="s">
        <v>56000</v>
      </c>
      <c r="C39203">
        <v>1</v>
      </c>
      <c r="D39203">
        <v>0</v>
      </c>
    </row>
    <row r="39204" spans="1:4" x14ac:dyDescent="0.25">
      <c r="A39204" t="s">
        <v>56001</v>
      </c>
      <c r="B39204" t="s">
        <v>56002</v>
      </c>
      <c r="C39204">
        <v>0</v>
      </c>
      <c r="D39204">
        <v>0</v>
      </c>
    </row>
    <row r="39205" spans="1:4" x14ac:dyDescent="0.25">
      <c r="A39205" t="s">
        <v>56003</v>
      </c>
      <c r="B39205" t="s">
        <v>56004</v>
      </c>
      <c r="C39205">
        <v>1</v>
      </c>
      <c r="D39205">
        <v>0</v>
      </c>
    </row>
    <row r="39206" spans="1:4" x14ac:dyDescent="0.25">
      <c r="A39206" t="s">
        <v>56003</v>
      </c>
      <c r="B39206" t="s">
        <v>56005</v>
      </c>
      <c r="C39206">
        <v>1</v>
      </c>
      <c r="D39206">
        <v>0</v>
      </c>
    </row>
    <row r="39207" spans="1:4" x14ac:dyDescent="0.25">
      <c r="A39207" t="s">
        <v>56003</v>
      </c>
      <c r="B39207" t="s">
        <v>56006</v>
      </c>
      <c r="C39207">
        <v>0</v>
      </c>
      <c r="D39207">
        <v>0</v>
      </c>
    </row>
    <row r="39208" spans="1:4" x14ac:dyDescent="0.25">
      <c r="A39208" t="s">
        <v>56003</v>
      </c>
      <c r="B39208" t="s">
        <v>56007</v>
      </c>
      <c r="C39208">
        <v>0</v>
      </c>
      <c r="D39208">
        <v>0</v>
      </c>
    </row>
    <row r="39209" spans="1:4" x14ac:dyDescent="0.25">
      <c r="A39209" t="s">
        <v>56003</v>
      </c>
      <c r="B39209" t="s">
        <v>56008</v>
      </c>
      <c r="C39209">
        <v>1</v>
      </c>
      <c r="D39209">
        <v>0</v>
      </c>
    </row>
    <row r="39210" spans="1:4" x14ac:dyDescent="0.25">
      <c r="A39210" t="s">
        <v>56003</v>
      </c>
      <c r="B39210" t="s">
        <v>56009</v>
      </c>
      <c r="C39210">
        <v>0</v>
      </c>
      <c r="D39210">
        <v>0</v>
      </c>
    </row>
    <row r="39211" spans="1:4" x14ac:dyDescent="0.25">
      <c r="A39211" t="s">
        <v>56010</v>
      </c>
      <c r="B39211" t="s">
        <v>56011</v>
      </c>
      <c r="C39211">
        <v>0</v>
      </c>
      <c r="D39211">
        <v>0</v>
      </c>
    </row>
    <row r="39212" spans="1:4" x14ac:dyDescent="0.25">
      <c r="A39212" t="s">
        <v>56010</v>
      </c>
      <c r="B39212" t="s">
        <v>56012</v>
      </c>
      <c r="C39212">
        <v>0</v>
      </c>
      <c r="D39212">
        <v>0</v>
      </c>
    </row>
    <row r="39213" spans="1:4" x14ac:dyDescent="0.25">
      <c r="A39213" t="s">
        <v>56010</v>
      </c>
      <c r="B39213" t="s">
        <v>56013</v>
      </c>
      <c r="C39213">
        <v>0</v>
      </c>
      <c r="D39213">
        <v>0</v>
      </c>
    </row>
    <row r="39214" spans="1:4" x14ac:dyDescent="0.25">
      <c r="A39214" t="s">
        <v>56010</v>
      </c>
      <c r="B39214" t="s">
        <v>56014</v>
      </c>
      <c r="C39214">
        <v>0</v>
      </c>
      <c r="D39214">
        <v>0</v>
      </c>
    </row>
    <row r="39215" spans="1:4" x14ac:dyDescent="0.25">
      <c r="A39215" t="s">
        <v>56015</v>
      </c>
      <c r="B39215" t="s">
        <v>19309</v>
      </c>
      <c r="C39215">
        <v>0</v>
      </c>
      <c r="D39215">
        <v>0</v>
      </c>
    </row>
    <row r="39216" spans="1:4" x14ac:dyDescent="0.25">
      <c r="A39216" t="s">
        <v>56015</v>
      </c>
      <c r="B39216" t="s">
        <v>56016</v>
      </c>
      <c r="C39216">
        <v>0</v>
      </c>
      <c r="D39216">
        <v>0</v>
      </c>
    </row>
    <row r="39217" spans="1:4" x14ac:dyDescent="0.25">
      <c r="A39217" t="s">
        <v>56015</v>
      </c>
      <c r="B39217" t="s">
        <v>56017</v>
      </c>
      <c r="C39217">
        <v>1</v>
      </c>
      <c r="D39217">
        <v>0</v>
      </c>
    </row>
    <row r="39218" spans="1:4" x14ac:dyDescent="0.25">
      <c r="A39218" t="s">
        <v>56015</v>
      </c>
      <c r="B39218" t="s">
        <v>56018</v>
      </c>
      <c r="C39218">
        <v>0</v>
      </c>
      <c r="D39218">
        <v>0</v>
      </c>
    </row>
    <row r="39219" spans="1:4" x14ac:dyDescent="0.25">
      <c r="A39219" t="s">
        <v>56015</v>
      </c>
      <c r="B39219" t="s">
        <v>56019</v>
      </c>
      <c r="C39219">
        <v>0</v>
      </c>
      <c r="D39219">
        <v>0</v>
      </c>
    </row>
    <row r="39220" spans="1:4" x14ac:dyDescent="0.25">
      <c r="A39220" t="s">
        <v>56015</v>
      </c>
      <c r="B39220" t="s">
        <v>19309</v>
      </c>
      <c r="C39220">
        <v>0</v>
      </c>
      <c r="D39220">
        <v>0</v>
      </c>
    </row>
    <row r="39221" spans="1:4" x14ac:dyDescent="0.25">
      <c r="A39221" t="s">
        <v>56015</v>
      </c>
      <c r="B39221" t="s">
        <v>56020</v>
      </c>
      <c r="C39221">
        <v>1</v>
      </c>
      <c r="D39221">
        <v>0</v>
      </c>
    </row>
    <row r="39222" spans="1:4" x14ac:dyDescent="0.25">
      <c r="A39222" t="s">
        <v>56021</v>
      </c>
      <c r="B39222" t="s">
        <v>56022</v>
      </c>
      <c r="C39222">
        <v>1</v>
      </c>
      <c r="D39222">
        <v>0</v>
      </c>
    </row>
    <row r="39223" spans="1:4" x14ac:dyDescent="0.25">
      <c r="A39223" t="s">
        <v>56021</v>
      </c>
      <c r="B39223" t="s">
        <v>56023</v>
      </c>
      <c r="C39223">
        <v>2</v>
      </c>
      <c r="D39223">
        <v>0</v>
      </c>
    </row>
    <row r="39224" spans="1:4" x14ac:dyDescent="0.25">
      <c r="A39224" t="s">
        <v>56024</v>
      </c>
      <c r="B39224" t="s">
        <v>56025</v>
      </c>
      <c r="C39224">
        <v>0</v>
      </c>
      <c r="D39224">
        <v>0</v>
      </c>
    </row>
    <row r="39225" spans="1:4" x14ac:dyDescent="0.25">
      <c r="A39225" t="s">
        <v>56024</v>
      </c>
      <c r="B39225" t="s">
        <v>56026</v>
      </c>
      <c r="C39225">
        <v>0</v>
      </c>
      <c r="D39225">
        <v>0</v>
      </c>
    </row>
    <row r="39226" spans="1:4" x14ac:dyDescent="0.25">
      <c r="A39226" t="s">
        <v>56027</v>
      </c>
      <c r="B39226" t="s">
        <v>56028</v>
      </c>
      <c r="C39226">
        <v>0</v>
      </c>
      <c r="D39226">
        <v>0</v>
      </c>
    </row>
    <row r="39227" spans="1:4" x14ac:dyDescent="0.25">
      <c r="A39227" t="s">
        <v>56027</v>
      </c>
      <c r="B39227" t="s">
        <v>2061</v>
      </c>
      <c r="C39227">
        <v>0</v>
      </c>
      <c r="D39227">
        <v>0</v>
      </c>
    </row>
    <row r="39228" spans="1:4" x14ac:dyDescent="0.25">
      <c r="A39228" t="s">
        <v>56027</v>
      </c>
      <c r="B39228" t="s">
        <v>56029</v>
      </c>
      <c r="C39228">
        <v>0</v>
      </c>
      <c r="D39228">
        <v>0</v>
      </c>
    </row>
    <row r="39229" spans="1:4" x14ac:dyDescent="0.25">
      <c r="A39229" t="s">
        <v>56027</v>
      </c>
      <c r="B39229" t="s">
        <v>56030</v>
      </c>
      <c r="C39229">
        <v>0</v>
      </c>
      <c r="D39229">
        <v>0</v>
      </c>
    </row>
    <row r="39230" spans="1:4" x14ac:dyDescent="0.25">
      <c r="A39230" t="s">
        <v>56031</v>
      </c>
      <c r="B39230" t="s">
        <v>56032</v>
      </c>
      <c r="C39230">
        <v>1</v>
      </c>
      <c r="D39230">
        <v>0</v>
      </c>
    </row>
    <row r="39231" spans="1:4" x14ac:dyDescent="0.25">
      <c r="A39231" t="s">
        <v>56031</v>
      </c>
      <c r="B39231" t="s">
        <v>56033</v>
      </c>
      <c r="C39231">
        <v>1</v>
      </c>
      <c r="D39231">
        <v>0</v>
      </c>
    </row>
    <row r="39232" spans="1:4" x14ac:dyDescent="0.25">
      <c r="A39232" t="s">
        <v>56031</v>
      </c>
      <c r="B39232" t="s">
        <v>48846</v>
      </c>
      <c r="C39232">
        <v>0</v>
      </c>
      <c r="D39232">
        <v>0</v>
      </c>
    </row>
    <row r="39233" spans="1:4" x14ac:dyDescent="0.25">
      <c r="A39233" t="s">
        <v>56034</v>
      </c>
      <c r="B39233" t="s">
        <v>56035</v>
      </c>
      <c r="C39233">
        <v>2</v>
      </c>
      <c r="D39233">
        <v>0</v>
      </c>
    </row>
    <row r="39234" spans="1:4" x14ac:dyDescent="0.25">
      <c r="A39234" t="s">
        <v>56034</v>
      </c>
      <c r="B39234" t="s">
        <v>56036</v>
      </c>
      <c r="C39234">
        <v>0</v>
      </c>
      <c r="D39234">
        <v>0</v>
      </c>
    </row>
    <row r="39235" spans="1:4" x14ac:dyDescent="0.25">
      <c r="A39235" t="s">
        <v>56034</v>
      </c>
      <c r="B39235" t="s">
        <v>56037</v>
      </c>
      <c r="C39235">
        <v>2</v>
      </c>
      <c r="D39235">
        <v>0</v>
      </c>
    </row>
    <row r="39236" spans="1:4" x14ac:dyDescent="0.25">
      <c r="A39236" t="s">
        <v>56034</v>
      </c>
      <c r="B39236" t="s">
        <v>56038</v>
      </c>
      <c r="C39236">
        <v>1</v>
      </c>
      <c r="D39236">
        <v>0</v>
      </c>
    </row>
    <row r="39237" spans="1:4" x14ac:dyDescent="0.25">
      <c r="A39237" t="s">
        <v>56034</v>
      </c>
      <c r="B39237" t="s">
        <v>19284</v>
      </c>
      <c r="C39237">
        <v>1</v>
      </c>
      <c r="D39237">
        <v>0</v>
      </c>
    </row>
    <row r="39238" spans="1:4" x14ac:dyDescent="0.25">
      <c r="A39238" t="s">
        <v>56034</v>
      </c>
      <c r="B39238" t="s">
        <v>56039</v>
      </c>
      <c r="C39238">
        <v>0</v>
      </c>
      <c r="D39238">
        <v>0</v>
      </c>
    </row>
    <row r="39239" spans="1:4" x14ac:dyDescent="0.25">
      <c r="A39239" t="s">
        <v>56040</v>
      </c>
      <c r="B39239" t="s">
        <v>56041</v>
      </c>
      <c r="C39239">
        <v>1</v>
      </c>
      <c r="D39239">
        <v>0</v>
      </c>
    </row>
    <row r="39240" spans="1:4" x14ac:dyDescent="0.25">
      <c r="A39240" t="s">
        <v>56040</v>
      </c>
      <c r="B39240" t="s">
        <v>56042</v>
      </c>
      <c r="C39240">
        <v>1</v>
      </c>
      <c r="D39240">
        <v>0</v>
      </c>
    </row>
    <row r="39241" spans="1:4" x14ac:dyDescent="0.25">
      <c r="A39241" t="s">
        <v>56043</v>
      </c>
      <c r="B39241" t="s">
        <v>56044</v>
      </c>
      <c r="C39241">
        <v>2</v>
      </c>
      <c r="D39241">
        <v>0</v>
      </c>
    </row>
    <row r="39242" spans="1:4" x14ac:dyDescent="0.25">
      <c r="A39242" t="s">
        <v>56043</v>
      </c>
      <c r="B39242" t="s">
        <v>56045</v>
      </c>
      <c r="C39242">
        <v>0</v>
      </c>
      <c r="D39242">
        <v>0</v>
      </c>
    </row>
    <row r="39243" spans="1:4" x14ac:dyDescent="0.25">
      <c r="A39243" t="s">
        <v>56043</v>
      </c>
      <c r="B39243" t="s">
        <v>56046</v>
      </c>
      <c r="C39243">
        <v>2</v>
      </c>
      <c r="D39243">
        <v>0</v>
      </c>
    </row>
    <row r="39244" spans="1:4" x14ac:dyDescent="0.25">
      <c r="A39244" t="s">
        <v>56047</v>
      </c>
      <c r="B39244" t="s">
        <v>56048</v>
      </c>
      <c r="C39244">
        <v>2</v>
      </c>
      <c r="D39244">
        <v>0</v>
      </c>
    </row>
    <row r="39245" spans="1:4" x14ac:dyDescent="0.25">
      <c r="A39245" t="s">
        <v>56047</v>
      </c>
      <c r="B39245" t="s">
        <v>56049</v>
      </c>
      <c r="C39245">
        <v>0</v>
      </c>
      <c r="D39245">
        <v>0</v>
      </c>
    </row>
    <row r="39246" spans="1:4" x14ac:dyDescent="0.25">
      <c r="A39246" t="s">
        <v>56047</v>
      </c>
      <c r="B39246" t="s">
        <v>56050</v>
      </c>
      <c r="C39246">
        <v>2</v>
      </c>
      <c r="D39246">
        <v>0</v>
      </c>
    </row>
    <row r="39247" spans="1:4" x14ac:dyDescent="0.25">
      <c r="A39247" t="s">
        <v>56047</v>
      </c>
      <c r="B39247" t="s">
        <v>56051</v>
      </c>
      <c r="C39247">
        <v>0</v>
      </c>
      <c r="D39247">
        <v>0</v>
      </c>
    </row>
    <row r="39248" spans="1:4" x14ac:dyDescent="0.25">
      <c r="A39248" t="s">
        <v>56047</v>
      </c>
      <c r="B39248" t="s">
        <v>56052</v>
      </c>
      <c r="C39248">
        <v>0</v>
      </c>
      <c r="D39248">
        <v>0</v>
      </c>
    </row>
    <row r="39249" spans="1:4" x14ac:dyDescent="0.25">
      <c r="A39249" t="s">
        <v>56047</v>
      </c>
      <c r="B39249" t="s">
        <v>56053</v>
      </c>
      <c r="C39249">
        <v>2</v>
      </c>
      <c r="D39249">
        <v>0</v>
      </c>
    </row>
    <row r="39250" spans="1:4" x14ac:dyDescent="0.25">
      <c r="A39250" t="s">
        <v>56047</v>
      </c>
      <c r="B39250" t="s">
        <v>56054</v>
      </c>
      <c r="C39250">
        <v>0</v>
      </c>
      <c r="D39250">
        <v>0</v>
      </c>
    </row>
    <row r="39251" spans="1:4" x14ac:dyDescent="0.25">
      <c r="A39251" t="s">
        <v>56055</v>
      </c>
      <c r="B39251" t="s">
        <v>56056</v>
      </c>
      <c r="C39251">
        <v>1</v>
      </c>
      <c r="D39251">
        <v>0</v>
      </c>
    </row>
    <row r="39252" spans="1:4" x14ac:dyDescent="0.25">
      <c r="A39252" t="s">
        <v>56055</v>
      </c>
      <c r="B39252" t="s">
        <v>56057</v>
      </c>
      <c r="C39252">
        <v>2</v>
      </c>
      <c r="D39252">
        <v>0</v>
      </c>
    </row>
    <row r="39253" spans="1:4" x14ac:dyDescent="0.25">
      <c r="A39253" t="s">
        <v>56055</v>
      </c>
      <c r="B39253" t="s">
        <v>56058</v>
      </c>
      <c r="C39253">
        <v>1</v>
      </c>
      <c r="D39253">
        <v>0</v>
      </c>
    </row>
    <row r="39254" spans="1:4" x14ac:dyDescent="0.25">
      <c r="A39254" t="s">
        <v>56055</v>
      </c>
      <c r="B39254" t="s">
        <v>56059</v>
      </c>
      <c r="C39254">
        <v>1</v>
      </c>
      <c r="D39254">
        <v>0</v>
      </c>
    </row>
    <row r="39255" spans="1:4" x14ac:dyDescent="0.25">
      <c r="A39255" t="s">
        <v>56055</v>
      </c>
      <c r="B39255" t="s">
        <v>56060</v>
      </c>
      <c r="C39255">
        <v>2</v>
      </c>
      <c r="D39255">
        <v>0</v>
      </c>
    </row>
    <row r="39256" spans="1:4" x14ac:dyDescent="0.25">
      <c r="A39256" t="s">
        <v>56061</v>
      </c>
      <c r="B39256" t="s">
        <v>56062</v>
      </c>
      <c r="C39256">
        <v>0</v>
      </c>
      <c r="D39256">
        <v>0</v>
      </c>
    </row>
    <row r="39257" spans="1:4" x14ac:dyDescent="0.25">
      <c r="A39257" t="s">
        <v>56061</v>
      </c>
      <c r="B39257" t="s">
        <v>17257</v>
      </c>
      <c r="C39257">
        <v>2</v>
      </c>
      <c r="D39257">
        <v>0</v>
      </c>
    </row>
    <row r="39258" spans="1:4" x14ac:dyDescent="0.25">
      <c r="A39258" t="s">
        <v>56061</v>
      </c>
      <c r="B39258" t="s">
        <v>56063</v>
      </c>
      <c r="C39258">
        <v>1</v>
      </c>
      <c r="D39258">
        <v>0</v>
      </c>
    </row>
    <row r="39259" spans="1:4" x14ac:dyDescent="0.25">
      <c r="A39259" t="s">
        <v>56061</v>
      </c>
      <c r="B39259" t="s">
        <v>56064</v>
      </c>
      <c r="C39259">
        <v>1</v>
      </c>
      <c r="D39259">
        <v>0</v>
      </c>
    </row>
    <row r="39260" spans="1:4" x14ac:dyDescent="0.25">
      <c r="A39260" t="s">
        <v>56065</v>
      </c>
      <c r="B39260" t="s">
        <v>56066</v>
      </c>
      <c r="C39260">
        <v>0</v>
      </c>
      <c r="D39260">
        <v>0</v>
      </c>
    </row>
    <row r="39261" spans="1:4" x14ac:dyDescent="0.25">
      <c r="A39261" t="s">
        <v>56065</v>
      </c>
      <c r="B39261" t="s">
        <v>56067</v>
      </c>
      <c r="C39261">
        <v>0</v>
      </c>
      <c r="D39261">
        <v>0</v>
      </c>
    </row>
    <row r="39262" spans="1:4" x14ac:dyDescent="0.25">
      <c r="A39262" t="s">
        <v>56065</v>
      </c>
      <c r="B39262" t="s">
        <v>56068</v>
      </c>
      <c r="C39262">
        <v>1</v>
      </c>
      <c r="D39262">
        <v>0</v>
      </c>
    </row>
    <row r="39263" spans="1:4" x14ac:dyDescent="0.25">
      <c r="A39263" t="s">
        <v>56065</v>
      </c>
      <c r="B39263" t="s">
        <v>56069</v>
      </c>
      <c r="C39263">
        <v>2</v>
      </c>
      <c r="D39263">
        <v>0</v>
      </c>
    </row>
    <row r="39264" spans="1:4" x14ac:dyDescent="0.25">
      <c r="A39264" t="s">
        <v>56065</v>
      </c>
      <c r="B39264" t="s">
        <v>56070</v>
      </c>
      <c r="C39264">
        <v>2</v>
      </c>
      <c r="D39264">
        <v>0</v>
      </c>
    </row>
    <row r="39265" spans="1:4" x14ac:dyDescent="0.25">
      <c r="A39265" t="s">
        <v>56071</v>
      </c>
      <c r="B39265" t="s">
        <v>56072</v>
      </c>
      <c r="C39265">
        <v>1</v>
      </c>
      <c r="D39265">
        <v>0</v>
      </c>
    </row>
    <row r="39266" spans="1:4" x14ac:dyDescent="0.25">
      <c r="A39266" t="s">
        <v>56073</v>
      </c>
      <c r="B39266" t="s">
        <v>56074</v>
      </c>
      <c r="C39266">
        <v>1</v>
      </c>
      <c r="D39266">
        <v>0</v>
      </c>
    </row>
    <row r="39267" spans="1:4" x14ac:dyDescent="0.25">
      <c r="A39267" t="s">
        <v>56073</v>
      </c>
      <c r="B39267" t="s">
        <v>56075</v>
      </c>
      <c r="C39267">
        <v>1</v>
      </c>
      <c r="D39267">
        <v>0</v>
      </c>
    </row>
    <row r="39268" spans="1:4" x14ac:dyDescent="0.25">
      <c r="A39268" t="s">
        <v>56073</v>
      </c>
      <c r="B39268" t="s">
        <v>56076</v>
      </c>
      <c r="C39268">
        <v>1</v>
      </c>
      <c r="D39268">
        <v>0</v>
      </c>
    </row>
    <row r="39269" spans="1:4" x14ac:dyDescent="0.25">
      <c r="A39269" t="s">
        <v>56073</v>
      </c>
      <c r="B39269" t="s">
        <v>56077</v>
      </c>
      <c r="C39269">
        <v>1</v>
      </c>
      <c r="D39269">
        <v>0</v>
      </c>
    </row>
    <row r="39270" spans="1:4" x14ac:dyDescent="0.25">
      <c r="A39270" t="s">
        <v>56078</v>
      </c>
      <c r="B39270" t="s">
        <v>56079</v>
      </c>
      <c r="C39270">
        <v>2</v>
      </c>
      <c r="D39270">
        <v>0</v>
      </c>
    </row>
    <row r="39271" spans="1:4" x14ac:dyDescent="0.25">
      <c r="A39271" t="s">
        <v>56078</v>
      </c>
      <c r="B39271" t="s">
        <v>56080</v>
      </c>
      <c r="C39271">
        <v>1</v>
      </c>
      <c r="D39271">
        <v>0</v>
      </c>
    </row>
    <row r="39272" spans="1:4" x14ac:dyDescent="0.25">
      <c r="A39272" t="s">
        <v>56078</v>
      </c>
      <c r="B39272" t="s">
        <v>56081</v>
      </c>
      <c r="C39272">
        <v>0</v>
      </c>
      <c r="D39272">
        <v>0</v>
      </c>
    </row>
    <row r="39273" spans="1:4" x14ac:dyDescent="0.25">
      <c r="A39273" t="s">
        <v>56078</v>
      </c>
      <c r="B39273" t="s">
        <v>56082</v>
      </c>
      <c r="C39273">
        <v>2</v>
      </c>
      <c r="D39273">
        <v>0</v>
      </c>
    </row>
    <row r="39274" spans="1:4" x14ac:dyDescent="0.25">
      <c r="A39274" t="s">
        <v>56083</v>
      </c>
      <c r="B39274" t="s">
        <v>56084</v>
      </c>
      <c r="C39274">
        <v>1</v>
      </c>
      <c r="D39274">
        <v>0</v>
      </c>
    </row>
    <row r="39275" spans="1:4" x14ac:dyDescent="0.25">
      <c r="A39275" t="s">
        <v>56085</v>
      </c>
      <c r="B39275" t="s">
        <v>56086</v>
      </c>
      <c r="C39275">
        <v>2</v>
      </c>
      <c r="D39275">
        <v>0</v>
      </c>
    </row>
    <row r="39276" spans="1:4" x14ac:dyDescent="0.25">
      <c r="A39276" t="s">
        <v>56085</v>
      </c>
      <c r="B39276" t="s">
        <v>56087</v>
      </c>
      <c r="C39276">
        <v>1</v>
      </c>
      <c r="D39276">
        <v>0</v>
      </c>
    </row>
    <row r="39277" spans="1:4" x14ac:dyDescent="0.25">
      <c r="A39277" t="s">
        <v>56085</v>
      </c>
      <c r="B39277" t="s">
        <v>56088</v>
      </c>
      <c r="C39277">
        <v>1</v>
      </c>
      <c r="D39277">
        <v>0</v>
      </c>
    </row>
    <row r="39278" spans="1:4" x14ac:dyDescent="0.25">
      <c r="A39278" t="s">
        <v>56085</v>
      </c>
      <c r="B39278" t="s">
        <v>56089</v>
      </c>
      <c r="C39278">
        <v>2</v>
      </c>
      <c r="D39278">
        <v>0</v>
      </c>
    </row>
    <row r="39279" spans="1:4" x14ac:dyDescent="0.25">
      <c r="A39279" t="s">
        <v>56085</v>
      </c>
      <c r="B39279" t="s">
        <v>56090</v>
      </c>
      <c r="C39279">
        <v>1</v>
      </c>
      <c r="D39279">
        <v>0</v>
      </c>
    </row>
    <row r="39280" spans="1:4" x14ac:dyDescent="0.25">
      <c r="A39280" t="s">
        <v>56085</v>
      </c>
      <c r="B39280" t="s">
        <v>56091</v>
      </c>
      <c r="C39280">
        <v>1</v>
      </c>
      <c r="D39280">
        <v>0</v>
      </c>
    </row>
    <row r="39281" spans="1:4" x14ac:dyDescent="0.25">
      <c r="A39281" t="s">
        <v>56085</v>
      </c>
      <c r="B39281" t="s">
        <v>56092</v>
      </c>
      <c r="C39281">
        <v>0</v>
      </c>
      <c r="D39281">
        <v>0</v>
      </c>
    </row>
    <row r="39282" spans="1:4" x14ac:dyDescent="0.25">
      <c r="A39282" t="s">
        <v>56085</v>
      </c>
      <c r="B39282" t="s">
        <v>56093</v>
      </c>
      <c r="C39282">
        <v>1</v>
      </c>
      <c r="D39282">
        <v>0</v>
      </c>
    </row>
    <row r="39283" spans="1:4" x14ac:dyDescent="0.25">
      <c r="A39283" t="s">
        <v>56085</v>
      </c>
      <c r="B39283" t="s">
        <v>56094</v>
      </c>
      <c r="C39283">
        <v>2</v>
      </c>
      <c r="D39283">
        <v>0</v>
      </c>
    </row>
    <row r="39284" spans="1:4" x14ac:dyDescent="0.25">
      <c r="A39284" t="s">
        <v>56095</v>
      </c>
      <c r="B39284" t="s">
        <v>56096</v>
      </c>
      <c r="C39284">
        <v>1</v>
      </c>
      <c r="D39284">
        <v>0</v>
      </c>
    </row>
    <row r="39285" spans="1:4" x14ac:dyDescent="0.25">
      <c r="A39285" t="s">
        <v>56095</v>
      </c>
      <c r="B39285" t="s">
        <v>56097</v>
      </c>
      <c r="C39285">
        <v>1</v>
      </c>
      <c r="D39285">
        <v>0</v>
      </c>
    </row>
    <row r="39286" spans="1:4" x14ac:dyDescent="0.25">
      <c r="A39286" t="s">
        <v>56095</v>
      </c>
      <c r="B39286" t="s">
        <v>56098</v>
      </c>
      <c r="C39286">
        <v>1</v>
      </c>
      <c r="D39286">
        <v>0</v>
      </c>
    </row>
    <row r="39287" spans="1:4" x14ac:dyDescent="0.25">
      <c r="A39287" t="s">
        <v>56095</v>
      </c>
      <c r="B39287" t="s">
        <v>56099</v>
      </c>
      <c r="C39287">
        <v>1</v>
      </c>
      <c r="D39287">
        <v>0</v>
      </c>
    </row>
    <row r="39288" spans="1:4" x14ac:dyDescent="0.25">
      <c r="A39288" t="s">
        <v>56100</v>
      </c>
      <c r="B39288" t="s">
        <v>56101</v>
      </c>
      <c r="C39288">
        <v>0</v>
      </c>
      <c r="D39288">
        <v>0</v>
      </c>
    </row>
    <row r="39289" spans="1:4" x14ac:dyDescent="0.25">
      <c r="A39289" t="s">
        <v>56100</v>
      </c>
      <c r="B39289" t="s">
        <v>56102</v>
      </c>
      <c r="C39289">
        <v>2</v>
      </c>
      <c r="D39289">
        <v>0</v>
      </c>
    </row>
    <row r="39290" spans="1:4" x14ac:dyDescent="0.25">
      <c r="A39290" t="s">
        <v>56100</v>
      </c>
      <c r="B39290" t="s">
        <v>56103</v>
      </c>
      <c r="C39290">
        <v>1</v>
      </c>
      <c r="D39290">
        <v>0</v>
      </c>
    </row>
    <row r="39291" spans="1:4" x14ac:dyDescent="0.25">
      <c r="A39291" t="s">
        <v>56100</v>
      </c>
      <c r="B39291" t="s">
        <v>56104</v>
      </c>
      <c r="C39291">
        <v>2</v>
      </c>
      <c r="D39291">
        <v>0</v>
      </c>
    </row>
    <row r="39292" spans="1:4" x14ac:dyDescent="0.25">
      <c r="A39292" t="s">
        <v>56100</v>
      </c>
      <c r="B39292" t="s">
        <v>56105</v>
      </c>
      <c r="C39292">
        <v>2</v>
      </c>
      <c r="D39292">
        <v>0</v>
      </c>
    </row>
    <row r="39293" spans="1:4" x14ac:dyDescent="0.25">
      <c r="A39293" t="s">
        <v>56106</v>
      </c>
      <c r="B39293" t="s">
        <v>56107</v>
      </c>
      <c r="C39293">
        <v>1</v>
      </c>
      <c r="D39293">
        <v>0</v>
      </c>
    </row>
    <row r="39294" spans="1:4" x14ac:dyDescent="0.25">
      <c r="A39294" t="s">
        <v>56106</v>
      </c>
      <c r="B39294" t="s">
        <v>56108</v>
      </c>
      <c r="C39294">
        <v>1</v>
      </c>
      <c r="D39294">
        <v>0</v>
      </c>
    </row>
    <row r="39295" spans="1:4" x14ac:dyDescent="0.25">
      <c r="A39295" t="s">
        <v>56106</v>
      </c>
      <c r="B39295" t="s">
        <v>56109</v>
      </c>
      <c r="C39295">
        <v>0</v>
      </c>
      <c r="D39295">
        <v>0</v>
      </c>
    </row>
    <row r="39296" spans="1:4" x14ac:dyDescent="0.25">
      <c r="A39296" t="s">
        <v>56110</v>
      </c>
      <c r="B39296" t="s">
        <v>56111</v>
      </c>
      <c r="C39296">
        <v>0</v>
      </c>
      <c r="D39296">
        <v>0</v>
      </c>
    </row>
    <row r="39297" spans="1:4" x14ac:dyDescent="0.25">
      <c r="A39297" t="s">
        <v>56112</v>
      </c>
      <c r="B39297" t="s">
        <v>56113</v>
      </c>
      <c r="C39297">
        <v>0</v>
      </c>
      <c r="D39297">
        <v>0</v>
      </c>
    </row>
    <row r="39298" spans="1:4" x14ac:dyDescent="0.25">
      <c r="A39298" t="s">
        <v>56112</v>
      </c>
      <c r="B39298" t="s">
        <v>56114</v>
      </c>
      <c r="C39298">
        <v>0</v>
      </c>
      <c r="D39298">
        <v>0</v>
      </c>
    </row>
    <row r="39299" spans="1:4" x14ac:dyDescent="0.25">
      <c r="A39299" t="s">
        <v>56112</v>
      </c>
      <c r="B39299" t="s">
        <v>19284</v>
      </c>
      <c r="C39299">
        <v>0</v>
      </c>
      <c r="D39299">
        <v>0</v>
      </c>
    </row>
    <row r="39300" spans="1:4" x14ac:dyDescent="0.25">
      <c r="A39300" t="s">
        <v>56112</v>
      </c>
      <c r="B39300" t="s">
        <v>56115</v>
      </c>
      <c r="C39300">
        <v>0</v>
      </c>
      <c r="D39300">
        <v>0</v>
      </c>
    </row>
    <row r="39301" spans="1:4" x14ac:dyDescent="0.25">
      <c r="A39301" t="s">
        <v>56116</v>
      </c>
      <c r="B39301" t="s">
        <v>56117</v>
      </c>
      <c r="C39301">
        <v>2</v>
      </c>
      <c r="D39301">
        <v>0</v>
      </c>
    </row>
    <row r="39302" spans="1:4" x14ac:dyDescent="0.25">
      <c r="A39302" t="s">
        <v>56116</v>
      </c>
      <c r="B39302" t="s">
        <v>56118</v>
      </c>
      <c r="C39302">
        <v>1</v>
      </c>
      <c r="D39302">
        <v>0</v>
      </c>
    </row>
    <row r="39303" spans="1:4" x14ac:dyDescent="0.25">
      <c r="A39303" t="s">
        <v>56116</v>
      </c>
      <c r="B39303" t="s">
        <v>12472</v>
      </c>
      <c r="C39303">
        <v>0</v>
      </c>
      <c r="D39303">
        <v>0</v>
      </c>
    </row>
    <row r="39304" spans="1:4" x14ac:dyDescent="0.25">
      <c r="A39304" t="s">
        <v>56116</v>
      </c>
      <c r="B39304" t="s">
        <v>56119</v>
      </c>
      <c r="C39304">
        <v>2</v>
      </c>
      <c r="D39304">
        <v>0</v>
      </c>
    </row>
    <row r="39305" spans="1:4" x14ac:dyDescent="0.25">
      <c r="A39305" t="s">
        <v>56116</v>
      </c>
      <c r="B39305" t="s">
        <v>46710</v>
      </c>
      <c r="C39305">
        <v>0</v>
      </c>
      <c r="D39305">
        <v>0</v>
      </c>
    </row>
    <row r="39306" spans="1:4" x14ac:dyDescent="0.25">
      <c r="A39306" t="s">
        <v>56120</v>
      </c>
      <c r="B39306" t="s">
        <v>56121</v>
      </c>
      <c r="C39306">
        <v>1</v>
      </c>
      <c r="D39306">
        <v>0</v>
      </c>
    </row>
    <row r="39307" spans="1:4" x14ac:dyDescent="0.25">
      <c r="A39307" t="s">
        <v>56120</v>
      </c>
      <c r="B39307" t="s">
        <v>56122</v>
      </c>
      <c r="C39307">
        <v>2</v>
      </c>
      <c r="D39307">
        <v>0</v>
      </c>
    </row>
    <row r="39308" spans="1:4" x14ac:dyDescent="0.25">
      <c r="A39308" t="s">
        <v>56120</v>
      </c>
      <c r="B39308" t="s">
        <v>56123</v>
      </c>
      <c r="C39308">
        <v>1</v>
      </c>
      <c r="D39308">
        <v>0</v>
      </c>
    </row>
    <row r="39309" spans="1:4" x14ac:dyDescent="0.25">
      <c r="A39309" t="s">
        <v>56120</v>
      </c>
      <c r="B39309" t="s">
        <v>56124</v>
      </c>
      <c r="C39309">
        <v>1</v>
      </c>
      <c r="D39309">
        <v>0</v>
      </c>
    </row>
    <row r="39310" spans="1:4" x14ac:dyDescent="0.25">
      <c r="A39310" t="s">
        <v>56125</v>
      </c>
      <c r="B39310" t="s">
        <v>56126</v>
      </c>
      <c r="C39310">
        <v>0</v>
      </c>
      <c r="D39310">
        <v>0</v>
      </c>
    </row>
    <row r="39311" spans="1:4" x14ac:dyDescent="0.25">
      <c r="A39311" t="s">
        <v>56125</v>
      </c>
      <c r="B39311" t="s">
        <v>56127</v>
      </c>
      <c r="C39311">
        <v>1</v>
      </c>
      <c r="D39311">
        <v>0</v>
      </c>
    </row>
    <row r="39312" spans="1:4" x14ac:dyDescent="0.25">
      <c r="A39312" t="s">
        <v>56125</v>
      </c>
      <c r="B39312" t="s">
        <v>56128</v>
      </c>
      <c r="C39312">
        <v>0</v>
      </c>
      <c r="D39312">
        <v>0</v>
      </c>
    </row>
    <row r="39313" spans="1:4" x14ac:dyDescent="0.25">
      <c r="A39313" t="s">
        <v>56125</v>
      </c>
      <c r="B39313" t="s">
        <v>56129</v>
      </c>
      <c r="C39313">
        <v>1</v>
      </c>
      <c r="D39313">
        <v>0</v>
      </c>
    </row>
    <row r="39314" spans="1:4" x14ac:dyDescent="0.25">
      <c r="A39314" t="s">
        <v>56130</v>
      </c>
      <c r="B39314" t="s">
        <v>56131</v>
      </c>
      <c r="C39314">
        <v>1</v>
      </c>
      <c r="D39314">
        <v>0</v>
      </c>
    </row>
    <row r="39315" spans="1:4" x14ac:dyDescent="0.25">
      <c r="A39315" t="s">
        <v>56130</v>
      </c>
      <c r="B39315" t="s">
        <v>56132</v>
      </c>
      <c r="C39315">
        <v>0</v>
      </c>
      <c r="D39315">
        <v>0</v>
      </c>
    </row>
    <row r="39316" spans="1:4" x14ac:dyDescent="0.25">
      <c r="A39316" t="s">
        <v>56130</v>
      </c>
      <c r="B39316" t="s">
        <v>56133</v>
      </c>
      <c r="C39316">
        <v>1</v>
      </c>
      <c r="D39316">
        <v>0</v>
      </c>
    </row>
    <row r="39317" spans="1:4" x14ac:dyDescent="0.25">
      <c r="A39317" t="s">
        <v>56130</v>
      </c>
      <c r="B39317" t="s">
        <v>56134</v>
      </c>
      <c r="C39317">
        <v>1</v>
      </c>
      <c r="D39317">
        <v>0</v>
      </c>
    </row>
    <row r="39318" spans="1:4" x14ac:dyDescent="0.25">
      <c r="A39318" t="s">
        <v>56135</v>
      </c>
      <c r="B39318" t="s">
        <v>56136</v>
      </c>
      <c r="C39318">
        <v>1</v>
      </c>
      <c r="D39318">
        <v>0</v>
      </c>
    </row>
    <row r="39319" spans="1:4" x14ac:dyDescent="0.25">
      <c r="A39319" t="s">
        <v>56135</v>
      </c>
      <c r="B39319" t="s">
        <v>56137</v>
      </c>
      <c r="C39319">
        <v>1</v>
      </c>
      <c r="D39319">
        <v>0</v>
      </c>
    </row>
    <row r="39320" spans="1:4" x14ac:dyDescent="0.25">
      <c r="A39320" t="s">
        <v>56135</v>
      </c>
      <c r="B39320" t="s">
        <v>1001</v>
      </c>
      <c r="C39320">
        <v>1</v>
      </c>
      <c r="D39320">
        <v>0</v>
      </c>
    </row>
    <row r="39321" spans="1:4" x14ac:dyDescent="0.25">
      <c r="A39321" t="s">
        <v>56135</v>
      </c>
      <c r="B39321" t="s">
        <v>56138</v>
      </c>
      <c r="C39321">
        <v>1</v>
      </c>
      <c r="D39321">
        <v>0</v>
      </c>
    </row>
    <row r="39322" spans="1:4" x14ac:dyDescent="0.25">
      <c r="A39322" t="s">
        <v>56135</v>
      </c>
      <c r="B39322" t="s">
        <v>56139</v>
      </c>
      <c r="C39322">
        <v>1</v>
      </c>
      <c r="D39322">
        <v>0</v>
      </c>
    </row>
    <row r="39323" spans="1:4" x14ac:dyDescent="0.25">
      <c r="A39323" t="s">
        <v>56135</v>
      </c>
      <c r="B39323" t="s">
        <v>56140</v>
      </c>
      <c r="C39323">
        <v>1</v>
      </c>
      <c r="D39323">
        <v>0</v>
      </c>
    </row>
    <row r="39324" spans="1:4" x14ac:dyDescent="0.25">
      <c r="A39324" t="s">
        <v>56135</v>
      </c>
      <c r="B39324" t="s">
        <v>56141</v>
      </c>
      <c r="C39324">
        <v>1</v>
      </c>
      <c r="D39324">
        <v>0</v>
      </c>
    </row>
    <row r="39325" spans="1:4" x14ac:dyDescent="0.25">
      <c r="A39325" t="s">
        <v>56135</v>
      </c>
      <c r="B39325" t="s">
        <v>56142</v>
      </c>
      <c r="C39325">
        <v>1</v>
      </c>
      <c r="D39325">
        <v>0</v>
      </c>
    </row>
    <row r="39326" spans="1:4" x14ac:dyDescent="0.25">
      <c r="A39326" t="s">
        <v>56143</v>
      </c>
      <c r="B39326" t="s">
        <v>56144</v>
      </c>
      <c r="C39326">
        <v>1</v>
      </c>
      <c r="D39326">
        <v>0</v>
      </c>
    </row>
    <row r="39327" spans="1:4" x14ac:dyDescent="0.25">
      <c r="A39327" t="s">
        <v>56143</v>
      </c>
      <c r="B39327" t="s">
        <v>56145</v>
      </c>
      <c r="C39327">
        <v>1</v>
      </c>
      <c r="D39327">
        <v>0</v>
      </c>
    </row>
    <row r="39328" spans="1:4" x14ac:dyDescent="0.25">
      <c r="A39328" t="s">
        <v>56143</v>
      </c>
      <c r="B39328" t="s">
        <v>56146</v>
      </c>
      <c r="C39328">
        <v>1</v>
      </c>
      <c r="D39328">
        <v>0</v>
      </c>
    </row>
    <row r="39329" spans="1:4" x14ac:dyDescent="0.25">
      <c r="A39329" t="s">
        <v>56143</v>
      </c>
      <c r="B39329" t="s">
        <v>51835</v>
      </c>
      <c r="C39329">
        <v>1</v>
      </c>
      <c r="D39329">
        <v>0</v>
      </c>
    </row>
    <row r="39330" spans="1:4" x14ac:dyDescent="0.25">
      <c r="A39330" t="s">
        <v>56143</v>
      </c>
      <c r="B39330" t="s">
        <v>56147</v>
      </c>
      <c r="C39330">
        <v>0</v>
      </c>
      <c r="D39330">
        <v>0</v>
      </c>
    </row>
    <row r="39331" spans="1:4" x14ac:dyDescent="0.25">
      <c r="A39331" t="s">
        <v>56148</v>
      </c>
      <c r="B39331" t="s">
        <v>56149</v>
      </c>
      <c r="C39331">
        <v>0</v>
      </c>
      <c r="D39331">
        <v>0</v>
      </c>
    </row>
    <row r="39332" spans="1:4" x14ac:dyDescent="0.25">
      <c r="A39332" t="s">
        <v>56148</v>
      </c>
      <c r="B39332" t="s">
        <v>56150</v>
      </c>
      <c r="C39332">
        <v>2</v>
      </c>
      <c r="D39332">
        <v>0</v>
      </c>
    </row>
    <row r="39333" spans="1:4" x14ac:dyDescent="0.25">
      <c r="A39333" t="s">
        <v>56151</v>
      </c>
      <c r="B39333" t="s">
        <v>56152</v>
      </c>
      <c r="C39333">
        <v>1</v>
      </c>
      <c r="D39333">
        <v>0</v>
      </c>
    </row>
    <row r="39334" spans="1:4" x14ac:dyDescent="0.25">
      <c r="A39334" t="s">
        <v>56151</v>
      </c>
      <c r="B39334" t="s">
        <v>56153</v>
      </c>
      <c r="C39334">
        <v>2</v>
      </c>
      <c r="D39334">
        <v>0</v>
      </c>
    </row>
    <row r="39335" spans="1:4" x14ac:dyDescent="0.25">
      <c r="A39335" t="s">
        <v>56154</v>
      </c>
      <c r="B39335" t="s">
        <v>17257</v>
      </c>
      <c r="C39335">
        <v>2</v>
      </c>
      <c r="D39335">
        <v>0</v>
      </c>
    </row>
    <row r="39336" spans="1:4" x14ac:dyDescent="0.25">
      <c r="A39336" t="s">
        <v>56154</v>
      </c>
      <c r="B39336" t="s">
        <v>56155</v>
      </c>
      <c r="C39336">
        <v>0</v>
      </c>
      <c r="D39336">
        <v>0</v>
      </c>
    </row>
    <row r="39337" spans="1:4" x14ac:dyDescent="0.25">
      <c r="A39337" t="s">
        <v>56154</v>
      </c>
      <c r="B39337" t="s">
        <v>56156</v>
      </c>
      <c r="C39337">
        <v>1</v>
      </c>
      <c r="D39337">
        <v>0</v>
      </c>
    </row>
    <row r="39338" spans="1:4" x14ac:dyDescent="0.25">
      <c r="A39338" t="s">
        <v>56154</v>
      </c>
      <c r="B39338" t="s">
        <v>56157</v>
      </c>
      <c r="C39338">
        <v>0</v>
      </c>
      <c r="D39338">
        <v>0</v>
      </c>
    </row>
    <row r="39339" spans="1:4" x14ac:dyDescent="0.25">
      <c r="A39339" t="s">
        <v>56154</v>
      </c>
      <c r="B39339" t="s">
        <v>56158</v>
      </c>
      <c r="C39339">
        <v>1</v>
      </c>
      <c r="D39339">
        <v>0</v>
      </c>
    </row>
    <row r="39340" spans="1:4" x14ac:dyDescent="0.25">
      <c r="A39340" t="s">
        <v>56154</v>
      </c>
      <c r="B39340" t="s">
        <v>56159</v>
      </c>
      <c r="C39340">
        <v>0</v>
      </c>
      <c r="D39340">
        <v>0</v>
      </c>
    </row>
    <row r="39341" spans="1:4" x14ac:dyDescent="0.25">
      <c r="A39341" t="s">
        <v>56160</v>
      </c>
      <c r="B39341" t="s">
        <v>56161</v>
      </c>
      <c r="C39341">
        <v>1</v>
      </c>
      <c r="D39341">
        <v>0</v>
      </c>
    </row>
    <row r="39342" spans="1:4" x14ac:dyDescent="0.25">
      <c r="A39342" t="s">
        <v>56160</v>
      </c>
      <c r="B39342" t="s">
        <v>56162</v>
      </c>
      <c r="C39342">
        <v>1</v>
      </c>
      <c r="D39342">
        <v>0</v>
      </c>
    </row>
    <row r="39343" spans="1:4" x14ac:dyDescent="0.25">
      <c r="A39343" t="s">
        <v>56160</v>
      </c>
      <c r="B39343" t="s">
        <v>56163</v>
      </c>
      <c r="C39343">
        <v>1</v>
      </c>
      <c r="D39343">
        <v>0</v>
      </c>
    </row>
    <row r="39344" spans="1:4" x14ac:dyDescent="0.25">
      <c r="A39344" t="s">
        <v>56160</v>
      </c>
      <c r="B39344" t="s">
        <v>56164</v>
      </c>
      <c r="C39344">
        <v>1</v>
      </c>
      <c r="D39344">
        <v>0</v>
      </c>
    </row>
    <row r="39345" spans="1:4" x14ac:dyDescent="0.25">
      <c r="A39345" t="s">
        <v>56160</v>
      </c>
      <c r="B39345" t="s">
        <v>56165</v>
      </c>
      <c r="C39345">
        <v>1</v>
      </c>
      <c r="D39345">
        <v>0</v>
      </c>
    </row>
    <row r="39346" spans="1:4" x14ac:dyDescent="0.25">
      <c r="A39346" t="s">
        <v>56166</v>
      </c>
      <c r="B39346" t="s">
        <v>56167</v>
      </c>
      <c r="C39346">
        <v>1</v>
      </c>
      <c r="D39346">
        <v>0</v>
      </c>
    </row>
    <row r="39347" spans="1:4" x14ac:dyDescent="0.25">
      <c r="A39347" t="s">
        <v>56166</v>
      </c>
      <c r="B39347" t="s">
        <v>56168</v>
      </c>
      <c r="C39347">
        <v>1</v>
      </c>
      <c r="D39347">
        <v>0</v>
      </c>
    </row>
    <row r="39348" spans="1:4" x14ac:dyDescent="0.25">
      <c r="A39348" t="s">
        <v>56166</v>
      </c>
      <c r="B39348" t="s">
        <v>56169</v>
      </c>
      <c r="C39348">
        <v>1</v>
      </c>
      <c r="D39348">
        <v>0</v>
      </c>
    </row>
    <row r="39349" spans="1:4" x14ac:dyDescent="0.25">
      <c r="A39349" t="s">
        <v>56166</v>
      </c>
      <c r="B39349" t="s">
        <v>56170</v>
      </c>
      <c r="C39349">
        <v>1</v>
      </c>
      <c r="D39349">
        <v>0</v>
      </c>
    </row>
    <row r="39350" spans="1:4" x14ac:dyDescent="0.25">
      <c r="A39350" t="s">
        <v>56171</v>
      </c>
      <c r="B39350" t="s">
        <v>56172</v>
      </c>
      <c r="C39350">
        <v>0</v>
      </c>
      <c r="D39350">
        <v>0</v>
      </c>
    </row>
    <row r="39351" spans="1:4" x14ac:dyDescent="0.25">
      <c r="A39351" t="s">
        <v>56171</v>
      </c>
      <c r="B39351" t="s">
        <v>56173</v>
      </c>
      <c r="C39351">
        <v>0</v>
      </c>
      <c r="D39351">
        <v>0</v>
      </c>
    </row>
    <row r="39352" spans="1:4" x14ac:dyDescent="0.25">
      <c r="A39352" t="s">
        <v>56171</v>
      </c>
      <c r="B39352" t="s">
        <v>56174</v>
      </c>
      <c r="C39352">
        <v>1</v>
      </c>
      <c r="D39352">
        <v>0</v>
      </c>
    </row>
    <row r="39353" spans="1:4" x14ac:dyDescent="0.25">
      <c r="A39353" t="s">
        <v>56171</v>
      </c>
      <c r="B39353" t="s">
        <v>56175</v>
      </c>
      <c r="C39353">
        <v>0</v>
      </c>
      <c r="D39353">
        <v>0</v>
      </c>
    </row>
    <row r="39354" spans="1:4" x14ac:dyDescent="0.25">
      <c r="A39354" t="s">
        <v>56171</v>
      </c>
      <c r="B39354" t="s">
        <v>50525</v>
      </c>
      <c r="C39354">
        <v>1</v>
      </c>
      <c r="D39354">
        <v>0</v>
      </c>
    </row>
    <row r="39355" spans="1:4" x14ac:dyDescent="0.25">
      <c r="A39355" t="s">
        <v>56176</v>
      </c>
      <c r="B39355" t="s">
        <v>56177</v>
      </c>
      <c r="C39355">
        <v>1</v>
      </c>
      <c r="D39355">
        <v>0</v>
      </c>
    </row>
    <row r="39356" spans="1:4" x14ac:dyDescent="0.25">
      <c r="A39356" t="s">
        <v>56176</v>
      </c>
      <c r="B39356" t="s">
        <v>56178</v>
      </c>
      <c r="C39356">
        <v>1</v>
      </c>
      <c r="D39356">
        <v>0</v>
      </c>
    </row>
    <row r="39357" spans="1:4" x14ac:dyDescent="0.25">
      <c r="A39357" t="s">
        <v>56176</v>
      </c>
      <c r="B39357" t="s">
        <v>56179</v>
      </c>
      <c r="C39357">
        <v>0</v>
      </c>
      <c r="D39357">
        <v>0</v>
      </c>
    </row>
    <row r="39358" spans="1:4" x14ac:dyDescent="0.25">
      <c r="A39358" t="s">
        <v>56176</v>
      </c>
      <c r="B39358" t="s">
        <v>56180</v>
      </c>
      <c r="C39358">
        <v>0</v>
      </c>
      <c r="D39358">
        <v>0</v>
      </c>
    </row>
    <row r="39359" spans="1:4" x14ac:dyDescent="0.25">
      <c r="A39359" t="s">
        <v>56176</v>
      </c>
      <c r="B39359" t="s">
        <v>56181</v>
      </c>
      <c r="C39359">
        <v>2</v>
      </c>
      <c r="D39359">
        <v>0</v>
      </c>
    </row>
    <row r="39360" spans="1:4" x14ac:dyDescent="0.25">
      <c r="A39360" t="s">
        <v>56176</v>
      </c>
      <c r="B39360" t="s">
        <v>56182</v>
      </c>
      <c r="C39360">
        <v>0</v>
      </c>
      <c r="D39360">
        <v>0</v>
      </c>
    </row>
    <row r="39361" spans="1:4" x14ac:dyDescent="0.25">
      <c r="A39361" t="s">
        <v>56176</v>
      </c>
      <c r="B39361" t="s">
        <v>56183</v>
      </c>
      <c r="C39361">
        <v>0</v>
      </c>
      <c r="D39361">
        <v>0</v>
      </c>
    </row>
    <row r="39362" spans="1:4" x14ac:dyDescent="0.25">
      <c r="A39362" t="s">
        <v>56184</v>
      </c>
      <c r="B39362" t="s">
        <v>56185</v>
      </c>
      <c r="C39362">
        <v>1</v>
      </c>
      <c r="D39362">
        <v>0</v>
      </c>
    </row>
    <row r="39363" spans="1:4" x14ac:dyDescent="0.25">
      <c r="A39363" t="s">
        <v>56184</v>
      </c>
      <c r="B39363" t="s">
        <v>56186</v>
      </c>
      <c r="C39363">
        <v>1</v>
      </c>
      <c r="D39363">
        <v>0</v>
      </c>
    </row>
    <row r="39364" spans="1:4" x14ac:dyDescent="0.25">
      <c r="A39364" t="s">
        <v>56187</v>
      </c>
      <c r="B39364" t="s">
        <v>56188</v>
      </c>
      <c r="C39364">
        <v>1</v>
      </c>
      <c r="D39364">
        <v>0</v>
      </c>
    </row>
    <row r="39365" spans="1:4" x14ac:dyDescent="0.25">
      <c r="A39365" t="s">
        <v>56187</v>
      </c>
      <c r="B39365" t="s">
        <v>56189</v>
      </c>
      <c r="C39365">
        <v>0</v>
      </c>
      <c r="D39365">
        <v>0</v>
      </c>
    </row>
    <row r="39366" spans="1:4" x14ac:dyDescent="0.25">
      <c r="A39366" t="s">
        <v>56187</v>
      </c>
      <c r="B39366" t="s">
        <v>56190</v>
      </c>
      <c r="C39366">
        <v>0</v>
      </c>
      <c r="D39366">
        <v>0</v>
      </c>
    </row>
    <row r="39367" spans="1:4" x14ac:dyDescent="0.25">
      <c r="A39367" t="s">
        <v>56187</v>
      </c>
      <c r="B39367" t="s">
        <v>56191</v>
      </c>
      <c r="C39367">
        <v>2</v>
      </c>
      <c r="D39367">
        <v>0</v>
      </c>
    </row>
    <row r="39368" spans="1:4" x14ac:dyDescent="0.25">
      <c r="A39368" t="s">
        <v>56187</v>
      </c>
      <c r="B39368" t="s">
        <v>56192</v>
      </c>
      <c r="C39368">
        <v>2</v>
      </c>
      <c r="D39368">
        <v>0</v>
      </c>
    </row>
    <row r="39369" spans="1:4" x14ac:dyDescent="0.25">
      <c r="A39369" t="s">
        <v>56193</v>
      </c>
      <c r="B39369" t="s">
        <v>56194</v>
      </c>
      <c r="C39369">
        <v>1</v>
      </c>
      <c r="D39369">
        <v>0</v>
      </c>
    </row>
    <row r="39370" spans="1:4" x14ac:dyDescent="0.25">
      <c r="A39370" t="s">
        <v>56193</v>
      </c>
      <c r="B39370" t="s">
        <v>56195</v>
      </c>
      <c r="C39370">
        <v>1</v>
      </c>
      <c r="D39370">
        <v>0</v>
      </c>
    </row>
    <row r="39371" spans="1:4" x14ac:dyDescent="0.25">
      <c r="A39371" t="s">
        <v>56196</v>
      </c>
      <c r="B39371" t="s">
        <v>56197</v>
      </c>
      <c r="C39371">
        <v>1</v>
      </c>
      <c r="D39371">
        <v>0</v>
      </c>
    </row>
    <row r="39372" spans="1:4" x14ac:dyDescent="0.25">
      <c r="A39372" t="s">
        <v>56196</v>
      </c>
      <c r="B39372" t="s">
        <v>56198</v>
      </c>
      <c r="C39372">
        <v>1</v>
      </c>
      <c r="D39372">
        <v>0</v>
      </c>
    </row>
    <row r="39373" spans="1:4" x14ac:dyDescent="0.25">
      <c r="A39373" t="s">
        <v>56196</v>
      </c>
      <c r="B39373" t="s">
        <v>56199</v>
      </c>
      <c r="C39373">
        <v>2</v>
      </c>
      <c r="D39373">
        <v>0</v>
      </c>
    </row>
    <row r="39374" spans="1:4" x14ac:dyDescent="0.25">
      <c r="A39374" t="s">
        <v>56196</v>
      </c>
      <c r="B39374" t="s">
        <v>1567</v>
      </c>
      <c r="C39374">
        <v>0</v>
      </c>
      <c r="D39374">
        <v>0</v>
      </c>
    </row>
    <row r="39375" spans="1:4" x14ac:dyDescent="0.25">
      <c r="A39375" t="s">
        <v>56196</v>
      </c>
      <c r="B39375" t="s">
        <v>56200</v>
      </c>
      <c r="C39375">
        <v>0</v>
      </c>
      <c r="D39375">
        <v>0</v>
      </c>
    </row>
    <row r="39376" spans="1:4" x14ac:dyDescent="0.25">
      <c r="A39376" t="s">
        <v>56196</v>
      </c>
      <c r="B39376" t="s">
        <v>56201</v>
      </c>
      <c r="C39376">
        <v>2</v>
      </c>
      <c r="D39376">
        <v>0</v>
      </c>
    </row>
    <row r="39377" spans="1:4" x14ac:dyDescent="0.25">
      <c r="A39377" t="s">
        <v>56202</v>
      </c>
      <c r="B39377" t="s">
        <v>56203</v>
      </c>
      <c r="C39377">
        <v>1</v>
      </c>
      <c r="D39377">
        <v>0</v>
      </c>
    </row>
    <row r="39378" spans="1:4" x14ac:dyDescent="0.25">
      <c r="A39378" t="s">
        <v>56202</v>
      </c>
      <c r="B39378" t="s">
        <v>56204</v>
      </c>
      <c r="C39378">
        <v>1</v>
      </c>
      <c r="D39378">
        <v>0</v>
      </c>
    </row>
    <row r="39379" spans="1:4" x14ac:dyDescent="0.25">
      <c r="A39379" t="s">
        <v>56202</v>
      </c>
      <c r="B39379" t="s">
        <v>56205</v>
      </c>
      <c r="C39379">
        <v>1</v>
      </c>
      <c r="D39379">
        <v>0</v>
      </c>
    </row>
    <row r="39380" spans="1:4" x14ac:dyDescent="0.25">
      <c r="A39380" t="s">
        <v>56206</v>
      </c>
      <c r="B39380" t="s">
        <v>56207</v>
      </c>
      <c r="C39380">
        <v>0</v>
      </c>
      <c r="D39380">
        <v>0</v>
      </c>
    </row>
    <row r="39381" spans="1:4" x14ac:dyDescent="0.25">
      <c r="A39381" t="s">
        <v>56206</v>
      </c>
      <c r="B39381" t="s">
        <v>56208</v>
      </c>
      <c r="C39381">
        <v>0</v>
      </c>
      <c r="D39381">
        <v>0</v>
      </c>
    </row>
    <row r="39382" spans="1:4" x14ac:dyDescent="0.25">
      <c r="A39382" t="s">
        <v>56206</v>
      </c>
      <c r="B39382" t="s">
        <v>56209</v>
      </c>
      <c r="C39382">
        <v>2</v>
      </c>
      <c r="D39382">
        <v>0</v>
      </c>
    </row>
    <row r="39383" spans="1:4" x14ac:dyDescent="0.25">
      <c r="A39383" t="s">
        <v>56206</v>
      </c>
      <c r="B39383" t="s">
        <v>56210</v>
      </c>
      <c r="C39383">
        <v>0</v>
      </c>
      <c r="D39383">
        <v>0</v>
      </c>
    </row>
    <row r="39384" spans="1:4" x14ac:dyDescent="0.25">
      <c r="A39384" t="s">
        <v>56206</v>
      </c>
      <c r="B39384" t="s">
        <v>56211</v>
      </c>
      <c r="C39384">
        <v>0</v>
      </c>
      <c r="D39384">
        <v>0</v>
      </c>
    </row>
    <row r="39385" spans="1:4" x14ac:dyDescent="0.25">
      <c r="A39385" t="s">
        <v>56206</v>
      </c>
      <c r="B39385" t="s">
        <v>56212</v>
      </c>
      <c r="C39385">
        <v>2</v>
      </c>
      <c r="D39385">
        <v>0</v>
      </c>
    </row>
    <row r="39386" spans="1:4" x14ac:dyDescent="0.25">
      <c r="A39386" t="s">
        <v>56213</v>
      </c>
      <c r="B39386" t="s">
        <v>56214</v>
      </c>
      <c r="C39386">
        <v>0</v>
      </c>
      <c r="D39386">
        <v>0</v>
      </c>
    </row>
    <row r="39387" spans="1:4" x14ac:dyDescent="0.25">
      <c r="A39387" t="s">
        <v>56213</v>
      </c>
      <c r="B39387" t="s">
        <v>56215</v>
      </c>
      <c r="C39387">
        <v>1</v>
      </c>
      <c r="D39387">
        <v>0</v>
      </c>
    </row>
    <row r="39388" spans="1:4" x14ac:dyDescent="0.25">
      <c r="A39388" t="s">
        <v>56213</v>
      </c>
      <c r="B39388" t="s">
        <v>2865</v>
      </c>
      <c r="C39388">
        <v>0</v>
      </c>
      <c r="D39388">
        <v>0</v>
      </c>
    </row>
    <row r="39389" spans="1:4" x14ac:dyDescent="0.25">
      <c r="A39389" t="s">
        <v>56213</v>
      </c>
      <c r="B39389" t="s">
        <v>56216</v>
      </c>
      <c r="C39389">
        <v>1</v>
      </c>
      <c r="D39389">
        <v>0</v>
      </c>
    </row>
    <row r="39390" spans="1:4" x14ac:dyDescent="0.25">
      <c r="A39390" t="s">
        <v>56213</v>
      </c>
      <c r="B39390" t="s">
        <v>56217</v>
      </c>
      <c r="C39390">
        <v>0</v>
      </c>
      <c r="D39390">
        <v>0</v>
      </c>
    </row>
    <row r="39391" spans="1:4" x14ac:dyDescent="0.25">
      <c r="A39391" t="s">
        <v>56218</v>
      </c>
      <c r="B39391" t="s">
        <v>56219</v>
      </c>
      <c r="C39391">
        <v>1</v>
      </c>
      <c r="D39391">
        <v>0</v>
      </c>
    </row>
    <row r="39392" spans="1:4" x14ac:dyDescent="0.25">
      <c r="A39392" t="s">
        <v>56218</v>
      </c>
      <c r="B39392" t="s">
        <v>56220</v>
      </c>
      <c r="C39392">
        <v>2</v>
      </c>
      <c r="D39392">
        <v>0</v>
      </c>
    </row>
    <row r="39393" spans="1:4" x14ac:dyDescent="0.25">
      <c r="A39393" t="s">
        <v>56218</v>
      </c>
      <c r="B39393" t="s">
        <v>56221</v>
      </c>
      <c r="C39393">
        <v>2</v>
      </c>
      <c r="D39393">
        <v>0</v>
      </c>
    </row>
    <row r="39394" spans="1:4" x14ac:dyDescent="0.25">
      <c r="A39394" t="s">
        <v>56218</v>
      </c>
      <c r="B39394" t="s">
        <v>56222</v>
      </c>
      <c r="C39394">
        <v>1</v>
      </c>
      <c r="D39394">
        <v>0</v>
      </c>
    </row>
    <row r="39395" spans="1:4" x14ac:dyDescent="0.25">
      <c r="A39395" t="s">
        <v>56223</v>
      </c>
      <c r="B39395" t="s">
        <v>56224</v>
      </c>
      <c r="C39395">
        <v>0</v>
      </c>
      <c r="D39395">
        <v>0</v>
      </c>
    </row>
    <row r="39396" spans="1:4" x14ac:dyDescent="0.25">
      <c r="A39396" t="s">
        <v>56225</v>
      </c>
      <c r="B39396" t="s">
        <v>50486</v>
      </c>
      <c r="C39396">
        <v>1</v>
      </c>
      <c r="D39396">
        <v>0</v>
      </c>
    </row>
    <row r="39397" spans="1:4" x14ac:dyDescent="0.25">
      <c r="A39397" t="s">
        <v>56225</v>
      </c>
      <c r="B39397" t="s">
        <v>56226</v>
      </c>
      <c r="C39397">
        <v>0</v>
      </c>
      <c r="D39397">
        <v>0</v>
      </c>
    </row>
    <row r="39398" spans="1:4" x14ac:dyDescent="0.25">
      <c r="A39398" t="s">
        <v>56225</v>
      </c>
      <c r="B39398" t="s">
        <v>56227</v>
      </c>
      <c r="C39398">
        <v>0</v>
      </c>
      <c r="D39398">
        <v>0</v>
      </c>
    </row>
    <row r="39399" spans="1:4" x14ac:dyDescent="0.25">
      <c r="A39399" t="s">
        <v>56228</v>
      </c>
      <c r="B39399" t="s">
        <v>56229</v>
      </c>
      <c r="C39399">
        <v>1</v>
      </c>
      <c r="D39399">
        <v>0</v>
      </c>
    </row>
    <row r="39400" spans="1:4" x14ac:dyDescent="0.25">
      <c r="A39400" t="s">
        <v>56228</v>
      </c>
      <c r="B39400" t="s">
        <v>56230</v>
      </c>
      <c r="C39400">
        <v>0</v>
      </c>
      <c r="D39400">
        <v>0</v>
      </c>
    </row>
    <row r="39401" spans="1:4" x14ac:dyDescent="0.25">
      <c r="A39401" t="s">
        <v>56228</v>
      </c>
      <c r="B39401" t="s">
        <v>56231</v>
      </c>
      <c r="C39401">
        <v>1</v>
      </c>
      <c r="D39401">
        <v>0</v>
      </c>
    </row>
    <row r="39402" spans="1:4" x14ac:dyDescent="0.25">
      <c r="A39402" t="s">
        <v>56228</v>
      </c>
      <c r="B39402" t="s">
        <v>42932</v>
      </c>
      <c r="C39402">
        <v>1</v>
      </c>
      <c r="D39402">
        <v>0</v>
      </c>
    </row>
    <row r="39403" spans="1:4" x14ac:dyDescent="0.25">
      <c r="A39403" t="s">
        <v>56228</v>
      </c>
      <c r="B39403" t="s">
        <v>56232</v>
      </c>
      <c r="C39403">
        <v>1</v>
      </c>
      <c r="D39403">
        <v>0</v>
      </c>
    </row>
    <row r="39404" spans="1:4" x14ac:dyDescent="0.25">
      <c r="A39404" t="s">
        <v>56228</v>
      </c>
      <c r="B39404" t="s">
        <v>56233</v>
      </c>
      <c r="C39404">
        <v>1</v>
      </c>
      <c r="D39404">
        <v>0</v>
      </c>
    </row>
    <row r="39405" spans="1:4" x14ac:dyDescent="0.25">
      <c r="A39405" t="s">
        <v>56228</v>
      </c>
      <c r="B39405" t="s">
        <v>56234</v>
      </c>
      <c r="C39405">
        <v>0</v>
      </c>
      <c r="D39405">
        <v>0</v>
      </c>
    </row>
    <row r="39406" spans="1:4" x14ac:dyDescent="0.25">
      <c r="A39406" t="s">
        <v>56235</v>
      </c>
      <c r="B39406" t="s">
        <v>56236</v>
      </c>
      <c r="C39406">
        <v>0</v>
      </c>
      <c r="D39406">
        <v>0</v>
      </c>
    </row>
    <row r="39407" spans="1:4" x14ac:dyDescent="0.25">
      <c r="A39407" t="s">
        <v>56237</v>
      </c>
      <c r="B39407" t="s">
        <v>56238</v>
      </c>
      <c r="C39407">
        <v>1</v>
      </c>
      <c r="D39407">
        <v>0</v>
      </c>
    </row>
    <row r="39408" spans="1:4" x14ac:dyDescent="0.25">
      <c r="A39408" t="s">
        <v>56237</v>
      </c>
      <c r="B39408" t="s">
        <v>56239</v>
      </c>
      <c r="C39408">
        <v>2</v>
      </c>
      <c r="D39408">
        <v>0</v>
      </c>
    </row>
    <row r="39409" spans="1:4" x14ac:dyDescent="0.25">
      <c r="A39409" t="s">
        <v>56237</v>
      </c>
      <c r="B39409" t="s">
        <v>56240</v>
      </c>
      <c r="C39409">
        <v>1</v>
      </c>
      <c r="D39409">
        <v>0</v>
      </c>
    </row>
    <row r="39410" spans="1:4" x14ac:dyDescent="0.25">
      <c r="A39410" t="s">
        <v>56237</v>
      </c>
      <c r="B39410" t="s">
        <v>56240</v>
      </c>
      <c r="C39410">
        <v>1</v>
      </c>
      <c r="D39410">
        <v>0</v>
      </c>
    </row>
    <row r="39411" spans="1:4" x14ac:dyDescent="0.25">
      <c r="A39411" t="s">
        <v>56237</v>
      </c>
      <c r="B39411" t="s">
        <v>56241</v>
      </c>
      <c r="C39411">
        <v>0</v>
      </c>
      <c r="D39411">
        <v>0</v>
      </c>
    </row>
    <row r="39412" spans="1:4" x14ac:dyDescent="0.25">
      <c r="A39412" t="s">
        <v>56237</v>
      </c>
      <c r="B39412" t="s">
        <v>5713</v>
      </c>
      <c r="C39412">
        <v>1</v>
      </c>
      <c r="D39412">
        <v>0</v>
      </c>
    </row>
    <row r="39413" spans="1:4" x14ac:dyDescent="0.25">
      <c r="A39413" t="s">
        <v>56242</v>
      </c>
      <c r="B39413" t="s">
        <v>56243</v>
      </c>
      <c r="C39413">
        <v>1</v>
      </c>
      <c r="D39413">
        <v>0</v>
      </c>
    </row>
    <row r="39414" spans="1:4" x14ac:dyDescent="0.25">
      <c r="A39414" t="s">
        <v>56242</v>
      </c>
      <c r="B39414" t="s">
        <v>56244</v>
      </c>
      <c r="C39414">
        <v>1</v>
      </c>
      <c r="D39414">
        <v>0</v>
      </c>
    </row>
    <row r="39415" spans="1:4" x14ac:dyDescent="0.25">
      <c r="A39415" t="s">
        <v>56242</v>
      </c>
      <c r="B39415" t="s">
        <v>56245</v>
      </c>
      <c r="C39415">
        <v>0</v>
      </c>
      <c r="D39415">
        <v>0</v>
      </c>
    </row>
    <row r="39416" spans="1:4" x14ac:dyDescent="0.25">
      <c r="A39416" t="s">
        <v>56246</v>
      </c>
      <c r="B39416" t="s">
        <v>56247</v>
      </c>
      <c r="C39416">
        <v>1</v>
      </c>
      <c r="D39416">
        <v>0</v>
      </c>
    </row>
    <row r="39417" spans="1:4" x14ac:dyDescent="0.25">
      <c r="A39417" t="s">
        <v>56246</v>
      </c>
      <c r="B39417" t="s">
        <v>56248</v>
      </c>
      <c r="C39417">
        <v>2</v>
      </c>
      <c r="D39417">
        <v>0</v>
      </c>
    </row>
    <row r="39418" spans="1:4" x14ac:dyDescent="0.25">
      <c r="A39418" t="s">
        <v>56249</v>
      </c>
      <c r="B39418" t="s">
        <v>56250</v>
      </c>
      <c r="C39418">
        <v>0</v>
      </c>
      <c r="D39418">
        <v>0</v>
      </c>
    </row>
    <row r="39419" spans="1:4" x14ac:dyDescent="0.25">
      <c r="A39419" t="s">
        <v>56249</v>
      </c>
      <c r="B39419" t="s">
        <v>56251</v>
      </c>
      <c r="C39419">
        <v>2</v>
      </c>
      <c r="D39419">
        <v>0</v>
      </c>
    </row>
    <row r="39420" spans="1:4" x14ac:dyDescent="0.25">
      <c r="A39420" t="s">
        <v>56249</v>
      </c>
      <c r="B39420" t="s">
        <v>56252</v>
      </c>
      <c r="C39420">
        <v>2</v>
      </c>
      <c r="D39420">
        <v>0</v>
      </c>
    </row>
    <row r="39421" spans="1:4" x14ac:dyDescent="0.25">
      <c r="A39421" t="s">
        <v>56249</v>
      </c>
      <c r="B39421" t="s">
        <v>56253</v>
      </c>
      <c r="C39421">
        <v>1</v>
      </c>
      <c r="D39421">
        <v>0</v>
      </c>
    </row>
    <row r="39422" spans="1:4" x14ac:dyDescent="0.25">
      <c r="A39422" t="s">
        <v>56254</v>
      </c>
      <c r="B39422" t="s">
        <v>56255</v>
      </c>
      <c r="C39422">
        <v>1</v>
      </c>
      <c r="D39422">
        <v>0</v>
      </c>
    </row>
    <row r="39423" spans="1:4" x14ac:dyDescent="0.25">
      <c r="A39423" t="s">
        <v>56254</v>
      </c>
      <c r="B39423" t="s">
        <v>56256</v>
      </c>
      <c r="C39423">
        <v>1</v>
      </c>
      <c r="D39423">
        <v>0</v>
      </c>
    </row>
    <row r="39424" spans="1:4" x14ac:dyDescent="0.25">
      <c r="A39424" t="s">
        <v>56254</v>
      </c>
      <c r="B39424" t="s">
        <v>56257</v>
      </c>
      <c r="C39424">
        <v>1</v>
      </c>
      <c r="D39424">
        <v>0</v>
      </c>
    </row>
    <row r="39425" spans="1:4" x14ac:dyDescent="0.25">
      <c r="A39425" t="s">
        <v>56258</v>
      </c>
      <c r="B39425" t="s">
        <v>56259</v>
      </c>
      <c r="C39425">
        <v>1</v>
      </c>
      <c r="D39425">
        <v>0</v>
      </c>
    </row>
    <row r="39426" spans="1:4" x14ac:dyDescent="0.25">
      <c r="A39426" t="s">
        <v>56258</v>
      </c>
      <c r="B39426" t="s">
        <v>56260</v>
      </c>
      <c r="C39426">
        <v>1</v>
      </c>
      <c r="D39426">
        <v>0</v>
      </c>
    </row>
    <row r="39427" spans="1:4" x14ac:dyDescent="0.25">
      <c r="A39427" t="s">
        <v>56261</v>
      </c>
      <c r="B39427" t="s">
        <v>56262</v>
      </c>
      <c r="C39427">
        <v>1</v>
      </c>
      <c r="D39427">
        <v>0</v>
      </c>
    </row>
    <row r="39428" spans="1:4" x14ac:dyDescent="0.25">
      <c r="A39428" t="s">
        <v>56261</v>
      </c>
      <c r="B39428" t="s">
        <v>56263</v>
      </c>
      <c r="C39428">
        <v>1</v>
      </c>
      <c r="D39428">
        <v>0</v>
      </c>
    </row>
    <row r="39429" spans="1:4" x14ac:dyDescent="0.25">
      <c r="A39429" t="s">
        <v>56261</v>
      </c>
      <c r="B39429" t="s">
        <v>56264</v>
      </c>
      <c r="C39429">
        <v>1</v>
      </c>
      <c r="D39429">
        <v>0</v>
      </c>
    </row>
    <row r="39430" spans="1:4" x14ac:dyDescent="0.25">
      <c r="A39430" t="s">
        <v>56265</v>
      </c>
      <c r="B39430" t="s">
        <v>56266</v>
      </c>
      <c r="C39430">
        <v>1</v>
      </c>
      <c r="D39430">
        <v>0</v>
      </c>
    </row>
    <row r="39431" spans="1:4" x14ac:dyDescent="0.25">
      <c r="A39431" t="s">
        <v>56265</v>
      </c>
      <c r="B39431" t="s">
        <v>56267</v>
      </c>
      <c r="C39431">
        <v>1</v>
      </c>
      <c r="D39431">
        <v>0</v>
      </c>
    </row>
    <row r="39432" spans="1:4" x14ac:dyDescent="0.25">
      <c r="A39432" t="s">
        <v>56265</v>
      </c>
      <c r="B39432" t="s">
        <v>56268</v>
      </c>
      <c r="C39432">
        <v>1</v>
      </c>
      <c r="D39432">
        <v>0</v>
      </c>
    </row>
    <row r="39433" spans="1:4" x14ac:dyDescent="0.25">
      <c r="A39433" t="s">
        <v>56269</v>
      </c>
      <c r="B39433" t="s">
        <v>56270</v>
      </c>
      <c r="C39433">
        <v>1</v>
      </c>
      <c r="D39433">
        <v>0</v>
      </c>
    </row>
    <row r="39434" spans="1:4" x14ac:dyDescent="0.25">
      <c r="A39434" t="s">
        <v>56269</v>
      </c>
      <c r="B39434" t="s">
        <v>56271</v>
      </c>
      <c r="C39434">
        <v>2</v>
      </c>
      <c r="D39434">
        <v>0</v>
      </c>
    </row>
    <row r="39435" spans="1:4" x14ac:dyDescent="0.25">
      <c r="A39435" t="s">
        <v>56269</v>
      </c>
      <c r="B39435" t="s">
        <v>56272</v>
      </c>
      <c r="C39435">
        <v>1</v>
      </c>
      <c r="D39435">
        <v>0</v>
      </c>
    </row>
    <row r="39436" spans="1:4" x14ac:dyDescent="0.25">
      <c r="A39436" t="s">
        <v>56273</v>
      </c>
      <c r="B39436" t="s">
        <v>56274</v>
      </c>
      <c r="C39436">
        <v>1</v>
      </c>
      <c r="D39436">
        <v>0</v>
      </c>
    </row>
    <row r="39437" spans="1:4" x14ac:dyDescent="0.25">
      <c r="A39437" t="s">
        <v>56273</v>
      </c>
      <c r="B39437" t="s">
        <v>56275</v>
      </c>
      <c r="C39437">
        <v>0</v>
      </c>
      <c r="D39437">
        <v>0</v>
      </c>
    </row>
    <row r="39438" spans="1:4" x14ac:dyDescent="0.25">
      <c r="A39438" t="s">
        <v>56276</v>
      </c>
      <c r="B39438" t="s">
        <v>56277</v>
      </c>
      <c r="C39438">
        <v>2</v>
      </c>
      <c r="D39438">
        <v>0</v>
      </c>
    </row>
    <row r="39439" spans="1:4" x14ac:dyDescent="0.25">
      <c r="A39439" t="s">
        <v>56276</v>
      </c>
      <c r="B39439" t="s">
        <v>56278</v>
      </c>
      <c r="C39439">
        <v>1</v>
      </c>
      <c r="D39439">
        <v>0</v>
      </c>
    </row>
    <row r="39440" spans="1:4" x14ac:dyDescent="0.25">
      <c r="A39440" t="s">
        <v>56276</v>
      </c>
      <c r="B39440" t="s">
        <v>56279</v>
      </c>
      <c r="C39440">
        <v>1</v>
      </c>
      <c r="D39440">
        <v>0</v>
      </c>
    </row>
    <row r="39441" spans="1:4" x14ac:dyDescent="0.25">
      <c r="A39441" t="s">
        <v>56276</v>
      </c>
      <c r="B39441" t="s">
        <v>56280</v>
      </c>
      <c r="C39441">
        <v>1</v>
      </c>
      <c r="D39441">
        <v>0</v>
      </c>
    </row>
    <row r="39442" spans="1:4" x14ac:dyDescent="0.25">
      <c r="A39442" t="s">
        <v>56276</v>
      </c>
      <c r="B39442" t="s">
        <v>56281</v>
      </c>
      <c r="C39442">
        <v>2</v>
      </c>
      <c r="D39442">
        <v>0</v>
      </c>
    </row>
    <row r="39443" spans="1:4" x14ac:dyDescent="0.25">
      <c r="A39443" t="s">
        <v>56276</v>
      </c>
      <c r="B39443" t="s">
        <v>5713</v>
      </c>
      <c r="C39443">
        <v>1</v>
      </c>
      <c r="D39443">
        <v>0</v>
      </c>
    </row>
    <row r="39444" spans="1:4" x14ac:dyDescent="0.25">
      <c r="A39444" t="s">
        <v>56282</v>
      </c>
      <c r="B39444" t="s">
        <v>56283</v>
      </c>
      <c r="C39444">
        <v>2</v>
      </c>
      <c r="D39444">
        <v>0</v>
      </c>
    </row>
    <row r="39445" spans="1:4" x14ac:dyDescent="0.25">
      <c r="A39445" t="s">
        <v>56282</v>
      </c>
      <c r="B39445" t="s">
        <v>56284</v>
      </c>
      <c r="C39445">
        <v>1</v>
      </c>
      <c r="D39445">
        <v>0</v>
      </c>
    </row>
    <row r="39446" spans="1:4" x14ac:dyDescent="0.25">
      <c r="A39446" t="s">
        <v>56282</v>
      </c>
      <c r="B39446" t="s">
        <v>22326</v>
      </c>
      <c r="C39446">
        <v>1</v>
      </c>
      <c r="D39446">
        <v>0</v>
      </c>
    </row>
    <row r="39447" spans="1:4" x14ac:dyDescent="0.25">
      <c r="A39447" t="s">
        <v>56282</v>
      </c>
      <c r="B39447" t="s">
        <v>56285</v>
      </c>
      <c r="C39447">
        <v>2</v>
      </c>
      <c r="D39447">
        <v>0</v>
      </c>
    </row>
    <row r="39448" spans="1:4" x14ac:dyDescent="0.25">
      <c r="A39448" t="s">
        <v>56286</v>
      </c>
      <c r="B39448" t="s">
        <v>56287</v>
      </c>
      <c r="C39448">
        <v>1</v>
      </c>
      <c r="D39448">
        <v>0</v>
      </c>
    </row>
    <row r="39449" spans="1:4" x14ac:dyDescent="0.25">
      <c r="A39449" t="s">
        <v>56286</v>
      </c>
      <c r="B39449" t="s">
        <v>56288</v>
      </c>
      <c r="C39449">
        <v>1</v>
      </c>
      <c r="D39449">
        <v>0</v>
      </c>
    </row>
    <row r="39450" spans="1:4" x14ac:dyDescent="0.25">
      <c r="A39450" t="s">
        <v>56286</v>
      </c>
      <c r="B39450" t="s">
        <v>49670</v>
      </c>
      <c r="C39450">
        <v>1</v>
      </c>
      <c r="D39450">
        <v>0</v>
      </c>
    </row>
    <row r="39451" spans="1:4" x14ac:dyDescent="0.25">
      <c r="A39451" t="s">
        <v>56286</v>
      </c>
      <c r="B39451" t="s">
        <v>56289</v>
      </c>
      <c r="C39451">
        <v>0</v>
      </c>
      <c r="D39451">
        <v>0</v>
      </c>
    </row>
    <row r="39452" spans="1:4" x14ac:dyDescent="0.25">
      <c r="A39452" t="s">
        <v>56290</v>
      </c>
      <c r="B39452" t="s">
        <v>56291</v>
      </c>
      <c r="C39452">
        <v>1</v>
      </c>
      <c r="D39452">
        <v>0</v>
      </c>
    </row>
    <row r="39453" spans="1:4" x14ac:dyDescent="0.25">
      <c r="A39453" t="s">
        <v>56290</v>
      </c>
      <c r="B39453" t="s">
        <v>56292</v>
      </c>
      <c r="C39453">
        <v>1</v>
      </c>
      <c r="D39453">
        <v>0</v>
      </c>
    </row>
    <row r="39454" spans="1:4" x14ac:dyDescent="0.25">
      <c r="A39454" t="s">
        <v>56290</v>
      </c>
      <c r="B39454" t="s">
        <v>56293</v>
      </c>
      <c r="C39454">
        <v>0</v>
      </c>
      <c r="D39454">
        <v>0</v>
      </c>
    </row>
    <row r="39455" spans="1:4" x14ac:dyDescent="0.25">
      <c r="A39455" t="s">
        <v>56290</v>
      </c>
      <c r="B39455" t="s">
        <v>56294</v>
      </c>
      <c r="C39455">
        <v>1</v>
      </c>
      <c r="D39455">
        <v>0</v>
      </c>
    </row>
    <row r="39456" spans="1:4" x14ac:dyDescent="0.25">
      <c r="A39456" t="s">
        <v>56295</v>
      </c>
      <c r="B39456" t="s">
        <v>56296</v>
      </c>
      <c r="C39456">
        <v>1</v>
      </c>
      <c r="D39456">
        <v>0</v>
      </c>
    </row>
    <row r="39457" spans="1:4" x14ac:dyDescent="0.25">
      <c r="A39457" t="s">
        <v>56295</v>
      </c>
      <c r="B39457" t="s">
        <v>56297</v>
      </c>
      <c r="C39457">
        <v>1</v>
      </c>
      <c r="D39457">
        <v>0</v>
      </c>
    </row>
    <row r="39458" spans="1:4" x14ac:dyDescent="0.25">
      <c r="A39458" t="s">
        <v>56295</v>
      </c>
      <c r="B39458" t="s">
        <v>56298</v>
      </c>
      <c r="C39458">
        <v>1</v>
      </c>
      <c r="D39458">
        <v>0</v>
      </c>
    </row>
    <row r="39459" spans="1:4" x14ac:dyDescent="0.25">
      <c r="A39459" t="s">
        <v>56295</v>
      </c>
      <c r="B39459" t="s">
        <v>56299</v>
      </c>
      <c r="C39459">
        <v>1</v>
      </c>
      <c r="D39459">
        <v>0</v>
      </c>
    </row>
    <row r="39460" spans="1:4" x14ac:dyDescent="0.25">
      <c r="A39460" t="s">
        <v>56300</v>
      </c>
      <c r="B39460" t="s">
        <v>56301</v>
      </c>
      <c r="C39460">
        <v>0</v>
      </c>
      <c r="D39460">
        <v>0</v>
      </c>
    </row>
    <row r="39461" spans="1:4" x14ac:dyDescent="0.25">
      <c r="A39461" t="s">
        <v>56300</v>
      </c>
      <c r="B39461" t="s">
        <v>56302</v>
      </c>
      <c r="C39461">
        <v>1</v>
      </c>
      <c r="D39461">
        <v>0</v>
      </c>
    </row>
    <row r="39462" spans="1:4" x14ac:dyDescent="0.25">
      <c r="A39462" t="s">
        <v>56303</v>
      </c>
      <c r="B39462" t="s">
        <v>56304</v>
      </c>
      <c r="C39462">
        <v>1</v>
      </c>
      <c r="D39462">
        <v>0</v>
      </c>
    </row>
    <row r="39463" spans="1:4" x14ac:dyDescent="0.25">
      <c r="A39463" t="s">
        <v>56303</v>
      </c>
      <c r="B39463" t="s">
        <v>56305</v>
      </c>
      <c r="C39463">
        <v>1</v>
      </c>
      <c r="D39463">
        <v>0</v>
      </c>
    </row>
    <row r="39464" spans="1:4" x14ac:dyDescent="0.25">
      <c r="A39464" t="s">
        <v>56303</v>
      </c>
      <c r="B39464" t="s">
        <v>56306</v>
      </c>
      <c r="C39464">
        <v>1</v>
      </c>
      <c r="D39464">
        <v>0</v>
      </c>
    </row>
    <row r="39465" spans="1:4" x14ac:dyDescent="0.25">
      <c r="A39465" t="s">
        <v>56303</v>
      </c>
      <c r="B39465" t="s">
        <v>56307</v>
      </c>
      <c r="C39465">
        <v>2</v>
      </c>
      <c r="D39465">
        <v>0</v>
      </c>
    </row>
    <row r="39466" spans="1:4" x14ac:dyDescent="0.25">
      <c r="A39466" t="s">
        <v>56303</v>
      </c>
      <c r="B39466" t="s">
        <v>56308</v>
      </c>
      <c r="C39466">
        <v>1</v>
      </c>
      <c r="D39466">
        <v>0</v>
      </c>
    </row>
    <row r="39467" spans="1:4" x14ac:dyDescent="0.25">
      <c r="A39467" t="s">
        <v>56303</v>
      </c>
      <c r="B39467" t="s">
        <v>56309</v>
      </c>
      <c r="C39467">
        <v>1</v>
      </c>
      <c r="D39467">
        <v>0</v>
      </c>
    </row>
    <row r="39468" spans="1:4" x14ac:dyDescent="0.25">
      <c r="A39468" t="s">
        <v>56303</v>
      </c>
      <c r="B39468" t="s">
        <v>56309</v>
      </c>
      <c r="C39468">
        <v>1</v>
      </c>
      <c r="D39468">
        <v>0</v>
      </c>
    </row>
    <row r="39469" spans="1:4" x14ac:dyDescent="0.25">
      <c r="A39469" t="s">
        <v>56303</v>
      </c>
      <c r="B39469" t="s">
        <v>56310</v>
      </c>
      <c r="C39469">
        <v>1</v>
      </c>
      <c r="D39469">
        <v>0</v>
      </c>
    </row>
    <row r="39470" spans="1:4" x14ac:dyDescent="0.25">
      <c r="A39470" t="s">
        <v>56311</v>
      </c>
      <c r="B39470" t="s">
        <v>56312</v>
      </c>
      <c r="C39470">
        <v>1</v>
      </c>
      <c r="D39470">
        <v>0</v>
      </c>
    </row>
    <row r="39471" spans="1:4" x14ac:dyDescent="0.25">
      <c r="A39471" t="s">
        <v>56311</v>
      </c>
      <c r="B39471" t="s">
        <v>56313</v>
      </c>
      <c r="C39471">
        <v>1</v>
      </c>
      <c r="D39471">
        <v>0</v>
      </c>
    </row>
    <row r="39472" spans="1:4" x14ac:dyDescent="0.25">
      <c r="A39472" t="s">
        <v>56311</v>
      </c>
      <c r="B39472" t="s">
        <v>56314</v>
      </c>
      <c r="C39472">
        <v>1</v>
      </c>
      <c r="D39472">
        <v>0</v>
      </c>
    </row>
    <row r="39473" spans="1:4" x14ac:dyDescent="0.25">
      <c r="A39473" t="s">
        <v>56315</v>
      </c>
      <c r="B39473" t="s">
        <v>56316</v>
      </c>
      <c r="C39473">
        <v>0</v>
      </c>
      <c r="D39473">
        <v>0</v>
      </c>
    </row>
    <row r="39474" spans="1:4" x14ac:dyDescent="0.25">
      <c r="A39474" t="s">
        <v>56315</v>
      </c>
      <c r="B39474" t="s">
        <v>56317</v>
      </c>
      <c r="C39474">
        <v>1</v>
      </c>
      <c r="D39474">
        <v>0</v>
      </c>
    </row>
    <row r="39475" spans="1:4" x14ac:dyDescent="0.25">
      <c r="A39475" t="s">
        <v>56315</v>
      </c>
      <c r="B39475" t="s">
        <v>56318</v>
      </c>
      <c r="C39475">
        <v>2</v>
      </c>
      <c r="D39475">
        <v>0</v>
      </c>
    </row>
    <row r="39476" spans="1:4" x14ac:dyDescent="0.25">
      <c r="A39476" t="s">
        <v>56315</v>
      </c>
      <c r="B39476" t="s">
        <v>56319</v>
      </c>
      <c r="C39476">
        <v>0</v>
      </c>
      <c r="D39476">
        <v>0</v>
      </c>
    </row>
    <row r="39477" spans="1:4" x14ac:dyDescent="0.25">
      <c r="A39477" t="s">
        <v>56315</v>
      </c>
      <c r="B39477" t="s">
        <v>56320</v>
      </c>
      <c r="C39477">
        <v>2</v>
      </c>
      <c r="D39477">
        <v>0</v>
      </c>
    </row>
    <row r="39478" spans="1:4" x14ac:dyDescent="0.25">
      <c r="A39478" t="s">
        <v>56321</v>
      </c>
      <c r="B39478" t="s">
        <v>56322</v>
      </c>
      <c r="C39478">
        <v>2</v>
      </c>
      <c r="D39478">
        <v>0</v>
      </c>
    </row>
    <row r="39479" spans="1:4" x14ac:dyDescent="0.25">
      <c r="A39479" t="s">
        <v>56323</v>
      </c>
      <c r="B39479" t="s">
        <v>56324</v>
      </c>
      <c r="C39479">
        <v>1</v>
      </c>
      <c r="D39479">
        <v>0</v>
      </c>
    </row>
    <row r="39480" spans="1:4" x14ac:dyDescent="0.25">
      <c r="A39480" t="s">
        <v>56323</v>
      </c>
      <c r="B39480" t="s">
        <v>56325</v>
      </c>
      <c r="C39480">
        <v>2</v>
      </c>
      <c r="D39480">
        <v>0</v>
      </c>
    </row>
    <row r="39481" spans="1:4" x14ac:dyDescent="0.25">
      <c r="A39481" t="s">
        <v>56323</v>
      </c>
      <c r="B39481" t="s">
        <v>5434</v>
      </c>
      <c r="C39481">
        <v>1</v>
      </c>
      <c r="D39481">
        <v>0</v>
      </c>
    </row>
    <row r="39482" spans="1:4" x14ac:dyDescent="0.25">
      <c r="A39482" t="s">
        <v>56323</v>
      </c>
      <c r="B39482" t="s">
        <v>56326</v>
      </c>
      <c r="C39482">
        <v>0</v>
      </c>
      <c r="D39482">
        <v>0</v>
      </c>
    </row>
    <row r="39483" spans="1:4" x14ac:dyDescent="0.25">
      <c r="A39483" t="s">
        <v>56323</v>
      </c>
      <c r="B39483" t="s">
        <v>56327</v>
      </c>
      <c r="C39483">
        <v>2</v>
      </c>
      <c r="D39483">
        <v>0</v>
      </c>
    </row>
    <row r="39484" spans="1:4" x14ac:dyDescent="0.25">
      <c r="A39484" t="s">
        <v>56323</v>
      </c>
      <c r="B39484" t="s">
        <v>56328</v>
      </c>
      <c r="C39484">
        <v>1</v>
      </c>
      <c r="D39484">
        <v>0</v>
      </c>
    </row>
    <row r="39485" spans="1:4" x14ac:dyDescent="0.25">
      <c r="A39485" t="s">
        <v>56323</v>
      </c>
      <c r="B39485" t="s">
        <v>5713</v>
      </c>
      <c r="C39485">
        <v>1</v>
      </c>
      <c r="D39485">
        <v>0</v>
      </c>
    </row>
    <row r="39486" spans="1:4" x14ac:dyDescent="0.25">
      <c r="A39486" t="s">
        <v>56323</v>
      </c>
      <c r="B39486" t="s">
        <v>5713</v>
      </c>
      <c r="C39486">
        <v>1</v>
      </c>
      <c r="D39486">
        <v>0</v>
      </c>
    </row>
    <row r="39487" spans="1:4" x14ac:dyDescent="0.25">
      <c r="A39487" t="s">
        <v>56323</v>
      </c>
      <c r="B39487" t="s">
        <v>5713</v>
      </c>
      <c r="C39487">
        <v>1</v>
      </c>
      <c r="D39487">
        <v>0</v>
      </c>
    </row>
    <row r="39488" spans="1:4" x14ac:dyDescent="0.25">
      <c r="A39488" t="s">
        <v>56323</v>
      </c>
      <c r="B39488" t="s">
        <v>56329</v>
      </c>
      <c r="C39488">
        <v>1</v>
      </c>
      <c r="D39488">
        <v>0</v>
      </c>
    </row>
    <row r="39489" spans="1:4" x14ac:dyDescent="0.25">
      <c r="A39489" t="s">
        <v>56323</v>
      </c>
      <c r="B39489" t="s">
        <v>56325</v>
      </c>
      <c r="C39489">
        <v>2</v>
      </c>
      <c r="D39489">
        <v>0</v>
      </c>
    </row>
    <row r="39490" spans="1:4" x14ac:dyDescent="0.25">
      <c r="A39490" t="s">
        <v>56330</v>
      </c>
      <c r="B39490" t="s">
        <v>56331</v>
      </c>
      <c r="C39490">
        <v>1</v>
      </c>
      <c r="D39490">
        <v>0</v>
      </c>
    </row>
    <row r="39491" spans="1:4" x14ac:dyDescent="0.25">
      <c r="A39491" t="s">
        <v>56330</v>
      </c>
      <c r="B39491" t="s">
        <v>56332</v>
      </c>
      <c r="C39491">
        <v>2</v>
      </c>
      <c r="D39491">
        <v>0</v>
      </c>
    </row>
    <row r="39492" spans="1:4" x14ac:dyDescent="0.25">
      <c r="A39492" t="s">
        <v>56330</v>
      </c>
      <c r="B39492" t="s">
        <v>56333</v>
      </c>
      <c r="C39492">
        <v>0</v>
      </c>
      <c r="D39492">
        <v>0</v>
      </c>
    </row>
    <row r="39493" spans="1:4" x14ac:dyDescent="0.25">
      <c r="A39493" t="s">
        <v>56330</v>
      </c>
      <c r="B39493" t="s">
        <v>56334</v>
      </c>
      <c r="C39493">
        <v>2</v>
      </c>
      <c r="D39493">
        <v>0</v>
      </c>
    </row>
    <row r="39494" spans="1:4" x14ac:dyDescent="0.25">
      <c r="A39494" t="s">
        <v>56330</v>
      </c>
      <c r="B39494" t="s">
        <v>56335</v>
      </c>
      <c r="C39494">
        <v>0</v>
      </c>
      <c r="D39494">
        <v>0</v>
      </c>
    </row>
    <row r="39495" spans="1:4" x14ac:dyDescent="0.25">
      <c r="A39495" t="s">
        <v>56336</v>
      </c>
      <c r="B39495" t="s">
        <v>56337</v>
      </c>
      <c r="C39495">
        <v>0</v>
      </c>
      <c r="D39495">
        <v>0</v>
      </c>
    </row>
    <row r="39496" spans="1:4" x14ac:dyDescent="0.25">
      <c r="A39496" t="s">
        <v>56336</v>
      </c>
      <c r="B39496" t="s">
        <v>56338</v>
      </c>
      <c r="C39496">
        <v>0</v>
      </c>
      <c r="D39496">
        <v>0</v>
      </c>
    </row>
    <row r="39497" spans="1:4" x14ac:dyDescent="0.25">
      <c r="A39497" t="s">
        <v>56336</v>
      </c>
      <c r="B39497" t="s">
        <v>56339</v>
      </c>
      <c r="C39497">
        <v>0</v>
      </c>
      <c r="D39497">
        <v>0</v>
      </c>
    </row>
    <row r="39498" spans="1:4" x14ac:dyDescent="0.25">
      <c r="A39498" t="s">
        <v>56340</v>
      </c>
      <c r="B39498" t="s">
        <v>56341</v>
      </c>
      <c r="C39498">
        <v>0</v>
      </c>
      <c r="D39498">
        <v>0</v>
      </c>
    </row>
    <row r="39499" spans="1:4" x14ac:dyDescent="0.25">
      <c r="A39499" t="s">
        <v>56340</v>
      </c>
      <c r="B39499" t="s">
        <v>56342</v>
      </c>
      <c r="C39499">
        <v>1</v>
      </c>
      <c r="D39499">
        <v>0</v>
      </c>
    </row>
    <row r="39500" spans="1:4" x14ac:dyDescent="0.25">
      <c r="A39500" t="s">
        <v>56343</v>
      </c>
      <c r="B39500" t="s">
        <v>1294</v>
      </c>
      <c r="C39500">
        <v>1</v>
      </c>
      <c r="D39500">
        <v>0</v>
      </c>
    </row>
    <row r="39501" spans="1:4" x14ac:dyDescent="0.25">
      <c r="A39501" t="s">
        <v>56343</v>
      </c>
      <c r="B39501" t="s">
        <v>56344</v>
      </c>
      <c r="C39501">
        <v>1</v>
      </c>
      <c r="D39501">
        <v>0</v>
      </c>
    </row>
    <row r="39502" spans="1:4" x14ac:dyDescent="0.25">
      <c r="A39502" t="s">
        <v>56343</v>
      </c>
      <c r="B39502" t="s">
        <v>56345</v>
      </c>
      <c r="C39502">
        <v>0</v>
      </c>
      <c r="D39502">
        <v>0</v>
      </c>
    </row>
    <row r="39503" spans="1:4" x14ac:dyDescent="0.25">
      <c r="A39503" t="s">
        <v>56343</v>
      </c>
      <c r="B39503" t="s">
        <v>56346</v>
      </c>
      <c r="C39503">
        <v>1</v>
      </c>
      <c r="D39503">
        <v>0</v>
      </c>
    </row>
    <row r="39504" spans="1:4" x14ac:dyDescent="0.25">
      <c r="A39504" t="s">
        <v>56347</v>
      </c>
      <c r="B39504" t="s">
        <v>56348</v>
      </c>
      <c r="C39504">
        <v>1</v>
      </c>
      <c r="D39504">
        <v>0</v>
      </c>
    </row>
    <row r="39505" spans="1:4" x14ac:dyDescent="0.25">
      <c r="A39505" t="s">
        <v>56347</v>
      </c>
      <c r="B39505" t="s">
        <v>56349</v>
      </c>
      <c r="C39505">
        <v>0</v>
      </c>
      <c r="D39505">
        <v>0</v>
      </c>
    </row>
    <row r="39506" spans="1:4" x14ac:dyDescent="0.25">
      <c r="A39506" t="s">
        <v>56347</v>
      </c>
      <c r="B39506" t="s">
        <v>56350</v>
      </c>
      <c r="C39506">
        <v>0</v>
      </c>
      <c r="D39506">
        <v>0</v>
      </c>
    </row>
    <row r="39507" spans="1:4" x14ac:dyDescent="0.25">
      <c r="A39507" t="s">
        <v>56347</v>
      </c>
      <c r="B39507" t="s">
        <v>56351</v>
      </c>
      <c r="C39507">
        <v>1</v>
      </c>
      <c r="D39507">
        <v>0</v>
      </c>
    </row>
    <row r="39508" spans="1:4" x14ac:dyDescent="0.25">
      <c r="A39508" t="s">
        <v>56352</v>
      </c>
      <c r="B39508" t="s">
        <v>56353</v>
      </c>
      <c r="C39508">
        <v>1</v>
      </c>
      <c r="D39508">
        <v>0</v>
      </c>
    </row>
    <row r="39509" spans="1:4" x14ac:dyDescent="0.25">
      <c r="A39509" t="s">
        <v>56352</v>
      </c>
      <c r="B39509" t="s">
        <v>56354</v>
      </c>
      <c r="C39509">
        <v>1</v>
      </c>
      <c r="D39509">
        <v>0</v>
      </c>
    </row>
    <row r="39510" spans="1:4" x14ac:dyDescent="0.25">
      <c r="A39510" t="s">
        <v>56352</v>
      </c>
      <c r="B39510" t="s">
        <v>56355</v>
      </c>
      <c r="C39510">
        <v>1</v>
      </c>
      <c r="D39510">
        <v>0</v>
      </c>
    </row>
    <row r="39511" spans="1:4" x14ac:dyDescent="0.25">
      <c r="A39511" t="s">
        <v>56352</v>
      </c>
      <c r="B39511" t="s">
        <v>56356</v>
      </c>
      <c r="C39511">
        <v>2</v>
      </c>
      <c r="D39511">
        <v>0</v>
      </c>
    </row>
    <row r="39512" spans="1:4" x14ac:dyDescent="0.25">
      <c r="A39512" t="s">
        <v>56357</v>
      </c>
      <c r="B39512" t="s">
        <v>56358</v>
      </c>
      <c r="C39512">
        <v>0</v>
      </c>
      <c r="D39512">
        <v>0</v>
      </c>
    </row>
    <row r="39513" spans="1:4" x14ac:dyDescent="0.25">
      <c r="A39513" t="s">
        <v>56357</v>
      </c>
      <c r="B39513" t="s">
        <v>56359</v>
      </c>
      <c r="C39513">
        <v>2</v>
      </c>
      <c r="D39513">
        <v>0</v>
      </c>
    </row>
    <row r="39514" spans="1:4" x14ac:dyDescent="0.25">
      <c r="A39514" t="s">
        <v>56357</v>
      </c>
      <c r="B39514" t="s">
        <v>46090</v>
      </c>
      <c r="C39514">
        <v>0</v>
      </c>
      <c r="D39514">
        <v>0</v>
      </c>
    </row>
    <row r="39515" spans="1:4" x14ac:dyDescent="0.25">
      <c r="A39515" t="s">
        <v>56357</v>
      </c>
      <c r="B39515" t="s">
        <v>56360</v>
      </c>
      <c r="C39515">
        <v>0</v>
      </c>
      <c r="D39515">
        <v>0</v>
      </c>
    </row>
    <row r="39516" spans="1:4" x14ac:dyDescent="0.25">
      <c r="A39516" t="s">
        <v>56357</v>
      </c>
      <c r="B39516" t="s">
        <v>56361</v>
      </c>
      <c r="C39516">
        <v>2</v>
      </c>
      <c r="D39516">
        <v>0</v>
      </c>
    </row>
    <row r="39517" spans="1:4" x14ac:dyDescent="0.25">
      <c r="A39517" t="s">
        <v>56357</v>
      </c>
      <c r="B39517" t="s">
        <v>56362</v>
      </c>
      <c r="C39517">
        <v>0</v>
      </c>
      <c r="D39517">
        <v>0</v>
      </c>
    </row>
    <row r="39518" spans="1:4" x14ac:dyDescent="0.25">
      <c r="A39518" t="s">
        <v>56363</v>
      </c>
      <c r="B39518" t="s">
        <v>56364</v>
      </c>
      <c r="C39518">
        <v>2</v>
      </c>
      <c r="D39518">
        <v>0</v>
      </c>
    </row>
    <row r="39519" spans="1:4" x14ac:dyDescent="0.25">
      <c r="A39519" t="s">
        <v>56363</v>
      </c>
      <c r="B39519" t="s">
        <v>56365</v>
      </c>
      <c r="C39519">
        <v>1</v>
      </c>
      <c r="D39519">
        <v>0</v>
      </c>
    </row>
    <row r="39520" spans="1:4" x14ac:dyDescent="0.25">
      <c r="A39520" t="s">
        <v>56363</v>
      </c>
      <c r="B39520" t="s">
        <v>56366</v>
      </c>
      <c r="C39520">
        <v>0</v>
      </c>
      <c r="D39520">
        <v>0</v>
      </c>
    </row>
    <row r="39521" spans="1:4" x14ac:dyDescent="0.25">
      <c r="A39521" t="s">
        <v>56367</v>
      </c>
      <c r="B39521" t="s">
        <v>56368</v>
      </c>
      <c r="C39521">
        <v>2</v>
      </c>
      <c r="D39521">
        <v>0</v>
      </c>
    </row>
    <row r="39522" spans="1:4" x14ac:dyDescent="0.25">
      <c r="A39522" t="s">
        <v>56367</v>
      </c>
      <c r="B39522" t="s">
        <v>5434</v>
      </c>
      <c r="C39522">
        <v>1</v>
      </c>
      <c r="D39522">
        <v>0</v>
      </c>
    </row>
    <row r="39523" spans="1:4" x14ac:dyDescent="0.25">
      <c r="A39523" t="s">
        <v>56367</v>
      </c>
      <c r="B39523" t="s">
        <v>2651</v>
      </c>
      <c r="C39523">
        <v>0</v>
      </c>
      <c r="D39523">
        <v>0</v>
      </c>
    </row>
    <row r="39524" spans="1:4" x14ac:dyDescent="0.25">
      <c r="A39524" t="s">
        <v>56369</v>
      </c>
      <c r="B39524" t="s">
        <v>56370</v>
      </c>
      <c r="C39524">
        <v>1</v>
      </c>
      <c r="D39524">
        <v>0</v>
      </c>
    </row>
    <row r="39525" spans="1:4" x14ac:dyDescent="0.25">
      <c r="A39525" t="s">
        <v>56369</v>
      </c>
      <c r="B39525" t="s">
        <v>56371</v>
      </c>
      <c r="C39525">
        <v>0</v>
      </c>
      <c r="D39525">
        <v>0</v>
      </c>
    </row>
    <row r="39526" spans="1:4" x14ac:dyDescent="0.25">
      <c r="A39526" t="s">
        <v>56369</v>
      </c>
      <c r="B39526" t="s">
        <v>56372</v>
      </c>
      <c r="C39526">
        <v>2</v>
      </c>
      <c r="D39526">
        <v>0</v>
      </c>
    </row>
    <row r="39527" spans="1:4" x14ac:dyDescent="0.25">
      <c r="A39527" t="s">
        <v>56369</v>
      </c>
      <c r="B39527" t="s">
        <v>56373</v>
      </c>
      <c r="C39527">
        <v>1</v>
      </c>
      <c r="D39527">
        <v>0</v>
      </c>
    </row>
    <row r="39528" spans="1:4" x14ac:dyDescent="0.25">
      <c r="A39528" t="s">
        <v>56369</v>
      </c>
      <c r="B39528" t="s">
        <v>56374</v>
      </c>
      <c r="C39528">
        <v>1</v>
      </c>
      <c r="D39528">
        <v>0</v>
      </c>
    </row>
    <row r="39529" spans="1:4" x14ac:dyDescent="0.25">
      <c r="A39529" t="s">
        <v>56369</v>
      </c>
      <c r="B39529" t="s">
        <v>56375</v>
      </c>
      <c r="C39529">
        <v>1</v>
      </c>
      <c r="D39529">
        <v>0</v>
      </c>
    </row>
    <row r="39530" spans="1:4" x14ac:dyDescent="0.25">
      <c r="A39530" t="s">
        <v>56376</v>
      </c>
      <c r="B39530" t="s">
        <v>56377</v>
      </c>
      <c r="C39530">
        <v>0</v>
      </c>
      <c r="D39530">
        <v>0</v>
      </c>
    </row>
    <row r="39531" spans="1:4" x14ac:dyDescent="0.25">
      <c r="A39531" t="s">
        <v>56376</v>
      </c>
      <c r="B39531" t="s">
        <v>56378</v>
      </c>
      <c r="C39531">
        <v>0</v>
      </c>
      <c r="D39531">
        <v>0</v>
      </c>
    </row>
    <row r="39532" spans="1:4" x14ac:dyDescent="0.25">
      <c r="A39532" t="s">
        <v>56376</v>
      </c>
      <c r="B39532" t="s">
        <v>56378</v>
      </c>
      <c r="C39532">
        <v>0</v>
      </c>
      <c r="D39532">
        <v>0</v>
      </c>
    </row>
    <row r="39533" spans="1:4" x14ac:dyDescent="0.25">
      <c r="A39533" t="s">
        <v>56376</v>
      </c>
      <c r="B39533" t="s">
        <v>56379</v>
      </c>
      <c r="C39533">
        <v>2</v>
      </c>
      <c r="D39533">
        <v>0</v>
      </c>
    </row>
    <row r="39534" spans="1:4" x14ac:dyDescent="0.25">
      <c r="A39534" t="s">
        <v>56376</v>
      </c>
      <c r="B39534" t="s">
        <v>56380</v>
      </c>
      <c r="C39534">
        <v>1</v>
      </c>
      <c r="D39534">
        <v>0</v>
      </c>
    </row>
    <row r="39535" spans="1:4" x14ac:dyDescent="0.25">
      <c r="A39535" t="s">
        <v>56376</v>
      </c>
      <c r="B39535" t="s">
        <v>56381</v>
      </c>
      <c r="C39535">
        <v>0</v>
      </c>
      <c r="D39535">
        <v>0</v>
      </c>
    </row>
    <row r="39536" spans="1:4" x14ac:dyDescent="0.25">
      <c r="A39536" t="s">
        <v>56382</v>
      </c>
      <c r="B39536" t="s">
        <v>56383</v>
      </c>
      <c r="C39536">
        <v>0</v>
      </c>
      <c r="D39536">
        <v>0</v>
      </c>
    </row>
    <row r="39537" spans="1:4" x14ac:dyDescent="0.25">
      <c r="A39537" t="s">
        <v>56382</v>
      </c>
      <c r="B39537" t="s">
        <v>56384</v>
      </c>
      <c r="C39537">
        <v>1</v>
      </c>
      <c r="D39537">
        <v>0</v>
      </c>
    </row>
    <row r="39538" spans="1:4" x14ac:dyDescent="0.25">
      <c r="A39538" t="s">
        <v>56382</v>
      </c>
      <c r="B39538" t="s">
        <v>56385</v>
      </c>
      <c r="C39538">
        <v>2</v>
      </c>
      <c r="D39538">
        <v>0</v>
      </c>
    </row>
    <row r="39539" spans="1:4" x14ac:dyDescent="0.25">
      <c r="A39539" t="s">
        <v>56382</v>
      </c>
      <c r="B39539" t="s">
        <v>56386</v>
      </c>
      <c r="C39539">
        <v>1</v>
      </c>
      <c r="D39539">
        <v>0</v>
      </c>
    </row>
    <row r="39540" spans="1:4" x14ac:dyDescent="0.25">
      <c r="A39540" t="s">
        <v>56382</v>
      </c>
      <c r="B39540" t="s">
        <v>56387</v>
      </c>
      <c r="C39540">
        <v>1</v>
      </c>
      <c r="D39540">
        <v>0</v>
      </c>
    </row>
    <row r="39541" spans="1:4" x14ac:dyDescent="0.25">
      <c r="A39541" t="s">
        <v>56382</v>
      </c>
      <c r="B39541" t="s">
        <v>56388</v>
      </c>
      <c r="C39541">
        <v>1</v>
      </c>
      <c r="D39541">
        <v>0</v>
      </c>
    </row>
    <row r="39542" spans="1:4" x14ac:dyDescent="0.25">
      <c r="A39542" t="s">
        <v>56382</v>
      </c>
      <c r="B39542" t="s">
        <v>56389</v>
      </c>
      <c r="C39542">
        <v>1</v>
      </c>
      <c r="D39542">
        <v>0</v>
      </c>
    </row>
    <row r="39543" spans="1:4" x14ac:dyDescent="0.25">
      <c r="A39543" t="s">
        <v>56390</v>
      </c>
      <c r="B39543" t="s">
        <v>56391</v>
      </c>
      <c r="C39543">
        <v>0</v>
      </c>
      <c r="D39543">
        <v>0</v>
      </c>
    </row>
    <row r="39544" spans="1:4" x14ac:dyDescent="0.25">
      <c r="A39544" t="s">
        <v>56390</v>
      </c>
      <c r="B39544" t="s">
        <v>56392</v>
      </c>
      <c r="C39544">
        <v>0</v>
      </c>
      <c r="D39544">
        <v>0</v>
      </c>
    </row>
    <row r="39545" spans="1:4" x14ac:dyDescent="0.25">
      <c r="A39545" t="s">
        <v>56393</v>
      </c>
      <c r="B39545" t="s">
        <v>56394</v>
      </c>
      <c r="C39545">
        <v>1</v>
      </c>
      <c r="D39545">
        <v>0</v>
      </c>
    </row>
    <row r="39546" spans="1:4" x14ac:dyDescent="0.25">
      <c r="A39546" t="s">
        <v>56393</v>
      </c>
      <c r="B39546" t="s">
        <v>48455</v>
      </c>
      <c r="C39546">
        <v>1</v>
      </c>
      <c r="D39546">
        <v>0</v>
      </c>
    </row>
    <row r="39547" spans="1:4" x14ac:dyDescent="0.25">
      <c r="A39547" t="s">
        <v>56393</v>
      </c>
      <c r="B39547" t="s">
        <v>56395</v>
      </c>
      <c r="C39547">
        <v>1</v>
      </c>
      <c r="D39547">
        <v>0</v>
      </c>
    </row>
    <row r="39548" spans="1:4" x14ac:dyDescent="0.25">
      <c r="A39548" t="s">
        <v>56393</v>
      </c>
      <c r="B39548" t="s">
        <v>56396</v>
      </c>
      <c r="C39548">
        <v>1</v>
      </c>
      <c r="D39548">
        <v>0</v>
      </c>
    </row>
    <row r="39549" spans="1:4" x14ac:dyDescent="0.25">
      <c r="A39549" t="s">
        <v>56393</v>
      </c>
      <c r="B39549" t="s">
        <v>56397</v>
      </c>
      <c r="C39549">
        <v>1</v>
      </c>
      <c r="D39549">
        <v>0</v>
      </c>
    </row>
    <row r="39550" spans="1:4" x14ac:dyDescent="0.25">
      <c r="A39550" t="s">
        <v>56398</v>
      </c>
      <c r="B39550" t="s">
        <v>56399</v>
      </c>
      <c r="C39550">
        <v>1</v>
      </c>
      <c r="D39550">
        <v>0</v>
      </c>
    </row>
    <row r="39551" spans="1:4" x14ac:dyDescent="0.25">
      <c r="A39551" t="s">
        <v>56398</v>
      </c>
      <c r="B39551" t="s">
        <v>56400</v>
      </c>
      <c r="C39551">
        <v>1</v>
      </c>
      <c r="D39551">
        <v>0</v>
      </c>
    </row>
    <row r="39552" spans="1:4" x14ac:dyDescent="0.25">
      <c r="A39552" t="s">
        <v>56398</v>
      </c>
      <c r="B39552" t="s">
        <v>56401</v>
      </c>
      <c r="C39552">
        <v>1</v>
      </c>
      <c r="D39552">
        <v>0</v>
      </c>
    </row>
    <row r="39553" spans="1:4" x14ac:dyDescent="0.25">
      <c r="A39553" t="s">
        <v>56398</v>
      </c>
      <c r="B39553" t="s">
        <v>56402</v>
      </c>
      <c r="C39553">
        <v>1</v>
      </c>
      <c r="D39553">
        <v>0</v>
      </c>
    </row>
    <row r="39554" spans="1:4" x14ac:dyDescent="0.25">
      <c r="A39554" t="s">
        <v>56398</v>
      </c>
      <c r="B39554" t="s">
        <v>56403</v>
      </c>
      <c r="C39554">
        <v>0</v>
      </c>
      <c r="D39554">
        <v>0</v>
      </c>
    </row>
    <row r="39555" spans="1:4" x14ac:dyDescent="0.25">
      <c r="A39555" t="s">
        <v>56404</v>
      </c>
      <c r="B39555" t="s">
        <v>56405</v>
      </c>
      <c r="C39555">
        <v>1</v>
      </c>
      <c r="D39555">
        <v>0</v>
      </c>
    </row>
    <row r="39556" spans="1:4" x14ac:dyDescent="0.25">
      <c r="A39556" t="s">
        <v>56404</v>
      </c>
      <c r="B39556" t="s">
        <v>11948</v>
      </c>
      <c r="C39556">
        <v>1</v>
      </c>
      <c r="D39556">
        <v>0</v>
      </c>
    </row>
    <row r="39557" spans="1:4" x14ac:dyDescent="0.25">
      <c r="A39557" t="s">
        <v>56406</v>
      </c>
      <c r="B39557" t="s">
        <v>56407</v>
      </c>
      <c r="C39557">
        <v>0</v>
      </c>
      <c r="D39557">
        <v>0</v>
      </c>
    </row>
    <row r="39558" spans="1:4" x14ac:dyDescent="0.25">
      <c r="A39558" t="s">
        <v>56406</v>
      </c>
      <c r="B39558" t="s">
        <v>56408</v>
      </c>
      <c r="C39558">
        <v>1</v>
      </c>
      <c r="D39558">
        <v>0</v>
      </c>
    </row>
    <row r="39559" spans="1:4" x14ac:dyDescent="0.25">
      <c r="A39559" t="s">
        <v>56406</v>
      </c>
      <c r="B39559" t="s">
        <v>56409</v>
      </c>
      <c r="C39559">
        <v>1</v>
      </c>
      <c r="D39559">
        <v>0</v>
      </c>
    </row>
    <row r="39560" spans="1:4" x14ac:dyDescent="0.25">
      <c r="A39560" t="s">
        <v>56410</v>
      </c>
      <c r="B39560" t="s">
        <v>56411</v>
      </c>
      <c r="C39560">
        <v>0</v>
      </c>
      <c r="D39560">
        <v>0</v>
      </c>
    </row>
    <row r="39561" spans="1:4" x14ac:dyDescent="0.25">
      <c r="A39561" t="s">
        <v>56410</v>
      </c>
      <c r="B39561" t="s">
        <v>56412</v>
      </c>
      <c r="C39561">
        <v>0</v>
      </c>
      <c r="D39561">
        <v>0</v>
      </c>
    </row>
    <row r="39562" spans="1:4" x14ac:dyDescent="0.25">
      <c r="A39562" t="s">
        <v>56410</v>
      </c>
      <c r="B39562" t="s">
        <v>56413</v>
      </c>
      <c r="C39562">
        <v>1</v>
      </c>
      <c r="D39562">
        <v>0</v>
      </c>
    </row>
    <row r="39563" spans="1:4" x14ac:dyDescent="0.25">
      <c r="A39563" t="s">
        <v>56414</v>
      </c>
      <c r="B39563" t="s">
        <v>56415</v>
      </c>
      <c r="C39563">
        <v>2</v>
      </c>
      <c r="D39563">
        <v>0</v>
      </c>
    </row>
    <row r="39564" spans="1:4" x14ac:dyDescent="0.25">
      <c r="A39564" t="s">
        <v>56414</v>
      </c>
      <c r="B39564" t="s">
        <v>56416</v>
      </c>
      <c r="C39564">
        <v>2</v>
      </c>
      <c r="D39564">
        <v>0</v>
      </c>
    </row>
    <row r="39565" spans="1:4" x14ac:dyDescent="0.25">
      <c r="A39565" t="s">
        <v>56417</v>
      </c>
      <c r="B39565" t="s">
        <v>56418</v>
      </c>
      <c r="C39565">
        <v>1</v>
      </c>
      <c r="D39565">
        <v>0</v>
      </c>
    </row>
    <row r="39566" spans="1:4" x14ac:dyDescent="0.25">
      <c r="A39566" t="s">
        <v>56417</v>
      </c>
      <c r="B39566" t="s">
        <v>56419</v>
      </c>
      <c r="C39566">
        <v>1</v>
      </c>
      <c r="D39566">
        <v>0</v>
      </c>
    </row>
    <row r="39567" spans="1:4" x14ac:dyDescent="0.25">
      <c r="A39567" t="s">
        <v>56420</v>
      </c>
      <c r="B39567" t="s">
        <v>56421</v>
      </c>
      <c r="C39567">
        <v>2</v>
      </c>
      <c r="D39567">
        <v>0</v>
      </c>
    </row>
    <row r="39568" spans="1:4" x14ac:dyDescent="0.25">
      <c r="A39568" t="s">
        <v>56420</v>
      </c>
      <c r="B39568" t="s">
        <v>56422</v>
      </c>
      <c r="C39568">
        <v>2</v>
      </c>
      <c r="D39568">
        <v>0</v>
      </c>
    </row>
    <row r="39569" spans="1:4" x14ac:dyDescent="0.25">
      <c r="A39569" t="s">
        <v>56420</v>
      </c>
      <c r="B39569" t="s">
        <v>56423</v>
      </c>
      <c r="C39569">
        <v>1</v>
      </c>
      <c r="D39569">
        <v>0</v>
      </c>
    </row>
    <row r="39570" spans="1:4" x14ac:dyDescent="0.25">
      <c r="A39570" t="s">
        <v>56420</v>
      </c>
      <c r="B39570" t="s">
        <v>56424</v>
      </c>
      <c r="C39570">
        <v>2</v>
      </c>
      <c r="D39570">
        <v>0</v>
      </c>
    </row>
    <row r="39571" spans="1:4" x14ac:dyDescent="0.25">
      <c r="A39571" t="s">
        <v>56420</v>
      </c>
      <c r="B39571" t="s">
        <v>56425</v>
      </c>
      <c r="C39571">
        <v>1</v>
      </c>
      <c r="D39571">
        <v>0</v>
      </c>
    </row>
    <row r="39572" spans="1:4" x14ac:dyDescent="0.25">
      <c r="A39572" t="s">
        <v>56420</v>
      </c>
      <c r="B39572" t="s">
        <v>56426</v>
      </c>
      <c r="C39572">
        <v>2</v>
      </c>
      <c r="D39572">
        <v>0</v>
      </c>
    </row>
    <row r="39573" spans="1:4" x14ac:dyDescent="0.25">
      <c r="A39573" t="s">
        <v>56427</v>
      </c>
      <c r="B39573" t="s">
        <v>56428</v>
      </c>
      <c r="C39573">
        <v>0</v>
      </c>
      <c r="D39573">
        <v>0</v>
      </c>
    </row>
    <row r="39574" spans="1:4" x14ac:dyDescent="0.25">
      <c r="A39574" t="s">
        <v>56427</v>
      </c>
      <c r="B39574" t="s">
        <v>56429</v>
      </c>
      <c r="C39574">
        <v>0</v>
      </c>
      <c r="D39574">
        <v>0</v>
      </c>
    </row>
    <row r="39575" spans="1:4" x14ac:dyDescent="0.25">
      <c r="A39575" t="s">
        <v>56427</v>
      </c>
      <c r="B39575" t="s">
        <v>56430</v>
      </c>
      <c r="C39575">
        <v>0</v>
      </c>
      <c r="D39575">
        <v>0</v>
      </c>
    </row>
    <row r="39576" spans="1:4" x14ac:dyDescent="0.25">
      <c r="A39576" t="s">
        <v>56427</v>
      </c>
      <c r="B39576" t="s">
        <v>56431</v>
      </c>
      <c r="C39576">
        <v>0</v>
      </c>
      <c r="D39576">
        <v>0</v>
      </c>
    </row>
    <row r="39577" spans="1:4" x14ac:dyDescent="0.25">
      <c r="A39577" t="s">
        <v>56427</v>
      </c>
      <c r="B39577" t="s">
        <v>56432</v>
      </c>
      <c r="C39577">
        <v>0</v>
      </c>
      <c r="D39577">
        <v>0</v>
      </c>
    </row>
    <row r="39578" spans="1:4" x14ac:dyDescent="0.25">
      <c r="A39578" t="s">
        <v>56433</v>
      </c>
      <c r="B39578" t="s">
        <v>56434</v>
      </c>
      <c r="C39578">
        <v>1</v>
      </c>
      <c r="D39578">
        <v>0</v>
      </c>
    </row>
    <row r="39579" spans="1:4" x14ac:dyDescent="0.25">
      <c r="A39579" t="s">
        <v>56433</v>
      </c>
      <c r="B39579" t="s">
        <v>56435</v>
      </c>
      <c r="C39579">
        <v>1</v>
      </c>
      <c r="D39579">
        <v>0</v>
      </c>
    </row>
    <row r="39580" spans="1:4" x14ac:dyDescent="0.25">
      <c r="A39580" t="s">
        <v>56433</v>
      </c>
      <c r="B39580" t="s">
        <v>56436</v>
      </c>
      <c r="C39580">
        <v>1</v>
      </c>
      <c r="D39580">
        <v>0</v>
      </c>
    </row>
    <row r="39581" spans="1:4" x14ac:dyDescent="0.25">
      <c r="A39581" t="s">
        <v>56433</v>
      </c>
      <c r="B39581" t="s">
        <v>56437</v>
      </c>
      <c r="C39581">
        <v>2</v>
      </c>
      <c r="D39581">
        <v>0</v>
      </c>
    </row>
    <row r="39582" spans="1:4" x14ac:dyDescent="0.25">
      <c r="A39582" t="s">
        <v>56433</v>
      </c>
      <c r="B39582" t="s">
        <v>56438</v>
      </c>
      <c r="C39582">
        <v>1</v>
      </c>
      <c r="D39582">
        <v>0</v>
      </c>
    </row>
    <row r="39583" spans="1:4" x14ac:dyDescent="0.25">
      <c r="A39583" t="s">
        <v>56439</v>
      </c>
      <c r="B39583" t="s">
        <v>6262</v>
      </c>
      <c r="C39583">
        <v>0</v>
      </c>
      <c r="D39583">
        <v>0</v>
      </c>
    </row>
    <row r="39584" spans="1:4" x14ac:dyDescent="0.25">
      <c r="A39584" t="s">
        <v>56440</v>
      </c>
      <c r="B39584" t="s">
        <v>56441</v>
      </c>
      <c r="C39584">
        <v>1</v>
      </c>
      <c r="D39584">
        <v>0</v>
      </c>
    </row>
    <row r="39585" spans="1:4" x14ac:dyDescent="0.25">
      <c r="A39585" t="s">
        <v>56442</v>
      </c>
      <c r="B39585" t="s">
        <v>56443</v>
      </c>
      <c r="C39585">
        <v>1</v>
      </c>
      <c r="D39585">
        <v>0</v>
      </c>
    </row>
    <row r="39586" spans="1:4" x14ac:dyDescent="0.25">
      <c r="A39586" t="s">
        <v>56442</v>
      </c>
      <c r="B39586" t="s">
        <v>56444</v>
      </c>
      <c r="C39586">
        <v>1</v>
      </c>
      <c r="D39586">
        <v>0</v>
      </c>
    </row>
    <row r="39587" spans="1:4" x14ac:dyDescent="0.25">
      <c r="A39587" t="s">
        <v>56442</v>
      </c>
      <c r="B39587" t="s">
        <v>56445</v>
      </c>
      <c r="C39587">
        <v>2</v>
      </c>
      <c r="D39587">
        <v>0</v>
      </c>
    </row>
    <row r="39588" spans="1:4" x14ac:dyDescent="0.25">
      <c r="A39588" t="s">
        <v>56442</v>
      </c>
      <c r="B39588" t="s">
        <v>45959</v>
      </c>
      <c r="C39588">
        <v>1</v>
      </c>
      <c r="D39588">
        <v>0</v>
      </c>
    </row>
    <row r="39589" spans="1:4" x14ac:dyDescent="0.25">
      <c r="A39589" t="s">
        <v>56442</v>
      </c>
      <c r="B39589" t="s">
        <v>56446</v>
      </c>
      <c r="C39589">
        <v>0</v>
      </c>
      <c r="D39589">
        <v>0</v>
      </c>
    </row>
    <row r="39590" spans="1:4" x14ac:dyDescent="0.25">
      <c r="A39590" t="s">
        <v>56442</v>
      </c>
      <c r="B39590" t="s">
        <v>56447</v>
      </c>
      <c r="C39590">
        <v>2</v>
      </c>
      <c r="D39590">
        <v>0</v>
      </c>
    </row>
    <row r="39591" spans="1:4" x14ac:dyDescent="0.25">
      <c r="A39591" t="s">
        <v>56442</v>
      </c>
      <c r="B39591" t="s">
        <v>56448</v>
      </c>
      <c r="C39591">
        <v>0</v>
      </c>
      <c r="D39591">
        <v>0</v>
      </c>
    </row>
    <row r="39592" spans="1:4" x14ac:dyDescent="0.25">
      <c r="A39592" t="s">
        <v>56449</v>
      </c>
      <c r="B39592" t="s">
        <v>56450</v>
      </c>
      <c r="C39592">
        <v>0</v>
      </c>
      <c r="D39592">
        <v>0</v>
      </c>
    </row>
    <row r="39593" spans="1:4" x14ac:dyDescent="0.25">
      <c r="A39593" t="s">
        <v>56449</v>
      </c>
      <c r="B39593" t="s">
        <v>56451</v>
      </c>
      <c r="C39593">
        <v>0</v>
      </c>
      <c r="D39593">
        <v>0</v>
      </c>
    </row>
    <row r="39594" spans="1:4" x14ac:dyDescent="0.25">
      <c r="A39594" t="s">
        <v>56452</v>
      </c>
      <c r="B39594" t="s">
        <v>56453</v>
      </c>
      <c r="C39594">
        <v>2</v>
      </c>
      <c r="D39594">
        <v>0</v>
      </c>
    </row>
    <row r="39595" spans="1:4" x14ac:dyDescent="0.25">
      <c r="A39595" t="s">
        <v>56452</v>
      </c>
      <c r="B39595" t="s">
        <v>56454</v>
      </c>
      <c r="C39595">
        <v>2</v>
      </c>
      <c r="D39595">
        <v>0</v>
      </c>
    </row>
    <row r="39596" spans="1:4" x14ac:dyDescent="0.25">
      <c r="A39596" t="s">
        <v>56452</v>
      </c>
      <c r="B39596" t="s">
        <v>56455</v>
      </c>
      <c r="C39596">
        <v>2</v>
      </c>
      <c r="D39596">
        <v>0</v>
      </c>
    </row>
    <row r="39597" spans="1:4" x14ac:dyDescent="0.25">
      <c r="A39597" t="s">
        <v>56456</v>
      </c>
      <c r="B39597" t="s">
        <v>56457</v>
      </c>
      <c r="C39597">
        <v>1</v>
      </c>
      <c r="D39597">
        <v>0</v>
      </c>
    </row>
    <row r="39598" spans="1:4" x14ac:dyDescent="0.25">
      <c r="A39598" t="s">
        <v>56458</v>
      </c>
      <c r="B39598" t="s">
        <v>56459</v>
      </c>
      <c r="C39598">
        <v>0</v>
      </c>
      <c r="D39598">
        <v>0</v>
      </c>
    </row>
    <row r="39599" spans="1:4" x14ac:dyDescent="0.25">
      <c r="A39599" t="s">
        <v>56458</v>
      </c>
      <c r="B39599" t="s">
        <v>56460</v>
      </c>
      <c r="C39599">
        <v>1</v>
      </c>
      <c r="D39599">
        <v>0</v>
      </c>
    </row>
    <row r="39600" spans="1:4" x14ac:dyDescent="0.25">
      <c r="A39600" t="s">
        <v>56458</v>
      </c>
      <c r="B39600" t="s">
        <v>56461</v>
      </c>
      <c r="C39600">
        <v>0</v>
      </c>
      <c r="D39600">
        <v>0</v>
      </c>
    </row>
    <row r="39601" spans="1:4" x14ac:dyDescent="0.25">
      <c r="A39601" t="s">
        <v>56462</v>
      </c>
      <c r="B39601" t="s">
        <v>56463</v>
      </c>
      <c r="C39601">
        <v>1</v>
      </c>
      <c r="D39601">
        <v>0</v>
      </c>
    </row>
    <row r="39602" spans="1:4" x14ac:dyDescent="0.25">
      <c r="A39602" t="s">
        <v>56464</v>
      </c>
      <c r="B39602" t="s">
        <v>56465</v>
      </c>
      <c r="C39602">
        <v>1</v>
      </c>
      <c r="D39602">
        <v>0</v>
      </c>
    </row>
    <row r="39603" spans="1:4" x14ac:dyDescent="0.25">
      <c r="A39603" t="s">
        <v>56464</v>
      </c>
      <c r="B39603" t="s">
        <v>56466</v>
      </c>
      <c r="C39603">
        <v>1</v>
      </c>
      <c r="D39603">
        <v>0</v>
      </c>
    </row>
    <row r="39604" spans="1:4" x14ac:dyDescent="0.25">
      <c r="A39604" t="s">
        <v>56464</v>
      </c>
      <c r="B39604" t="s">
        <v>56467</v>
      </c>
      <c r="C39604">
        <v>2</v>
      </c>
      <c r="D39604">
        <v>0</v>
      </c>
    </row>
    <row r="39605" spans="1:4" x14ac:dyDescent="0.25">
      <c r="A39605" t="s">
        <v>56464</v>
      </c>
      <c r="B39605" t="s">
        <v>56468</v>
      </c>
      <c r="C39605">
        <v>1</v>
      </c>
      <c r="D39605">
        <v>0</v>
      </c>
    </row>
    <row r="39606" spans="1:4" x14ac:dyDescent="0.25">
      <c r="A39606" t="s">
        <v>56469</v>
      </c>
      <c r="B39606" t="s">
        <v>56470</v>
      </c>
      <c r="C39606">
        <v>0</v>
      </c>
      <c r="D39606">
        <v>0</v>
      </c>
    </row>
    <row r="39607" spans="1:4" x14ac:dyDescent="0.25">
      <c r="A39607" t="s">
        <v>56469</v>
      </c>
      <c r="B39607" t="s">
        <v>56471</v>
      </c>
      <c r="C39607">
        <v>2</v>
      </c>
      <c r="D39607">
        <v>0</v>
      </c>
    </row>
    <row r="39608" spans="1:4" x14ac:dyDescent="0.25">
      <c r="A39608" t="s">
        <v>56469</v>
      </c>
      <c r="B39608" t="s">
        <v>56472</v>
      </c>
      <c r="C39608">
        <v>2</v>
      </c>
      <c r="D39608">
        <v>0</v>
      </c>
    </row>
    <row r="39609" spans="1:4" x14ac:dyDescent="0.25">
      <c r="A39609" t="s">
        <v>56469</v>
      </c>
      <c r="B39609" t="s">
        <v>56473</v>
      </c>
      <c r="C39609">
        <v>2</v>
      </c>
      <c r="D39609">
        <v>0</v>
      </c>
    </row>
    <row r="39610" spans="1:4" x14ac:dyDescent="0.25">
      <c r="A39610" t="s">
        <v>56469</v>
      </c>
      <c r="B39610" t="s">
        <v>56474</v>
      </c>
      <c r="C39610">
        <v>2</v>
      </c>
      <c r="D39610">
        <v>0</v>
      </c>
    </row>
    <row r="39611" spans="1:4" x14ac:dyDescent="0.25">
      <c r="A39611" t="s">
        <v>56469</v>
      </c>
      <c r="B39611" t="s">
        <v>20389</v>
      </c>
      <c r="C39611">
        <v>0</v>
      </c>
      <c r="D39611">
        <v>0</v>
      </c>
    </row>
    <row r="39612" spans="1:4" x14ac:dyDescent="0.25">
      <c r="A39612" t="s">
        <v>56475</v>
      </c>
      <c r="B39612" t="s">
        <v>22326</v>
      </c>
      <c r="C39612">
        <v>1</v>
      </c>
      <c r="D39612">
        <v>0</v>
      </c>
    </row>
    <row r="39613" spans="1:4" x14ac:dyDescent="0.25">
      <c r="A39613" t="s">
        <v>56475</v>
      </c>
      <c r="B39613" t="s">
        <v>56476</v>
      </c>
      <c r="C39613">
        <v>2</v>
      </c>
      <c r="D39613">
        <v>0</v>
      </c>
    </row>
    <row r="39614" spans="1:4" x14ac:dyDescent="0.25">
      <c r="A39614" t="s">
        <v>56475</v>
      </c>
      <c r="B39614" t="s">
        <v>56477</v>
      </c>
      <c r="C39614">
        <v>0</v>
      </c>
      <c r="D39614">
        <v>0</v>
      </c>
    </row>
    <row r="39615" spans="1:4" x14ac:dyDescent="0.25">
      <c r="A39615" t="s">
        <v>56475</v>
      </c>
      <c r="B39615" t="s">
        <v>11948</v>
      </c>
      <c r="C39615">
        <v>0</v>
      </c>
      <c r="D39615">
        <v>0</v>
      </c>
    </row>
    <row r="39616" spans="1:4" x14ac:dyDescent="0.25">
      <c r="A39616" t="s">
        <v>56478</v>
      </c>
      <c r="B39616" t="s">
        <v>56479</v>
      </c>
      <c r="C39616">
        <v>2</v>
      </c>
      <c r="D39616">
        <v>0</v>
      </c>
    </row>
    <row r="39617" spans="1:4" x14ac:dyDescent="0.25">
      <c r="A39617" t="s">
        <v>56480</v>
      </c>
      <c r="B39617" t="s">
        <v>56481</v>
      </c>
      <c r="C39617">
        <v>1</v>
      </c>
      <c r="D39617">
        <v>0</v>
      </c>
    </row>
    <row r="39618" spans="1:4" x14ac:dyDescent="0.25">
      <c r="A39618" t="s">
        <v>56480</v>
      </c>
      <c r="B39618" t="s">
        <v>56482</v>
      </c>
      <c r="C39618">
        <v>1</v>
      </c>
      <c r="D39618">
        <v>0</v>
      </c>
    </row>
    <row r="39619" spans="1:4" x14ac:dyDescent="0.25">
      <c r="A39619" t="s">
        <v>56480</v>
      </c>
      <c r="B39619" t="s">
        <v>56483</v>
      </c>
      <c r="C39619">
        <v>0</v>
      </c>
      <c r="D39619">
        <v>0</v>
      </c>
    </row>
    <row r="39620" spans="1:4" x14ac:dyDescent="0.25">
      <c r="A39620" t="s">
        <v>56480</v>
      </c>
      <c r="B39620" t="s">
        <v>56484</v>
      </c>
      <c r="C39620">
        <v>1</v>
      </c>
      <c r="D39620">
        <v>0</v>
      </c>
    </row>
    <row r="39621" spans="1:4" x14ac:dyDescent="0.25">
      <c r="A39621" t="s">
        <v>56485</v>
      </c>
      <c r="B39621" t="s">
        <v>56486</v>
      </c>
      <c r="C39621">
        <v>0</v>
      </c>
      <c r="D39621">
        <v>0</v>
      </c>
    </row>
    <row r="39622" spans="1:4" x14ac:dyDescent="0.25">
      <c r="A39622" t="s">
        <v>56485</v>
      </c>
      <c r="B39622" t="s">
        <v>56487</v>
      </c>
      <c r="C39622">
        <v>1</v>
      </c>
      <c r="D39622">
        <v>0</v>
      </c>
    </row>
    <row r="39623" spans="1:4" x14ac:dyDescent="0.25">
      <c r="A39623" t="s">
        <v>56485</v>
      </c>
      <c r="B39623" t="s">
        <v>5713</v>
      </c>
      <c r="C39623">
        <v>1</v>
      </c>
      <c r="D39623">
        <v>0</v>
      </c>
    </row>
    <row r="39624" spans="1:4" x14ac:dyDescent="0.25">
      <c r="A39624" t="s">
        <v>56485</v>
      </c>
      <c r="B39624" t="s">
        <v>56488</v>
      </c>
      <c r="C39624">
        <v>2</v>
      </c>
      <c r="D39624">
        <v>0</v>
      </c>
    </row>
    <row r="39625" spans="1:4" x14ac:dyDescent="0.25">
      <c r="A39625" t="s">
        <v>56485</v>
      </c>
      <c r="B39625" t="s">
        <v>56489</v>
      </c>
      <c r="C39625">
        <v>1</v>
      </c>
      <c r="D39625">
        <v>0</v>
      </c>
    </row>
    <row r="39626" spans="1:4" x14ac:dyDescent="0.25">
      <c r="A39626" t="s">
        <v>56490</v>
      </c>
      <c r="B39626" t="s">
        <v>56491</v>
      </c>
      <c r="C39626">
        <v>0</v>
      </c>
      <c r="D39626">
        <v>0</v>
      </c>
    </row>
    <row r="39627" spans="1:4" x14ac:dyDescent="0.25">
      <c r="A39627" t="s">
        <v>56492</v>
      </c>
      <c r="B39627" t="s">
        <v>56493</v>
      </c>
      <c r="C39627">
        <v>1</v>
      </c>
      <c r="D39627">
        <v>0</v>
      </c>
    </row>
    <row r="39628" spans="1:4" x14ac:dyDescent="0.25">
      <c r="A39628" t="s">
        <v>56492</v>
      </c>
      <c r="B39628" t="s">
        <v>56494</v>
      </c>
      <c r="C39628">
        <v>1</v>
      </c>
      <c r="D39628">
        <v>0</v>
      </c>
    </row>
    <row r="39629" spans="1:4" x14ac:dyDescent="0.25">
      <c r="A39629" t="s">
        <v>56495</v>
      </c>
      <c r="B39629" t="s">
        <v>56496</v>
      </c>
      <c r="C39629">
        <v>0</v>
      </c>
      <c r="D39629">
        <v>0</v>
      </c>
    </row>
    <row r="39630" spans="1:4" x14ac:dyDescent="0.25">
      <c r="A39630" t="s">
        <v>56495</v>
      </c>
      <c r="B39630" t="s">
        <v>56497</v>
      </c>
      <c r="C39630">
        <v>1</v>
      </c>
      <c r="D39630">
        <v>0</v>
      </c>
    </row>
    <row r="39631" spans="1:4" x14ac:dyDescent="0.25">
      <c r="A39631" t="s">
        <v>56498</v>
      </c>
      <c r="B39631" t="s">
        <v>56499</v>
      </c>
      <c r="C39631">
        <v>1</v>
      </c>
      <c r="D39631">
        <v>0</v>
      </c>
    </row>
    <row r="39632" spans="1:4" x14ac:dyDescent="0.25">
      <c r="A39632" t="s">
        <v>56498</v>
      </c>
      <c r="B39632" t="s">
        <v>56500</v>
      </c>
      <c r="C39632">
        <v>2</v>
      </c>
      <c r="D39632">
        <v>0</v>
      </c>
    </row>
    <row r="39633" spans="1:4" x14ac:dyDescent="0.25">
      <c r="A39633" t="s">
        <v>56498</v>
      </c>
      <c r="B39633" t="s">
        <v>56501</v>
      </c>
      <c r="C39633">
        <v>2</v>
      </c>
      <c r="D39633">
        <v>0</v>
      </c>
    </row>
    <row r="39634" spans="1:4" x14ac:dyDescent="0.25">
      <c r="A39634" t="s">
        <v>56498</v>
      </c>
      <c r="B39634" t="s">
        <v>56502</v>
      </c>
      <c r="C39634">
        <v>0</v>
      </c>
      <c r="D39634">
        <v>0</v>
      </c>
    </row>
    <row r="39635" spans="1:4" x14ac:dyDescent="0.25">
      <c r="A39635" t="s">
        <v>56503</v>
      </c>
      <c r="B39635" t="s">
        <v>56504</v>
      </c>
      <c r="C39635">
        <v>1</v>
      </c>
      <c r="D39635">
        <v>0</v>
      </c>
    </row>
    <row r="39636" spans="1:4" x14ac:dyDescent="0.25">
      <c r="A39636" t="s">
        <v>56503</v>
      </c>
      <c r="B39636" t="s">
        <v>56505</v>
      </c>
      <c r="C39636">
        <v>1</v>
      </c>
      <c r="D39636">
        <v>0</v>
      </c>
    </row>
    <row r="39637" spans="1:4" x14ac:dyDescent="0.25">
      <c r="A39637" t="s">
        <v>56503</v>
      </c>
      <c r="B39637" t="s">
        <v>56506</v>
      </c>
      <c r="C39637">
        <v>1</v>
      </c>
      <c r="D39637">
        <v>0</v>
      </c>
    </row>
    <row r="39638" spans="1:4" x14ac:dyDescent="0.25">
      <c r="A39638" t="s">
        <v>56503</v>
      </c>
      <c r="B39638" t="s">
        <v>49794</v>
      </c>
      <c r="C39638">
        <v>1</v>
      </c>
      <c r="D39638">
        <v>0</v>
      </c>
    </row>
    <row r="39639" spans="1:4" x14ac:dyDescent="0.25">
      <c r="A39639" t="s">
        <v>56507</v>
      </c>
      <c r="B39639" t="s">
        <v>56508</v>
      </c>
      <c r="C39639">
        <v>1</v>
      </c>
      <c r="D39639">
        <v>0</v>
      </c>
    </row>
    <row r="39640" spans="1:4" x14ac:dyDescent="0.25">
      <c r="A39640" t="s">
        <v>56507</v>
      </c>
      <c r="B39640" t="s">
        <v>56509</v>
      </c>
      <c r="C39640">
        <v>1</v>
      </c>
      <c r="D39640">
        <v>0</v>
      </c>
    </row>
    <row r="39641" spans="1:4" x14ac:dyDescent="0.25">
      <c r="A39641" t="s">
        <v>56507</v>
      </c>
      <c r="B39641" t="s">
        <v>17479</v>
      </c>
      <c r="C39641">
        <v>1</v>
      </c>
      <c r="D39641">
        <v>0</v>
      </c>
    </row>
    <row r="39642" spans="1:4" x14ac:dyDescent="0.25">
      <c r="A39642" t="s">
        <v>56507</v>
      </c>
      <c r="B39642" t="s">
        <v>56510</v>
      </c>
      <c r="C39642">
        <v>2</v>
      </c>
      <c r="D39642">
        <v>0</v>
      </c>
    </row>
    <row r="39643" spans="1:4" x14ac:dyDescent="0.25">
      <c r="A39643" t="s">
        <v>56507</v>
      </c>
      <c r="B39643" t="s">
        <v>56511</v>
      </c>
      <c r="C39643">
        <v>2</v>
      </c>
      <c r="D39643">
        <v>0</v>
      </c>
    </row>
    <row r="39644" spans="1:4" x14ac:dyDescent="0.25">
      <c r="A39644" t="s">
        <v>56512</v>
      </c>
      <c r="B39644" t="s">
        <v>46022</v>
      </c>
      <c r="C39644">
        <v>0</v>
      </c>
      <c r="D39644">
        <v>0</v>
      </c>
    </row>
    <row r="39645" spans="1:4" x14ac:dyDescent="0.25">
      <c r="A39645" t="s">
        <v>56512</v>
      </c>
      <c r="B39645" t="s">
        <v>56513</v>
      </c>
      <c r="C39645">
        <v>0</v>
      </c>
      <c r="D39645">
        <v>0</v>
      </c>
    </row>
    <row r="39646" spans="1:4" x14ac:dyDescent="0.25">
      <c r="A39646" t="s">
        <v>56512</v>
      </c>
      <c r="B39646" t="s">
        <v>56514</v>
      </c>
      <c r="C39646">
        <v>1</v>
      </c>
      <c r="D39646">
        <v>0</v>
      </c>
    </row>
    <row r="39647" spans="1:4" x14ac:dyDescent="0.25">
      <c r="A39647" t="s">
        <v>56512</v>
      </c>
      <c r="B39647" t="s">
        <v>51939</v>
      </c>
      <c r="C39647">
        <v>0</v>
      </c>
      <c r="D39647">
        <v>0</v>
      </c>
    </row>
    <row r="39648" spans="1:4" x14ac:dyDescent="0.25">
      <c r="A39648" t="s">
        <v>56515</v>
      </c>
      <c r="B39648" t="s">
        <v>56516</v>
      </c>
      <c r="C39648">
        <v>1</v>
      </c>
      <c r="D39648">
        <v>0</v>
      </c>
    </row>
    <row r="39649" spans="1:4" x14ac:dyDescent="0.25">
      <c r="A39649" t="s">
        <v>56515</v>
      </c>
      <c r="B39649" t="s">
        <v>56517</v>
      </c>
      <c r="C39649">
        <v>0</v>
      </c>
      <c r="D39649">
        <v>0</v>
      </c>
    </row>
    <row r="39650" spans="1:4" x14ac:dyDescent="0.25">
      <c r="A39650" t="s">
        <v>56515</v>
      </c>
      <c r="B39650" t="s">
        <v>56518</v>
      </c>
      <c r="C39650">
        <v>0</v>
      </c>
      <c r="D39650">
        <v>0</v>
      </c>
    </row>
    <row r="39651" spans="1:4" x14ac:dyDescent="0.25">
      <c r="A39651" t="s">
        <v>56515</v>
      </c>
      <c r="B39651" t="s">
        <v>56519</v>
      </c>
      <c r="C39651">
        <v>1</v>
      </c>
      <c r="D39651">
        <v>0</v>
      </c>
    </row>
    <row r="39652" spans="1:4" x14ac:dyDescent="0.25">
      <c r="A39652" t="s">
        <v>56515</v>
      </c>
      <c r="B39652" t="s">
        <v>56520</v>
      </c>
      <c r="C39652">
        <v>1</v>
      </c>
      <c r="D39652">
        <v>0</v>
      </c>
    </row>
    <row r="39653" spans="1:4" x14ac:dyDescent="0.25">
      <c r="A39653" t="s">
        <v>56515</v>
      </c>
      <c r="B39653" t="s">
        <v>56521</v>
      </c>
      <c r="C39653">
        <v>2</v>
      </c>
      <c r="D39653">
        <v>0</v>
      </c>
    </row>
    <row r="39654" spans="1:4" x14ac:dyDescent="0.25">
      <c r="A39654" t="s">
        <v>56515</v>
      </c>
      <c r="B39654" t="s">
        <v>56522</v>
      </c>
      <c r="C39654">
        <v>0</v>
      </c>
      <c r="D39654">
        <v>0</v>
      </c>
    </row>
    <row r="39655" spans="1:4" x14ac:dyDescent="0.25">
      <c r="A39655" t="s">
        <v>56515</v>
      </c>
      <c r="B39655" t="s">
        <v>56523</v>
      </c>
      <c r="C39655">
        <v>1</v>
      </c>
      <c r="D39655">
        <v>0</v>
      </c>
    </row>
    <row r="39656" spans="1:4" x14ac:dyDescent="0.25">
      <c r="A39656" t="s">
        <v>56515</v>
      </c>
      <c r="B39656" t="s">
        <v>56524</v>
      </c>
      <c r="C39656">
        <v>0</v>
      </c>
      <c r="D39656">
        <v>0</v>
      </c>
    </row>
    <row r="39657" spans="1:4" x14ac:dyDescent="0.25">
      <c r="A39657" t="s">
        <v>56515</v>
      </c>
      <c r="B39657" t="s">
        <v>56525</v>
      </c>
      <c r="C39657">
        <v>0</v>
      </c>
      <c r="D39657">
        <v>0</v>
      </c>
    </row>
    <row r="39658" spans="1:4" x14ac:dyDescent="0.25">
      <c r="A39658" t="s">
        <v>56526</v>
      </c>
      <c r="B39658" t="s">
        <v>56527</v>
      </c>
      <c r="C39658">
        <v>1</v>
      </c>
      <c r="D39658">
        <v>0</v>
      </c>
    </row>
    <row r="39659" spans="1:4" x14ac:dyDescent="0.25">
      <c r="A39659" t="s">
        <v>56526</v>
      </c>
      <c r="B39659" t="s">
        <v>56528</v>
      </c>
      <c r="C39659">
        <v>0</v>
      </c>
      <c r="D39659">
        <v>0</v>
      </c>
    </row>
    <row r="39660" spans="1:4" x14ac:dyDescent="0.25">
      <c r="A39660" t="s">
        <v>56526</v>
      </c>
      <c r="B39660" t="s">
        <v>56529</v>
      </c>
      <c r="C39660">
        <v>1</v>
      </c>
      <c r="D39660">
        <v>0</v>
      </c>
    </row>
    <row r="39661" spans="1:4" x14ac:dyDescent="0.25">
      <c r="A39661" t="s">
        <v>56530</v>
      </c>
      <c r="B39661" t="s">
        <v>56531</v>
      </c>
      <c r="C39661">
        <v>1</v>
      </c>
      <c r="D39661">
        <v>0</v>
      </c>
    </row>
    <row r="39662" spans="1:4" x14ac:dyDescent="0.25">
      <c r="A39662" t="s">
        <v>56530</v>
      </c>
      <c r="B39662" t="s">
        <v>56532</v>
      </c>
      <c r="C39662">
        <v>1</v>
      </c>
      <c r="D39662">
        <v>0</v>
      </c>
    </row>
    <row r="39663" spans="1:4" x14ac:dyDescent="0.25">
      <c r="A39663" t="s">
        <v>56530</v>
      </c>
      <c r="B39663" t="s">
        <v>56533</v>
      </c>
      <c r="C39663">
        <v>0</v>
      </c>
      <c r="D39663">
        <v>0</v>
      </c>
    </row>
    <row r="39664" spans="1:4" x14ac:dyDescent="0.25">
      <c r="A39664" t="s">
        <v>56534</v>
      </c>
      <c r="B39664" t="s">
        <v>56535</v>
      </c>
      <c r="C39664">
        <v>1</v>
      </c>
      <c r="D39664">
        <v>0</v>
      </c>
    </row>
    <row r="39665" spans="1:4" x14ac:dyDescent="0.25">
      <c r="A39665" t="s">
        <v>56534</v>
      </c>
      <c r="B39665" t="s">
        <v>56536</v>
      </c>
      <c r="C39665">
        <v>1</v>
      </c>
      <c r="D39665">
        <v>0</v>
      </c>
    </row>
    <row r="39666" spans="1:4" x14ac:dyDescent="0.25">
      <c r="A39666" t="s">
        <v>56534</v>
      </c>
      <c r="B39666" t="s">
        <v>12472</v>
      </c>
      <c r="C39666">
        <v>1</v>
      </c>
      <c r="D39666">
        <v>0</v>
      </c>
    </row>
    <row r="39667" spans="1:4" x14ac:dyDescent="0.25">
      <c r="A39667" t="s">
        <v>56537</v>
      </c>
      <c r="B39667" t="s">
        <v>56538</v>
      </c>
      <c r="C39667">
        <v>0</v>
      </c>
      <c r="D39667">
        <v>0</v>
      </c>
    </row>
    <row r="39668" spans="1:4" x14ac:dyDescent="0.25">
      <c r="A39668" t="s">
        <v>56537</v>
      </c>
      <c r="B39668" t="s">
        <v>56539</v>
      </c>
      <c r="C39668">
        <v>0</v>
      </c>
      <c r="D39668">
        <v>0</v>
      </c>
    </row>
    <row r="39669" spans="1:4" x14ac:dyDescent="0.25">
      <c r="A39669" t="s">
        <v>56537</v>
      </c>
      <c r="B39669" t="s">
        <v>56540</v>
      </c>
      <c r="C39669">
        <v>2</v>
      </c>
      <c r="D39669">
        <v>0</v>
      </c>
    </row>
    <row r="39670" spans="1:4" x14ac:dyDescent="0.25">
      <c r="A39670" t="s">
        <v>56537</v>
      </c>
      <c r="B39670" t="s">
        <v>56541</v>
      </c>
      <c r="C39670">
        <v>0</v>
      </c>
      <c r="D39670">
        <v>0</v>
      </c>
    </row>
    <row r="39671" spans="1:4" x14ac:dyDescent="0.25">
      <c r="A39671" t="s">
        <v>56537</v>
      </c>
      <c r="B39671" t="s">
        <v>56542</v>
      </c>
      <c r="C39671">
        <v>0</v>
      </c>
      <c r="D39671">
        <v>0</v>
      </c>
    </row>
    <row r="39672" spans="1:4" x14ac:dyDescent="0.25">
      <c r="A39672" t="s">
        <v>56537</v>
      </c>
      <c r="B39672" t="s">
        <v>56543</v>
      </c>
      <c r="C39672">
        <v>2</v>
      </c>
      <c r="D39672">
        <v>0</v>
      </c>
    </row>
    <row r="39673" spans="1:4" x14ac:dyDescent="0.25">
      <c r="A39673" t="s">
        <v>56537</v>
      </c>
      <c r="B39673" t="s">
        <v>56544</v>
      </c>
      <c r="C39673">
        <v>0</v>
      </c>
      <c r="D39673">
        <v>0</v>
      </c>
    </row>
    <row r="39674" spans="1:4" x14ac:dyDescent="0.25">
      <c r="A39674" t="s">
        <v>56537</v>
      </c>
      <c r="B39674" t="s">
        <v>56545</v>
      </c>
      <c r="C39674">
        <v>0</v>
      </c>
      <c r="D39674">
        <v>0</v>
      </c>
    </row>
    <row r="39675" spans="1:4" x14ac:dyDescent="0.25">
      <c r="A39675" t="s">
        <v>56546</v>
      </c>
      <c r="B39675" t="s">
        <v>56547</v>
      </c>
      <c r="C39675">
        <v>1</v>
      </c>
      <c r="D39675">
        <v>0</v>
      </c>
    </row>
    <row r="39676" spans="1:4" x14ac:dyDescent="0.25">
      <c r="A39676" t="s">
        <v>56548</v>
      </c>
      <c r="B39676" t="s">
        <v>56549</v>
      </c>
      <c r="C39676">
        <v>1</v>
      </c>
      <c r="D39676">
        <v>0</v>
      </c>
    </row>
    <row r="39677" spans="1:4" x14ac:dyDescent="0.25">
      <c r="A39677" t="s">
        <v>56548</v>
      </c>
      <c r="B39677" t="s">
        <v>56550</v>
      </c>
      <c r="C39677">
        <v>1</v>
      </c>
      <c r="D39677">
        <v>0</v>
      </c>
    </row>
    <row r="39678" spans="1:4" x14ac:dyDescent="0.25">
      <c r="A39678" t="s">
        <v>56548</v>
      </c>
      <c r="B39678" t="s">
        <v>56551</v>
      </c>
      <c r="C39678">
        <v>1</v>
      </c>
      <c r="D39678">
        <v>0</v>
      </c>
    </row>
    <row r="39679" spans="1:4" x14ac:dyDescent="0.25">
      <c r="A39679" t="s">
        <v>56548</v>
      </c>
      <c r="B39679" t="s">
        <v>56552</v>
      </c>
      <c r="C39679">
        <v>1</v>
      </c>
      <c r="D39679">
        <v>0</v>
      </c>
    </row>
    <row r="39680" spans="1:4" x14ac:dyDescent="0.25">
      <c r="A39680" t="s">
        <v>56553</v>
      </c>
      <c r="B39680" t="s">
        <v>56554</v>
      </c>
      <c r="C39680">
        <v>1</v>
      </c>
      <c r="D39680">
        <v>0</v>
      </c>
    </row>
    <row r="39681" spans="1:4" x14ac:dyDescent="0.25">
      <c r="A39681" t="s">
        <v>56553</v>
      </c>
      <c r="B39681" t="s">
        <v>56555</v>
      </c>
      <c r="C39681">
        <v>0</v>
      </c>
      <c r="D39681">
        <v>0</v>
      </c>
    </row>
    <row r="39682" spans="1:4" x14ac:dyDescent="0.25">
      <c r="A39682" t="s">
        <v>56553</v>
      </c>
      <c r="B39682" t="s">
        <v>56556</v>
      </c>
      <c r="C39682">
        <v>1</v>
      </c>
      <c r="D39682">
        <v>0</v>
      </c>
    </row>
    <row r="39683" spans="1:4" x14ac:dyDescent="0.25">
      <c r="A39683" t="s">
        <v>56553</v>
      </c>
      <c r="B39683" t="s">
        <v>56557</v>
      </c>
      <c r="C39683">
        <v>1</v>
      </c>
      <c r="D39683">
        <v>0</v>
      </c>
    </row>
    <row r="39684" spans="1:4" x14ac:dyDescent="0.25">
      <c r="A39684" t="s">
        <v>56553</v>
      </c>
      <c r="B39684" t="s">
        <v>56558</v>
      </c>
      <c r="C39684">
        <v>1</v>
      </c>
      <c r="D39684">
        <v>0</v>
      </c>
    </row>
    <row r="39685" spans="1:4" x14ac:dyDescent="0.25">
      <c r="A39685" t="s">
        <v>56559</v>
      </c>
      <c r="B39685" t="s">
        <v>56560</v>
      </c>
      <c r="C39685">
        <v>0</v>
      </c>
      <c r="D39685">
        <v>0</v>
      </c>
    </row>
    <row r="39686" spans="1:4" x14ac:dyDescent="0.25">
      <c r="A39686" t="s">
        <v>56559</v>
      </c>
      <c r="B39686" t="s">
        <v>56561</v>
      </c>
      <c r="C39686">
        <v>2</v>
      </c>
      <c r="D39686">
        <v>0</v>
      </c>
    </row>
    <row r="39687" spans="1:4" x14ac:dyDescent="0.25">
      <c r="A39687" t="s">
        <v>56559</v>
      </c>
      <c r="B39687" t="s">
        <v>56562</v>
      </c>
      <c r="C39687">
        <v>1</v>
      </c>
      <c r="D39687">
        <v>0</v>
      </c>
    </row>
    <row r="39688" spans="1:4" x14ac:dyDescent="0.25">
      <c r="A39688" t="s">
        <v>56563</v>
      </c>
      <c r="B39688" t="s">
        <v>56564</v>
      </c>
      <c r="C39688">
        <v>1</v>
      </c>
      <c r="D39688">
        <v>0</v>
      </c>
    </row>
    <row r="39689" spans="1:4" x14ac:dyDescent="0.25">
      <c r="A39689" t="s">
        <v>56563</v>
      </c>
      <c r="B39689" t="s">
        <v>56565</v>
      </c>
      <c r="C39689">
        <v>1</v>
      </c>
      <c r="D39689">
        <v>0</v>
      </c>
    </row>
    <row r="39690" spans="1:4" x14ac:dyDescent="0.25">
      <c r="A39690" t="s">
        <v>56563</v>
      </c>
      <c r="B39690" t="s">
        <v>56566</v>
      </c>
      <c r="C39690">
        <v>0</v>
      </c>
      <c r="D39690">
        <v>0</v>
      </c>
    </row>
    <row r="39691" spans="1:4" x14ac:dyDescent="0.25">
      <c r="A39691" t="s">
        <v>56567</v>
      </c>
      <c r="B39691" t="s">
        <v>56568</v>
      </c>
      <c r="C39691">
        <v>1</v>
      </c>
      <c r="D39691">
        <v>0</v>
      </c>
    </row>
    <row r="39692" spans="1:4" x14ac:dyDescent="0.25">
      <c r="A39692" t="s">
        <v>56567</v>
      </c>
      <c r="B39692" t="s">
        <v>56569</v>
      </c>
      <c r="C39692">
        <v>2</v>
      </c>
      <c r="D39692">
        <v>0</v>
      </c>
    </row>
    <row r="39693" spans="1:4" x14ac:dyDescent="0.25">
      <c r="A39693" t="s">
        <v>56567</v>
      </c>
      <c r="B39693" t="s">
        <v>56570</v>
      </c>
      <c r="C39693">
        <v>1</v>
      </c>
      <c r="D39693">
        <v>0</v>
      </c>
    </row>
    <row r="39694" spans="1:4" x14ac:dyDescent="0.25">
      <c r="A39694" t="s">
        <v>56567</v>
      </c>
      <c r="B39694" t="s">
        <v>56571</v>
      </c>
      <c r="C39694">
        <v>1</v>
      </c>
      <c r="D39694">
        <v>0</v>
      </c>
    </row>
    <row r="39695" spans="1:4" x14ac:dyDescent="0.25">
      <c r="A39695" t="s">
        <v>56567</v>
      </c>
      <c r="B39695" t="s">
        <v>56572</v>
      </c>
      <c r="C39695">
        <v>1</v>
      </c>
      <c r="D39695">
        <v>0</v>
      </c>
    </row>
    <row r="39696" spans="1:4" x14ac:dyDescent="0.25">
      <c r="A39696" t="s">
        <v>56573</v>
      </c>
      <c r="B39696" t="s">
        <v>56574</v>
      </c>
      <c r="C39696">
        <v>1</v>
      </c>
      <c r="D39696">
        <v>0</v>
      </c>
    </row>
    <row r="39697" spans="1:4" x14ac:dyDescent="0.25">
      <c r="A39697" t="s">
        <v>56575</v>
      </c>
      <c r="B39697" t="s">
        <v>56576</v>
      </c>
      <c r="C39697">
        <v>1</v>
      </c>
      <c r="D39697">
        <v>0</v>
      </c>
    </row>
    <row r="39698" spans="1:4" x14ac:dyDescent="0.25">
      <c r="A39698" t="s">
        <v>56575</v>
      </c>
      <c r="B39698" t="s">
        <v>56577</v>
      </c>
      <c r="C39698">
        <v>1</v>
      </c>
      <c r="D39698">
        <v>0</v>
      </c>
    </row>
    <row r="39699" spans="1:4" x14ac:dyDescent="0.25">
      <c r="A39699" t="s">
        <v>56575</v>
      </c>
      <c r="B39699" t="s">
        <v>56578</v>
      </c>
      <c r="C39699">
        <v>0</v>
      </c>
      <c r="D39699">
        <v>0</v>
      </c>
    </row>
    <row r="39700" spans="1:4" x14ac:dyDescent="0.25">
      <c r="A39700" t="s">
        <v>56575</v>
      </c>
      <c r="B39700" t="s">
        <v>56579</v>
      </c>
      <c r="C39700">
        <v>2</v>
      </c>
      <c r="D39700">
        <v>0</v>
      </c>
    </row>
    <row r="39701" spans="1:4" x14ac:dyDescent="0.25">
      <c r="A39701" t="s">
        <v>56575</v>
      </c>
      <c r="B39701" t="s">
        <v>56580</v>
      </c>
      <c r="C39701">
        <v>1</v>
      </c>
      <c r="D39701">
        <v>0</v>
      </c>
    </row>
    <row r="39702" spans="1:4" x14ac:dyDescent="0.25">
      <c r="A39702" t="s">
        <v>56575</v>
      </c>
      <c r="B39702" t="s">
        <v>56581</v>
      </c>
      <c r="C39702">
        <v>1</v>
      </c>
      <c r="D39702">
        <v>0</v>
      </c>
    </row>
    <row r="39703" spans="1:4" x14ac:dyDescent="0.25">
      <c r="A39703" t="s">
        <v>56575</v>
      </c>
      <c r="B39703" t="s">
        <v>51746</v>
      </c>
      <c r="C39703">
        <v>1</v>
      </c>
      <c r="D39703">
        <v>0</v>
      </c>
    </row>
    <row r="39704" spans="1:4" x14ac:dyDescent="0.25">
      <c r="A39704" t="s">
        <v>56582</v>
      </c>
      <c r="B39704" t="s">
        <v>56583</v>
      </c>
      <c r="C39704">
        <v>2</v>
      </c>
      <c r="D39704">
        <v>0</v>
      </c>
    </row>
    <row r="39705" spans="1:4" x14ac:dyDescent="0.25">
      <c r="A39705" t="s">
        <v>56582</v>
      </c>
      <c r="B39705" t="s">
        <v>56584</v>
      </c>
      <c r="C39705">
        <v>0</v>
      </c>
      <c r="D39705">
        <v>0</v>
      </c>
    </row>
    <row r="39706" spans="1:4" x14ac:dyDescent="0.25">
      <c r="A39706" t="s">
        <v>56582</v>
      </c>
      <c r="B39706" t="s">
        <v>56585</v>
      </c>
      <c r="C39706">
        <v>1</v>
      </c>
      <c r="D39706">
        <v>0</v>
      </c>
    </row>
    <row r="39707" spans="1:4" x14ac:dyDescent="0.25">
      <c r="A39707" t="s">
        <v>56582</v>
      </c>
      <c r="B39707" t="s">
        <v>56586</v>
      </c>
      <c r="C39707">
        <v>1</v>
      </c>
      <c r="D39707">
        <v>0</v>
      </c>
    </row>
    <row r="39708" spans="1:4" x14ac:dyDescent="0.25">
      <c r="A39708" t="s">
        <v>56587</v>
      </c>
      <c r="B39708" t="s">
        <v>56588</v>
      </c>
      <c r="C39708">
        <v>1</v>
      </c>
      <c r="D39708">
        <v>0</v>
      </c>
    </row>
    <row r="39709" spans="1:4" x14ac:dyDescent="0.25">
      <c r="A39709" t="s">
        <v>56587</v>
      </c>
      <c r="B39709" t="s">
        <v>56589</v>
      </c>
      <c r="C39709">
        <v>1</v>
      </c>
      <c r="D39709">
        <v>0</v>
      </c>
    </row>
    <row r="39710" spans="1:4" x14ac:dyDescent="0.25">
      <c r="A39710" t="s">
        <v>56587</v>
      </c>
      <c r="B39710" t="s">
        <v>56590</v>
      </c>
      <c r="C39710">
        <v>0</v>
      </c>
      <c r="D39710">
        <v>0</v>
      </c>
    </row>
    <row r="39711" spans="1:4" x14ac:dyDescent="0.25">
      <c r="A39711" t="s">
        <v>56587</v>
      </c>
      <c r="B39711" t="s">
        <v>56591</v>
      </c>
      <c r="C39711">
        <v>1</v>
      </c>
      <c r="D39711">
        <v>0</v>
      </c>
    </row>
    <row r="39712" spans="1:4" x14ac:dyDescent="0.25">
      <c r="A39712" t="s">
        <v>56587</v>
      </c>
      <c r="B39712" t="s">
        <v>56592</v>
      </c>
      <c r="C39712">
        <v>1</v>
      </c>
      <c r="D39712">
        <v>0</v>
      </c>
    </row>
    <row r="39713" spans="1:4" x14ac:dyDescent="0.25">
      <c r="A39713" t="s">
        <v>56587</v>
      </c>
      <c r="B39713" t="s">
        <v>56593</v>
      </c>
      <c r="C39713">
        <v>0</v>
      </c>
      <c r="D39713">
        <v>0</v>
      </c>
    </row>
    <row r="39714" spans="1:4" x14ac:dyDescent="0.25">
      <c r="A39714" t="s">
        <v>56594</v>
      </c>
      <c r="B39714" t="s">
        <v>56595</v>
      </c>
      <c r="C39714">
        <v>0</v>
      </c>
      <c r="D39714">
        <v>0</v>
      </c>
    </row>
    <row r="39715" spans="1:4" x14ac:dyDescent="0.25">
      <c r="A39715" t="s">
        <v>56594</v>
      </c>
      <c r="B39715" t="s">
        <v>56596</v>
      </c>
      <c r="C39715">
        <v>0</v>
      </c>
      <c r="D39715">
        <v>0</v>
      </c>
    </row>
    <row r="39716" spans="1:4" x14ac:dyDescent="0.25">
      <c r="A39716" t="s">
        <v>56594</v>
      </c>
      <c r="B39716" t="s">
        <v>56597</v>
      </c>
      <c r="C39716">
        <v>1</v>
      </c>
      <c r="D39716">
        <v>0</v>
      </c>
    </row>
    <row r="39717" spans="1:4" x14ac:dyDescent="0.25">
      <c r="A39717" t="s">
        <v>56594</v>
      </c>
      <c r="B39717" t="s">
        <v>9783</v>
      </c>
      <c r="C39717">
        <v>0</v>
      </c>
      <c r="D39717">
        <v>0</v>
      </c>
    </row>
    <row r="39718" spans="1:4" x14ac:dyDescent="0.25">
      <c r="A39718" t="s">
        <v>56594</v>
      </c>
      <c r="B39718" t="s">
        <v>56598</v>
      </c>
      <c r="C39718">
        <v>0</v>
      </c>
      <c r="D39718">
        <v>0</v>
      </c>
    </row>
    <row r="39719" spans="1:4" x14ac:dyDescent="0.25">
      <c r="A39719" t="s">
        <v>56599</v>
      </c>
      <c r="B39719" t="s">
        <v>56600</v>
      </c>
      <c r="C39719">
        <v>1</v>
      </c>
      <c r="D39719">
        <v>0</v>
      </c>
    </row>
    <row r="39720" spans="1:4" x14ac:dyDescent="0.25">
      <c r="A39720" t="s">
        <v>56599</v>
      </c>
      <c r="B39720" t="s">
        <v>56601</v>
      </c>
      <c r="C39720">
        <v>1</v>
      </c>
      <c r="D39720">
        <v>0</v>
      </c>
    </row>
    <row r="39721" spans="1:4" x14ac:dyDescent="0.25">
      <c r="A39721" t="s">
        <v>56599</v>
      </c>
      <c r="B39721" t="s">
        <v>56602</v>
      </c>
      <c r="C39721">
        <v>0</v>
      </c>
      <c r="D39721">
        <v>0</v>
      </c>
    </row>
    <row r="39722" spans="1:4" x14ac:dyDescent="0.25">
      <c r="A39722" t="s">
        <v>56599</v>
      </c>
      <c r="B39722" t="s">
        <v>56603</v>
      </c>
      <c r="C39722">
        <v>2</v>
      </c>
      <c r="D39722">
        <v>0</v>
      </c>
    </row>
    <row r="39723" spans="1:4" x14ac:dyDescent="0.25">
      <c r="A39723" t="s">
        <v>56599</v>
      </c>
      <c r="B39723" t="s">
        <v>56604</v>
      </c>
      <c r="C39723">
        <v>1</v>
      </c>
      <c r="D39723">
        <v>0</v>
      </c>
    </row>
    <row r="39724" spans="1:4" x14ac:dyDescent="0.25">
      <c r="A39724" t="s">
        <v>56599</v>
      </c>
      <c r="B39724" t="s">
        <v>56605</v>
      </c>
      <c r="C39724">
        <v>2</v>
      </c>
      <c r="D39724">
        <v>0</v>
      </c>
    </row>
    <row r="39725" spans="1:4" x14ac:dyDescent="0.25">
      <c r="A39725" t="s">
        <v>56599</v>
      </c>
      <c r="B39725" t="s">
        <v>56606</v>
      </c>
      <c r="C39725">
        <v>2</v>
      </c>
      <c r="D39725">
        <v>0</v>
      </c>
    </row>
    <row r="39726" spans="1:4" x14ac:dyDescent="0.25">
      <c r="A39726" t="s">
        <v>56607</v>
      </c>
      <c r="B39726" t="s">
        <v>56608</v>
      </c>
      <c r="C39726">
        <v>0</v>
      </c>
      <c r="D39726">
        <v>0</v>
      </c>
    </row>
    <row r="39727" spans="1:4" x14ac:dyDescent="0.25">
      <c r="A39727" t="s">
        <v>56607</v>
      </c>
      <c r="B39727" t="s">
        <v>56609</v>
      </c>
      <c r="C39727">
        <v>2</v>
      </c>
      <c r="D39727">
        <v>0</v>
      </c>
    </row>
    <row r="39728" spans="1:4" x14ac:dyDescent="0.25">
      <c r="A39728" t="s">
        <v>56607</v>
      </c>
      <c r="B39728" t="s">
        <v>56610</v>
      </c>
      <c r="C39728">
        <v>1</v>
      </c>
      <c r="D39728">
        <v>0</v>
      </c>
    </row>
    <row r="39729" spans="1:4" x14ac:dyDescent="0.25">
      <c r="A39729" t="s">
        <v>56611</v>
      </c>
      <c r="B39729" t="s">
        <v>56612</v>
      </c>
      <c r="C39729">
        <v>1</v>
      </c>
      <c r="D39729">
        <v>0</v>
      </c>
    </row>
    <row r="39730" spans="1:4" x14ac:dyDescent="0.25">
      <c r="A39730" t="s">
        <v>56611</v>
      </c>
      <c r="B39730" t="s">
        <v>56613</v>
      </c>
      <c r="C39730">
        <v>2</v>
      </c>
      <c r="D39730">
        <v>0</v>
      </c>
    </row>
    <row r="39731" spans="1:4" x14ac:dyDescent="0.25">
      <c r="A39731" t="s">
        <v>56611</v>
      </c>
      <c r="B39731" t="s">
        <v>48587</v>
      </c>
      <c r="C39731">
        <v>1</v>
      </c>
      <c r="D39731">
        <v>0</v>
      </c>
    </row>
    <row r="39732" spans="1:4" x14ac:dyDescent="0.25">
      <c r="A39732" t="s">
        <v>56611</v>
      </c>
      <c r="B39732" t="s">
        <v>56614</v>
      </c>
      <c r="C39732">
        <v>0</v>
      </c>
      <c r="D39732">
        <v>0</v>
      </c>
    </row>
    <row r="39733" spans="1:4" x14ac:dyDescent="0.25">
      <c r="A39733" t="s">
        <v>56611</v>
      </c>
      <c r="B39733" t="s">
        <v>56615</v>
      </c>
      <c r="C39733">
        <v>2</v>
      </c>
      <c r="D39733">
        <v>0</v>
      </c>
    </row>
    <row r="39734" spans="1:4" x14ac:dyDescent="0.25">
      <c r="A39734" t="s">
        <v>56611</v>
      </c>
      <c r="B39734" t="s">
        <v>56616</v>
      </c>
      <c r="C39734">
        <v>0</v>
      </c>
      <c r="D39734">
        <v>0</v>
      </c>
    </row>
    <row r="39735" spans="1:4" x14ac:dyDescent="0.25">
      <c r="A39735" t="s">
        <v>56611</v>
      </c>
      <c r="B39735" t="s">
        <v>56617</v>
      </c>
      <c r="C39735">
        <v>2</v>
      </c>
      <c r="D39735">
        <v>0</v>
      </c>
    </row>
    <row r="39736" spans="1:4" x14ac:dyDescent="0.25">
      <c r="A39736" t="s">
        <v>56618</v>
      </c>
      <c r="B39736" t="s">
        <v>56619</v>
      </c>
      <c r="C39736">
        <v>1</v>
      </c>
      <c r="D39736">
        <v>0</v>
      </c>
    </row>
    <row r="39737" spans="1:4" x14ac:dyDescent="0.25">
      <c r="A39737" t="s">
        <v>56618</v>
      </c>
      <c r="B39737" t="s">
        <v>56620</v>
      </c>
      <c r="C39737">
        <v>1</v>
      </c>
      <c r="D39737">
        <v>0</v>
      </c>
    </row>
    <row r="39738" spans="1:4" x14ac:dyDescent="0.25">
      <c r="A39738" t="s">
        <v>56618</v>
      </c>
      <c r="B39738" t="s">
        <v>56621</v>
      </c>
      <c r="C39738">
        <v>1</v>
      </c>
      <c r="D39738">
        <v>0</v>
      </c>
    </row>
    <row r="39739" spans="1:4" x14ac:dyDescent="0.25">
      <c r="A39739" t="s">
        <v>56618</v>
      </c>
      <c r="B39739" t="s">
        <v>56622</v>
      </c>
      <c r="C39739">
        <v>1</v>
      </c>
      <c r="D39739">
        <v>0</v>
      </c>
    </row>
    <row r="39740" spans="1:4" x14ac:dyDescent="0.25">
      <c r="A39740" t="s">
        <v>56618</v>
      </c>
      <c r="B39740" t="s">
        <v>56623</v>
      </c>
      <c r="C39740">
        <v>1</v>
      </c>
      <c r="D39740">
        <v>0</v>
      </c>
    </row>
    <row r="39741" spans="1:4" x14ac:dyDescent="0.25">
      <c r="A39741" t="s">
        <v>56618</v>
      </c>
      <c r="B39741" t="s">
        <v>56624</v>
      </c>
      <c r="C39741">
        <v>1</v>
      </c>
      <c r="D39741">
        <v>0</v>
      </c>
    </row>
    <row r="39742" spans="1:4" x14ac:dyDescent="0.25">
      <c r="A39742" t="s">
        <v>56625</v>
      </c>
      <c r="B39742" t="s">
        <v>56626</v>
      </c>
      <c r="C39742">
        <v>1</v>
      </c>
      <c r="D39742">
        <v>0</v>
      </c>
    </row>
    <row r="39743" spans="1:4" x14ac:dyDescent="0.25">
      <c r="A39743" t="s">
        <v>56625</v>
      </c>
      <c r="B39743" t="s">
        <v>56627</v>
      </c>
      <c r="C39743">
        <v>1</v>
      </c>
      <c r="D39743">
        <v>0</v>
      </c>
    </row>
    <row r="39744" spans="1:4" x14ac:dyDescent="0.25">
      <c r="A39744" t="s">
        <v>56625</v>
      </c>
      <c r="B39744" t="s">
        <v>56628</v>
      </c>
      <c r="C39744">
        <v>1</v>
      </c>
      <c r="D39744">
        <v>0</v>
      </c>
    </row>
    <row r="39745" spans="1:4" x14ac:dyDescent="0.25">
      <c r="A39745" t="s">
        <v>56629</v>
      </c>
      <c r="B39745" t="s">
        <v>56630</v>
      </c>
      <c r="C39745">
        <v>1</v>
      </c>
      <c r="D39745">
        <v>0</v>
      </c>
    </row>
    <row r="39746" spans="1:4" x14ac:dyDescent="0.25">
      <c r="A39746" t="s">
        <v>56629</v>
      </c>
      <c r="B39746" t="s">
        <v>56631</v>
      </c>
      <c r="C39746">
        <v>1</v>
      </c>
      <c r="D39746">
        <v>0</v>
      </c>
    </row>
    <row r="39747" spans="1:4" x14ac:dyDescent="0.25">
      <c r="A39747" t="s">
        <v>56629</v>
      </c>
      <c r="B39747" t="s">
        <v>56632</v>
      </c>
      <c r="C39747">
        <v>1</v>
      </c>
      <c r="D39747">
        <v>0</v>
      </c>
    </row>
    <row r="39748" spans="1:4" x14ac:dyDescent="0.25">
      <c r="A39748" t="s">
        <v>56629</v>
      </c>
      <c r="B39748" t="s">
        <v>56633</v>
      </c>
      <c r="C39748">
        <v>1</v>
      </c>
      <c r="D39748">
        <v>0</v>
      </c>
    </row>
    <row r="39749" spans="1:4" x14ac:dyDescent="0.25">
      <c r="A39749" t="s">
        <v>56634</v>
      </c>
      <c r="B39749" t="s">
        <v>56635</v>
      </c>
      <c r="C39749">
        <v>1</v>
      </c>
      <c r="D39749">
        <v>0</v>
      </c>
    </row>
    <row r="39750" spans="1:4" x14ac:dyDescent="0.25">
      <c r="A39750" t="s">
        <v>56634</v>
      </c>
      <c r="B39750" t="s">
        <v>56636</v>
      </c>
      <c r="C39750">
        <v>0</v>
      </c>
      <c r="D39750">
        <v>0</v>
      </c>
    </row>
    <row r="39751" spans="1:4" x14ac:dyDescent="0.25">
      <c r="A39751" t="s">
        <v>56637</v>
      </c>
      <c r="B39751" t="s">
        <v>56638</v>
      </c>
      <c r="C39751">
        <v>0</v>
      </c>
      <c r="D39751">
        <v>0</v>
      </c>
    </row>
    <row r="39752" spans="1:4" x14ac:dyDescent="0.25">
      <c r="A39752" t="s">
        <v>56637</v>
      </c>
      <c r="B39752" t="s">
        <v>56639</v>
      </c>
      <c r="C39752">
        <v>0</v>
      </c>
      <c r="D39752">
        <v>0</v>
      </c>
    </row>
    <row r="39753" spans="1:4" x14ac:dyDescent="0.25">
      <c r="A39753" t="s">
        <v>56637</v>
      </c>
      <c r="B39753" t="s">
        <v>56640</v>
      </c>
      <c r="C39753">
        <v>2</v>
      </c>
      <c r="D39753">
        <v>0</v>
      </c>
    </row>
    <row r="39754" spans="1:4" x14ac:dyDescent="0.25">
      <c r="A39754" t="s">
        <v>56637</v>
      </c>
      <c r="B39754" t="s">
        <v>56641</v>
      </c>
      <c r="C39754">
        <v>2</v>
      </c>
      <c r="D39754">
        <v>0</v>
      </c>
    </row>
    <row r="39755" spans="1:4" x14ac:dyDescent="0.25">
      <c r="A39755" t="s">
        <v>56637</v>
      </c>
      <c r="B39755" t="s">
        <v>56642</v>
      </c>
      <c r="C39755">
        <v>1</v>
      </c>
      <c r="D39755">
        <v>0</v>
      </c>
    </row>
    <row r="39756" spans="1:4" x14ac:dyDescent="0.25">
      <c r="A39756" t="s">
        <v>56637</v>
      </c>
      <c r="B39756" t="s">
        <v>56643</v>
      </c>
      <c r="C39756">
        <v>0</v>
      </c>
      <c r="D39756">
        <v>0</v>
      </c>
    </row>
    <row r="39757" spans="1:4" x14ac:dyDescent="0.25">
      <c r="A39757" t="s">
        <v>56644</v>
      </c>
      <c r="B39757" t="s">
        <v>56645</v>
      </c>
      <c r="C39757">
        <v>1</v>
      </c>
      <c r="D39757">
        <v>0</v>
      </c>
    </row>
    <row r="39758" spans="1:4" x14ac:dyDescent="0.25">
      <c r="A39758" t="s">
        <v>56644</v>
      </c>
      <c r="B39758" t="s">
        <v>56646</v>
      </c>
      <c r="C39758">
        <v>1</v>
      </c>
      <c r="D39758">
        <v>0</v>
      </c>
    </row>
    <row r="39759" spans="1:4" x14ac:dyDescent="0.25">
      <c r="A39759" t="s">
        <v>56644</v>
      </c>
      <c r="B39759" t="s">
        <v>56647</v>
      </c>
      <c r="C39759">
        <v>0</v>
      </c>
      <c r="D39759">
        <v>0</v>
      </c>
    </row>
    <row r="39760" spans="1:4" x14ac:dyDescent="0.25">
      <c r="A39760" t="s">
        <v>56644</v>
      </c>
      <c r="B39760" t="s">
        <v>48846</v>
      </c>
      <c r="C39760">
        <v>1</v>
      </c>
      <c r="D39760">
        <v>0</v>
      </c>
    </row>
    <row r="39761" spans="1:4" x14ac:dyDescent="0.25">
      <c r="A39761" t="s">
        <v>56644</v>
      </c>
      <c r="B39761" t="s">
        <v>56648</v>
      </c>
      <c r="C39761">
        <v>0</v>
      </c>
      <c r="D39761">
        <v>0</v>
      </c>
    </row>
    <row r="39762" spans="1:4" x14ac:dyDescent="0.25">
      <c r="A39762" t="s">
        <v>56649</v>
      </c>
      <c r="B39762" t="s">
        <v>56650</v>
      </c>
      <c r="C39762">
        <v>2</v>
      </c>
      <c r="D39762">
        <v>0</v>
      </c>
    </row>
    <row r="39763" spans="1:4" x14ac:dyDescent="0.25">
      <c r="A39763" t="s">
        <v>56649</v>
      </c>
      <c r="B39763" t="s">
        <v>56651</v>
      </c>
      <c r="C39763">
        <v>0</v>
      </c>
      <c r="D39763">
        <v>0</v>
      </c>
    </row>
    <row r="39764" spans="1:4" x14ac:dyDescent="0.25">
      <c r="A39764" t="s">
        <v>56652</v>
      </c>
      <c r="B39764" t="s">
        <v>56653</v>
      </c>
      <c r="C39764">
        <v>0</v>
      </c>
      <c r="D39764">
        <v>0</v>
      </c>
    </row>
    <row r="39765" spans="1:4" x14ac:dyDescent="0.25">
      <c r="A39765" t="s">
        <v>56652</v>
      </c>
      <c r="B39765" t="s">
        <v>5864</v>
      </c>
      <c r="C39765">
        <v>1</v>
      </c>
      <c r="D39765">
        <v>0</v>
      </c>
    </row>
    <row r="39766" spans="1:4" x14ac:dyDescent="0.25">
      <c r="A39766" t="s">
        <v>56654</v>
      </c>
      <c r="B39766" t="s">
        <v>56655</v>
      </c>
      <c r="C39766">
        <v>1</v>
      </c>
      <c r="D39766">
        <v>0</v>
      </c>
    </row>
    <row r="39767" spans="1:4" x14ac:dyDescent="0.25">
      <c r="A39767" t="s">
        <v>56654</v>
      </c>
      <c r="B39767" t="s">
        <v>56656</v>
      </c>
      <c r="C39767">
        <v>1</v>
      </c>
      <c r="D39767">
        <v>0</v>
      </c>
    </row>
    <row r="39768" spans="1:4" x14ac:dyDescent="0.25">
      <c r="A39768" t="s">
        <v>56654</v>
      </c>
      <c r="B39768" t="s">
        <v>56657</v>
      </c>
      <c r="C39768">
        <v>1</v>
      </c>
      <c r="D39768">
        <v>0</v>
      </c>
    </row>
    <row r="39769" spans="1:4" x14ac:dyDescent="0.25">
      <c r="A39769" t="s">
        <v>56658</v>
      </c>
      <c r="B39769" t="s">
        <v>56659</v>
      </c>
      <c r="C39769">
        <v>0</v>
      </c>
      <c r="D39769">
        <v>0</v>
      </c>
    </row>
    <row r="39770" spans="1:4" x14ac:dyDescent="0.25">
      <c r="A39770" t="s">
        <v>56658</v>
      </c>
      <c r="B39770" t="s">
        <v>56660</v>
      </c>
      <c r="C39770">
        <v>0</v>
      </c>
      <c r="D39770">
        <v>0</v>
      </c>
    </row>
    <row r="39771" spans="1:4" x14ac:dyDescent="0.25">
      <c r="A39771" t="s">
        <v>56658</v>
      </c>
      <c r="B39771" t="s">
        <v>56661</v>
      </c>
      <c r="C39771">
        <v>0</v>
      </c>
      <c r="D39771">
        <v>0</v>
      </c>
    </row>
    <row r="39772" spans="1:4" x14ac:dyDescent="0.25">
      <c r="A39772" t="s">
        <v>56658</v>
      </c>
      <c r="B39772" t="s">
        <v>56662</v>
      </c>
      <c r="C39772">
        <v>2</v>
      </c>
      <c r="D39772">
        <v>0</v>
      </c>
    </row>
    <row r="39773" spans="1:4" x14ac:dyDescent="0.25">
      <c r="A39773" t="s">
        <v>56658</v>
      </c>
      <c r="B39773" t="s">
        <v>56663</v>
      </c>
      <c r="C39773">
        <v>1</v>
      </c>
      <c r="D39773">
        <v>0</v>
      </c>
    </row>
    <row r="39774" spans="1:4" x14ac:dyDescent="0.25">
      <c r="A39774" t="s">
        <v>56658</v>
      </c>
      <c r="B39774" t="s">
        <v>56664</v>
      </c>
      <c r="C39774">
        <v>0</v>
      </c>
      <c r="D39774">
        <v>0</v>
      </c>
    </row>
    <row r="39775" spans="1:4" x14ac:dyDescent="0.25">
      <c r="A39775" t="s">
        <v>56665</v>
      </c>
      <c r="B39775" t="s">
        <v>56666</v>
      </c>
      <c r="C39775">
        <v>2</v>
      </c>
      <c r="D39775">
        <v>0</v>
      </c>
    </row>
    <row r="39776" spans="1:4" x14ac:dyDescent="0.25">
      <c r="A39776" t="s">
        <v>56665</v>
      </c>
      <c r="B39776" t="s">
        <v>56667</v>
      </c>
      <c r="C39776">
        <v>1</v>
      </c>
      <c r="D39776">
        <v>0</v>
      </c>
    </row>
    <row r="39777" spans="1:4" x14ac:dyDescent="0.25">
      <c r="A39777" t="s">
        <v>56665</v>
      </c>
      <c r="B39777" t="s">
        <v>56668</v>
      </c>
      <c r="C39777">
        <v>1</v>
      </c>
      <c r="D39777">
        <v>0</v>
      </c>
    </row>
    <row r="39778" spans="1:4" x14ac:dyDescent="0.25">
      <c r="A39778" t="s">
        <v>56665</v>
      </c>
      <c r="B39778" t="s">
        <v>56669</v>
      </c>
      <c r="C39778">
        <v>0</v>
      </c>
      <c r="D39778">
        <v>0</v>
      </c>
    </row>
    <row r="39779" spans="1:4" x14ac:dyDescent="0.25">
      <c r="A39779" t="s">
        <v>56665</v>
      </c>
      <c r="B39779" t="s">
        <v>56670</v>
      </c>
      <c r="C39779">
        <v>2</v>
      </c>
      <c r="D39779">
        <v>0</v>
      </c>
    </row>
    <row r="39780" spans="1:4" x14ac:dyDescent="0.25">
      <c r="A39780" t="s">
        <v>56665</v>
      </c>
      <c r="B39780" t="s">
        <v>56666</v>
      </c>
      <c r="C39780">
        <v>2</v>
      </c>
      <c r="D39780">
        <v>0</v>
      </c>
    </row>
    <row r="39781" spans="1:4" x14ac:dyDescent="0.25">
      <c r="A39781" t="s">
        <v>56665</v>
      </c>
      <c r="B39781" t="s">
        <v>56671</v>
      </c>
      <c r="C39781">
        <v>1</v>
      </c>
      <c r="D39781">
        <v>0</v>
      </c>
    </row>
    <row r="39782" spans="1:4" x14ac:dyDescent="0.25">
      <c r="A39782" t="s">
        <v>56672</v>
      </c>
      <c r="B39782" t="s">
        <v>17257</v>
      </c>
      <c r="C39782">
        <v>0</v>
      </c>
      <c r="D39782">
        <v>0</v>
      </c>
    </row>
    <row r="39783" spans="1:4" x14ac:dyDescent="0.25">
      <c r="A39783" t="s">
        <v>56672</v>
      </c>
      <c r="B39783" t="s">
        <v>56673</v>
      </c>
      <c r="C39783">
        <v>2</v>
      </c>
      <c r="D39783">
        <v>0</v>
      </c>
    </row>
    <row r="39784" spans="1:4" x14ac:dyDescent="0.25">
      <c r="A39784" t="s">
        <v>56672</v>
      </c>
      <c r="B39784" t="s">
        <v>56674</v>
      </c>
      <c r="C39784">
        <v>0</v>
      </c>
      <c r="D39784">
        <v>0</v>
      </c>
    </row>
    <row r="39785" spans="1:4" x14ac:dyDescent="0.25">
      <c r="A39785" t="s">
        <v>56672</v>
      </c>
      <c r="B39785" t="s">
        <v>56675</v>
      </c>
      <c r="C39785">
        <v>2</v>
      </c>
      <c r="D39785">
        <v>0</v>
      </c>
    </row>
    <row r="39786" spans="1:4" x14ac:dyDescent="0.25">
      <c r="A39786" t="s">
        <v>56672</v>
      </c>
      <c r="B39786" t="s">
        <v>1895</v>
      </c>
      <c r="C39786">
        <v>1</v>
      </c>
      <c r="D39786">
        <v>0</v>
      </c>
    </row>
    <row r="39787" spans="1:4" x14ac:dyDescent="0.25">
      <c r="A39787" t="s">
        <v>56672</v>
      </c>
      <c r="B39787" t="s">
        <v>56676</v>
      </c>
      <c r="C39787">
        <v>1</v>
      </c>
      <c r="D39787">
        <v>0</v>
      </c>
    </row>
    <row r="39788" spans="1:4" x14ac:dyDescent="0.25">
      <c r="A39788" t="s">
        <v>56677</v>
      </c>
      <c r="B39788" t="s">
        <v>56678</v>
      </c>
      <c r="C39788">
        <v>1</v>
      </c>
      <c r="D39788">
        <v>0</v>
      </c>
    </row>
    <row r="39789" spans="1:4" x14ac:dyDescent="0.25">
      <c r="A39789" t="s">
        <v>56677</v>
      </c>
      <c r="B39789" t="s">
        <v>56678</v>
      </c>
      <c r="C39789">
        <v>1</v>
      </c>
      <c r="D39789">
        <v>0</v>
      </c>
    </row>
    <row r="39790" spans="1:4" x14ac:dyDescent="0.25">
      <c r="A39790" t="s">
        <v>56677</v>
      </c>
      <c r="B39790" t="s">
        <v>56679</v>
      </c>
      <c r="C39790">
        <v>0</v>
      </c>
      <c r="D39790">
        <v>0</v>
      </c>
    </row>
    <row r="39791" spans="1:4" x14ac:dyDescent="0.25">
      <c r="A39791" t="s">
        <v>56677</v>
      </c>
      <c r="B39791" t="s">
        <v>56680</v>
      </c>
      <c r="C39791">
        <v>2</v>
      </c>
      <c r="D39791">
        <v>0</v>
      </c>
    </row>
    <row r="39792" spans="1:4" x14ac:dyDescent="0.25">
      <c r="A39792" t="s">
        <v>56677</v>
      </c>
      <c r="B39792" t="s">
        <v>56681</v>
      </c>
      <c r="C39792">
        <v>2</v>
      </c>
      <c r="D39792">
        <v>0</v>
      </c>
    </row>
    <row r="39793" spans="1:4" x14ac:dyDescent="0.25">
      <c r="A39793" t="s">
        <v>56677</v>
      </c>
      <c r="B39793" t="s">
        <v>56682</v>
      </c>
      <c r="C39793">
        <v>1</v>
      </c>
      <c r="D39793">
        <v>0</v>
      </c>
    </row>
    <row r="39794" spans="1:4" x14ac:dyDescent="0.25">
      <c r="A39794" t="s">
        <v>56683</v>
      </c>
      <c r="B39794" t="s">
        <v>22326</v>
      </c>
      <c r="C39794">
        <v>1</v>
      </c>
      <c r="D39794">
        <v>0</v>
      </c>
    </row>
    <row r="39795" spans="1:4" x14ac:dyDescent="0.25">
      <c r="A39795" t="s">
        <v>56683</v>
      </c>
      <c r="B39795" t="s">
        <v>56684</v>
      </c>
      <c r="C39795">
        <v>1</v>
      </c>
      <c r="D39795">
        <v>0</v>
      </c>
    </row>
    <row r="39796" spans="1:4" x14ac:dyDescent="0.25">
      <c r="A39796" t="s">
        <v>56683</v>
      </c>
      <c r="B39796" t="s">
        <v>56685</v>
      </c>
      <c r="C39796">
        <v>2</v>
      </c>
      <c r="D39796">
        <v>0</v>
      </c>
    </row>
    <row r="39797" spans="1:4" x14ac:dyDescent="0.25">
      <c r="A39797" t="s">
        <v>56683</v>
      </c>
      <c r="B39797" t="s">
        <v>56686</v>
      </c>
      <c r="C39797">
        <v>1</v>
      </c>
      <c r="D39797">
        <v>0</v>
      </c>
    </row>
    <row r="39798" spans="1:4" x14ac:dyDescent="0.25">
      <c r="A39798" t="s">
        <v>56687</v>
      </c>
      <c r="B39798" t="s">
        <v>56688</v>
      </c>
      <c r="C39798">
        <v>1</v>
      </c>
      <c r="D39798">
        <v>0</v>
      </c>
    </row>
    <row r="39799" spans="1:4" x14ac:dyDescent="0.25">
      <c r="A39799" t="s">
        <v>56687</v>
      </c>
      <c r="B39799" t="s">
        <v>56689</v>
      </c>
      <c r="C39799">
        <v>1</v>
      </c>
      <c r="D39799">
        <v>0</v>
      </c>
    </row>
    <row r="39800" spans="1:4" x14ac:dyDescent="0.25">
      <c r="A39800" t="s">
        <v>56687</v>
      </c>
      <c r="B39800" t="s">
        <v>47398</v>
      </c>
      <c r="C39800">
        <v>1</v>
      </c>
      <c r="D39800">
        <v>0</v>
      </c>
    </row>
    <row r="39801" spans="1:4" x14ac:dyDescent="0.25">
      <c r="A39801" t="s">
        <v>56687</v>
      </c>
      <c r="B39801" t="s">
        <v>56690</v>
      </c>
      <c r="C39801">
        <v>1</v>
      </c>
      <c r="D39801">
        <v>0</v>
      </c>
    </row>
    <row r="39802" spans="1:4" x14ac:dyDescent="0.25">
      <c r="A39802" t="s">
        <v>56687</v>
      </c>
      <c r="B39802" t="s">
        <v>56691</v>
      </c>
      <c r="C39802">
        <v>1</v>
      </c>
      <c r="D39802">
        <v>0</v>
      </c>
    </row>
    <row r="39803" spans="1:4" x14ac:dyDescent="0.25">
      <c r="A39803" t="s">
        <v>56687</v>
      </c>
      <c r="B39803" t="s">
        <v>56692</v>
      </c>
      <c r="C39803">
        <v>2</v>
      </c>
      <c r="D39803">
        <v>0</v>
      </c>
    </row>
    <row r="39804" spans="1:4" x14ac:dyDescent="0.25">
      <c r="A39804" t="s">
        <v>56693</v>
      </c>
      <c r="B39804" t="s">
        <v>56694</v>
      </c>
      <c r="C39804">
        <v>1</v>
      </c>
      <c r="D39804">
        <v>0</v>
      </c>
    </row>
    <row r="39805" spans="1:4" x14ac:dyDescent="0.25">
      <c r="A39805" t="s">
        <v>56693</v>
      </c>
      <c r="B39805" t="s">
        <v>2651</v>
      </c>
      <c r="C39805">
        <v>0</v>
      </c>
      <c r="D39805">
        <v>0</v>
      </c>
    </row>
    <row r="39806" spans="1:4" x14ac:dyDescent="0.25">
      <c r="A39806" t="s">
        <v>56693</v>
      </c>
      <c r="B39806" t="s">
        <v>56695</v>
      </c>
      <c r="C39806">
        <v>2</v>
      </c>
      <c r="D39806">
        <v>0</v>
      </c>
    </row>
    <row r="39807" spans="1:4" x14ac:dyDescent="0.25">
      <c r="A39807" t="s">
        <v>56693</v>
      </c>
      <c r="B39807" t="s">
        <v>56696</v>
      </c>
      <c r="C39807">
        <v>1</v>
      </c>
      <c r="D39807">
        <v>0</v>
      </c>
    </row>
    <row r="39808" spans="1:4" x14ac:dyDescent="0.25">
      <c r="A39808" t="s">
        <v>56693</v>
      </c>
      <c r="B39808" t="s">
        <v>56697</v>
      </c>
      <c r="C39808">
        <v>1</v>
      </c>
      <c r="D39808">
        <v>0</v>
      </c>
    </row>
    <row r="39809" spans="1:4" x14ac:dyDescent="0.25">
      <c r="A39809" t="s">
        <v>56698</v>
      </c>
      <c r="B39809" t="s">
        <v>56699</v>
      </c>
      <c r="C39809">
        <v>1</v>
      </c>
      <c r="D39809">
        <v>0</v>
      </c>
    </row>
    <row r="39810" spans="1:4" x14ac:dyDescent="0.25">
      <c r="A39810" t="s">
        <v>56698</v>
      </c>
      <c r="B39810" t="s">
        <v>56700</v>
      </c>
      <c r="C39810">
        <v>1</v>
      </c>
      <c r="D39810">
        <v>0</v>
      </c>
    </row>
    <row r="39811" spans="1:4" x14ac:dyDescent="0.25">
      <c r="A39811" t="s">
        <v>56701</v>
      </c>
      <c r="B39811" t="s">
        <v>56702</v>
      </c>
      <c r="C39811">
        <v>2</v>
      </c>
      <c r="D39811">
        <v>0</v>
      </c>
    </row>
    <row r="39812" spans="1:4" x14ac:dyDescent="0.25">
      <c r="A39812" t="s">
        <v>56701</v>
      </c>
      <c r="B39812" t="s">
        <v>56703</v>
      </c>
      <c r="C39812">
        <v>1</v>
      </c>
      <c r="D39812">
        <v>0</v>
      </c>
    </row>
    <row r="39813" spans="1:4" x14ac:dyDescent="0.25">
      <c r="A39813" t="s">
        <v>56701</v>
      </c>
      <c r="B39813" t="s">
        <v>56704</v>
      </c>
      <c r="C39813">
        <v>1</v>
      </c>
      <c r="D39813">
        <v>0</v>
      </c>
    </row>
    <row r="39814" spans="1:4" x14ac:dyDescent="0.25">
      <c r="A39814" t="s">
        <v>56705</v>
      </c>
      <c r="B39814" t="s">
        <v>56706</v>
      </c>
      <c r="C39814">
        <v>1</v>
      </c>
      <c r="D39814">
        <v>0</v>
      </c>
    </row>
    <row r="39815" spans="1:4" x14ac:dyDescent="0.25">
      <c r="A39815" t="s">
        <v>56705</v>
      </c>
      <c r="B39815" t="s">
        <v>56707</v>
      </c>
      <c r="C39815">
        <v>2</v>
      </c>
      <c r="D39815">
        <v>0</v>
      </c>
    </row>
    <row r="39816" spans="1:4" x14ac:dyDescent="0.25">
      <c r="A39816" t="s">
        <v>56705</v>
      </c>
      <c r="B39816" t="s">
        <v>56708</v>
      </c>
      <c r="C39816">
        <v>1</v>
      </c>
      <c r="D39816">
        <v>0</v>
      </c>
    </row>
    <row r="39817" spans="1:4" x14ac:dyDescent="0.25">
      <c r="A39817" t="s">
        <v>56705</v>
      </c>
      <c r="B39817" t="s">
        <v>56708</v>
      </c>
      <c r="C39817">
        <v>1</v>
      </c>
      <c r="D39817">
        <v>0</v>
      </c>
    </row>
    <row r="39818" spans="1:4" x14ac:dyDescent="0.25">
      <c r="A39818" t="s">
        <v>56705</v>
      </c>
      <c r="B39818" t="s">
        <v>56709</v>
      </c>
      <c r="C39818">
        <v>2</v>
      </c>
      <c r="D39818">
        <v>0</v>
      </c>
    </row>
    <row r="39819" spans="1:4" x14ac:dyDescent="0.25">
      <c r="A39819" t="s">
        <v>56705</v>
      </c>
      <c r="B39819" t="s">
        <v>56710</v>
      </c>
      <c r="C39819">
        <v>1</v>
      </c>
      <c r="D39819">
        <v>0</v>
      </c>
    </row>
    <row r="39820" spans="1:4" x14ac:dyDescent="0.25">
      <c r="A39820" t="s">
        <v>56711</v>
      </c>
      <c r="B39820" t="s">
        <v>56712</v>
      </c>
      <c r="C39820">
        <v>1</v>
      </c>
      <c r="D39820">
        <v>0</v>
      </c>
    </row>
    <row r="39821" spans="1:4" x14ac:dyDescent="0.25">
      <c r="A39821" t="s">
        <v>56711</v>
      </c>
      <c r="B39821" t="s">
        <v>56713</v>
      </c>
      <c r="C39821">
        <v>0</v>
      </c>
      <c r="D39821">
        <v>0</v>
      </c>
    </row>
    <row r="39822" spans="1:4" x14ac:dyDescent="0.25">
      <c r="A39822" t="s">
        <v>56711</v>
      </c>
      <c r="B39822" t="s">
        <v>56714</v>
      </c>
      <c r="C39822">
        <v>2</v>
      </c>
      <c r="D39822">
        <v>0</v>
      </c>
    </row>
    <row r="39823" spans="1:4" x14ac:dyDescent="0.25">
      <c r="A39823" t="s">
        <v>56711</v>
      </c>
      <c r="B39823" t="s">
        <v>56715</v>
      </c>
      <c r="C39823">
        <v>0</v>
      </c>
      <c r="D39823">
        <v>0</v>
      </c>
    </row>
    <row r="39824" spans="1:4" x14ac:dyDescent="0.25">
      <c r="A39824" t="s">
        <v>56711</v>
      </c>
      <c r="B39824" t="s">
        <v>56716</v>
      </c>
      <c r="C39824">
        <v>2</v>
      </c>
      <c r="D39824">
        <v>0</v>
      </c>
    </row>
    <row r="39825" spans="1:4" x14ac:dyDescent="0.25">
      <c r="A39825" t="s">
        <v>56711</v>
      </c>
      <c r="B39825" t="s">
        <v>56717</v>
      </c>
      <c r="C39825">
        <v>2</v>
      </c>
      <c r="D39825">
        <v>0</v>
      </c>
    </row>
    <row r="39826" spans="1:4" x14ac:dyDescent="0.25">
      <c r="A39826" t="s">
        <v>56718</v>
      </c>
      <c r="B39826" t="s">
        <v>56719</v>
      </c>
      <c r="C39826">
        <v>1</v>
      </c>
      <c r="D39826">
        <v>0</v>
      </c>
    </row>
    <row r="39827" spans="1:4" x14ac:dyDescent="0.25">
      <c r="A39827" t="s">
        <v>56718</v>
      </c>
      <c r="B39827" t="s">
        <v>56720</v>
      </c>
      <c r="C39827">
        <v>2</v>
      </c>
      <c r="D39827">
        <v>0</v>
      </c>
    </row>
    <row r="39828" spans="1:4" x14ac:dyDescent="0.25">
      <c r="A39828" t="s">
        <v>56718</v>
      </c>
      <c r="B39828" t="s">
        <v>56721</v>
      </c>
      <c r="C39828">
        <v>1</v>
      </c>
      <c r="D39828">
        <v>0</v>
      </c>
    </row>
    <row r="39829" spans="1:4" x14ac:dyDescent="0.25">
      <c r="A39829" t="s">
        <v>56718</v>
      </c>
      <c r="B39829" t="s">
        <v>56722</v>
      </c>
      <c r="C39829">
        <v>2</v>
      </c>
      <c r="D39829">
        <v>0</v>
      </c>
    </row>
    <row r="39830" spans="1:4" x14ac:dyDescent="0.25">
      <c r="A39830" t="s">
        <v>56718</v>
      </c>
      <c r="B39830" t="s">
        <v>56723</v>
      </c>
      <c r="C39830">
        <v>1</v>
      </c>
      <c r="D39830">
        <v>0</v>
      </c>
    </row>
    <row r="39831" spans="1:4" x14ac:dyDescent="0.25">
      <c r="A39831" t="s">
        <v>56718</v>
      </c>
      <c r="B39831" t="s">
        <v>56724</v>
      </c>
      <c r="C39831">
        <v>0</v>
      </c>
      <c r="D39831">
        <v>0</v>
      </c>
    </row>
    <row r="39832" spans="1:4" x14ac:dyDescent="0.25">
      <c r="A39832" t="s">
        <v>56718</v>
      </c>
      <c r="B39832" t="s">
        <v>56725</v>
      </c>
      <c r="C39832">
        <v>2</v>
      </c>
      <c r="D39832">
        <v>0</v>
      </c>
    </row>
    <row r="39833" spans="1:4" x14ac:dyDescent="0.25">
      <c r="A39833" t="s">
        <v>56726</v>
      </c>
      <c r="B39833" t="s">
        <v>56727</v>
      </c>
      <c r="C39833">
        <v>1</v>
      </c>
      <c r="D39833">
        <v>0</v>
      </c>
    </row>
    <row r="39834" spans="1:4" x14ac:dyDescent="0.25">
      <c r="A39834" t="s">
        <v>56726</v>
      </c>
      <c r="B39834" t="s">
        <v>56728</v>
      </c>
      <c r="C39834">
        <v>0</v>
      </c>
      <c r="D39834">
        <v>0</v>
      </c>
    </row>
    <row r="39835" spans="1:4" x14ac:dyDescent="0.25">
      <c r="A39835" t="s">
        <v>56726</v>
      </c>
      <c r="B39835" t="s">
        <v>56729</v>
      </c>
      <c r="C39835">
        <v>1</v>
      </c>
      <c r="D39835">
        <v>0</v>
      </c>
    </row>
    <row r="39836" spans="1:4" x14ac:dyDescent="0.25">
      <c r="A39836" t="s">
        <v>56726</v>
      </c>
      <c r="B39836" t="s">
        <v>56730</v>
      </c>
      <c r="C39836">
        <v>1</v>
      </c>
      <c r="D39836">
        <v>0</v>
      </c>
    </row>
    <row r="39837" spans="1:4" x14ac:dyDescent="0.25">
      <c r="A39837" t="s">
        <v>56726</v>
      </c>
      <c r="B39837" t="s">
        <v>56731</v>
      </c>
      <c r="C39837">
        <v>0</v>
      </c>
      <c r="D39837">
        <v>0</v>
      </c>
    </row>
    <row r="39838" spans="1:4" x14ac:dyDescent="0.25">
      <c r="A39838" t="s">
        <v>56726</v>
      </c>
      <c r="B39838" t="s">
        <v>56732</v>
      </c>
      <c r="C39838">
        <v>1</v>
      </c>
      <c r="D39838">
        <v>0</v>
      </c>
    </row>
    <row r="39839" spans="1:4" x14ac:dyDescent="0.25">
      <c r="A39839" t="s">
        <v>56733</v>
      </c>
      <c r="B39839" t="s">
        <v>56734</v>
      </c>
      <c r="C39839">
        <v>1</v>
      </c>
      <c r="D39839">
        <v>0</v>
      </c>
    </row>
    <row r="39840" spans="1:4" x14ac:dyDescent="0.25">
      <c r="A39840" t="s">
        <v>56733</v>
      </c>
      <c r="B39840" t="s">
        <v>56735</v>
      </c>
      <c r="C39840">
        <v>2</v>
      </c>
      <c r="D39840">
        <v>0</v>
      </c>
    </row>
    <row r="39841" spans="1:4" x14ac:dyDescent="0.25">
      <c r="A39841" t="s">
        <v>56736</v>
      </c>
      <c r="B39841" t="s">
        <v>56737</v>
      </c>
      <c r="C39841">
        <v>0</v>
      </c>
      <c r="D39841">
        <v>0</v>
      </c>
    </row>
    <row r="39842" spans="1:4" x14ac:dyDescent="0.25">
      <c r="A39842" t="s">
        <v>56736</v>
      </c>
      <c r="B39842" t="s">
        <v>56738</v>
      </c>
      <c r="C39842">
        <v>1</v>
      </c>
      <c r="D39842">
        <v>0</v>
      </c>
    </row>
    <row r="39843" spans="1:4" x14ac:dyDescent="0.25">
      <c r="A39843" t="s">
        <v>56736</v>
      </c>
      <c r="B39843" t="s">
        <v>56739</v>
      </c>
      <c r="C39843">
        <v>1</v>
      </c>
      <c r="D39843">
        <v>0</v>
      </c>
    </row>
    <row r="39844" spans="1:4" x14ac:dyDescent="0.25">
      <c r="A39844" t="s">
        <v>56740</v>
      </c>
      <c r="B39844" t="s">
        <v>56741</v>
      </c>
      <c r="C39844">
        <v>1</v>
      </c>
      <c r="D39844">
        <v>0</v>
      </c>
    </row>
    <row r="39845" spans="1:4" x14ac:dyDescent="0.25">
      <c r="A39845" t="s">
        <v>56740</v>
      </c>
      <c r="B39845" t="s">
        <v>56742</v>
      </c>
      <c r="C39845">
        <v>1</v>
      </c>
      <c r="D39845">
        <v>0</v>
      </c>
    </row>
    <row r="39846" spans="1:4" x14ac:dyDescent="0.25">
      <c r="A39846" t="s">
        <v>56740</v>
      </c>
      <c r="B39846" t="s">
        <v>56743</v>
      </c>
      <c r="C39846">
        <v>1</v>
      </c>
      <c r="D39846">
        <v>0</v>
      </c>
    </row>
    <row r="39847" spans="1:4" x14ac:dyDescent="0.25">
      <c r="A39847" t="s">
        <v>56740</v>
      </c>
      <c r="B39847" t="s">
        <v>56744</v>
      </c>
      <c r="C39847">
        <v>0</v>
      </c>
      <c r="D39847">
        <v>0</v>
      </c>
    </row>
    <row r="39848" spans="1:4" x14ac:dyDescent="0.25">
      <c r="A39848" t="s">
        <v>56745</v>
      </c>
      <c r="B39848" t="s">
        <v>56746</v>
      </c>
      <c r="C39848">
        <v>1</v>
      </c>
      <c r="D39848">
        <v>0</v>
      </c>
    </row>
    <row r="39849" spans="1:4" x14ac:dyDescent="0.25">
      <c r="A39849" t="s">
        <v>56745</v>
      </c>
      <c r="B39849" t="s">
        <v>56747</v>
      </c>
      <c r="C39849">
        <v>1</v>
      </c>
      <c r="D39849">
        <v>0</v>
      </c>
    </row>
    <row r="39850" spans="1:4" x14ac:dyDescent="0.25">
      <c r="A39850" t="s">
        <v>56745</v>
      </c>
      <c r="B39850" t="s">
        <v>56748</v>
      </c>
      <c r="C39850">
        <v>1</v>
      </c>
      <c r="D39850">
        <v>0</v>
      </c>
    </row>
    <row r="39851" spans="1:4" x14ac:dyDescent="0.25">
      <c r="A39851" t="s">
        <v>56745</v>
      </c>
      <c r="B39851" t="s">
        <v>56749</v>
      </c>
      <c r="C39851">
        <v>1</v>
      </c>
      <c r="D39851">
        <v>0</v>
      </c>
    </row>
    <row r="39852" spans="1:4" x14ac:dyDescent="0.25">
      <c r="A39852" t="s">
        <v>56745</v>
      </c>
      <c r="B39852" t="s">
        <v>56750</v>
      </c>
      <c r="C39852">
        <v>1</v>
      </c>
      <c r="D39852">
        <v>0</v>
      </c>
    </row>
    <row r="39853" spans="1:4" x14ac:dyDescent="0.25">
      <c r="A39853" t="s">
        <v>56745</v>
      </c>
      <c r="B39853" t="s">
        <v>6837</v>
      </c>
      <c r="C39853">
        <v>1</v>
      </c>
      <c r="D39853">
        <v>0</v>
      </c>
    </row>
    <row r="39854" spans="1:4" x14ac:dyDescent="0.25">
      <c r="A39854" t="s">
        <v>56745</v>
      </c>
      <c r="B39854" t="s">
        <v>56751</v>
      </c>
      <c r="C39854">
        <v>2</v>
      </c>
      <c r="D39854">
        <v>0</v>
      </c>
    </row>
    <row r="39855" spans="1:4" x14ac:dyDescent="0.25">
      <c r="A39855" t="s">
        <v>56752</v>
      </c>
      <c r="B39855" t="s">
        <v>56753</v>
      </c>
      <c r="C39855">
        <v>0</v>
      </c>
      <c r="D39855">
        <v>0</v>
      </c>
    </row>
    <row r="39856" spans="1:4" x14ac:dyDescent="0.25">
      <c r="A39856" t="s">
        <v>56754</v>
      </c>
      <c r="B39856" t="s">
        <v>56755</v>
      </c>
      <c r="C39856">
        <v>0</v>
      </c>
      <c r="D39856">
        <v>0</v>
      </c>
    </row>
    <row r="39857" spans="1:4" x14ac:dyDescent="0.25">
      <c r="A39857" t="s">
        <v>56754</v>
      </c>
      <c r="B39857" t="s">
        <v>56756</v>
      </c>
      <c r="C39857">
        <v>2</v>
      </c>
      <c r="D39857">
        <v>0</v>
      </c>
    </row>
    <row r="39858" spans="1:4" x14ac:dyDescent="0.25">
      <c r="A39858" t="s">
        <v>56754</v>
      </c>
      <c r="B39858" t="s">
        <v>56757</v>
      </c>
      <c r="C39858">
        <v>2</v>
      </c>
      <c r="D39858">
        <v>0</v>
      </c>
    </row>
    <row r="39859" spans="1:4" x14ac:dyDescent="0.25">
      <c r="A39859" t="s">
        <v>56754</v>
      </c>
      <c r="B39859" t="s">
        <v>56758</v>
      </c>
      <c r="C39859">
        <v>0</v>
      </c>
      <c r="D39859">
        <v>0</v>
      </c>
    </row>
    <row r="39860" spans="1:4" x14ac:dyDescent="0.25">
      <c r="A39860" t="s">
        <v>56754</v>
      </c>
      <c r="B39860" t="s">
        <v>56759</v>
      </c>
      <c r="C39860">
        <v>2</v>
      </c>
      <c r="D39860">
        <v>0</v>
      </c>
    </row>
    <row r="39861" spans="1:4" x14ac:dyDescent="0.25">
      <c r="A39861" t="s">
        <v>56754</v>
      </c>
      <c r="B39861" t="s">
        <v>5713</v>
      </c>
      <c r="C39861">
        <v>1</v>
      </c>
      <c r="D39861">
        <v>0</v>
      </c>
    </row>
    <row r="39862" spans="1:4" x14ac:dyDescent="0.25">
      <c r="A39862" t="s">
        <v>56760</v>
      </c>
      <c r="B39862" t="s">
        <v>56761</v>
      </c>
      <c r="C39862">
        <v>1</v>
      </c>
      <c r="D39862">
        <v>0</v>
      </c>
    </row>
    <row r="39863" spans="1:4" x14ac:dyDescent="0.25">
      <c r="A39863" t="s">
        <v>56760</v>
      </c>
      <c r="B39863" t="s">
        <v>56762</v>
      </c>
      <c r="C39863">
        <v>1</v>
      </c>
      <c r="D39863">
        <v>0</v>
      </c>
    </row>
    <row r="39864" spans="1:4" x14ac:dyDescent="0.25">
      <c r="A39864" t="s">
        <v>56760</v>
      </c>
      <c r="B39864" t="s">
        <v>56763</v>
      </c>
      <c r="C39864">
        <v>1</v>
      </c>
      <c r="D39864">
        <v>0</v>
      </c>
    </row>
    <row r="39865" spans="1:4" x14ac:dyDescent="0.25">
      <c r="A39865" t="s">
        <v>56760</v>
      </c>
      <c r="B39865" t="s">
        <v>5864</v>
      </c>
      <c r="C39865">
        <v>1</v>
      </c>
      <c r="D39865">
        <v>0</v>
      </c>
    </row>
    <row r="39866" spans="1:4" x14ac:dyDescent="0.25">
      <c r="A39866" t="s">
        <v>56760</v>
      </c>
      <c r="B39866" t="s">
        <v>56764</v>
      </c>
      <c r="C39866">
        <v>1</v>
      </c>
      <c r="D39866">
        <v>0</v>
      </c>
    </row>
    <row r="39867" spans="1:4" x14ac:dyDescent="0.25">
      <c r="A39867" t="s">
        <v>56765</v>
      </c>
      <c r="B39867" t="s">
        <v>56766</v>
      </c>
      <c r="C39867">
        <v>1</v>
      </c>
      <c r="D39867">
        <v>0</v>
      </c>
    </row>
    <row r="39868" spans="1:4" x14ac:dyDescent="0.25">
      <c r="A39868" t="s">
        <v>56765</v>
      </c>
      <c r="B39868" t="s">
        <v>56767</v>
      </c>
      <c r="C39868">
        <v>1</v>
      </c>
      <c r="D39868">
        <v>0</v>
      </c>
    </row>
    <row r="39869" spans="1:4" x14ac:dyDescent="0.25">
      <c r="A39869" t="s">
        <v>56765</v>
      </c>
      <c r="B39869" t="s">
        <v>5713</v>
      </c>
      <c r="C39869">
        <v>1</v>
      </c>
      <c r="D39869">
        <v>0</v>
      </c>
    </row>
    <row r="39870" spans="1:4" x14ac:dyDescent="0.25">
      <c r="A39870" t="s">
        <v>56768</v>
      </c>
      <c r="B39870" t="s">
        <v>56769</v>
      </c>
      <c r="C39870">
        <v>1</v>
      </c>
      <c r="D39870">
        <v>0</v>
      </c>
    </row>
    <row r="39871" spans="1:4" x14ac:dyDescent="0.25">
      <c r="A39871" t="s">
        <v>56768</v>
      </c>
      <c r="B39871" t="s">
        <v>50964</v>
      </c>
      <c r="C39871">
        <v>1</v>
      </c>
      <c r="D39871">
        <v>0</v>
      </c>
    </row>
    <row r="39872" spans="1:4" x14ac:dyDescent="0.25">
      <c r="A39872" t="s">
        <v>56768</v>
      </c>
      <c r="B39872" t="s">
        <v>56770</v>
      </c>
      <c r="C39872">
        <v>1</v>
      </c>
      <c r="D39872">
        <v>0</v>
      </c>
    </row>
    <row r="39873" spans="1:4" x14ac:dyDescent="0.25">
      <c r="A39873" t="s">
        <v>56768</v>
      </c>
      <c r="B39873" t="s">
        <v>56771</v>
      </c>
      <c r="C39873">
        <v>2</v>
      </c>
      <c r="D39873">
        <v>0</v>
      </c>
    </row>
    <row r="39874" spans="1:4" x14ac:dyDescent="0.25">
      <c r="A39874" t="s">
        <v>56768</v>
      </c>
      <c r="B39874" t="s">
        <v>56772</v>
      </c>
      <c r="C39874">
        <v>0</v>
      </c>
      <c r="D39874">
        <v>0</v>
      </c>
    </row>
    <row r="39875" spans="1:4" x14ac:dyDescent="0.25">
      <c r="A39875" t="s">
        <v>56768</v>
      </c>
      <c r="B39875" t="s">
        <v>56773</v>
      </c>
      <c r="C39875">
        <v>0</v>
      </c>
      <c r="D39875">
        <v>0</v>
      </c>
    </row>
    <row r="39876" spans="1:4" x14ac:dyDescent="0.25">
      <c r="A39876" t="s">
        <v>56774</v>
      </c>
      <c r="B39876" t="s">
        <v>56775</v>
      </c>
      <c r="C39876">
        <v>2</v>
      </c>
      <c r="D39876">
        <v>0</v>
      </c>
    </row>
    <row r="39877" spans="1:4" x14ac:dyDescent="0.25">
      <c r="A39877" t="s">
        <v>56776</v>
      </c>
      <c r="B39877" t="s">
        <v>56777</v>
      </c>
      <c r="C39877">
        <v>1</v>
      </c>
      <c r="D39877">
        <v>0</v>
      </c>
    </row>
    <row r="39878" spans="1:4" x14ac:dyDescent="0.25">
      <c r="A39878" t="s">
        <v>56776</v>
      </c>
      <c r="B39878" t="s">
        <v>56778</v>
      </c>
      <c r="C39878">
        <v>1</v>
      </c>
      <c r="D39878">
        <v>0</v>
      </c>
    </row>
    <row r="39879" spans="1:4" x14ac:dyDescent="0.25">
      <c r="A39879" t="s">
        <v>56776</v>
      </c>
      <c r="B39879" t="s">
        <v>56779</v>
      </c>
      <c r="C39879">
        <v>1</v>
      </c>
      <c r="D39879">
        <v>0</v>
      </c>
    </row>
    <row r="39880" spans="1:4" x14ac:dyDescent="0.25">
      <c r="A39880" t="s">
        <v>56776</v>
      </c>
      <c r="B39880" t="s">
        <v>56780</v>
      </c>
      <c r="C39880">
        <v>1</v>
      </c>
      <c r="D39880">
        <v>0</v>
      </c>
    </row>
    <row r="39881" spans="1:4" x14ac:dyDescent="0.25">
      <c r="A39881" t="s">
        <v>56781</v>
      </c>
      <c r="B39881" t="s">
        <v>56782</v>
      </c>
      <c r="C39881">
        <v>1</v>
      </c>
      <c r="D39881">
        <v>0</v>
      </c>
    </row>
    <row r="39882" spans="1:4" x14ac:dyDescent="0.25">
      <c r="A39882" t="s">
        <v>56781</v>
      </c>
      <c r="B39882" t="s">
        <v>11948</v>
      </c>
      <c r="C39882">
        <v>0</v>
      </c>
      <c r="D39882">
        <v>0</v>
      </c>
    </row>
    <row r="39883" spans="1:4" x14ac:dyDescent="0.25">
      <c r="A39883" t="s">
        <v>56783</v>
      </c>
      <c r="B39883" t="s">
        <v>56784</v>
      </c>
      <c r="C39883">
        <v>1</v>
      </c>
      <c r="D39883">
        <v>0</v>
      </c>
    </row>
    <row r="39884" spans="1:4" x14ac:dyDescent="0.25">
      <c r="A39884" t="s">
        <v>56783</v>
      </c>
      <c r="B39884" t="s">
        <v>56785</v>
      </c>
      <c r="C39884">
        <v>2</v>
      </c>
      <c r="D39884">
        <v>0</v>
      </c>
    </row>
    <row r="39885" spans="1:4" x14ac:dyDescent="0.25">
      <c r="A39885" t="s">
        <v>56783</v>
      </c>
      <c r="B39885" t="s">
        <v>56786</v>
      </c>
      <c r="C39885">
        <v>2</v>
      </c>
      <c r="D39885">
        <v>0</v>
      </c>
    </row>
    <row r="39886" spans="1:4" x14ac:dyDescent="0.25">
      <c r="A39886" t="s">
        <v>56783</v>
      </c>
      <c r="B39886" t="s">
        <v>56787</v>
      </c>
      <c r="C39886">
        <v>1</v>
      </c>
      <c r="D39886">
        <v>0</v>
      </c>
    </row>
    <row r="39887" spans="1:4" x14ac:dyDescent="0.25">
      <c r="A39887" t="s">
        <v>56788</v>
      </c>
      <c r="B39887" t="s">
        <v>56789</v>
      </c>
      <c r="C39887">
        <v>2</v>
      </c>
      <c r="D39887">
        <v>0</v>
      </c>
    </row>
    <row r="39888" spans="1:4" x14ac:dyDescent="0.25">
      <c r="A39888" t="s">
        <v>56788</v>
      </c>
      <c r="B39888" t="s">
        <v>56790</v>
      </c>
      <c r="C39888">
        <v>2</v>
      </c>
      <c r="D39888">
        <v>0</v>
      </c>
    </row>
    <row r="39889" spans="1:4" x14ac:dyDescent="0.25">
      <c r="A39889" t="s">
        <v>56788</v>
      </c>
      <c r="B39889" t="s">
        <v>56791</v>
      </c>
      <c r="C39889">
        <v>0</v>
      </c>
      <c r="D39889">
        <v>0</v>
      </c>
    </row>
    <row r="39890" spans="1:4" x14ac:dyDescent="0.25">
      <c r="A39890" t="s">
        <v>56788</v>
      </c>
      <c r="B39890" t="s">
        <v>56792</v>
      </c>
      <c r="C39890">
        <v>0</v>
      </c>
      <c r="D39890">
        <v>0</v>
      </c>
    </row>
    <row r="39891" spans="1:4" x14ac:dyDescent="0.25">
      <c r="A39891" t="s">
        <v>56788</v>
      </c>
      <c r="B39891" t="s">
        <v>56793</v>
      </c>
      <c r="C39891">
        <v>2</v>
      </c>
      <c r="D39891">
        <v>0</v>
      </c>
    </row>
    <row r="39892" spans="1:4" x14ac:dyDescent="0.25">
      <c r="A39892" t="s">
        <v>56788</v>
      </c>
      <c r="B39892" t="s">
        <v>17479</v>
      </c>
      <c r="C39892">
        <v>1</v>
      </c>
      <c r="D39892">
        <v>0</v>
      </c>
    </row>
    <row r="39893" spans="1:4" x14ac:dyDescent="0.25">
      <c r="A39893" t="s">
        <v>56794</v>
      </c>
      <c r="B39893" t="s">
        <v>56795</v>
      </c>
      <c r="C39893">
        <v>1</v>
      </c>
      <c r="D39893">
        <v>0</v>
      </c>
    </row>
    <row r="39894" spans="1:4" x14ac:dyDescent="0.25">
      <c r="A39894" t="s">
        <v>56794</v>
      </c>
      <c r="B39894" t="s">
        <v>56796</v>
      </c>
      <c r="C39894">
        <v>1</v>
      </c>
      <c r="D39894">
        <v>0</v>
      </c>
    </row>
    <row r="39895" spans="1:4" x14ac:dyDescent="0.25">
      <c r="A39895" t="s">
        <v>56794</v>
      </c>
      <c r="B39895" t="s">
        <v>56797</v>
      </c>
      <c r="C39895">
        <v>1</v>
      </c>
      <c r="D39895">
        <v>0</v>
      </c>
    </row>
    <row r="39896" spans="1:4" x14ac:dyDescent="0.25">
      <c r="A39896" t="s">
        <v>56794</v>
      </c>
      <c r="B39896" t="s">
        <v>56798</v>
      </c>
      <c r="C39896">
        <v>0</v>
      </c>
      <c r="D39896">
        <v>0</v>
      </c>
    </row>
    <row r="39897" spans="1:4" x14ac:dyDescent="0.25">
      <c r="A39897" t="s">
        <v>56794</v>
      </c>
      <c r="B39897" t="s">
        <v>56799</v>
      </c>
      <c r="C39897">
        <v>1</v>
      </c>
      <c r="D39897">
        <v>0</v>
      </c>
    </row>
    <row r="39898" spans="1:4" x14ac:dyDescent="0.25">
      <c r="A39898" t="s">
        <v>56794</v>
      </c>
      <c r="B39898" t="s">
        <v>2865</v>
      </c>
      <c r="C39898">
        <v>1</v>
      </c>
      <c r="D39898">
        <v>0</v>
      </c>
    </row>
    <row r="39899" spans="1:4" x14ac:dyDescent="0.25">
      <c r="A39899" t="s">
        <v>56800</v>
      </c>
      <c r="B39899" t="s">
        <v>56801</v>
      </c>
      <c r="C39899">
        <v>1</v>
      </c>
      <c r="D39899">
        <v>0</v>
      </c>
    </row>
    <row r="39900" spans="1:4" x14ac:dyDescent="0.25">
      <c r="A39900" t="s">
        <v>56800</v>
      </c>
      <c r="B39900" t="s">
        <v>56802</v>
      </c>
      <c r="C39900">
        <v>0</v>
      </c>
      <c r="D39900">
        <v>0</v>
      </c>
    </row>
    <row r="39901" spans="1:4" x14ac:dyDescent="0.25">
      <c r="A39901" t="s">
        <v>56800</v>
      </c>
      <c r="B39901" t="s">
        <v>56803</v>
      </c>
      <c r="C39901">
        <v>2</v>
      </c>
      <c r="D39901">
        <v>0</v>
      </c>
    </row>
    <row r="39902" spans="1:4" x14ac:dyDescent="0.25">
      <c r="A39902" t="s">
        <v>56800</v>
      </c>
      <c r="B39902" t="s">
        <v>56804</v>
      </c>
      <c r="C39902">
        <v>0</v>
      </c>
      <c r="D39902">
        <v>0</v>
      </c>
    </row>
    <row r="39903" spans="1:4" x14ac:dyDescent="0.25">
      <c r="A39903" t="s">
        <v>56800</v>
      </c>
      <c r="B39903" t="s">
        <v>56805</v>
      </c>
      <c r="C39903">
        <v>1</v>
      </c>
      <c r="D39903">
        <v>0</v>
      </c>
    </row>
    <row r="39904" spans="1:4" x14ac:dyDescent="0.25">
      <c r="A39904" t="s">
        <v>56800</v>
      </c>
      <c r="B39904" t="s">
        <v>56806</v>
      </c>
      <c r="C39904">
        <v>0</v>
      </c>
      <c r="D39904">
        <v>0</v>
      </c>
    </row>
    <row r="39905" spans="1:4" x14ac:dyDescent="0.25">
      <c r="A39905" t="s">
        <v>56800</v>
      </c>
      <c r="B39905" t="s">
        <v>56807</v>
      </c>
      <c r="C39905">
        <v>2</v>
      </c>
      <c r="D39905">
        <v>0</v>
      </c>
    </row>
    <row r="39906" spans="1:4" x14ac:dyDescent="0.25">
      <c r="A39906" t="s">
        <v>56808</v>
      </c>
      <c r="B39906" t="s">
        <v>56809</v>
      </c>
      <c r="C39906">
        <v>1</v>
      </c>
      <c r="D39906">
        <v>0</v>
      </c>
    </row>
    <row r="39907" spans="1:4" x14ac:dyDescent="0.25">
      <c r="A39907" t="s">
        <v>56808</v>
      </c>
      <c r="B39907" t="s">
        <v>56810</v>
      </c>
      <c r="C39907">
        <v>0</v>
      </c>
      <c r="D39907">
        <v>0</v>
      </c>
    </row>
    <row r="39908" spans="1:4" x14ac:dyDescent="0.25">
      <c r="A39908" t="s">
        <v>56808</v>
      </c>
      <c r="B39908" t="s">
        <v>56811</v>
      </c>
      <c r="C39908">
        <v>1</v>
      </c>
      <c r="D39908">
        <v>0</v>
      </c>
    </row>
    <row r="39909" spans="1:4" x14ac:dyDescent="0.25">
      <c r="A39909" t="s">
        <v>56808</v>
      </c>
      <c r="B39909" t="s">
        <v>56812</v>
      </c>
      <c r="C39909">
        <v>1</v>
      </c>
      <c r="D39909">
        <v>0</v>
      </c>
    </row>
    <row r="39910" spans="1:4" x14ac:dyDescent="0.25">
      <c r="A39910" t="s">
        <v>56808</v>
      </c>
      <c r="B39910" t="s">
        <v>56813</v>
      </c>
      <c r="C39910">
        <v>1</v>
      </c>
      <c r="D39910">
        <v>0</v>
      </c>
    </row>
    <row r="39911" spans="1:4" x14ac:dyDescent="0.25">
      <c r="A39911" t="s">
        <v>56808</v>
      </c>
      <c r="B39911" t="s">
        <v>56814</v>
      </c>
      <c r="C39911">
        <v>1</v>
      </c>
      <c r="D39911">
        <v>0</v>
      </c>
    </row>
    <row r="39912" spans="1:4" x14ac:dyDescent="0.25">
      <c r="A39912" t="s">
        <v>56815</v>
      </c>
      <c r="B39912" t="s">
        <v>56816</v>
      </c>
      <c r="C39912">
        <v>0</v>
      </c>
      <c r="D39912">
        <v>0</v>
      </c>
    </row>
    <row r="39913" spans="1:4" x14ac:dyDescent="0.25">
      <c r="A39913" t="s">
        <v>56815</v>
      </c>
      <c r="B39913" t="s">
        <v>56817</v>
      </c>
      <c r="C39913">
        <v>2</v>
      </c>
      <c r="D39913">
        <v>0</v>
      </c>
    </row>
    <row r="39914" spans="1:4" x14ac:dyDescent="0.25">
      <c r="A39914" t="s">
        <v>56815</v>
      </c>
      <c r="B39914" t="s">
        <v>56818</v>
      </c>
      <c r="C39914">
        <v>0</v>
      </c>
      <c r="D39914">
        <v>0</v>
      </c>
    </row>
    <row r="39915" spans="1:4" x14ac:dyDescent="0.25">
      <c r="A39915" t="s">
        <v>56815</v>
      </c>
      <c r="B39915" t="s">
        <v>56819</v>
      </c>
      <c r="C39915">
        <v>1</v>
      </c>
      <c r="D39915">
        <v>0</v>
      </c>
    </row>
    <row r="39916" spans="1:4" x14ac:dyDescent="0.25">
      <c r="A39916" t="s">
        <v>56815</v>
      </c>
      <c r="B39916" t="s">
        <v>56820</v>
      </c>
      <c r="C39916">
        <v>0</v>
      </c>
      <c r="D39916">
        <v>0</v>
      </c>
    </row>
    <row r="39917" spans="1:4" x14ac:dyDescent="0.25">
      <c r="A39917" t="s">
        <v>56815</v>
      </c>
      <c r="B39917" t="s">
        <v>56821</v>
      </c>
      <c r="C39917">
        <v>0</v>
      </c>
      <c r="D39917">
        <v>0</v>
      </c>
    </row>
    <row r="39918" spans="1:4" x14ac:dyDescent="0.25">
      <c r="A39918" t="s">
        <v>56822</v>
      </c>
      <c r="B39918" t="s">
        <v>56823</v>
      </c>
      <c r="C39918">
        <v>1</v>
      </c>
      <c r="D39918">
        <v>0</v>
      </c>
    </row>
    <row r="39919" spans="1:4" x14ac:dyDescent="0.25">
      <c r="A39919" t="s">
        <v>56822</v>
      </c>
      <c r="B39919" t="s">
        <v>56824</v>
      </c>
      <c r="C39919">
        <v>1</v>
      </c>
      <c r="D39919">
        <v>0</v>
      </c>
    </row>
    <row r="39920" spans="1:4" x14ac:dyDescent="0.25">
      <c r="A39920" t="s">
        <v>56822</v>
      </c>
      <c r="B39920" t="s">
        <v>56825</v>
      </c>
      <c r="C39920">
        <v>0</v>
      </c>
      <c r="D39920">
        <v>0</v>
      </c>
    </row>
    <row r="39921" spans="1:4" x14ac:dyDescent="0.25">
      <c r="A39921" t="s">
        <v>56822</v>
      </c>
      <c r="B39921" t="s">
        <v>56826</v>
      </c>
      <c r="C39921">
        <v>0</v>
      </c>
      <c r="D39921">
        <v>0</v>
      </c>
    </row>
    <row r="39922" spans="1:4" x14ac:dyDescent="0.25">
      <c r="A39922" t="s">
        <v>56827</v>
      </c>
      <c r="B39922" t="s">
        <v>56828</v>
      </c>
      <c r="C39922">
        <v>0</v>
      </c>
      <c r="D39922">
        <v>0</v>
      </c>
    </row>
    <row r="39923" spans="1:4" x14ac:dyDescent="0.25">
      <c r="A39923" t="s">
        <v>56829</v>
      </c>
      <c r="B39923" t="s">
        <v>56830</v>
      </c>
      <c r="C39923">
        <v>1</v>
      </c>
      <c r="D39923">
        <v>0</v>
      </c>
    </row>
    <row r="39924" spans="1:4" x14ac:dyDescent="0.25">
      <c r="A39924" t="s">
        <v>56829</v>
      </c>
      <c r="B39924" t="s">
        <v>56831</v>
      </c>
      <c r="C39924">
        <v>0</v>
      </c>
      <c r="D39924">
        <v>0</v>
      </c>
    </row>
    <row r="39925" spans="1:4" x14ac:dyDescent="0.25">
      <c r="A39925" t="s">
        <v>56829</v>
      </c>
      <c r="B39925" t="s">
        <v>56832</v>
      </c>
      <c r="C39925">
        <v>2</v>
      </c>
      <c r="D39925">
        <v>0</v>
      </c>
    </row>
    <row r="39926" spans="1:4" x14ac:dyDescent="0.25">
      <c r="A39926" t="s">
        <v>56829</v>
      </c>
      <c r="B39926" t="s">
        <v>56833</v>
      </c>
      <c r="C39926">
        <v>1</v>
      </c>
      <c r="D39926">
        <v>0</v>
      </c>
    </row>
    <row r="39927" spans="1:4" x14ac:dyDescent="0.25">
      <c r="A39927" t="s">
        <v>56829</v>
      </c>
      <c r="B39927" t="s">
        <v>56834</v>
      </c>
      <c r="C39927">
        <v>1</v>
      </c>
      <c r="D39927">
        <v>0</v>
      </c>
    </row>
    <row r="39928" spans="1:4" x14ac:dyDescent="0.25">
      <c r="A39928" t="s">
        <v>56829</v>
      </c>
      <c r="B39928" t="s">
        <v>56835</v>
      </c>
      <c r="C39928">
        <v>0</v>
      </c>
      <c r="D39928">
        <v>0</v>
      </c>
    </row>
    <row r="39929" spans="1:4" x14ac:dyDescent="0.25">
      <c r="A39929" t="s">
        <v>56829</v>
      </c>
      <c r="B39929" t="s">
        <v>56836</v>
      </c>
      <c r="C39929">
        <v>2</v>
      </c>
      <c r="D39929">
        <v>0</v>
      </c>
    </row>
    <row r="39930" spans="1:4" x14ac:dyDescent="0.25">
      <c r="A39930" t="s">
        <v>56837</v>
      </c>
      <c r="B39930" t="s">
        <v>56838</v>
      </c>
      <c r="C39930">
        <v>1</v>
      </c>
      <c r="D39930">
        <v>0</v>
      </c>
    </row>
    <row r="39931" spans="1:4" x14ac:dyDescent="0.25">
      <c r="A39931" t="s">
        <v>56837</v>
      </c>
      <c r="B39931" t="s">
        <v>56839</v>
      </c>
      <c r="C39931">
        <v>0</v>
      </c>
      <c r="D39931">
        <v>0</v>
      </c>
    </row>
    <row r="39932" spans="1:4" x14ac:dyDescent="0.25">
      <c r="A39932" t="s">
        <v>56837</v>
      </c>
      <c r="B39932" t="s">
        <v>56840</v>
      </c>
      <c r="C39932">
        <v>1</v>
      </c>
      <c r="D39932">
        <v>0</v>
      </c>
    </row>
    <row r="39933" spans="1:4" x14ac:dyDescent="0.25">
      <c r="A39933" t="s">
        <v>56837</v>
      </c>
      <c r="B39933" t="s">
        <v>56841</v>
      </c>
      <c r="C39933">
        <v>1</v>
      </c>
      <c r="D39933">
        <v>0</v>
      </c>
    </row>
    <row r="39934" spans="1:4" x14ac:dyDescent="0.25">
      <c r="A39934" t="s">
        <v>56837</v>
      </c>
      <c r="B39934" t="s">
        <v>56842</v>
      </c>
      <c r="C39934">
        <v>2</v>
      </c>
      <c r="D39934">
        <v>0</v>
      </c>
    </row>
    <row r="39935" spans="1:4" x14ac:dyDescent="0.25">
      <c r="A39935" t="s">
        <v>56837</v>
      </c>
      <c r="B39935" t="s">
        <v>56843</v>
      </c>
      <c r="C39935">
        <v>1</v>
      </c>
      <c r="D39935">
        <v>0</v>
      </c>
    </row>
    <row r="39936" spans="1:4" x14ac:dyDescent="0.25">
      <c r="A39936" t="s">
        <v>56837</v>
      </c>
      <c r="B39936" t="s">
        <v>56844</v>
      </c>
      <c r="C39936">
        <v>1</v>
      </c>
      <c r="D39936">
        <v>0</v>
      </c>
    </row>
    <row r="39937" spans="1:4" x14ac:dyDescent="0.25">
      <c r="A39937" t="s">
        <v>56845</v>
      </c>
      <c r="B39937" t="s">
        <v>56846</v>
      </c>
      <c r="C39937">
        <v>1</v>
      </c>
      <c r="D39937">
        <v>0</v>
      </c>
    </row>
    <row r="39938" spans="1:4" x14ac:dyDescent="0.25">
      <c r="A39938" t="s">
        <v>56845</v>
      </c>
      <c r="B39938" t="s">
        <v>56847</v>
      </c>
      <c r="C39938">
        <v>1</v>
      </c>
      <c r="D39938">
        <v>0</v>
      </c>
    </row>
    <row r="39939" spans="1:4" x14ac:dyDescent="0.25">
      <c r="A39939" t="s">
        <v>56845</v>
      </c>
      <c r="B39939" t="s">
        <v>56848</v>
      </c>
      <c r="C39939">
        <v>2</v>
      </c>
      <c r="D39939">
        <v>0</v>
      </c>
    </row>
    <row r="39940" spans="1:4" x14ac:dyDescent="0.25">
      <c r="A39940" t="s">
        <v>56845</v>
      </c>
      <c r="B39940" t="s">
        <v>56849</v>
      </c>
      <c r="C39940">
        <v>2</v>
      </c>
      <c r="D39940">
        <v>0</v>
      </c>
    </row>
    <row r="39941" spans="1:4" x14ac:dyDescent="0.25">
      <c r="A39941" t="s">
        <v>56850</v>
      </c>
      <c r="B39941" t="s">
        <v>56851</v>
      </c>
      <c r="C39941">
        <v>0</v>
      </c>
      <c r="D39941">
        <v>0</v>
      </c>
    </row>
    <row r="39942" spans="1:4" x14ac:dyDescent="0.25">
      <c r="A39942" t="s">
        <v>56850</v>
      </c>
      <c r="B39942" t="s">
        <v>56852</v>
      </c>
      <c r="C39942">
        <v>0</v>
      </c>
      <c r="D39942">
        <v>0</v>
      </c>
    </row>
    <row r="39943" spans="1:4" x14ac:dyDescent="0.25">
      <c r="A39943" t="s">
        <v>56850</v>
      </c>
      <c r="B39943" t="s">
        <v>56851</v>
      </c>
      <c r="C39943">
        <v>0</v>
      </c>
      <c r="D39943">
        <v>0</v>
      </c>
    </row>
    <row r="39944" spans="1:4" x14ac:dyDescent="0.25">
      <c r="A39944" t="s">
        <v>56850</v>
      </c>
      <c r="B39944" t="s">
        <v>56853</v>
      </c>
      <c r="C39944">
        <v>0</v>
      </c>
      <c r="D39944">
        <v>0</v>
      </c>
    </row>
    <row r="39945" spans="1:4" x14ac:dyDescent="0.25">
      <c r="A39945" t="s">
        <v>56850</v>
      </c>
      <c r="B39945" t="s">
        <v>56854</v>
      </c>
      <c r="C39945">
        <v>1</v>
      </c>
      <c r="D39945">
        <v>0</v>
      </c>
    </row>
    <row r="39946" spans="1:4" x14ac:dyDescent="0.25">
      <c r="A39946" t="s">
        <v>56855</v>
      </c>
      <c r="B39946" t="s">
        <v>56856</v>
      </c>
      <c r="C39946">
        <v>1</v>
      </c>
      <c r="D39946">
        <v>0</v>
      </c>
    </row>
    <row r="39947" spans="1:4" x14ac:dyDescent="0.25">
      <c r="A39947" t="s">
        <v>56855</v>
      </c>
      <c r="B39947" t="s">
        <v>1090</v>
      </c>
      <c r="C39947">
        <v>1</v>
      </c>
      <c r="D39947">
        <v>0</v>
      </c>
    </row>
    <row r="39948" spans="1:4" x14ac:dyDescent="0.25">
      <c r="A39948" t="s">
        <v>56855</v>
      </c>
      <c r="B39948" t="s">
        <v>56857</v>
      </c>
      <c r="C39948">
        <v>0</v>
      </c>
      <c r="D39948">
        <v>0</v>
      </c>
    </row>
    <row r="39949" spans="1:4" x14ac:dyDescent="0.25">
      <c r="A39949" t="s">
        <v>56855</v>
      </c>
      <c r="B39949" t="s">
        <v>56858</v>
      </c>
      <c r="C39949">
        <v>1</v>
      </c>
      <c r="D39949">
        <v>0</v>
      </c>
    </row>
    <row r="39950" spans="1:4" x14ac:dyDescent="0.25">
      <c r="A39950" t="s">
        <v>56855</v>
      </c>
      <c r="B39950" t="s">
        <v>56859</v>
      </c>
      <c r="C39950">
        <v>0</v>
      </c>
      <c r="D39950">
        <v>0</v>
      </c>
    </row>
    <row r="39951" spans="1:4" x14ac:dyDescent="0.25">
      <c r="A39951" t="s">
        <v>56860</v>
      </c>
      <c r="B39951" t="s">
        <v>56861</v>
      </c>
      <c r="C39951">
        <v>1</v>
      </c>
      <c r="D39951">
        <v>0</v>
      </c>
    </row>
    <row r="39952" spans="1:4" x14ac:dyDescent="0.25">
      <c r="A39952" t="s">
        <v>56860</v>
      </c>
      <c r="B39952" t="s">
        <v>56862</v>
      </c>
      <c r="C39952">
        <v>1</v>
      </c>
      <c r="D39952">
        <v>0</v>
      </c>
    </row>
    <row r="39953" spans="1:4" x14ac:dyDescent="0.25">
      <c r="A39953" t="s">
        <v>56863</v>
      </c>
      <c r="B39953" t="s">
        <v>56864</v>
      </c>
      <c r="C39953">
        <v>1</v>
      </c>
      <c r="D39953">
        <v>0</v>
      </c>
    </row>
    <row r="39954" spans="1:4" x14ac:dyDescent="0.25">
      <c r="A39954" t="s">
        <v>56865</v>
      </c>
      <c r="B39954" t="s">
        <v>5864</v>
      </c>
      <c r="C39954">
        <v>1</v>
      </c>
      <c r="D39954">
        <v>0</v>
      </c>
    </row>
    <row r="39955" spans="1:4" x14ac:dyDescent="0.25">
      <c r="A39955" t="s">
        <v>56865</v>
      </c>
      <c r="B39955" t="s">
        <v>56866</v>
      </c>
      <c r="C39955">
        <v>1</v>
      </c>
      <c r="D39955">
        <v>0</v>
      </c>
    </row>
    <row r="39956" spans="1:4" x14ac:dyDescent="0.25">
      <c r="A39956" t="s">
        <v>56865</v>
      </c>
      <c r="B39956" t="s">
        <v>56867</v>
      </c>
      <c r="C39956">
        <v>1</v>
      </c>
      <c r="D39956">
        <v>0</v>
      </c>
    </row>
    <row r="39957" spans="1:4" x14ac:dyDescent="0.25">
      <c r="A39957" t="s">
        <v>56865</v>
      </c>
      <c r="B39957" t="s">
        <v>11948</v>
      </c>
      <c r="C39957">
        <v>0</v>
      </c>
      <c r="D39957">
        <v>0</v>
      </c>
    </row>
    <row r="39958" spans="1:4" x14ac:dyDescent="0.25">
      <c r="A39958" t="s">
        <v>56868</v>
      </c>
      <c r="B39958" t="s">
        <v>56869</v>
      </c>
      <c r="C39958">
        <v>1</v>
      </c>
      <c r="D39958">
        <v>0</v>
      </c>
    </row>
    <row r="39959" spans="1:4" x14ac:dyDescent="0.25">
      <c r="A39959" t="s">
        <v>56868</v>
      </c>
      <c r="B39959" t="s">
        <v>56870</v>
      </c>
      <c r="C39959">
        <v>1</v>
      </c>
      <c r="D39959">
        <v>0</v>
      </c>
    </row>
    <row r="39960" spans="1:4" x14ac:dyDescent="0.25">
      <c r="A39960" t="s">
        <v>56868</v>
      </c>
      <c r="B39960" t="s">
        <v>56871</v>
      </c>
      <c r="C39960">
        <v>1</v>
      </c>
      <c r="D39960">
        <v>0</v>
      </c>
    </row>
    <row r="39961" spans="1:4" x14ac:dyDescent="0.25">
      <c r="A39961" t="s">
        <v>56868</v>
      </c>
      <c r="B39961" t="s">
        <v>56872</v>
      </c>
      <c r="C39961">
        <v>1</v>
      </c>
      <c r="D39961">
        <v>0</v>
      </c>
    </row>
    <row r="39962" spans="1:4" x14ac:dyDescent="0.25">
      <c r="A39962" t="s">
        <v>56868</v>
      </c>
      <c r="B39962" t="s">
        <v>56873</v>
      </c>
      <c r="C39962">
        <v>1</v>
      </c>
      <c r="D39962">
        <v>0</v>
      </c>
    </row>
    <row r="39963" spans="1:4" x14ac:dyDescent="0.25">
      <c r="A39963" t="s">
        <v>56868</v>
      </c>
      <c r="B39963" t="s">
        <v>48974</v>
      </c>
      <c r="C39963">
        <v>1</v>
      </c>
      <c r="D39963">
        <v>0</v>
      </c>
    </row>
    <row r="39964" spans="1:4" x14ac:dyDescent="0.25">
      <c r="A39964" t="s">
        <v>56868</v>
      </c>
      <c r="B39964" t="s">
        <v>53761</v>
      </c>
      <c r="C39964">
        <v>1</v>
      </c>
      <c r="D39964">
        <v>0</v>
      </c>
    </row>
    <row r="39965" spans="1:4" x14ac:dyDescent="0.25">
      <c r="A39965" t="s">
        <v>56868</v>
      </c>
      <c r="B39965" t="s">
        <v>56874</v>
      </c>
      <c r="C39965">
        <v>2</v>
      </c>
      <c r="D39965">
        <v>0</v>
      </c>
    </row>
    <row r="39966" spans="1:4" x14ac:dyDescent="0.25">
      <c r="A39966" t="s">
        <v>56875</v>
      </c>
      <c r="B39966" t="s">
        <v>56876</v>
      </c>
      <c r="C39966">
        <v>1</v>
      </c>
      <c r="D39966">
        <v>0</v>
      </c>
    </row>
    <row r="39967" spans="1:4" x14ac:dyDescent="0.25">
      <c r="A39967" t="s">
        <v>56877</v>
      </c>
      <c r="B39967" t="s">
        <v>56878</v>
      </c>
      <c r="C39967">
        <v>0</v>
      </c>
      <c r="D39967">
        <v>0</v>
      </c>
    </row>
    <row r="39968" spans="1:4" x14ac:dyDescent="0.25">
      <c r="A39968" t="s">
        <v>56877</v>
      </c>
      <c r="B39968" t="s">
        <v>56879</v>
      </c>
      <c r="C39968">
        <v>1</v>
      </c>
      <c r="D39968">
        <v>0</v>
      </c>
    </row>
    <row r="39969" spans="1:4" x14ac:dyDescent="0.25">
      <c r="A39969" t="s">
        <v>56877</v>
      </c>
      <c r="B39969" t="s">
        <v>56880</v>
      </c>
      <c r="C39969">
        <v>1</v>
      </c>
      <c r="D39969">
        <v>0</v>
      </c>
    </row>
    <row r="39970" spans="1:4" x14ac:dyDescent="0.25">
      <c r="A39970" t="s">
        <v>56877</v>
      </c>
      <c r="B39970" t="s">
        <v>56881</v>
      </c>
      <c r="C39970">
        <v>2</v>
      </c>
      <c r="D39970">
        <v>0</v>
      </c>
    </row>
    <row r="39971" spans="1:4" x14ac:dyDescent="0.25">
      <c r="A39971" t="s">
        <v>56877</v>
      </c>
      <c r="B39971" t="s">
        <v>56882</v>
      </c>
      <c r="C39971">
        <v>1</v>
      </c>
      <c r="D39971">
        <v>0</v>
      </c>
    </row>
    <row r="39972" spans="1:4" x14ac:dyDescent="0.25">
      <c r="A39972" t="s">
        <v>56877</v>
      </c>
      <c r="B39972" t="s">
        <v>56883</v>
      </c>
      <c r="C39972">
        <v>1</v>
      </c>
      <c r="D39972">
        <v>0</v>
      </c>
    </row>
    <row r="39973" spans="1:4" x14ac:dyDescent="0.25">
      <c r="A39973" t="s">
        <v>56884</v>
      </c>
      <c r="B39973" t="s">
        <v>951</v>
      </c>
      <c r="C39973">
        <v>1</v>
      </c>
      <c r="D39973">
        <v>0</v>
      </c>
    </row>
    <row r="39974" spans="1:4" x14ac:dyDescent="0.25">
      <c r="A39974" t="s">
        <v>56884</v>
      </c>
      <c r="B39974" t="s">
        <v>56885</v>
      </c>
      <c r="C39974">
        <v>2</v>
      </c>
      <c r="D39974">
        <v>0</v>
      </c>
    </row>
    <row r="39975" spans="1:4" x14ac:dyDescent="0.25">
      <c r="A39975" t="s">
        <v>56884</v>
      </c>
      <c r="B39975" t="s">
        <v>56886</v>
      </c>
      <c r="C39975">
        <v>2</v>
      </c>
      <c r="D39975">
        <v>0</v>
      </c>
    </row>
    <row r="39976" spans="1:4" x14ac:dyDescent="0.25">
      <c r="A39976" t="s">
        <v>56884</v>
      </c>
      <c r="B39976" t="s">
        <v>5713</v>
      </c>
      <c r="C39976">
        <v>1</v>
      </c>
      <c r="D39976">
        <v>0</v>
      </c>
    </row>
    <row r="39977" spans="1:4" x14ac:dyDescent="0.25">
      <c r="A39977" t="s">
        <v>56884</v>
      </c>
      <c r="B39977" t="s">
        <v>56887</v>
      </c>
      <c r="C39977">
        <v>1</v>
      </c>
      <c r="D39977">
        <v>0</v>
      </c>
    </row>
    <row r="39978" spans="1:4" x14ac:dyDescent="0.25">
      <c r="A39978" t="s">
        <v>56888</v>
      </c>
      <c r="B39978" t="s">
        <v>56889</v>
      </c>
      <c r="C39978">
        <v>0</v>
      </c>
      <c r="D39978">
        <v>0</v>
      </c>
    </row>
    <row r="39979" spans="1:4" x14ac:dyDescent="0.25">
      <c r="A39979" t="s">
        <v>56890</v>
      </c>
      <c r="B39979" t="s">
        <v>56891</v>
      </c>
      <c r="C39979">
        <v>2</v>
      </c>
      <c r="D39979">
        <v>0</v>
      </c>
    </row>
    <row r="39980" spans="1:4" x14ac:dyDescent="0.25">
      <c r="A39980" t="s">
        <v>56890</v>
      </c>
      <c r="B39980" t="s">
        <v>56892</v>
      </c>
      <c r="C39980">
        <v>1</v>
      </c>
      <c r="D39980">
        <v>0</v>
      </c>
    </row>
    <row r="39981" spans="1:4" x14ac:dyDescent="0.25">
      <c r="A39981" t="s">
        <v>56890</v>
      </c>
      <c r="B39981" t="s">
        <v>56893</v>
      </c>
      <c r="C39981">
        <v>2</v>
      </c>
      <c r="D39981">
        <v>0</v>
      </c>
    </row>
    <row r="39982" spans="1:4" x14ac:dyDescent="0.25">
      <c r="A39982" t="s">
        <v>56890</v>
      </c>
      <c r="B39982" t="s">
        <v>56894</v>
      </c>
      <c r="C39982">
        <v>2</v>
      </c>
      <c r="D39982">
        <v>0</v>
      </c>
    </row>
    <row r="39983" spans="1:4" x14ac:dyDescent="0.25">
      <c r="A39983" t="s">
        <v>56895</v>
      </c>
      <c r="B39983" t="s">
        <v>56896</v>
      </c>
      <c r="C39983">
        <v>0</v>
      </c>
      <c r="D39983">
        <v>0</v>
      </c>
    </row>
    <row r="39984" spans="1:4" x14ac:dyDescent="0.25">
      <c r="A39984" t="s">
        <v>56895</v>
      </c>
      <c r="B39984" t="s">
        <v>56897</v>
      </c>
      <c r="C39984">
        <v>0</v>
      </c>
      <c r="D39984">
        <v>0</v>
      </c>
    </row>
    <row r="39985" spans="1:4" x14ac:dyDescent="0.25">
      <c r="A39985" t="s">
        <v>56895</v>
      </c>
      <c r="B39985" t="s">
        <v>56898</v>
      </c>
      <c r="C39985">
        <v>2</v>
      </c>
      <c r="D39985">
        <v>0</v>
      </c>
    </row>
    <row r="39986" spans="1:4" x14ac:dyDescent="0.25">
      <c r="A39986" t="s">
        <v>56895</v>
      </c>
      <c r="B39986" t="s">
        <v>56899</v>
      </c>
      <c r="C39986">
        <v>0</v>
      </c>
      <c r="D39986">
        <v>0</v>
      </c>
    </row>
    <row r="39987" spans="1:4" x14ac:dyDescent="0.25">
      <c r="A39987" t="s">
        <v>56900</v>
      </c>
      <c r="B39987" t="s">
        <v>56901</v>
      </c>
      <c r="C39987">
        <v>1</v>
      </c>
      <c r="D39987">
        <v>0</v>
      </c>
    </row>
    <row r="39988" spans="1:4" x14ac:dyDescent="0.25">
      <c r="A39988" t="s">
        <v>56900</v>
      </c>
      <c r="B39988" t="s">
        <v>56902</v>
      </c>
      <c r="C39988">
        <v>1</v>
      </c>
      <c r="D39988">
        <v>0</v>
      </c>
    </row>
    <row r="39989" spans="1:4" x14ac:dyDescent="0.25">
      <c r="A39989" t="s">
        <v>56903</v>
      </c>
      <c r="B39989" t="s">
        <v>56904</v>
      </c>
      <c r="C39989">
        <v>1</v>
      </c>
      <c r="D39989">
        <v>0</v>
      </c>
    </row>
    <row r="39990" spans="1:4" x14ac:dyDescent="0.25">
      <c r="A39990" t="s">
        <v>56903</v>
      </c>
      <c r="B39990" t="s">
        <v>56905</v>
      </c>
      <c r="C39990">
        <v>1</v>
      </c>
      <c r="D39990">
        <v>0</v>
      </c>
    </row>
    <row r="39991" spans="1:4" x14ac:dyDescent="0.25">
      <c r="A39991" t="s">
        <v>56903</v>
      </c>
      <c r="B39991" t="s">
        <v>56906</v>
      </c>
      <c r="C39991">
        <v>0</v>
      </c>
      <c r="D39991">
        <v>0</v>
      </c>
    </row>
    <row r="39992" spans="1:4" x14ac:dyDescent="0.25">
      <c r="A39992" t="s">
        <v>56903</v>
      </c>
      <c r="B39992" t="s">
        <v>56907</v>
      </c>
      <c r="C39992">
        <v>1</v>
      </c>
      <c r="D39992">
        <v>0</v>
      </c>
    </row>
    <row r="39993" spans="1:4" x14ac:dyDescent="0.25">
      <c r="A39993" t="s">
        <v>56908</v>
      </c>
      <c r="B39993" t="s">
        <v>56909</v>
      </c>
      <c r="C39993">
        <v>1</v>
      </c>
      <c r="D39993">
        <v>0</v>
      </c>
    </row>
    <row r="39994" spans="1:4" x14ac:dyDescent="0.25">
      <c r="A39994" t="s">
        <v>56908</v>
      </c>
      <c r="B39994" t="s">
        <v>56910</v>
      </c>
      <c r="C39994">
        <v>1</v>
      </c>
      <c r="D39994">
        <v>0</v>
      </c>
    </row>
    <row r="39995" spans="1:4" x14ac:dyDescent="0.25">
      <c r="A39995" t="s">
        <v>56908</v>
      </c>
      <c r="B39995" t="s">
        <v>56911</v>
      </c>
      <c r="C39995">
        <v>1</v>
      </c>
      <c r="D39995">
        <v>0</v>
      </c>
    </row>
    <row r="39996" spans="1:4" x14ac:dyDescent="0.25">
      <c r="A39996" t="s">
        <v>56908</v>
      </c>
      <c r="B39996" t="s">
        <v>56912</v>
      </c>
      <c r="C39996">
        <v>1</v>
      </c>
      <c r="D39996">
        <v>0</v>
      </c>
    </row>
    <row r="39997" spans="1:4" x14ac:dyDescent="0.25">
      <c r="A39997" t="s">
        <v>56908</v>
      </c>
      <c r="B39997" t="s">
        <v>56913</v>
      </c>
      <c r="C39997">
        <v>1</v>
      </c>
      <c r="D39997">
        <v>0</v>
      </c>
    </row>
    <row r="39998" spans="1:4" x14ac:dyDescent="0.25">
      <c r="A39998" t="s">
        <v>56908</v>
      </c>
      <c r="B39998" t="s">
        <v>56914</v>
      </c>
      <c r="C39998">
        <v>1</v>
      </c>
      <c r="D39998">
        <v>0</v>
      </c>
    </row>
    <row r="39999" spans="1:4" x14ac:dyDescent="0.25">
      <c r="A39999" t="s">
        <v>56908</v>
      </c>
      <c r="B39999" t="s">
        <v>51939</v>
      </c>
      <c r="C39999">
        <v>0</v>
      </c>
      <c r="D39999">
        <v>0</v>
      </c>
    </row>
    <row r="40000" spans="1:4" x14ac:dyDescent="0.25">
      <c r="A40000" t="s">
        <v>56915</v>
      </c>
      <c r="B40000" t="s">
        <v>56916</v>
      </c>
      <c r="C40000">
        <v>2</v>
      </c>
      <c r="D40000">
        <v>0</v>
      </c>
    </row>
    <row r="40001" spans="1:4" x14ac:dyDescent="0.25">
      <c r="A40001" t="s">
        <v>56915</v>
      </c>
      <c r="B40001" t="s">
        <v>56917</v>
      </c>
      <c r="C40001">
        <v>1</v>
      </c>
      <c r="D40001">
        <v>0</v>
      </c>
    </row>
    <row r="40002" spans="1:4" x14ac:dyDescent="0.25">
      <c r="A40002" t="s">
        <v>56915</v>
      </c>
      <c r="B40002" t="s">
        <v>56918</v>
      </c>
      <c r="C40002">
        <v>1</v>
      </c>
      <c r="D40002">
        <v>0</v>
      </c>
    </row>
    <row r="40003" spans="1:4" x14ac:dyDescent="0.25">
      <c r="A40003" t="s">
        <v>56915</v>
      </c>
      <c r="B40003" t="s">
        <v>56919</v>
      </c>
      <c r="C40003">
        <v>2</v>
      </c>
      <c r="D40003">
        <v>0</v>
      </c>
    </row>
    <row r="40004" spans="1:4" x14ac:dyDescent="0.25">
      <c r="A40004" t="s">
        <v>56915</v>
      </c>
      <c r="B40004" t="s">
        <v>56920</v>
      </c>
      <c r="C40004">
        <v>1</v>
      </c>
      <c r="D40004">
        <v>0</v>
      </c>
    </row>
    <row r="40005" spans="1:4" x14ac:dyDescent="0.25">
      <c r="A40005" t="s">
        <v>56915</v>
      </c>
      <c r="B40005" t="s">
        <v>48860</v>
      </c>
      <c r="C40005">
        <v>1</v>
      </c>
      <c r="D40005">
        <v>0</v>
      </c>
    </row>
    <row r="40006" spans="1:4" x14ac:dyDescent="0.25">
      <c r="A40006" t="s">
        <v>56915</v>
      </c>
      <c r="B40006" t="s">
        <v>56921</v>
      </c>
      <c r="C40006">
        <v>2</v>
      </c>
      <c r="D40006">
        <v>0</v>
      </c>
    </row>
    <row r="40007" spans="1:4" x14ac:dyDescent="0.25">
      <c r="A40007" t="s">
        <v>56915</v>
      </c>
      <c r="B40007" t="s">
        <v>56922</v>
      </c>
      <c r="C40007">
        <v>1</v>
      </c>
      <c r="D40007">
        <v>0</v>
      </c>
    </row>
    <row r="40008" spans="1:4" x14ac:dyDescent="0.25">
      <c r="A40008" t="s">
        <v>56915</v>
      </c>
      <c r="B40008" t="s">
        <v>56923</v>
      </c>
      <c r="C40008">
        <v>1</v>
      </c>
      <c r="D40008">
        <v>0</v>
      </c>
    </row>
    <row r="40009" spans="1:4" x14ac:dyDescent="0.25">
      <c r="A40009" t="s">
        <v>56915</v>
      </c>
      <c r="B40009" t="s">
        <v>56924</v>
      </c>
      <c r="C40009">
        <v>2</v>
      </c>
      <c r="D40009">
        <v>0</v>
      </c>
    </row>
    <row r="40010" spans="1:4" x14ac:dyDescent="0.25">
      <c r="A40010" t="s">
        <v>56925</v>
      </c>
      <c r="B40010" t="s">
        <v>56926</v>
      </c>
      <c r="C40010">
        <v>0</v>
      </c>
      <c r="D40010">
        <v>0</v>
      </c>
    </row>
    <row r="40011" spans="1:4" x14ac:dyDescent="0.25">
      <c r="A40011" t="s">
        <v>56925</v>
      </c>
      <c r="B40011" t="s">
        <v>56927</v>
      </c>
      <c r="C40011">
        <v>1</v>
      </c>
      <c r="D40011">
        <v>0</v>
      </c>
    </row>
    <row r="40012" spans="1:4" x14ac:dyDescent="0.25">
      <c r="A40012" t="s">
        <v>56928</v>
      </c>
      <c r="B40012" t="s">
        <v>56929</v>
      </c>
      <c r="C40012">
        <v>1</v>
      </c>
      <c r="D40012">
        <v>0</v>
      </c>
    </row>
    <row r="40013" spans="1:4" x14ac:dyDescent="0.25">
      <c r="A40013" t="s">
        <v>56928</v>
      </c>
      <c r="B40013" t="s">
        <v>56930</v>
      </c>
      <c r="C40013">
        <v>1</v>
      </c>
      <c r="D40013">
        <v>0</v>
      </c>
    </row>
    <row r="40014" spans="1:4" x14ac:dyDescent="0.25">
      <c r="A40014" t="s">
        <v>56928</v>
      </c>
      <c r="B40014" t="s">
        <v>56931</v>
      </c>
      <c r="C40014">
        <v>2</v>
      </c>
      <c r="D40014">
        <v>0</v>
      </c>
    </row>
    <row r="40015" spans="1:4" x14ac:dyDescent="0.25">
      <c r="A40015" t="s">
        <v>56928</v>
      </c>
      <c r="B40015" t="s">
        <v>56932</v>
      </c>
      <c r="C40015">
        <v>0</v>
      </c>
      <c r="D40015">
        <v>0</v>
      </c>
    </row>
    <row r="40016" spans="1:4" x14ac:dyDescent="0.25">
      <c r="A40016" t="s">
        <v>56928</v>
      </c>
      <c r="B40016" t="s">
        <v>56931</v>
      </c>
      <c r="C40016">
        <v>2</v>
      </c>
      <c r="D40016">
        <v>0</v>
      </c>
    </row>
    <row r="40017" spans="1:4" x14ac:dyDescent="0.25">
      <c r="A40017" t="s">
        <v>56928</v>
      </c>
      <c r="B40017" t="s">
        <v>56933</v>
      </c>
      <c r="C40017">
        <v>0</v>
      </c>
      <c r="D40017">
        <v>0</v>
      </c>
    </row>
    <row r="40018" spans="1:4" x14ac:dyDescent="0.25">
      <c r="A40018" t="s">
        <v>56928</v>
      </c>
      <c r="B40018" t="s">
        <v>56934</v>
      </c>
      <c r="C40018">
        <v>2</v>
      </c>
      <c r="D40018">
        <v>0</v>
      </c>
    </row>
    <row r="40019" spans="1:4" x14ac:dyDescent="0.25">
      <c r="A40019" t="s">
        <v>56935</v>
      </c>
      <c r="B40019" t="s">
        <v>56936</v>
      </c>
      <c r="C40019">
        <v>0</v>
      </c>
      <c r="D40019">
        <v>0</v>
      </c>
    </row>
    <row r="40020" spans="1:4" x14ac:dyDescent="0.25">
      <c r="A40020" t="s">
        <v>56935</v>
      </c>
      <c r="B40020" t="s">
        <v>56937</v>
      </c>
      <c r="C40020">
        <v>0</v>
      </c>
      <c r="D40020">
        <v>0</v>
      </c>
    </row>
    <row r="40021" spans="1:4" x14ac:dyDescent="0.25">
      <c r="A40021" t="s">
        <v>56938</v>
      </c>
      <c r="B40021" t="s">
        <v>56939</v>
      </c>
      <c r="C40021">
        <v>1</v>
      </c>
      <c r="D40021">
        <v>0</v>
      </c>
    </row>
    <row r="40022" spans="1:4" x14ac:dyDescent="0.25">
      <c r="A40022" t="s">
        <v>56938</v>
      </c>
      <c r="B40022" t="s">
        <v>56940</v>
      </c>
      <c r="C40022">
        <v>0</v>
      </c>
      <c r="D40022">
        <v>0</v>
      </c>
    </row>
    <row r="40023" spans="1:4" x14ac:dyDescent="0.25">
      <c r="A40023" t="s">
        <v>56938</v>
      </c>
      <c r="B40023" t="s">
        <v>56941</v>
      </c>
      <c r="C40023">
        <v>0</v>
      </c>
      <c r="D40023">
        <v>0</v>
      </c>
    </row>
    <row r="40024" spans="1:4" x14ac:dyDescent="0.25">
      <c r="A40024" t="s">
        <v>56938</v>
      </c>
      <c r="B40024" t="s">
        <v>56942</v>
      </c>
      <c r="C40024">
        <v>1</v>
      </c>
      <c r="D40024">
        <v>0</v>
      </c>
    </row>
    <row r="40025" spans="1:4" x14ac:dyDescent="0.25">
      <c r="A40025" t="s">
        <v>56938</v>
      </c>
      <c r="B40025" t="s">
        <v>56943</v>
      </c>
      <c r="C40025">
        <v>1</v>
      </c>
      <c r="D40025">
        <v>0</v>
      </c>
    </row>
    <row r="40026" spans="1:4" x14ac:dyDescent="0.25">
      <c r="A40026" t="s">
        <v>56938</v>
      </c>
      <c r="B40026" t="s">
        <v>56944</v>
      </c>
      <c r="C40026">
        <v>0</v>
      </c>
      <c r="D40026">
        <v>0</v>
      </c>
    </row>
    <row r="40027" spans="1:4" x14ac:dyDescent="0.25">
      <c r="A40027" t="s">
        <v>56945</v>
      </c>
      <c r="B40027" t="s">
        <v>56946</v>
      </c>
      <c r="C40027">
        <v>1</v>
      </c>
      <c r="D40027">
        <v>0</v>
      </c>
    </row>
    <row r="40028" spans="1:4" x14ac:dyDescent="0.25">
      <c r="A40028" t="s">
        <v>56945</v>
      </c>
      <c r="B40028" t="s">
        <v>56947</v>
      </c>
      <c r="C40028">
        <v>2</v>
      </c>
      <c r="D40028">
        <v>0</v>
      </c>
    </row>
    <row r="40029" spans="1:4" x14ac:dyDescent="0.25">
      <c r="A40029" t="s">
        <v>56945</v>
      </c>
      <c r="B40029" t="s">
        <v>56948</v>
      </c>
      <c r="C40029">
        <v>1</v>
      </c>
      <c r="D40029">
        <v>0</v>
      </c>
    </row>
    <row r="40030" spans="1:4" x14ac:dyDescent="0.25">
      <c r="A40030" t="s">
        <v>56945</v>
      </c>
      <c r="B40030" t="s">
        <v>56949</v>
      </c>
      <c r="C40030">
        <v>0</v>
      </c>
      <c r="D40030">
        <v>0</v>
      </c>
    </row>
    <row r="40031" spans="1:4" x14ac:dyDescent="0.25">
      <c r="A40031" t="s">
        <v>56950</v>
      </c>
      <c r="B40031" t="s">
        <v>56951</v>
      </c>
      <c r="C40031">
        <v>1</v>
      </c>
      <c r="D40031">
        <v>0</v>
      </c>
    </row>
    <row r="40032" spans="1:4" x14ac:dyDescent="0.25">
      <c r="A40032" t="s">
        <v>56950</v>
      </c>
      <c r="B40032" t="s">
        <v>56952</v>
      </c>
      <c r="C40032">
        <v>0</v>
      </c>
      <c r="D40032">
        <v>0</v>
      </c>
    </row>
    <row r="40033" spans="1:4" x14ac:dyDescent="0.25">
      <c r="A40033" t="s">
        <v>56950</v>
      </c>
      <c r="B40033" t="s">
        <v>56953</v>
      </c>
      <c r="C40033">
        <v>0</v>
      </c>
      <c r="D40033">
        <v>0</v>
      </c>
    </row>
    <row r="40034" spans="1:4" x14ac:dyDescent="0.25">
      <c r="A40034" t="s">
        <v>56950</v>
      </c>
      <c r="B40034" t="s">
        <v>56954</v>
      </c>
      <c r="C40034">
        <v>0</v>
      </c>
      <c r="D40034">
        <v>0</v>
      </c>
    </row>
    <row r="40035" spans="1:4" x14ac:dyDescent="0.25">
      <c r="A40035" t="s">
        <v>56950</v>
      </c>
      <c r="B40035" t="s">
        <v>56955</v>
      </c>
      <c r="C40035">
        <v>0</v>
      </c>
      <c r="D40035">
        <v>0</v>
      </c>
    </row>
    <row r="40036" spans="1:4" x14ac:dyDescent="0.25">
      <c r="A40036" t="s">
        <v>56950</v>
      </c>
      <c r="B40036" t="s">
        <v>56956</v>
      </c>
      <c r="C40036">
        <v>0</v>
      </c>
      <c r="D40036">
        <v>0</v>
      </c>
    </row>
    <row r="40037" spans="1:4" x14ac:dyDescent="0.25">
      <c r="A40037" t="s">
        <v>56950</v>
      </c>
      <c r="B40037" t="s">
        <v>56957</v>
      </c>
      <c r="C40037">
        <v>0</v>
      </c>
      <c r="D40037">
        <v>0</v>
      </c>
    </row>
    <row r="40038" spans="1:4" x14ac:dyDescent="0.25">
      <c r="A40038" t="s">
        <v>56958</v>
      </c>
      <c r="B40038" t="s">
        <v>56959</v>
      </c>
      <c r="C40038">
        <v>2</v>
      </c>
      <c r="D40038">
        <v>0</v>
      </c>
    </row>
    <row r="40039" spans="1:4" x14ac:dyDescent="0.25">
      <c r="A40039" t="s">
        <v>56958</v>
      </c>
      <c r="B40039" t="s">
        <v>56960</v>
      </c>
      <c r="C40039">
        <v>2</v>
      </c>
      <c r="D40039">
        <v>0</v>
      </c>
    </row>
    <row r="40040" spans="1:4" x14ac:dyDescent="0.25">
      <c r="A40040" t="s">
        <v>56958</v>
      </c>
      <c r="B40040" t="s">
        <v>56961</v>
      </c>
      <c r="C40040">
        <v>2</v>
      </c>
      <c r="D40040">
        <v>0</v>
      </c>
    </row>
    <row r="40041" spans="1:4" x14ac:dyDescent="0.25">
      <c r="A40041" t="s">
        <v>56958</v>
      </c>
      <c r="B40041" t="s">
        <v>49794</v>
      </c>
      <c r="C40041">
        <v>1</v>
      </c>
      <c r="D40041">
        <v>0</v>
      </c>
    </row>
    <row r="40042" spans="1:4" x14ac:dyDescent="0.25">
      <c r="A40042" t="s">
        <v>56962</v>
      </c>
      <c r="B40042" t="s">
        <v>56963</v>
      </c>
      <c r="C40042">
        <v>2</v>
      </c>
      <c r="D40042">
        <v>0</v>
      </c>
    </row>
    <row r="40043" spans="1:4" x14ac:dyDescent="0.25">
      <c r="A40043" t="s">
        <v>56964</v>
      </c>
      <c r="B40043" t="s">
        <v>56965</v>
      </c>
      <c r="C40043">
        <v>1</v>
      </c>
      <c r="D40043">
        <v>0</v>
      </c>
    </row>
    <row r="40044" spans="1:4" x14ac:dyDescent="0.25">
      <c r="A40044" t="s">
        <v>56964</v>
      </c>
      <c r="B40044" t="s">
        <v>56966</v>
      </c>
      <c r="C40044">
        <v>1</v>
      </c>
      <c r="D40044">
        <v>0</v>
      </c>
    </row>
    <row r="40045" spans="1:4" x14ac:dyDescent="0.25">
      <c r="A40045" t="s">
        <v>56964</v>
      </c>
      <c r="B40045" t="s">
        <v>56967</v>
      </c>
      <c r="C40045">
        <v>1</v>
      </c>
      <c r="D40045">
        <v>0</v>
      </c>
    </row>
    <row r="40046" spans="1:4" x14ac:dyDescent="0.25">
      <c r="A40046" t="s">
        <v>56964</v>
      </c>
      <c r="B40046" t="s">
        <v>56968</v>
      </c>
      <c r="C40046">
        <v>1</v>
      </c>
      <c r="D40046">
        <v>0</v>
      </c>
    </row>
    <row r="40047" spans="1:4" x14ac:dyDescent="0.25">
      <c r="A40047" t="s">
        <v>56964</v>
      </c>
      <c r="B40047" t="s">
        <v>56969</v>
      </c>
      <c r="C40047">
        <v>1</v>
      </c>
      <c r="D40047">
        <v>0</v>
      </c>
    </row>
    <row r="40048" spans="1:4" x14ac:dyDescent="0.25">
      <c r="A40048" t="s">
        <v>56964</v>
      </c>
      <c r="B40048" t="s">
        <v>56970</v>
      </c>
      <c r="C40048">
        <v>0</v>
      </c>
      <c r="D40048">
        <v>0</v>
      </c>
    </row>
    <row r="40049" spans="1:4" x14ac:dyDescent="0.25">
      <c r="A40049" t="s">
        <v>56964</v>
      </c>
      <c r="B40049" t="s">
        <v>56971</v>
      </c>
      <c r="C40049">
        <v>1</v>
      </c>
      <c r="D40049">
        <v>0</v>
      </c>
    </row>
    <row r="40050" spans="1:4" x14ac:dyDescent="0.25">
      <c r="A40050" t="s">
        <v>56972</v>
      </c>
      <c r="B40050" t="s">
        <v>5864</v>
      </c>
      <c r="C40050">
        <v>1</v>
      </c>
      <c r="D40050">
        <v>0</v>
      </c>
    </row>
    <row r="40051" spans="1:4" x14ac:dyDescent="0.25">
      <c r="A40051" t="s">
        <v>56972</v>
      </c>
      <c r="B40051" t="s">
        <v>56973</v>
      </c>
      <c r="C40051">
        <v>1</v>
      </c>
      <c r="D40051">
        <v>0</v>
      </c>
    </row>
    <row r="40052" spans="1:4" x14ac:dyDescent="0.25">
      <c r="A40052" t="s">
        <v>56972</v>
      </c>
      <c r="B40052" t="s">
        <v>42776</v>
      </c>
      <c r="C40052">
        <v>0</v>
      </c>
      <c r="D40052">
        <v>0</v>
      </c>
    </row>
    <row r="40053" spans="1:4" x14ac:dyDescent="0.25">
      <c r="A40053" t="s">
        <v>56972</v>
      </c>
      <c r="B40053" t="s">
        <v>12032</v>
      </c>
      <c r="C40053">
        <v>1</v>
      </c>
      <c r="D40053">
        <v>0</v>
      </c>
    </row>
    <row r="40054" spans="1:4" x14ac:dyDescent="0.25">
      <c r="A40054" t="s">
        <v>56972</v>
      </c>
      <c r="B40054" t="s">
        <v>49219</v>
      </c>
      <c r="C40054">
        <v>1</v>
      </c>
      <c r="D40054">
        <v>0</v>
      </c>
    </row>
    <row r="40055" spans="1:4" x14ac:dyDescent="0.25">
      <c r="A40055" t="s">
        <v>56972</v>
      </c>
      <c r="B40055" t="s">
        <v>56974</v>
      </c>
      <c r="C40055">
        <v>1</v>
      </c>
      <c r="D40055">
        <v>0</v>
      </c>
    </row>
    <row r="40056" spans="1:4" x14ac:dyDescent="0.25">
      <c r="A40056" t="s">
        <v>56972</v>
      </c>
      <c r="B40056" t="s">
        <v>56975</v>
      </c>
      <c r="C40056">
        <v>0</v>
      </c>
      <c r="D40056">
        <v>0</v>
      </c>
    </row>
    <row r="40057" spans="1:4" x14ac:dyDescent="0.25">
      <c r="A40057" t="s">
        <v>56976</v>
      </c>
      <c r="B40057" t="s">
        <v>56977</v>
      </c>
      <c r="C40057">
        <v>0</v>
      </c>
      <c r="D40057">
        <v>0</v>
      </c>
    </row>
    <row r="40058" spans="1:4" x14ac:dyDescent="0.25">
      <c r="A40058" t="s">
        <v>56976</v>
      </c>
      <c r="B40058" t="s">
        <v>56978</v>
      </c>
      <c r="C40058">
        <v>1</v>
      </c>
      <c r="D40058">
        <v>0</v>
      </c>
    </row>
    <row r="40059" spans="1:4" x14ac:dyDescent="0.25">
      <c r="A40059" t="s">
        <v>56976</v>
      </c>
      <c r="B40059" t="s">
        <v>56979</v>
      </c>
      <c r="C40059">
        <v>1</v>
      </c>
      <c r="D40059">
        <v>0</v>
      </c>
    </row>
    <row r="40060" spans="1:4" x14ac:dyDescent="0.25">
      <c r="A40060" t="s">
        <v>56976</v>
      </c>
      <c r="B40060" t="s">
        <v>56980</v>
      </c>
      <c r="C40060">
        <v>0</v>
      </c>
      <c r="D40060">
        <v>0</v>
      </c>
    </row>
    <row r="40061" spans="1:4" x14ac:dyDescent="0.25">
      <c r="A40061" t="s">
        <v>56976</v>
      </c>
      <c r="B40061" t="s">
        <v>56981</v>
      </c>
      <c r="C40061">
        <v>0</v>
      </c>
      <c r="D40061">
        <v>0</v>
      </c>
    </row>
    <row r="40062" spans="1:4" x14ac:dyDescent="0.25">
      <c r="A40062" t="s">
        <v>56982</v>
      </c>
      <c r="B40062" t="s">
        <v>56983</v>
      </c>
      <c r="C40062">
        <v>2</v>
      </c>
      <c r="D40062">
        <v>0</v>
      </c>
    </row>
    <row r="40063" spans="1:4" x14ac:dyDescent="0.25">
      <c r="A40063" t="s">
        <v>56982</v>
      </c>
      <c r="B40063" t="s">
        <v>56984</v>
      </c>
      <c r="C40063">
        <v>1</v>
      </c>
      <c r="D40063">
        <v>0</v>
      </c>
    </row>
    <row r="40064" spans="1:4" x14ac:dyDescent="0.25">
      <c r="A40064" t="s">
        <v>56982</v>
      </c>
      <c r="B40064" t="s">
        <v>56985</v>
      </c>
      <c r="C40064">
        <v>2</v>
      </c>
      <c r="D40064">
        <v>0</v>
      </c>
    </row>
    <row r="40065" spans="1:4" x14ac:dyDescent="0.25">
      <c r="A40065" t="s">
        <v>56982</v>
      </c>
      <c r="B40065" t="s">
        <v>56986</v>
      </c>
      <c r="C40065">
        <v>2</v>
      </c>
      <c r="D40065">
        <v>0</v>
      </c>
    </row>
    <row r="40066" spans="1:4" x14ac:dyDescent="0.25">
      <c r="A40066" t="s">
        <v>56982</v>
      </c>
      <c r="B40066" t="s">
        <v>56987</v>
      </c>
      <c r="C40066">
        <v>2</v>
      </c>
      <c r="D40066">
        <v>0</v>
      </c>
    </row>
    <row r="40067" spans="1:4" x14ac:dyDescent="0.25">
      <c r="A40067" t="s">
        <v>56988</v>
      </c>
      <c r="B40067" t="s">
        <v>56989</v>
      </c>
      <c r="C40067">
        <v>0</v>
      </c>
      <c r="D40067">
        <v>0</v>
      </c>
    </row>
    <row r="40068" spans="1:4" x14ac:dyDescent="0.25">
      <c r="A40068" t="s">
        <v>56988</v>
      </c>
      <c r="B40068" t="s">
        <v>56990</v>
      </c>
      <c r="C40068">
        <v>1</v>
      </c>
      <c r="D40068">
        <v>0</v>
      </c>
    </row>
    <row r="40069" spans="1:4" x14ac:dyDescent="0.25">
      <c r="A40069" t="s">
        <v>56988</v>
      </c>
      <c r="B40069" t="s">
        <v>56991</v>
      </c>
      <c r="C40069">
        <v>0</v>
      </c>
      <c r="D40069">
        <v>0</v>
      </c>
    </row>
    <row r="40070" spans="1:4" x14ac:dyDescent="0.25">
      <c r="A40070" t="s">
        <v>56988</v>
      </c>
      <c r="B40070" t="s">
        <v>56992</v>
      </c>
      <c r="C40070">
        <v>1</v>
      </c>
      <c r="D40070">
        <v>0</v>
      </c>
    </row>
    <row r="40071" spans="1:4" x14ac:dyDescent="0.25">
      <c r="A40071" t="s">
        <v>56988</v>
      </c>
      <c r="B40071" t="s">
        <v>56993</v>
      </c>
      <c r="C40071">
        <v>2</v>
      </c>
      <c r="D40071">
        <v>0</v>
      </c>
    </row>
    <row r="40072" spans="1:4" x14ac:dyDescent="0.25">
      <c r="A40072" t="s">
        <v>56988</v>
      </c>
      <c r="B40072" t="s">
        <v>56994</v>
      </c>
      <c r="C40072">
        <v>2</v>
      </c>
      <c r="D40072">
        <v>0</v>
      </c>
    </row>
    <row r="40073" spans="1:4" x14ac:dyDescent="0.25">
      <c r="A40073" t="s">
        <v>56988</v>
      </c>
      <c r="B40073" t="s">
        <v>56995</v>
      </c>
      <c r="C40073">
        <v>1</v>
      </c>
      <c r="D40073">
        <v>0</v>
      </c>
    </row>
    <row r="40074" spans="1:4" x14ac:dyDescent="0.25">
      <c r="A40074" t="s">
        <v>56996</v>
      </c>
      <c r="B40074" t="s">
        <v>56997</v>
      </c>
      <c r="C40074">
        <v>1</v>
      </c>
      <c r="D40074">
        <v>0</v>
      </c>
    </row>
    <row r="40075" spans="1:4" x14ac:dyDescent="0.25">
      <c r="A40075" t="s">
        <v>56996</v>
      </c>
      <c r="B40075" t="s">
        <v>56998</v>
      </c>
      <c r="C40075">
        <v>1</v>
      </c>
      <c r="D40075">
        <v>0</v>
      </c>
    </row>
    <row r="40076" spans="1:4" x14ac:dyDescent="0.25">
      <c r="A40076" t="s">
        <v>56996</v>
      </c>
      <c r="B40076" t="s">
        <v>56999</v>
      </c>
      <c r="C40076">
        <v>1</v>
      </c>
      <c r="D40076">
        <v>0</v>
      </c>
    </row>
    <row r="40077" spans="1:4" x14ac:dyDescent="0.25">
      <c r="A40077" t="s">
        <v>56996</v>
      </c>
      <c r="B40077" t="s">
        <v>57000</v>
      </c>
      <c r="C40077">
        <v>2</v>
      </c>
      <c r="D40077">
        <v>0</v>
      </c>
    </row>
    <row r="40078" spans="1:4" x14ac:dyDescent="0.25">
      <c r="A40078" t="s">
        <v>57001</v>
      </c>
      <c r="B40078" t="s">
        <v>57002</v>
      </c>
      <c r="C40078">
        <v>2</v>
      </c>
      <c r="D40078">
        <v>0</v>
      </c>
    </row>
    <row r="40079" spans="1:4" x14ac:dyDescent="0.25">
      <c r="A40079" t="s">
        <v>57001</v>
      </c>
      <c r="B40079" t="s">
        <v>57003</v>
      </c>
      <c r="C40079">
        <v>0</v>
      </c>
      <c r="D40079">
        <v>0</v>
      </c>
    </row>
    <row r="40080" spans="1:4" x14ac:dyDescent="0.25">
      <c r="A40080" t="s">
        <v>57001</v>
      </c>
      <c r="B40080" t="s">
        <v>57004</v>
      </c>
      <c r="C40080">
        <v>1</v>
      </c>
      <c r="D40080">
        <v>0</v>
      </c>
    </row>
    <row r="40081" spans="1:4" x14ac:dyDescent="0.25">
      <c r="A40081" t="s">
        <v>57005</v>
      </c>
      <c r="B40081" t="s">
        <v>57006</v>
      </c>
      <c r="C40081">
        <v>2</v>
      </c>
      <c r="D40081">
        <v>0</v>
      </c>
    </row>
    <row r="40082" spans="1:4" x14ac:dyDescent="0.25">
      <c r="A40082" t="s">
        <v>57005</v>
      </c>
      <c r="B40082" t="s">
        <v>57007</v>
      </c>
      <c r="C40082">
        <v>1</v>
      </c>
      <c r="D40082">
        <v>0</v>
      </c>
    </row>
    <row r="40083" spans="1:4" x14ac:dyDescent="0.25">
      <c r="A40083" t="s">
        <v>57005</v>
      </c>
      <c r="B40083" t="s">
        <v>57008</v>
      </c>
      <c r="C40083">
        <v>1</v>
      </c>
      <c r="D40083">
        <v>0</v>
      </c>
    </row>
    <row r="40084" spans="1:4" x14ac:dyDescent="0.25">
      <c r="A40084" t="s">
        <v>57005</v>
      </c>
      <c r="B40084" t="s">
        <v>57009</v>
      </c>
      <c r="C40084">
        <v>2</v>
      </c>
      <c r="D40084">
        <v>0</v>
      </c>
    </row>
    <row r="40085" spans="1:4" x14ac:dyDescent="0.25">
      <c r="A40085" t="s">
        <v>57010</v>
      </c>
      <c r="B40085" t="s">
        <v>57011</v>
      </c>
      <c r="C40085">
        <v>1</v>
      </c>
      <c r="D40085">
        <v>0</v>
      </c>
    </row>
    <row r="40086" spans="1:4" x14ac:dyDescent="0.25">
      <c r="A40086" t="s">
        <v>57010</v>
      </c>
      <c r="B40086" t="s">
        <v>57012</v>
      </c>
      <c r="C40086">
        <v>1</v>
      </c>
      <c r="D40086">
        <v>0</v>
      </c>
    </row>
    <row r="40087" spans="1:4" x14ac:dyDescent="0.25">
      <c r="A40087" t="s">
        <v>57010</v>
      </c>
      <c r="B40087" t="s">
        <v>57013</v>
      </c>
      <c r="C40087">
        <v>1</v>
      </c>
      <c r="D40087">
        <v>0</v>
      </c>
    </row>
    <row r="40088" spans="1:4" x14ac:dyDescent="0.25">
      <c r="A40088" t="s">
        <v>57010</v>
      </c>
      <c r="B40088" t="s">
        <v>57014</v>
      </c>
      <c r="C40088">
        <v>0</v>
      </c>
      <c r="D40088">
        <v>0</v>
      </c>
    </row>
    <row r="40089" spans="1:4" x14ac:dyDescent="0.25">
      <c r="A40089" t="s">
        <v>57015</v>
      </c>
      <c r="B40089" t="s">
        <v>42776</v>
      </c>
      <c r="C40089">
        <v>0</v>
      </c>
      <c r="D40089">
        <v>0</v>
      </c>
    </row>
    <row r="40090" spans="1:4" x14ac:dyDescent="0.25">
      <c r="A40090" t="s">
        <v>57015</v>
      </c>
      <c r="B40090" t="s">
        <v>57016</v>
      </c>
      <c r="C40090">
        <v>0</v>
      </c>
      <c r="D40090">
        <v>0</v>
      </c>
    </row>
    <row r="40091" spans="1:4" x14ac:dyDescent="0.25">
      <c r="A40091" t="s">
        <v>57015</v>
      </c>
      <c r="B40091" t="s">
        <v>11948</v>
      </c>
      <c r="C40091">
        <v>0</v>
      </c>
      <c r="D40091">
        <v>0</v>
      </c>
    </row>
    <row r="40092" spans="1:4" x14ac:dyDescent="0.25">
      <c r="A40092" t="s">
        <v>57015</v>
      </c>
      <c r="B40092" t="s">
        <v>57017</v>
      </c>
      <c r="C40092">
        <v>1</v>
      </c>
      <c r="D40092">
        <v>0</v>
      </c>
    </row>
    <row r="40093" spans="1:4" x14ac:dyDescent="0.25">
      <c r="A40093" t="s">
        <v>57018</v>
      </c>
      <c r="B40093" t="s">
        <v>57019</v>
      </c>
      <c r="C40093">
        <v>0</v>
      </c>
      <c r="D40093">
        <v>0</v>
      </c>
    </row>
    <row r="40094" spans="1:4" x14ac:dyDescent="0.25">
      <c r="A40094" t="s">
        <v>57018</v>
      </c>
      <c r="B40094" t="s">
        <v>57020</v>
      </c>
      <c r="C40094">
        <v>0</v>
      </c>
      <c r="D40094">
        <v>0</v>
      </c>
    </row>
    <row r="40095" spans="1:4" x14ac:dyDescent="0.25">
      <c r="A40095" t="s">
        <v>57018</v>
      </c>
      <c r="B40095" t="s">
        <v>57021</v>
      </c>
      <c r="C40095">
        <v>0</v>
      </c>
      <c r="D40095">
        <v>0</v>
      </c>
    </row>
    <row r="40096" spans="1:4" x14ac:dyDescent="0.25">
      <c r="A40096" t="s">
        <v>57018</v>
      </c>
      <c r="B40096" t="s">
        <v>57022</v>
      </c>
      <c r="C40096">
        <v>0</v>
      </c>
      <c r="D40096">
        <v>0</v>
      </c>
    </row>
    <row r="40097" spans="1:4" x14ac:dyDescent="0.25">
      <c r="A40097" t="s">
        <v>57023</v>
      </c>
      <c r="B40097" t="s">
        <v>57024</v>
      </c>
      <c r="C40097">
        <v>1</v>
      </c>
      <c r="D40097">
        <v>0</v>
      </c>
    </row>
    <row r="40098" spans="1:4" x14ac:dyDescent="0.25">
      <c r="A40098" t="s">
        <v>57023</v>
      </c>
      <c r="B40098" t="s">
        <v>57025</v>
      </c>
      <c r="C40098">
        <v>0</v>
      </c>
      <c r="D40098">
        <v>0</v>
      </c>
    </row>
    <row r="40099" spans="1:4" x14ac:dyDescent="0.25">
      <c r="A40099" t="s">
        <v>57023</v>
      </c>
      <c r="B40099" t="s">
        <v>57026</v>
      </c>
      <c r="C40099">
        <v>1</v>
      </c>
      <c r="D40099">
        <v>0</v>
      </c>
    </row>
    <row r="40100" spans="1:4" x14ac:dyDescent="0.25">
      <c r="A40100" t="s">
        <v>57023</v>
      </c>
      <c r="B40100" t="s">
        <v>57027</v>
      </c>
      <c r="C40100">
        <v>1</v>
      </c>
      <c r="D40100">
        <v>0</v>
      </c>
    </row>
    <row r="40101" spans="1:4" x14ac:dyDescent="0.25">
      <c r="A40101" t="s">
        <v>57023</v>
      </c>
      <c r="B40101" t="s">
        <v>57028</v>
      </c>
      <c r="C40101">
        <v>1</v>
      </c>
      <c r="D40101">
        <v>0</v>
      </c>
    </row>
    <row r="40102" spans="1:4" x14ac:dyDescent="0.25">
      <c r="A40102" t="s">
        <v>57023</v>
      </c>
      <c r="B40102" t="s">
        <v>57029</v>
      </c>
      <c r="C40102">
        <v>0</v>
      </c>
      <c r="D40102">
        <v>0</v>
      </c>
    </row>
    <row r="40103" spans="1:4" x14ac:dyDescent="0.25">
      <c r="A40103" t="s">
        <v>57030</v>
      </c>
      <c r="B40103" t="s">
        <v>57031</v>
      </c>
      <c r="C40103">
        <v>2</v>
      </c>
      <c r="D40103">
        <v>0</v>
      </c>
    </row>
    <row r="40104" spans="1:4" x14ac:dyDescent="0.25">
      <c r="A40104" t="s">
        <v>57030</v>
      </c>
      <c r="B40104" t="s">
        <v>57032</v>
      </c>
      <c r="C40104">
        <v>1</v>
      </c>
      <c r="D40104">
        <v>0</v>
      </c>
    </row>
    <row r="40105" spans="1:4" x14ac:dyDescent="0.25">
      <c r="A40105" t="s">
        <v>57033</v>
      </c>
      <c r="B40105" t="s">
        <v>57034</v>
      </c>
      <c r="C40105">
        <v>1</v>
      </c>
      <c r="D40105">
        <v>0</v>
      </c>
    </row>
    <row r="40106" spans="1:4" x14ac:dyDescent="0.25">
      <c r="A40106" t="s">
        <v>57033</v>
      </c>
      <c r="B40106" t="s">
        <v>57035</v>
      </c>
      <c r="C40106">
        <v>1</v>
      </c>
      <c r="D40106">
        <v>0</v>
      </c>
    </row>
    <row r="40107" spans="1:4" x14ac:dyDescent="0.25">
      <c r="A40107" t="s">
        <v>57033</v>
      </c>
      <c r="B40107" t="s">
        <v>57036</v>
      </c>
      <c r="C40107">
        <v>0</v>
      </c>
      <c r="D40107">
        <v>0</v>
      </c>
    </row>
    <row r="40108" spans="1:4" x14ac:dyDescent="0.25">
      <c r="A40108" t="s">
        <v>57033</v>
      </c>
      <c r="B40108" t="s">
        <v>57037</v>
      </c>
      <c r="C40108">
        <v>1</v>
      </c>
      <c r="D40108">
        <v>0</v>
      </c>
    </row>
    <row r="40109" spans="1:4" x14ac:dyDescent="0.25">
      <c r="A40109" t="s">
        <v>57033</v>
      </c>
      <c r="B40109" t="s">
        <v>57038</v>
      </c>
      <c r="C40109">
        <v>0</v>
      </c>
      <c r="D40109">
        <v>0</v>
      </c>
    </row>
    <row r="40110" spans="1:4" x14ac:dyDescent="0.25">
      <c r="A40110" t="s">
        <v>57039</v>
      </c>
      <c r="B40110" t="s">
        <v>57040</v>
      </c>
      <c r="C40110">
        <v>1</v>
      </c>
      <c r="D40110">
        <v>0</v>
      </c>
    </row>
    <row r="40111" spans="1:4" x14ac:dyDescent="0.25">
      <c r="A40111" t="s">
        <v>57039</v>
      </c>
      <c r="B40111" t="s">
        <v>57041</v>
      </c>
      <c r="C40111">
        <v>0</v>
      </c>
      <c r="D40111">
        <v>0</v>
      </c>
    </row>
    <row r="40112" spans="1:4" x14ac:dyDescent="0.25">
      <c r="A40112" t="s">
        <v>57039</v>
      </c>
      <c r="B40112" t="s">
        <v>57042</v>
      </c>
      <c r="C40112">
        <v>1</v>
      </c>
      <c r="D40112">
        <v>0</v>
      </c>
    </row>
    <row r="40113" spans="1:4" x14ac:dyDescent="0.25">
      <c r="A40113" t="s">
        <v>57043</v>
      </c>
      <c r="B40113" t="s">
        <v>57044</v>
      </c>
      <c r="C40113">
        <v>0</v>
      </c>
      <c r="D40113">
        <v>0</v>
      </c>
    </row>
    <row r="40114" spans="1:4" x14ac:dyDescent="0.25">
      <c r="A40114" t="s">
        <v>57043</v>
      </c>
      <c r="B40114" t="s">
        <v>47194</v>
      </c>
      <c r="C40114">
        <v>1</v>
      </c>
      <c r="D40114">
        <v>0</v>
      </c>
    </row>
    <row r="40115" spans="1:4" x14ac:dyDescent="0.25">
      <c r="A40115" t="s">
        <v>57045</v>
      </c>
      <c r="B40115" t="s">
        <v>57046</v>
      </c>
      <c r="C40115">
        <v>2</v>
      </c>
      <c r="D40115">
        <v>0</v>
      </c>
    </row>
    <row r="40116" spans="1:4" x14ac:dyDescent="0.25">
      <c r="A40116" t="s">
        <v>57045</v>
      </c>
      <c r="B40116" t="s">
        <v>57047</v>
      </c>
      <c r="C40116">
        <v>1</v>
      </c>
      <c r="D40116">
        <v>0</v>
      </c>
    </row>
    <row r="40117" spans="1:4" x14ac:dyDescent="0.25">
      <c r="A40117" t="s">
        <v>57045</v>
      </c>
      <c r="B40117" t="s">
        <v>57048</v>
      </c>
      <c r="C40117">
        <v>2</v>
      </c>
      <c r="D40117">
        <v>0</v>
      </c>
    </row>
    <row r="40118" spans="1:4" x14ac:dyDescent="0.25">
      <c r="A40118" t="s">
        <v>57045</v>
      </c>
      <c r="B40118" t="s">
        <v>57049</v>
      </c>
      <c r="C40118">
        <v>2</v>
      </c>
      <c r="D40118">
        <v>0</v>
      </c>
    </row>
    <row r="40119" spans="1:4" x14ac:dyDescent="0.25">
      <c r="A40119" t="s">
        <v>57045</v>
      </c>
      <c r="B40119" t="s">
        <v>57050</v>
      </c>
      <c r="C40119">
        <v>2</v>
      </c>
      <c r="D40119">
        <v>0</v>
      </c>
    </row>
    <row r="40120" spans="1:4" x14ac:dyDescent="0.25">
      <c r="A40120" t="s">
        <v>57045</v>
      </c>
      <c r="B40120" t="s">
        <v>57051</v>
      </c>
      <c r="C40120">
        <v>1</v>
      </c>
      <c r="D40120">
        <v>0</v>
      </c>
    </row>
    <row r="40121" spans="1:4" x14ac:dyDescent="0.25">
      <c r="A40121" t="s">
        <v>57052</v>
      </c>
      <c r="B40121" t="s">
        <v>57053</v>
      </c>
      <c r="C40121">
        <v>0</v>
      </c>
      <c r="D40121">
        <v>0</v>
      </c>
    </row>
    <row r="40122" spans="1:4" x14ac:dyDescent="0.25">
      <c r="A40122" t="s">
        <v>57054</v>
      </c>
      <c r="B40122" t="s">
        <v>57055</v>
      </c>
      <c r="C40122">
        <v>2</v>
      </c>
      <c r="D40122">
        <v>0</v>
      </c>
    </row>
    <row r="40123" spans="1:4" x14ac:dyDescent="0.25">
      <c r="A40123" t="s">
        <v>57054</v>
      </c>
      <c r="B40123" t="s">
        <v>57056</v>
      </c>
      <c r="C40123">
        <v>1</v>
      </c>
      <c r="D40123">
        <v>0</v>
      </c>
    </row>
    <row r="40124" spans="1:4" x14ac:dyDescent="0.25">
      <c r="A40124" t="s">
        <v>57054</v>
      </c>
      <c r="B40124" t="s">
        <v>57057</v>
      </c>
      <c r="C40124">
        <v>1</v>
      </c>
      <c r="D40124">
        <v>0</v>
      </c>
    </row>
    <row r="40125" spans="1:4" x14ac:dyDescent="0.25">
      <c r="A40125" t="s">
        <v>57058</v>
      </c>
      <c r="B40125" t="s">
        <v>57059</v>
      </c>
      <c r="C40125">
        <v>0</v>
      </c>
      <c r="D40125">
        <v>0</v>
      </c>
    </row>
    <row r="40126" spans="1:4" x14ac:dyDescent="0.25">
      <c r="A40126" t="s">
        <v>57058</v>
      </c>
      <c r="B40126" t="s">
        <v>57060</v>
      </c>
      <c r="C40126">
        <v>0</v>
      </c>
      <c r="D40126">
        <v>0</v>
      </c>
    </row>
    <row r="40127" spans="1:4" x14ac:dyDescent="0.25">
      <c r="A40127" t="s">
        <v>57058</v>
      </c>
      <c r="B40127" t="s">
        <v>57061</v>
      </c>
      <c r="C40127">
        <v>2</v>
      </c>
      <c r="D40127">
        <v>0</v>
      </c>
    </row>
    <row r="40128" spans="1:4" x14ac:dyDescent="0.25">
      <c r="A40128" t="s">
        <v>57058</v>
      </c>
      <c r="B40128" t="s">
        <v>57062</v>
      </c>
      <c r="C40128">
        <v>0</v>
      </c>
      <c r="D40128">
        <v>0</v>
      </c>
    </row>
    <row r="40129" spans="1:4" x14ac:dyDescent="0.25">
      <c r="A40129" t="s">
        <v>57063</v>
      </c>
      <c r="B40129" t="s">
        <v>57064</v>
      </c>
      <c r="C40129">
        <v>1</v>
      </c>
      <c r="D40129">
        <v>0</v>
      </c>
    </row>
    <row r="40130" spans="1:4" x14ac:dyDescent="0.25">
      <c r="A40130" t="s">
        <v>57063</v>
      </c>
      <c r="B40130" t="s">
        <v>57065</v>
      </c>
      <c r="C40130">
        <v>2</v>
      </c>
      <c r="D40130">
        <v>0</v>
      </c>
    </row>
    <row r="40131" spans="1:4" x14ac:dyDescent="0.25">
      <c r="A40131" t="s">
        <v>57063</v>
      </c>
      <c r="B40131" t="s">
        <v>57066</v>
      </c>
      <c r="C40131">
        <v>1</v>
      </c>
      <c r="D40131">
        <v>0</v>
      </c>
    </row>
    <row r="40132" spans="1:4" x14ac:dyDescent="0.25">
      <c r="A40132" t="s">
        <v>57063</v>
      </c>
      <c r="B40132" t="s">
        <v>57067</v>
      </c>
      <c r="C40132">
        <v>2</v>
      </c>
      <c r="D40132">
        <v>0</v>
      </c>
    </row>
    <row r="40133" spans="1:4" x14ac:dyDescent="0.25">
      <c r="A40133" t="s">
        <v>57068</v>
      </c>
      <c r="B40133" t="s">
        <v>1294</v>
      </c>
      <c r="C40133">
        <v>1</v>
      </c>
      <c r="D40133">
        <v>0</v>
      </c>
    </row>
    <row r="40134" spans="1:4" x14ac:dyDescent="0.25">
      <c r="A40134" t="s">
        <v>57068</v>
      </c>
      <c r="B40134" t="s">
        <v>57069</v>
      </c>
      <c r="C40134">
        <v>1</v>
      </c>
      <c r="D40134">
        <v>0</v>
      </c>
    </row>
    <row r="40135" spans="1:4" x14ac:dyDescent="0.25">
      <c r="A40135" t="s">
        <v>57068</v>
      </c>
      <c r="B40135" t="s">
        <v>57070</v>
      </c>
      <c r="C40135">
        <v>1</v>
      </c>
      <c r="D40135">
        <v>0</v>
      </c>
    </row>
    <row r="40136" spans="1:4" x14ac:dyDescent="0.25">
      <c r="A40136" t="s">
        <v>57068</v>
      </c>
      <c r="B40136" t="s">
        <v>46567</v>
      </c>
      <c r="C40136">
        <v>1</v>
      </c>
      <c r="D40136">
        <v>0</v>
      </c>
    </row>
    <row r="40137" spans="1:4" x14ac:dyDescent="0.25">
      <c r="A40137" t="s">
        <v>57068</v>
      </c>
      <c r="B40137" t="s">
        <v>57071</v>
      </c>
      <c r="C40137">
        <v>1</v>
      </c>
      <c r="D40137">
        <v>0</v>
      </c>
    </row>
    <row r="40138" spans="1:4" x14ac:dyDescent="0.25">
      <c r="A40138" t="s">
        <v>57068</v>
      </c>
      <c r="B40138" t="s">
        <v>57072</v>
      </c>
      <c r="C40138">
        <v>1</v>
      </c>
      <c r="D40138">
        <v>0</v>
      </c>
    </row>
    <row r="40139" spans="1:4" x14ac:dyDescent="0.25">
      <c r="A40139" t="s">
        <v>57073</v>
      </c>
      <c r="B40139" t="s">
        <v>57074</v>
      </c>
      <c r="C40139">
        <v>1</v>
      </c>
      <c r="D40139">
        <v>0</v>
      </c>
    </row>
    <row r="40140" spans="1:4" x14ac:dyDescent="0.25">
      <c r="A40140" t="s">
        <v>57073</v>
      </c>
      <c r="B40140" t="s">
        <v>57075</v>
      </c>
      <c r="C40140">
        <v>1</v>
      </c>
      <c r="D40140">
        <v>0</v>
      </c>
    </row>
    <row r="40141" spans="1:4" x14ac:dyDescent="0.25">
      <c r="A40141" t="s">
        <v>57073</v>
      </c>
      <c r="B40141" t="s">
        <v>57076</v>
      </c>
      <c r="C40141">
        <v>2</v>
      </c>
      <c r="D40141">
        <v>0</v>
      </c>
    </row>
    <row r="40142" spans="1:4" x14ac:dyDescent="0.25">
      <c r="A40142" t="s">
        <v>57073</v>
      </c>
      <c r="B40142" t="s">
        <v>57077</v>
      </c>
      <c r="C40142">
        <v>2</v>
      </c>
      <c r="D40142">
        <v>0</v>
      </c>
    </row>
    <row r="40143" spans="1:4" x14ac:dyDescent="0.25">
      <c r="A40143" t="s">
        <v>57073</v>
      </c>
      <c r="B40143" t="s">
        <v>57078</v>
      </c>
      <c r="C40143">
        <v>2</v>
      </c>
      <c r="D40143">
        <v>0</v>
      </c>
    </row>
    <row r="40144" spans="1:4" x14ac:dyDescent="0.25">
      <c r="A40144" t="s">
        <v>57073</v>
      </c>
      <c r="B40144" t="s">
        <v>57079</v>
      </c>
      <c r="C40144">
        <v>1</v>
      </c>
      <c r="D40144">
        <v>0</v>
      </c>
    </row>
    <row r="40145" spans="1:4" x14ac:dyDescent="0.25">
      <c r="A40145" t="s">
        <v>57073</v>
      </c>
      <c r="B40145" t="s">
        <v>57080</v>
      </c>
      <c r="C40145">
        <v>1</v>
      </c>
      <c r="D40145">
        <v>0</v>
      </c>
    </row>
    <row r="40146" spans="1:4" x14ac:dyDescent="0.25">
      <c r="A40146" t="s">
        <v>57081</v>
      </c>
      <c r="B40146" t="s">
        <v>57082</v>
      </c>
      <c r="C40146">
        <v>0</v>
      </c>
      <c r="D40146">
        <v>0</v>
      </c>
    </row>
    <row r="40147" spans="1:4" x14ac:dyDescent="0.25">
      <c r="A40147" t="s">
        <v>57081</v>
      </c>
      <c r="B40147" t="s">
        <v>57083</v>
      </c>
      <c r="C40147">
        <v>1</v>
      </c>
      <c r="D40147">
        <v>0</v>
      </c>
    </row>
    <row r="40148" spans="1:4" x14ac:dyDescent="0.25">
      <c r="A40148" t="s">
        <v>57081</v>
      </c>
      <c r="B40148" t="s">
        <v>57084</v>
      </c>
      <c r="C40148">
        <v>0</v>
      </c>
      <c r="D40148">
        <v>0</v>
      </c>
    </row>
    <row r="40149" spans="1:4" x14ac:dyDescent="0.25">
      <c r="A40149" t="s">
        <v>57085</v>
      </c>
      <c r="B40149" t="s">
        <v>57086</v>
      </c>
      <c r="C40149">
        <v>0</v>
      </c>
      <c r="D40149">
        <v>0</v>
      </c>
    </row>
    <row r="40150" spans="1:4" x14ac:dyDescent="0.25">
      <c r="A40150" t="s">
        <v>57085</v>
      </c>
      <c r="B40150" t="s">
        <v>57087</v>
      </c>
      <c r="C40150">
        <v>2</v>
      </c>
      <c r="D40150">
        <v>0</v>
      </c>
    </row>
    <row r="40151" spans="1:4" x14ac:dyDescent="0.25">
      <c r="A40151" t="s">
        <v>57085</v>
      </c>
      <c r="B40151" t="s">
        <v>57088</v>
      </c>
      <c r="C40151">
        <v>0</v>
      </c>
      <c r="D40151">
        <v>0</v>
      </c>
    </row>
    <row r="40152" spans="1:4" x14ac:dyDescent="0.25">
      <c r="A40152" t="s">
        <v>57085</v>
      </c>
      <c r="B40152" t="s">
        <v>57089</v>
      </c>
      <c r="C40152">
        <v>0</v>
      </c>
      <c r="D40152">
        <v>0</v>
      </c>
    </row>
    <row r="40153" spans="1:4" x14ac:dyDescent="0.25">
      <c r="A40153" t="s">
        <v>57085</v>
      </c>
      <c r="B40153" t="s">
        <v>57090</v>
      </c>
      <c r="C40153">
        <v>1</v>
      </c>
      <c r="D40153">
        <v>0</v>
      </c>
    </row>
    <row r="40154" spans="1:4" x14ac:dyDescent="0.25">
      <c r="A40154" t="s">
        <v>57091</v>
      </c>
      <c r="B40154" t="s">
        <v>57092</v>
      </c>
      <c r="C40154">
        <v>0</v>
      </c>
      <c r="D40154">
        <v>0</v>
      </c>
    </row>
    <row r="40155" spans="1:4" x14ac:dyDescent="0.25">
      <c r="A40155" t="s">
        <v>57091</v>
      </c>
      <c r="B40155" t="s">
        <v>57093</v>
      </c>
      <c r="C40155">
        <v>1</v>
      </c>
      <c r="D40155">
        <v>0</v>
      </c>
    </row>
    <row r="40156" spans="1:4" x14ac:dyDescent="0.25">
      <c r="A40156" t="s">
        <v>57091</v>
      </c>
      <c r="B40156" t="s">
        <v>57094</v>
      </c>
      <c r="C40156">
        <v>1</v>
      </c>
      <c r="D40156">
        <v>0</v>
      </c>
    </row>
    <row r="40157" spans="1:4" x14ac:dyDescent="0.25">
      <c r="A40157" t="s">
        <v>57095</v>
      </c>
      <c r="B40157" t="s">
        <v>57096</v>
      </c>
      <c r="C40157">
        <v>1</v>
      </c>
      <c r="D40157">
        <v>0</v>
      </c>
    </row>
    <row r="40158" spans="1:4" x14ac:dyDescent="0.25">
      <c r="A40158" t="s">
        <v>57095</v>
      </c>
      <c r="B40158" t="s">
        <v>57097</v>
      </c>
      <c r="C40158">
        <v>2</v>
      </c>
      <c r="D40158">
        <v>0</v>
      </c>
    </row>
    <row r="40159" spans="1:4" x14ac:dyDescent="0.25">
      <c r="A40159" t="s">
        <v>57095</v>
      </c>
      <c r="B40159" t="s">
        <v>57098</v>
      </c>
      <c r="C40159">
        <v>2</v>
      </c>
      <c r="D40159">
        <v>0</v>
      </c>
    </row>
    <row r="40160" spans="1:4" x14ac:dyDescent="0.25">
      <c r="A40160" t="s">
        <v>57099</v>
      </c>
      <c r="B40160" t="s">
        <v>57100</v>
      </c>
      <c r="C40160">
        <v>1</v>
      </c>
      <c r="D40160">
        <v>0</v>
      </c>
    </row>
    <row r="40161" spans="1:4" x14ac:dyDescent="0.25">
      <c r="A40161" t="s">
        <v>57099</v>
      </c>
      <c r="B40161" t="s">
        <v>57101</v>
      </c>
      <c r="C40161">
        <v>1</v>
      </c>
      <c r="D40161">
        <v>0</v>
      </c>
    </row>
    <row r="40162" spans="1:4" x14ac:dyDescent="0.25">
      <c r="A40162" t="s">
        <v>57099</v>
      </c>
      <c r="B40162" t="s">
        <v>46148</v>
      </c>
      <c r="C40162">
        <v>1</v>
      </c>
      <c r="D40162">
        <v>0</v>
      </c>
    </row>
    <row r="40163" spans="1:4" x14ac:dyDescent="0.25">
      <c r="A40163" t="s">
        <v>57102</v>
      </c>
      <c r="B40163" t="s">
        <v>57103</v>
      </c>
      <c r="C40163">
        <v>1</v>
      </c>
      <c r="D40163">
        <v>0</v>
      </c>
    </row>
    <row r="40164" spans="1:4" x14ac:dyDescent="0.25">
      <c r="A40164" t="s">
        <v>57102</v>
      </c>
      <c r="B40164" t="s">
        <v>57104</v>
      </c>
      <c r="C40164">
        <v>2</v>
      </c>
      <c r="D40164">
        <v>0</v>
      </c>
    </row>
    <row r="40165" spans="1:4" x14ac:dyDescent="0.25">
      <c r="A40165" t="s">
        <v>57102</v>
      </c>
      <c r="B40165" t="s">
        <v>57105</v>
      </c>
      <c r="C40165">
        <v>1</v>
      </c>
      <c r="D40165">
        <v>0</v>
      </c>
    </row>
    <row r="40166" spans="1:4" x14ac:dyDescent="0.25">
      <c r="A40166" t="s">
        <v>57102</v>
      </c>
      <c r="B40166" t="s">
        <v>3173</v>
      </c>
      <c r="C40166">
        <v>1</v>
      </c>
      <c r="D40166">
        <v>0</v>
      </c>
    </row>
    <row r="40167" spans="1:4" x14ac:dyDescent="0.25">
      <c r="A40167" t="s">
        <v>57102</v>
      </c>
      <c r="B40167" t="s">
        <v>57106</v>
      </c>
      <c r="C40167">
        <v>0</v>
      </c>
      <c r="D40167">
        <v>0</v>
      </c>
    </row>
    <row r="40168" spans="1:4" x14ac:dyDescent="0.25">
      <c r="A40168" t="s">
        <v>57102</v>
      </c>
      <c r="B40168" t="s">
        <v>57107</v>
      </c>
      <c r="C40168">
        <v>1</v>
      </c>
      <c r="D40168">
        <v>0</v>
      </c>
    </row>
    <row r="40169" spans="1:4" x14ac:dyDescent="0.25">
      <c r="A40169" t="s">
        <v>57102</v>
      </c>
      <c r="B40169" t="s">
        <v>57108</v>
      </c>
      <c r="C40169">
        <v>1</v>
      </c>
      <c r="D40169">
        <v>0</v>
      </c>
    </row>
    <row r="40170" spans="1:4" x14ac:dyDescent="0.25">
      <c r="A40170" t="s">
        <v>57102</v>
      </c>
      <c r="B40170" t="s">
        <v>57109</v>
      </c>
      <c r="C40170">
        <v>1</v>
      </c>
      <c r="D40170">
        <v>0</v>
      </c>
    </row>
    <row r="40171" spans="1:4" x14ac:dyDescent="0.25">
      <c r="A40171" t="s">
        <v>57110</v>
      </c>
      <c r="B40171" t="s">
        <v>57111</v>
      </c>
      <c r="C40171">
        <v>0</v>
      </c>
      <c r="D40171">
        <v>0</v>
      </c>
    </row>
    <row r="40172" spans="1:4" x14ac:dyDescent="0.25">
      <c r="A40172" t="s">
        <v>57110</v>
      </c>
      <c r="B40172" t="s">
        <v>57112</v>
      </c>
      <c r="C40172">
        <v>2</v>
      </c>
      <c r="D40172">
        <v>0</v>
      </c>
    </row>
    <row r="40173" spans="1:4" x14ac:dyDescent="0.25">
      <c r="A40173" t="s">
        <v>57110</v>
      </c>
      <c r="B40173" t="s">
        <v>57113</v>
      </c>
      <c r="C40173">
        <v>0</v>
      </c>
      <c r="D40173">
        <v>0</v>
      </c>
    </row>
    <row r="40174" spans="1:4" x14ac:dyDescent="0.25">
      <c r="A40174" t="s">
        <v>57114</v>
      </c>
      <c r="B40174" t="s">
        <v>57115</v>
      </c>
      <c r="C40174">
        <v>1</v>
      </c>
      <c r="D40174">
        <v>0</v>
      </c>
    </row>
    <row r="40175" spans="1:4" x14ac:dyDescent="0.25">
      <c r="A40175" t="s">
        <v>57114</v>
      </c>
      <c r="B40175" t="s">
        <v>57116</v>
      </c>
      <c r="C40175">
        <v>1</v>
      </c>
      <c r="D40175">
        <v>0</v>
      </c>
    </row>
    <row r="40176" spans="1:4" x14ac:dyDescent="0.25">
      <c r="A40176" t="s">
        <v>57114</v>
      </c>
      <c r="B40176" t="s">
        <v>57117</v>
      </c>
      <c r="C40176">
        <v>1</v>
      </c>
      <c r="D40176">
        <v>0</v>
      </c>
    </row>
    <row r="40177" spans="1:4" x14ac:dyDescent="0.25">
      <c r="A40177" t="s">
        <v>57114</v>
      </c>
      <c r="B40177" t="s">
        <v>57118</v>
      </c>
      <c r="C40177">
        <v>0</v>
      </c>
      <c r="D40177">
        <v>0</v>
      </c>
    </row>
    <row r="40178" spans="1:4" x14ac:dyDescent="0.25">
      <c r="A40178" t="s">
        <v>57114</v>
      </c>
      <c r="B40178" t="s">
        <v>57119</v>
      </c>
      <c r="C40178">
        <v>0</v>
      </c>
      <c r="D40178">
        <v>0</v>
      </c>
    </row>
    <row r="40179" spans="1:4" x14ac:dyDescent="0.25">
      <c r="A40179" t="s">
        <v>57114</v>
      </c>
      <c r="B40179" t="s">
        <v>57120</v>
      </c>
      <c r="C40179">
        <v>1</v>
      </c>
      <c r="D40179">
        <v>0</v>
      </c>
    </row>
    <row r="40180" spans="1:4" x14ac:dyDescent="0.25">
      <c r="A40180" t="s">
        <v>57114</v>
      </c>
      <c r="B40180" t="s">
        <v>57121</v>
      </c>
      <c r="C40180">
        <v>1</v>
      </c>
      <c r="D40180">
        <v>0</v>
      </c>
    </row>
    <row r="40181" spans="1:4" x14ac:dyDescent="0.25">
      <c r="A40181" t="s">
        <v>57122</v>
      </c>
      <c r="B40181" t="s">
        <v>57123</v>
      </c>
      <c r="C40181">
        <v>1</v>
      </c>
      <c r="D40181">
        <v>0</v>
      </c>
    </row>
    <row r="40182" spans="1:4" x14ac:dyDescent="0.25">
      <c r="A40182" t="s">
        <v>57122</v>
      </c>
      <c r="B40182" t="s">
        <v>57124</v>
      </c>
      <c r="C40182">
        <v>0</v>
      </c>
      <c r="D40182">
        <v>0</v>
      </c>
    </row>
    <row r="40183" spans="1:4" x14ac:dyDescent="0.25">
      <c r="A40183" t="s">
        <v>57122</v>
      </c>
      <c r="B40183" t="s">
        <v>57125</v>
      </c>
      <c r="C40183">
        <v>2</v>
      </c>
      <c r="D40183">
        <v>0</v>
      </c>
    </row>
    <row r="40184" spans="1:4" x14ac:dyDescent="0.25">
      <c r="A40184" t="s">
        <v>57126</v>
      </c>
      <c r="B40184" t="s">
        <v>57127</v>
      </c>
      <c r="C40184">
        <v>0</v>
      </c>
      <c r="D40184">
        <v>0</v>
      </c>
    </row>
    <row r="40185" spans="1:4" x14ac:dyDescent="0.25">
      <c r="A40185" t="s">
        <v>57126</v>
      </c>
      <c r="B40185" t="s">
        <v>57128</v>
      </c>
      <c r="C40185">
        <v>1</v>
      </c>
      <c r="D40185">
        <v>0</v>
      </c>
    </row>
    <row r="40186" spans="1:4" x14ac:dyDescent="0.25">
      <c r="A40186" t="s">
        <v>57126</v>
      </c>
      <c r="B40186" t="s">
        <v>57129</v>
      </c>
      <c r="C40186">
        <v>1</v>
      </c>
      <c r="D40186">
        <v>0</v>
      </c>
    </row>
    <row r="40187" spans="1:4" x14ac:dyDescent="0.25">
      <c r="A40187" t="s">
        <v>57126</v>
      </c>
      <c r="B40187" t="s">
        <v>57130</v>
      </c>
      <c r="C40187">
        <v>1</v>
      </c>
      <c r="D40187">
        <v>0</v>
      </c>
    </row>
    <row r="40188" spans="1:4" x14ac:dyDescent="0.25">
      <c r="A40188" t="s">
        <v>57131</v>
      </c>
      <c r="B40188" t="s">
        <v>57132</v>
      </c>
      <c r="C40188">
        <v>1</v>
      </c>
      <c r="D40188">
        <v>0</v>
      </c>
    </row>
    <row r="40189" spans="1:4" x14ac:dyDescent="0.25">
      <c r="A40189" t="s">
        <v>57131</v>
      </c>
      <c r="B40189" t="s">
        <v>57133</v>
      </c>
      <c r="C40189">
        <v>1</v>
      </c>
      <c r="D40189">
        <v>0</v>
      </c>
    </row>
    <row r="40190" spans="1:4" x14ac:dyDescent="0.25">
      <c r="A40190" t="s">
        <v>57131</v>
      </c>
      <c r="B40190" t="s">
        <v>57134</v>
      </c>
      <c r="C40190">
        <v>2</v>
      </c>
      <c r="D40190">
        <v>0</v>
      </c>
    </row>
    <row r="40191" spans="1:4" x14ac:dyDescent="0.25">
      <c r="A40191" t="s">
        <v>57131</v>
      </c>
      <c r="B40191" t="s">
        <v>57135</v>
      </c>
      <c r="C40191">
        <v>1</v>
      </c>
      <c r="D40191">
        <v>0</v>
      </c>
    </row>
    <row r="40192" spans="1:4" x14ac:dyDescent="0.25">
      <c r="A40192" t="s">
        <v>57131</v>
      </c>
      <c r="B40192" t="s">
        <v>57136</v>
      </c>
      <c r="C40192">
        <v>1</v>
      </c>
      <c r="D40192">
        <v>0</v>
      </c>
    </row>
    <row r="40193" spans="1:4" x14ac:dyDescent="0.25">
      <c r="A40193" t="s">
        <v>57131</v>
      </c>
      <c r="B40193" t="s">
        <v>57137</v>
      </c>
      <c r="C40193">
        <v>1</v>
      </c>
      <c r="D40193">
        <v>0</v>
      </c>
    </row>
    <row r="40194" spans="1:4" x14ac:dyDescent="0.25">
      <c r="A40194" t="s">
        <v>57131</v>
      </c>
      <c r="B40194" t="s">
        <v>57138</v>
      </c>
      <c r="C40194">
        <v>1</v>
      </c>
      <c r="D40194">
        <v>0</v>
      </c>
    </row>
    <row r="40195" spans="1:4" x14ac:dyDescent="0.25">
      <c r="A40195" t="s">
        <v>57139</v>
      </c>
      <c r="B40195" t="s">
        <v>57140</v>
      </c>
      <c r="C40195">
        <v>1</v>
      </c>
      <c r="D40195">
        <v>0</v>
      </c>
    </row>
    <row r="40196" spans="1:4" x14ac:dyDescent="0.25">
      <c r="A40196" t="s">
        <v>57139</v>
      </c>
      <c r="B40196" t="s">
        <v>5434</v>
      </c>
      <c r="C40196">
        <v>1</v>
      </c>
      <c r="D40196">
        <v>0</v>
      </c>
    </row>
    <row r="40197" spans="1:4" x14ac:dyDescent="0.25">
      <c r="A40197" t="s">
        <v>57139</v>
      </c>
      <c r="B40197" t="s">
        <v>57141</v>
      </c>
      <c r="C40197">
        <v>0</v>
      </c>
      <c r="D40197">
        <v>0</v>
      </c>
    </row>
    <row r="40198" spans="1:4" x14ac:dyDescent="0.25">
      <c r="A40198" t="s">
        <v>57142</v>
      </c>
      <c r="B40198" t="s">
        <v>11075</v>
      </c>
      <c r="C40198">
        <v>1</v>
      </c>
      <c r="D40198">
        <v>0</v>
      </c>
    </row>
    <row r="40199" spans="1:4" x14ac:dyDescent="0.25">
      <c r="A40199" t="s">
        <v>57142</v>
      </c>
      <c r="B40199" t="s">
        <v>57143</v>
      </c>
      <c r="C40199">
        <v>0</v>
      </c>
      <c r="D40199">
        <v>0</v>
      </c>
    </row>
    <row r="40200" spans="1:4" x14ac:dyDescent="0.25">
      <c r="A40200" t="s">
        <v>57144</v>
      </c>
      <c r="B40200" t="s">
        <v>57145</v>
      </c>
      <c r="C40200">
        <v>1</v>
      </c>
      <c r="D40200">
        <v>0</v>
      </c>
    </row>
    <row r="40201" spans="1:4" x14ac:dyDescent="0.25">
      <c r="A40201" t="s">
        <v>57144</v>
      </c>
      <c r="B40201" t="s">
        <v>57146</v>
      </c>
      <c r="C40201">
        <v>1</v>
      </c>
      <c r="D40201">
        <v>0</v>
      </c>
    </row>
    <row r="40202" spans="1:4" x14ac:dyDescent="0.25">
      <c r="A40202" t="s">
        <v>57144</v>
      </c>
      <c r="B40202" t="s">
        <v>57147</v>
      </c>
      <c r="C40202">
        <v>0</v>
      </c>
      <c r="D40202">
        <v>0</v>
      </c>
    </row>
    <row r="40203" spans="1:4" x14ac:dyDescent="0.25">
      <c r="A40203" t="s">
        <v>57144</v>
      </c>
      <c r="B40203" t="s">
        <v>57146</v>
      </c>
      <c r="C40203">
        <v>1</v>
      </c>
      <c r="D40203">
        <v>0</v>
      </c>
    </row>
    <row r="40204" spans="1:4" x14ac:dyDescent="0.25">
      <c r="A40204" t="s">
        <v>57148</v>
      </c>
      <c r="B40204" t="s">
        <v>57149</v>
      </c>
      <c r="C40204">
        <v>2</v>
      </c>
      <c r="D40204">
        <v>0</v>
      </c>
    </row>
    <row r="40205" spans="1:4" x14ac:dyDescent="0.25">
      <c r="A40205" t="s">
        <v>57148</v>
      </c>
      <c r="B40205" t="s">
        <v>57150</v>
      </c>
      <c r="C40205">
        <v>2</v>
      </c>
      <c r="D40205">
        <v>0</v>
      </c>
    </row>
    <row r="40206" spans="1:4" x14ac:dyDescent="0.25">
      <c r="A40206" t="s">
        <v>57148</v>
      </c>
      <c r="B40206" t="s">
        <v>57151</v>
      </c>
      <c r="C40206">
        <v>1</v>
      </c>
      <c r="D40206">
        <v>0</v>
      </c>
    </row>
    <row r="40207" spans="1:4" x14ac:dyDescent="0.25">
      <c r="A40207" t="s">
        <v>57148</v>
      </c>
      <c r="B40207" t="s">
        <v>57152</v>
      </c>
      <c r="C40207">
        <v>0</v>
      </c>
      <c r="D40207">
        <v>0</v>
      </c>
    </row>
    <row r="40208" spans="1:4" x14ac:dyDescent="0.25">
      <c r="A40208" t="s">
        <v>57148</v>
      </c>
      <c r="B40208" t="s">
        <v>57153</v>
      </c>
      <c r="C40208">
        <v>0</v>
      </c>
      <c r="D40208">
        <v>0</v>
      </c>
    </row>
    <row r="40209" spans="1:4" x14ac:dyDescent="0.25">
      <c r="A40209" t="s">
        <v>57154</v>
      </c>
      <c r="B40209" t="s">
        <v>57155</v>
      </c>
      <c r="C40209">
        <v>1</v>
      </c>
      <c r="D40209">
        <v>0</v>
      </c>
    </row>
    <row r="40210" spans="1:4" x14ac:dyDescent="0.25">
      <c r="A40210" t="s">
        <v>57154</v>
      </c>
      <c r="B40210" t="s">
        <v>57156</v>
      </c>
      <c r="C40210">
        <v>0</v>
      </c>
      <c r="D40210">
        <v>0</v>
      </c>
    </row>
    <row r="40211" spans="1:4" x14ac:dyDescent="0.25">
      <c r="A40211" t="s">
        <v>57154</v>
      </c>
      <c r="B40211" t="s">
        <v>57157</v>
      </c>
      <c r="C40211">
        <v>1</v>
      </c>
      <c r="D40211">
        <v>0</v>
      </c>
    </row>
    <row r="40212" spans="1:4" x14ac:dyDescent="0.25">
      <c r="A40212" t="s">
        <v>57154</v>
      </c>
      <c r="B40212" t="s">
        <v>51939</v>
      </c>
      <c r="C40212">
        <v>0</v>
      </c>
      <c r="D40212">
        <v>0</v>
      </c>
    </row>
    <row r="40213" spans="1:4" x14ac:dyDescent="0.25">
      <c r="A40213" t="s">
        <v>57154</v>
      </c>
      <c r="B40213" t="s">
        <v>57158</v>
      </c>
      <c r="C40213">
        <v>1</v>
      </c>
      <c r="D40213">
        <v>0</v>
      </c>
    </row>
    <row r="40214" spans="1:4" x14ac:dyDescent="0.25">
      <c r="A40214" t="s">
        <v>57159</v>
      </c>
      <c r="B40214" t="s">
        <v>57160</v>
      </c>
      <c r="C40214">
        <v>0</v>
      </c>
      <c r="D40214">
        <v>0</v>
      </c>
    </row>
    <row r="40215" spans="1:4" x14ac:dyDescent="0.25">
      <c r="A40215" t="s">
        <v>57159</v>
      </c>
      <c r="B40215" t="s">
        <v>57161</v>
      </c>
      <c r="C40215">
        <v>0</v>
      </c>
      <c r="D40215">
        <v>0</v>
      </c>
    </row>
    <row r="40216" spans="1:4" x14ac:dyDescent="0.25">
      <c r="A40216" t="s">
        <v>57162</v>
      </c>
      <c r="B40216" t="s">
        <v>57163</v>
      </c>
      <c r="C40216">
        <v>1</v>
      </c>
      <c r="D40216">
        <v>0</v>
      </c>
    </row>
    <row r="40217" spans="1:4" x14ac:dyDescent="0.25">
      <c r="A40217" t="s">
        <v>57162</v>
      </c>
      <c r="B40217" t="s">
        <v>57164</v>
      </c>
      <c r="C40217">
        <v>2</v>
      </c>
      <c r="D40217">
        <v>0</v>
      </c>
    </row>
    <row r="40218" spans="1:4" x14ac:dyDescent="0.25">
      <c r="A40218" t="s">
        <v>57162</v>
      </c>
      <c r="B40218" t="s">
        <v>57165</v>
      </c>
      <c r="C40218">
        <v>1</v>
      </c>
      <c r="D40218">
        <v>0</v>
      </c>
    </row>
    <row r="40219" spans="1:4" x14ac:dyDescent="0.25">
      <c r="A40219" t="s">
        <v>57162</v>
      </c>
      <c r="B40219" t="s">
        <v>57166</v>
      </c>
      <c r="C40219">
        <v>1</v>
      </c>
      <c r="D40219">
        <v>0</v>
      </c>
    </row>
    <row r="40220" spans="1:4" x14ac:dyDescent="0.25">
      <c r="A40220" t="s">
        <v>57162</v>
      </c>
      <c r="B40220" t="s">
        <v>57167</v>
      </c>
      <c r="C40220">
        <v>0</v>
      </c>
      <c r="D40220">
        <v>0</v>
      </c>
    </row>
    <row r="40221" spans="1:4" x14ac:dyDescent="0.25">
      <c r="A40221" t="s">
        <v>57162</v>
      </c>
      <c r="B40221" t="s">
        <v>57168</v>
      </c>
      <c r="C40221">
        <v>2</v>
      </c>
      <c r="D40221">
        <v>0</v>
      </c>
    </row>
    <row r="40222" spans="1:4" x14ac:dyDescent="0.25">
      <c r="A40222" t="s">
        <v>57169</v>
      </c>
      <c r="B40222" t="s">
        <v>2651</v>
      </c>
      <c r="C40222">
        <v>0</v>
      </c>
      <c r="D40222">
        <v>0</v>
      </c>
    </row>
    <row r="40223" spans="1:4" x14ac:dyDescent="0.25">
      <c r="A40223" t="s">
        <v>57169</v>
      </c>
      <c r="B40223" t="s">
        <v>57170</v>
      </c>
      <c r="C40223">
        <v>1</v>
      </c>
      <c r="D40223">
        <v>0</v>
      </c>
    </row>
    <row r="40224" spans="1:4" x14ac:dyDescent="0.25">
      <c r="A40224" t="s">
        <v>57169</v>
      </c>
      <c r="B40224" t="s">
        <v>57171</v>
      </c>
      <c r="C40224">
        <v>0</v>
      </c>
      <c r="D40224">
        <v>0</v>
      </c>
    </row>
    <row r="40225" spans="1:4" x14ac:dyDescent="0.25">
      <c r="A40225" t="s">
        <v>57169</v>
      </c>
      <c r="B40225" t="s">
        <v>57172</v>
      </c>
      <c r="C40225">
        <v>1</v>
      </c>
      <c r="D40225">
        <v>0</v>
      </c>
    </row>
    <row r="40226" spans="1:4" x14ac:dyDescent="0.25">
      <c r="A40226" t="s">
        <v>57169</v>
      </c>
      <c r="B40226" t="s">
        <v>57173</v>
      </c>
      <c r="C40226">
        <v>0</v>
      </c>
      <c r="D40226">
        <v>0</v>
      </c>
    </row>
    <row r="40227" spans="1:4" x14ac:dyDescent="0.25">
      <c r="A40227" t="s">
        <v>57169</v>
      </c>
      <c r="B40227" t="s">
        <v>57174</v>
      </c>
      <c r="C40227">
        <v>0</v>
      </c>
      <c r="D40227">
        <v>0</v>
      </c>
    </row>
    <row r="40228" spans="1:4" x14ac:dyDescent="0.25">
      <c r="A40228" t="s">
        <v>57169</v>
      </c>
      <c r="B40228" t="s">
        <v>57175</v>
      </c>
      <c r="C40228">
        <v>0</v>
      </c>
      <c r="D40228">
        <v>0</v>
      </c>
    </row>
    <row r="40229" spans="1:4" x14ac:dyDescent="0.25">
      <c r="A40229" t="s">
        <v>57176</v>
      </c>
      <c r="B40229" t="s">
        <v>57177</v>
      </c>
      <c r="C40229">
        <v>0</v>
      </c>
      <c r="D40229">
        <v>0</v>
      </c>
    </row>
    <row r="40230" spans="1:4" x14ac:dyDescent="0.25">
      <c r="A40230" t="s">
        <v>57176</v>
      </c>
      <c r="B40230" t="s">
        <v>57178</v>
      </c>
      <c r="C40230">
        <v>0</v>
      </c>
      <c r="D40230">
        <v>0</v>
      </c>
    </row>
    <row r="40231" spans="1:4" x14ac:dyDescent="0.25">
      <c r="A40231" t="s">
        <v>57176</v>
      </c>
      <c r="B40231" t="s">
        <v>57179</v>
      </c>
      <c r="C40231">
        <v>1</v>
      </c>
      <c r="D40231">
        <v>0</v>
      </c>
    </row>
    <row r="40232" spans="1:4" x14ac:dyDescent="0.25">
      <c r="A40232" t="s">
        <v>57176</v>
      </c>
      <c r="B40232" t="s">
        <v>57180</v>
      </c>
      <c r="C40232">
        <v>0</v>
      </c>
      <c r="D40232">
        <v>0</v>
      </c>
    </row>
    <row r="40233" spans="1:4" x14ac:dyDescent="0.25">
      <c r="A40233" t="s">
        <v>57176</v>
      </c>
      <c r="B40233" t="s">
        <v>57181</v>
      </c>
      <c r="C40233">
        <v>0</v>
      </c>
      <c r="D40233">
        <v>0</v>
      </c>
    </row>
    <row r="40234" spans="1:4" x14ac:dyDescent="0.25">
      <c r="A40234" t="s">
        <v>57176</v>
      </c>
      <c r="B40234" t="s">
        <v>57182</v>
      </c>
      <c r="C40234">
        <v>0</v>
      </c>
      <c r="D40234">
        <v>0</v>
      </c>
    </row>
    <row r="40235" spans="1:4" x14ac:dyDescent="0.25">
      <c r="A40235" t="s">
        <v>57183</v>
      </c>
      <c r="B40235" t="s">
        <v>57184</v>
      </c>
      <c r="C40235">
        <v>0</v>
      </c>
      <c r="D40235">
        <v>0</v>
      </c>
    </row>
    <row r="40236" spans="1:4" x14ac:dyDescent="0.25">
      <c r="A40236" t="s">
        <v>57183</v>
      </c>
      <c r="B40236" t="s">
        <v>57185</v>
      </c>
      <c r="C40236">
        <v>1</v>
      </c>
      <c r="D40236">
        <v>0</v>
      </c>
    </row>
    <row r="40237" spans="1:4" x14ac:dyDescent="0.25">
      <c r="A40237" t="s">
        <v>57183</v>
      </c>
      <c r="B40237" t="s">
        <v>57186</v>
      </c>
      <c r="C40237">
        <v>1</v>
      </c>
      <c r="D40237">
        <v>0</v>
      </c>
    </row>
    <row r="40238" spans="1:4" x14ac:dyDescent="0.25">
      <c r="A40238" t="s">
        <v>57183</v>
      </c>
      <c r="B40238" t="s">
        <v>57187</v>
      </c>
      <c r="C40238">
        <v>0</v>
      </c>
      <c r="D40238">
        <v>0</v>
      </c>
    </row>
    <row r="40239" spans="1:4" x14ac:dyDescent="0.25">
      <c r="A40239" t="s">
        <v>57183</v>
      </c>
      <c r="B40239" t="s">
        <v>57188</v>
      </c>
      <c r="C40239">
        <v>0</v>
      </c>
      <c r="D40239">
        <v>0</v>
      </c>
    </row>
    <row r="40240" spans="1:4" x14ac:dyDescent="0.25">
      <c r="A40240" t="s">
        <v>57183</v>
      </c>
      <c r="B40240" t="s">
        <v>57189</v>
      </c>
      <c r="C40240">
        <v>0</v>
      </c>
      <c r="D40240">
        <v>0</v>
      </c>
    </row>
    <row r="40241" spans="1:4" x14ac:dyDescent="0.25">
      <c r="A40241" t="s">
        <v>57183</v>
      </c>
      <c r="B40241" t="s">
        <v>57190</v>
      </c>
      <c r="C40241">
        <v>0</v>
      </c>
      <c r="D40241">
        <v>0</v>
      </c>
    </row>
    <row r="40242" spans="1:4" x14ac:dyDescent="0.25">
      <c r="A40242" t="s">
        <v>57183</v>
      </c>
      <c r="B40242" t="s">
        <v>57191</v>
      </c>
      <c r="C40242">
        <v>1</v>
      </c>
      <c r="D40242">
        <v>0</v>
      </c>
    </row>
    <row r="40243" spans="1:4" x14ac:dyDescent="0.25">
      <c r="A40243" t="s">
        <v>57192</v>
      </c>
      <c r="B40243" t="s">
        <v>57193</v>
      </c>
      <c r="C40243">
        <v>1</v>
      </c>
      <c r="D40243">
        <v>0</v>
      </c>
    </row>
    <row r="40244" spans="1:4" x14ac:dyDescent="0.25">
      <c r="A40244" t="s">
        <v>57192</v>
      </c>
      <c r="B40244" t="s">
        <v>57194</v>
      </c>
      <c r="C40244">
        <v>1</v>
      </c>
      <c r="D40244">
        <v>0</v>
      </c>
    </row>
    <row r="40245" spans="1:4" x14ac:dyDescent="0.25">
      <c r="A40245" t="s">
        <v>57192</v>
      </c>
      <c r="B40245" t="s">
        <v>57195</v>
      </c>
      <c r="C40245">
        <v>1</v>
      </c>
      <c r="D40245">
        <v>0</v>
      </c>
    </row>
    <row r="40246" spans="1:4" x14ac:dyDescent="0.25">
      <c r="A40246" t="s">
        <v>57192</v>
      </c>
      <c r="B40246" t="s">
        <v>57196</v>
      </c>
      <c r="C40246">
        <v>1</v>
      </c>
      <c r="D40246">
        <v>0</v>
      </c>
    </row>
    <row r="40247" spans="1:4" x14ac:dyDescent="0.25">
      <c r="A40247" t="s">
        <v>57197</v>
      </c>
      <c r="B40247" t="s">
        <v>57198</v>
      </c>
      <c r="C40247">
        <v>1</v>
      </c>
      <c r="D40247">
        <v>0</v>
      </c>
    </row>
    <row r="40248" spans="1:4" x14ac:dyDescent="0.25">
      <c r="A40248" t="s">
        <v>57197</v>
      </c>
      <c r="B40248" t="s">
        <v>57199</v>
      </c>
      <c r="C40248">
        <v>1</v>
      </c>
      <c r="D40248">
        <v>0</v>
      </c>
    </row>
    <row r="40249" spans="1:4" x14ac:dyDescent="0.25">
      <c r="A40249" t="s">
        <v>57197</v>
      </c>
      <c r="B40249" t="s">
        <v>57200</v>
      </c>
      <c r="C40249">
        <v>0</v>
      </c>
      <c r="D40249">
        <v>0</v>
      </c>
    </row>
    <row r="40250" spans="1:4" x14ac:dyDescent="0.25">
      <c r="A40250" t="s">
        <v>57197</v>
      </c>
      <c r="B40250" t="s">
        <v>57201</v>
      </c>
      <c r="C40250">
        <v>1</v>
      </c>
      <c r="D40250">
        <v>0</v>
      </c>
    </row>
    <row r="40251" spans="1:4" x14ac:dyDescent="0.25">
      <c r="A40251" t="s">
        <v>57197</v>
      </c>
      <c r="B40251" t="s">
        <v>57202</v>
      </c>
      <c r="C40251">
        <v>1</v>
      </c>
      <c r="D40251">
        <v>0</v>
      </c>
    </row>
    <row r="40252" spans="1:4" x14ac:dyDescent="0.25">
      <c r="A40252" t="s">
        <v>57197</v>
      </c>
      <c r="B40252" t="s">
        <v>57203</v>
      </c>
      <c r="C40252">
        <v>1</v>
      </c>
      <c r="D40252">
        <v>0</v>
      </c>
    </row>
    <row r="40253" spans="1:4" x14ac:dyDescent="0.25">
      <c r="A40253" t="s">
        <v>57197</v>
      </c>
      <c r="B40253" t="s">
        <v>5047</v>
      </c>
      <c r="C40253">
        <v>0</v>
      </c>
      <c r="D40253">
        <v>0</v>
      </c>
    </row>
    <row r="40254" spans="1:4" x14ac:dyDescent="0.25">
      <c r="A40254" t="s">
        <v>57204</v>
      </c>
      <c r="B40254" t="s">
        <v>57205</v>
      </c>
      <c r="C40254">
        <v>1</v>
      </c>
      <c r="D40254">
        <v>0</v>
      </c>
    </row>
    <row r="40255" spans="1:4" x14ac:dyDescent="0.25">
      <c r="A40255" t="s">
        <v>57204</v>
      </c>
      <c r="B40255" t="s">
        <v>48846</v>
      </c>
      <c r="C40255">
        <v>1</v>
      </c>
      <c r="D40255">
        <v>0</v>
      </c>
    </row>
    <row r="40256" spans="1:4" x14ac:dyDescent="0.25">
      <c r="A40256" t="s">
        <v>57206</v>
      </c>
      <c r="B40256" t="s">
        <v>57207</v>
      </c>
      <c r="C40256">
        <v>1</v>
      </c>
      <c r="D40256">
        <v>0</v>
      </c>
    </row>
    <row r="40257" spans="1:4" x14ac:dyDescent="0.25">
      <c r="A40257" t="s">
        <v>57206</v>
      </c>
      <c r="B40257" t="s">
        <v>57208</v>
      </c>
      <c r="C40257">
        <v>1</v>
      </c>
      <c r="D40257">
        <v>0</v>
      </c>
    </row>
    <row r="40258" spans="1:4" x14ac:dyDescent="0.25">
      <c r="A40258" t="s">
        <v>57206</v>
      </c>
      <c r="B40258" t="s">
        <v>57209</v>
      </c>
      <c r="C40258">
        <v>1</v>
      </c>
      <c r="D40258">
        <v>0</v>
      </c>
    </row>
    <row r="40259" spans="1:4" x14ac:dyDescent="0.25">
      <c r="A40259" t="s">
        <v>57206</v>
      </c>
      <c r="B40259" t="s">
        <v>57210</v>
      </c>
      <c r="C40259">
        <v>1</v>
      </c>
      <c r="D40259">
        <v>0</v>
      </c>
    </row>
    <row r="40260" spans="1:4" x14ac:dyDescent="0.25">
      <c r="A40260" t="s">
        <v>57211</v>
      </c>
      <c r="B40260" t="s">
        <v>57212</v>
      </c>
      <c r="C40260">
        <v>1</v>
      </c>
      <c r="D40260">
        <v>0</v>
      </c>
    </row>
    <row r="40261" spans="1:4" x14ac:dyDescent="0.25">
      <c r="A40261" t="s">
        <v>57211</v>
      </c>
      <c r="B40261" t="s">
        <v>57213</v>
      </c>
      <c r="C40261">
        <v>0</v>
      </c>
      <c r="D40261">
        <v>0</v>
      </c>
    </row>
    <row r="40262" spans="1:4" x14ac:dyDescent="0.25">
      <c r="A40262" t="s">
        <v>57211</v>
      </c>
      <c r="B40262" t="s">
        <v>57214</v>
      </c>
      <c r="C40262">
        <v>1</v>
      </c>
      <c r="D40262">
        <v>0</v>
      </c>
    </row>
    <row r="40263" spans="1:4" x14ac:dyDescent="0.25">
      <c r="A40263" t="s">
        <v>57211</v>
      </c>
      <c r="B40263" t="s">
        <v>57215</v>
      </c>
      <c r="C40263">
        <v>1</v>
      </c>
      <c r="D40263">
        <v>0</v>
      </c>
    </row>
    <row r="40264" spans="1:4" x14ac:dyDescent="0.25">
      <c r="A40264" t="s">
        <v>57211</v>
      </c>
      <c r="B40264" t="s">
        <v>57216</v>
      </c>
      <c r="C40264">
        <v>1</v>
      </c>
      <c r="D40264">
        <v>0</v>
      </c>
    </row>
    <row r="40265" spans="1:4" x14ac:dyDescent="0.25">
      <c r="A40265" t="s">
        <v>57217</v>
      </c>
      <c r="B40265" t="s">
        <v>57218</v>
      </c>
      <c r="C40265">
        <v>1</v>
      </c>
      <c r="D40265">
        <v>0</v>
      </c>
    </row>
    <row r="40266" spans="1:4" x14ac:dyDescent="0.25">
      <c r="A40266" t="s">
        <v>57217</v>
      </c>
      <c r="B40266" t="s">
        <v>57219</v>
      </c>
      <c r="C40266">
        <v>1</v>
      </c>
      <c r="D40266">
        <v>0</v>
      </c>
    </row>
    <row r="40267" spans="1:4" x14ac:dyDescent="0.25">
      <c r="A40267" t="s">
        <v>57217</v>
      </c>
      <c r="B40267" t="s">
        <v>57220</v>
      </c>
      <c r="C40267">
        <v>1</v>
      </c>
      <c r="D40267">
        <v>0</v>
      </c>
    </row>
    <row r="40268" spans="1:4" x14ac:dyDescent="0.25">
      <c r="A40268" t="s">
        <v>57217</v>
      </c>
      <c r="B40268" t="s">
        <v>57221</v>
      </c>
      <c r="C40268">
        <v>1</v>
      </c>
      <c r="D40268">
        <v>0</v>
      </c>
    </row>
    <row r="40269" spans="1:4" x14ac:dyDescent="0.25">
      <c r="A40269" t="s">
        <v>57217</v>
      </c>
      <c r="B40269" t="s">
        <v>57222</v>
      </c>
      <c r="C40269">
        <v>1</v>
      </c>
      <c r="D40269">
        <v>0</v>
      </c>
    </row>
    <row r="40270" spans="1:4" x14ac:dyDescent="0.25">
      <c r="A40270" t="s">
        <v>57223</v>
      </c>
      <c r="B40270" t="s">
        <v>57224</v>
      </c>
      <c r="C40270">
        <v>0</v>
      </c>
      <c r="D40270">
        <v>0</v>
      </c>
    </row>
    <row r="40271" spans="1:4" x14ac:dyDescent="0.25">
      <c r="A40271" t="s">
        <v>57223</v>
      </c>
      <c r="B40271" t="s">
        <v>57225</v>
      </c>
      <c r="C40271">
        <v>0</v>
      </c>
      <c r="D40271">
        <v>0</v>
      </c>
    </row>
    <row r="40272" spans="1:4" x14ac:dyDescent="0.25">
      <c r="A40272" t="s">
        <v>57223</v>
      </c>
      <c r="B40272" t="s">
        <v>57226</v>
      </c>
      <c r="C40272">
        <v>0</v>
      </c>
      <c r="D40272">
        <v>0</v>
      </c>
    </row>
    <row r="40273" spans="1:4" x14ac:dyDescent="0.25">
      <c r="A40273" t="s">
        <v>57223</v>
      </c>
      <c r="B40273" t="s">
        <v>57227</v>
      </c>
      <c r="C40273">
        <v>1</v>
      </c>
      <c r="D40273">
        <v>0</v>
      </c>
    </row>
    <row r="40274" spans="1:4" x14ac:dyDescent="0.25">
      <c r="A40274" t="s">
        <v>57223</v>
      </c>
      <c r="B40274" t="s">
        <v>51939</v>
      </c>
      <c r="C40274">
        <v>0</v>
      </c>
      <c r="D40274">
        <v>0</v>
      </c>
    </row>
    <row r="40275" spans="1:4" x14ac:dyDescent="0.25">
      <c r="A40275" t="s">
        <v>57228</v>
      </c>
      <c r="B40275" t="s">
        <v>57229</v>
      </c>
      <c r="C40275">
        <v>1</v>
      </c>
      <c r="D40275">
        <v>0</v>
      </c>
    </row>
    <row r="40276" spans="1:4" x14ac:dyDescent="0.25">
      <c r="A40276" t="s">
        <v>57228</v>
      </c>
      <c r="B40276" t="s">
        <v>57230</v>
      </c>
      <c r="C40276">
        <v>1</v>
      </c>
      <c r="D40276">
        <v>0</v>
      </c>
    </row>
    <row r="40277" spans="1:4" x14ac:dyDescent="0.25">
      <c r="A40277" t="s">
        <v>57228</v>
      </c>
      <c r="B40277" t="s">
        <v>17479</v>
      </c>
      <c r="C40277">
        <v>0</v>
      </c>
      <c r="D40277">
        <v>0</v>
      </c>
    </row>
    <row r="40278" spans="1:4" x14ac:dyDescent="0.25">
      <c r="A40278" t="s">
        <v>57228</v>
      </c>
      <c r="B40278" t="s">
        <v>57231</v>
      </c>
      <c r="C40278">
        <v>1</v>
      </c>
      <c r="D40278">
        <v>0</v>
      </c>
    </row>
    <row r="40279" spans="1:4" x14ac:dyDescent="0.25">
      <c r="A40279" t="s">
        <v>57228</v>
      </c>
      <c r="B40279" t="s">
        <v>57232</v>
      </c>
      <c r="C40279">
        <v>1</v>
      </c>
      <c r="D40279">
        <v>0</v>
      </c>
    </row>
    <row r="40280" spans="1:4" x14ac:dyDescent="0.25">
      <c r="A40280" t="s">
        <v>57233</v>
      </c>
      <c r="B40280" t="s">
        <v>11948</v>
      </c>
      <c r="C40280">
        <v>0</v>
      </c>
      <c r="D40280">
        <v>0</v>
      </c>
    </row>
    <row r="40281" spans="1:4" x14ac:dyDescent="0.25">
      <c r="A40281" t="s">
        <v>57233</v>
      </c>
      <c r="B40281" t="s">
        <v>57234</v>
      </c>
      <c r="C40281">
        <v>2</v>
      </c>
      <c r="D40281">
        <v>0</v>
      </c>
    </row>
    <row r="40282" spans="1:4" x14ac:dyDescent="0.25">
      <c r="A40282" t="s">
        <v>57233</v>
      </c>
      <c r="B40282" t="s">
        <v>57235</v>
      </c>
      <c r="C40282">
        <v>1</v>
      </c>
      <c r="D40282">
        <v>0</v>
      </c>
    </row>
    <row r="40283" spans="1:4" x14ac:dyDescent="0.25">
      <c r="A40283" t="s">
        <v>57233</v>
      </c>
      <c r="B40283" t="s">
        <v>57236</v>
      </c>
      <c r="C40283">
        <v>2</v>
      </c>
      <c r="D40283">
        <v>0</v>
      </c>
    </row>
    <row r="40284" spans="1:4" x14ac:dyDescent="0.25">
      <c r="A40284" t="s">
        <v>57233</v>
      </c>
      <c r="B40284" t="s">
        <v>57236</v>
      </c>
      <c r="C40284">
        <v>2</v>
      </c>
      <c r="D40284">
        <v>0</v>
      </c>
    </row>
    <row r="40285" spans="1:4" x14ac:dyDescent="0.25">
      <c r="A40285" t="s">
        <v>57233</v>
      </c>
      <c r="B40285" t="s">
        <v>57237</v>
      </c>
      <c r="C40285">
        <v>1</v>
      </c>
      <c r="D40285">
        <v>0</v>
      </c>
    </row>
    <row r="40286" spans="1:4" x14ac:dyDescent="0.25">
      <c r="A40286" t="s">
        <v>57238</v>
      </c>
      <c r="B40286" t="s">
        <v>57239</v>
      </c>
      <c r="C40286">
        <v>2</v>
      </c>
      <c r="D40286">
        <v>0</v>
      </c>
    </row>
    <row r="40287" spans="1:4" x14ac:dyDescent="0.25">
      <c r="A40287" t="s">
        <v>57238</v>
      </c>
      <c r="B40287" t="s">
        <v>47634</v>
      </c>
      <c r="C40287">
        <v>2</v>
      </c>
      <c r="D40287">
        <v>0</v>
      </c>
    </row>
    <row r="40288" spans="1:4" x14ac:dyDescent="0.25">
      <c r="A40288" t="s">
        <v>57238</v>
      </c>
      <c r="B40288" t="s">
        <v>57240</v>
      </c>
      <c r="C40288">
        <v>1</v>
      </c>
      <c r="D40288">
        <v>0</v>
      </c>
    </row>
    <row r="40289" spans="1:4" x14ac:dyDescent="0.25">
      <c r="A40289" t="s">
        <v>57238</v>
      </c>
      <c r="B40289" t="s">
        <v>11075</v>
      </c>
      <c r="C40289">
        <v>1</v>
      </c>
      <c r="D40289">
        <v>0</v>
      </c>
    </row>
    <row r="40290" spans="1:4" x14ac:dyDescent="0.25">
      <c r="A40290" t="s">
        <v>57238</v>
      </c>
      <c r="B40290" t="s">
        <v>57241</v>
      </c>
      <c r="C40290">
        <v>2</v>
      </c>
      <c r="D40290">
        <v>0</v>
      </c>
    </row>
    <row r="40291" spans="1:4" x14ac:dyDescent="0.25">
      <c r="A40291" t="s">
        <v>57242</v>
      </c>
      <c r="B40291" t="s">
        <v>57243</v>
      </c>
      <c r="C40291">
        <v>1</v>
      </c>
      <c r="D40291">
        <v>0</v>
      </c>
    </row>
    <row r="40292" spans="1:4" x14ac:dyDescent="0.25">
      <c r="A40292" t="s">
        <v>57242</v>
      </c>
      <c r="B40292" t="s">
        <v>57244</v>
      </c>
      <c r="C40292">
        <v>1</v>
      </c>
      <c r="D40292">
        <v>0</v>
      </c>
    </row>
    <row r="40293" spans="1:4" x14ac:dyDescent="0.25">
      <c r="A40293" t="s">
        <v>57245</v>
      </c>
      <c r="B40293" t="s">
        <v>57246</v>
      </c>
      <c r="C40293">
        <v>1</v>
      </c>
      <c r="D40293">
        <v>0</v>
      </c>
    </row>
    <row r="40294" spans="1:4" x14ac:dyDescent="0.25">
      <c r="A40294" t="s">
        <v>57245</v>
      </c>
      <c r="B40294" t="s">
        <v>57247</v>
      </c>
      <c r="C40294">
        <v>2</v>
      </c>
      <c r="D40294">
        <v>0</v>
      </c>
    </row>
    <row r="40295" spans="1:4" x14ac:dyDescent="0.25">
      <c r="A40295" t="s">
        <v>57245</v>
      </c>
      <c r="B40295" t="s">
        <v>57248</v>
      </c>
      <c r="C40295">
        <v>1</v>
      </c>
      <c r="D40295">
        <v>0</v>
      </c>
    </row>
    <row r="40296" spans="1:4" x14ac:dyDescent="0.25">
      <c r="A40296" t="s">
        <v>57245</v>
      </c>
      <c r="B40296" t="s">
        <v>57249</v>
      </c>
      <c r="C40296">
        <v>2</v>
      </c>
      <c r="D40296">
        <v>0</v>
      </c>
    </row>
    <row r="40297" spans="1:4" x14ac:dyDescent="0.25">
      <c r="A40297" t="s">
        <v>57245</v>
      </c>
      <c r="B40297" t="s">
        <v>57250</v>
      </c>
      <c r="C40297">
        <v>1</v>
      </c>
      <c r="D40297">
        <v>0</v>
      </c>
    </row>
    <row r="40298" spans="1:4" x14ac:dyDescent="0.25">
      <c r="A40298" t="s">
        <v>57251</v>
      </c>
      <c r="B40298" t="s">
        <v>57252</v>
      </c>
      <c r="C40298">
        <v>1</v>
      </c>
      <c r="D40298">
        <v>0</v>
      </c>
    </row>
    <row r="40299" spans="1:4" x14ac:dyDescent="0.25">
      <c r="A40299" t="s">
        <v>57251</v>
      </c>
      <c r="B40299" t="s">
        <v>57253</v>
      </c>
      <c r="C40299">
        <v>1</v>
      </c>
      <c r="D40299">
        <v>0</v>
      </c>
    </row>
    <row r="40300" spans="1:4" x14ac:dyDescent="0.25">
      <c r="A40300" t="s">
        <v>57251</v>
      </c>
      <c r="B40300" t="s">
        <v>57254</v>
      </c>
      <c r="C40300">
        <v>1</v>
      </c>
      <c r="D40300">
        <v>0</v>
      </c>
    </row>
    <row r="40301" spans="1:4" x14ac:dyDescent="0.25">
      <c r="A40301" t="s">
        <v>57251</v>
      </c>
      <c r="B40301" t="s">
        <v>57255</v>
      </c>
      <c r="C40301">
        <v>1</v>
      </c>
      <c r="D40301">
        <v>0</v>
      </c>
    </row>
    <row r="40302" spans="1:4" x14ac:dyDescent="0.25">
      <c r="A40302" t="s">
        <v>57251</v>
      </c>
      <c r="B40302" t="s">
        <v>57256</v>
      </c>
      <c r="C40302">
        <v>1</v>
      </c>
      <c r="D40302">
        <v>0</v>
      </c>
    </row>
    <row r="40303" spans="1:4" x14ac:dyDescent="0.25">
      <c r="A40303" t="s">
        <v>57251</v>
      </c>
      <c r="B40303" t="s">
        <v>57257</v>
      </c>
      <c r="C40303">
        <v>1</v>
      </c>
      <c r="D40303">
        <v>0</v>
      </c>
    </row>
    <row r="40304" spans="1:4" x14ac:dyDescent="0.25">
      <c r="A40304" t="s">
        <v>57258</v>
      </c>
      <c r="B40304" t="s">
        <v>11948</v>
      </c>
      <c r="C40304">
        <v>1</v>
      </c>
      <c r="D40304">
        <v>0</v>
      </c>
    </row>
    <row r="40305" spans="1:4" x14ac:dyDescent="0.25">
      <c r="A40305" t="s">
        <v>57258</v>
      </c>
      <c r="B40305" t="s">
        <v>46053</v>
      </c>
      <c r="C40305">
        <v>0</v>
      </c>
      <c r="D40305">
        <v>0</v>
      </c>
    </row>
    <row r="40306" spans="1:4" x14ac:dyDescent="0.25">
      <c r="A40306" t="s">
        <v>57258</v>
      </c>
      <c r="B40306" t="s">
        <v>57259</v>
      </c>
      <c r="C40306">
        <v>0</v>
      </c>
      <c r="D40306">
        <v>0</v>
      </c>
    </row>
    <row r="40307" spans="1:4" x14ac:dyDescent="0.25">
      <c r="A40307" t="s">
        <v>57258</v>
      </c>
      <c r="B40307" t="s">
        <v>46889</v>
      </c>
      <c r="C40307">
        <v>2</v>
      </c>
      <c r="D40307">
        <v>0</v>
      </c>
    </row>
    <row r="40308" spans="1:4" x14ac:dyDescent="0.25">
      <c r="A40308" t="s">
        <v>57258</v>
      </c>
      <c r="B40308" t="s">
        <v>57260</v>
      </c>
      <c r="C40308">
        <v>2</v>
      </c>
      <c r="D40308">
        <v>0</v>
      </c>
    </row>
    <row r="40309" spans="1:4" x14ac:dyDescent="0.25">
      <c r="A40309" t="s">
        <v>57258</v>
      </c>
      <c r="B40309" t="s">
        <v>57261</v>
      </c>
      <c r="C40309">
        <v>1</v>
      </c>
      <c r="D40309">
        <v>0</v>
      </c>
    </row>
    <row r="40310" spans="1:4" x14ac:dyDescent="0.25">
      <c r="A40310" t="s">
        <v>57258</v>
      </c>
      <c r="B40310" t="s">
        <v>57262</v>
      </c>
      <c r="C40310">
        <v>2</v>
      </c>
      <c r="D40310">
        <v>0</v>
      </c>
    </row>
    <row r="40311" spans="1:4" x14ac:dyDescent="0.25">
      <c r="A40311" t="s">
        <v>57258</v>
      </c>
      <c r="B40311" t="s">
        <v>57263</v>
      </c>
      <c r="C40311">
        <v>1</v>
      </c>
      <c r="D40311">
        <v>0</v>
      </c>
    </row>
    <row r="40312" spans="1:4" x14ac:dyDescent="0.25">
      <c r="A40312" t="s">
        <v>57258</v>
      </c>
      <c r="B40312" t="s">
        <v>57264</v>
      </c>
      <c r="C40312">
        <v>0</v>
      </c>
      <c r="D40312">
        <v>0</v>
      </c>
    </row>
    <row r="40313" spans="1:4" x14ac:dyDescent="0.25">
      <c r="A40313" t="s">
        <v>57258</v>
      </c>
      <c r="B40313" t="s">
        <v>57265</v>
      </c>
      <c r="C40313">
        <v>2</v>
      </c>
      <c r="D40313">
        <v>0</v>
      </c>
    </row>
    <row r="40314" spans="1:4" x14ac:dyDescent="0.25">
      <c r="A40314" t="s">
        <v>57258</v>
      </c>
      <c r="B40314" t="s">
        <v>11948</v>
      </c>
      <c r="C40314">
        <v>0</v>
      </c>
      <c r="D40314">
        <v>0</v>
      </c>
    </row>
    <row r="40315" spans="1:4" x14ac:dyDescent="0.25">
      <c r="A40315" t="s">
        <v>57266</v>
      </c>
      <c r="B40315" t="s">
        <v>57267</v>
      </c>
      <c r="C40315">
        <v>1</v>
      </c>
      <c r="D40315">
        <v>0</v>
      </c>
    </row>
    <row r="40316" spans="1:4" x14ac:dyDescent="0.25">
      <c r="A40316" t="s">
        <v>57266</v>
      </c>
      <c r="B40316" t="s">
        <v>57268</v>
      </c>
      <c r="C40316">
        <v>0</v>
      </c>
      <c r="D40316">
        <v>0</v>
      </c>
    </row>
    <row r="40317" spans="1:4" x14ac:dyDescent="0.25">
      <c r="A40317" t="s">
        <v>57266</v>
      </c>
      <c r="B40317" t="s">
        <v>57269</v>
      </c>
      <c r="C40317">
        <v>0</v>
      </c>
      <c r="D40317">
        <v>0</v>
      </c>
    </row>
    <row r="40318" spans="1:4" x14ac:dyDescent="0.25">
      <c r="A40318" t="s">
        <v>57266</v>
      </c>
      <c r="B40318" t="s">
        <v>57270</v>
      </c>
      <c r="C40318">
        <v>1</v>
      </c>
      <c r="D40318">
        <v>0</v>
      </c>
    </row>
    <row r="40319" spans="1:4" x14ac:dyDescent="0.25">
      <c r="A40319" t="s">
        <v>57266</v>
      </c>
      <c r="B40319" t="s">
        <v>57271</v>
      </c>
      <c r="C40319">
        <v>1</v>
      </c>
      <c r="D40319">
        <v>0</v>
      </c>
    </row>
    <row r="40320" spans="1:4" x14ac:dyDescent="0.25">
      <c r="A40320" t="s">
        <v>57266</v>
      </c>
      <c r="B40320" t="s">
        <v>57272</v>
      </c>
      <c r="C40320">
        <v>2</v>
      </c>
      <c r="D40320">
        <v>0</v>
      </c>
    </row>
    <row r="40321" spans="1:4" x14ac:dyDescent="0.25">
      <c r="A40321" t="s">
        <v>57266</v>
      </c>
      <c r="B40321" t="s">
        <v>57273</v>
      </c>
      <c r="C40321">
        <v>1</v>
      </c>
      <c r="D40321">
        <v>0</v>
      </c>
    </row>
    <row r="40322" spans="1:4" x14ac:dyDescent="0.25">
      <c r="A40322" t="s">
        <v>57266</v>
      </c>
      <c r="B40322" t="s">
        <v>57274</v>
      </c>
      <c r="C40322">
        <v>2</v>
      </c>
      <c r="D40322">
        <v>0</v>
      </c>
    </row>
    <row r="40323" spans="1:4" x14ac:dyDescent="0.25">
      <c r="A40323" t="s">
        <v>57266</v>
      </c>
      <c r="B40323" t="s">
        <v>57275</v>
      </c>
      <c r="C40323">
        <v>1</v>
      </c>
      <c r="D40323">
        <v>0</v>
      </c>
    </row>
    <row r="40324" spans="1:4" x14ac:dyDescent="0.25">
      <c r="A40324" t="s">
        <v>57276</v>
      </c>
      <c r="B40324" t="s">
        <v>57277</v>
      </c>
      <c r="C40324">
        <v>0</v>
      </c>
      <c r="D40324">
        <v>0</v>
      </c>
    </row>
    <row r="40325" spans="1:4" x14ac:dyDescent="0.25">
      <c r="A40325" t="s">
        <v>57276</v>
      </c>
      <c r="B40325" t="s">
        <v>57278</v>
      </c>
      <c r="C40325">
        <v>0</v>
      </c>
      <c r="D40325">
        <v>0</v>
      </c>
    </row>
    <row r="40326" spans="1:4" x14ac:dyDescent="0.25">
      <c r="A40326" t="s">
        <v>57276</v>
      </c>
      <c r="B40326" t="s">
        <v>57279</v>
      </c>
      <c r="C40326">
        <v>0</v>
      </c>
      <c r="D40326">
        <v>0</v>
      </c>
    </row>
    <row r="40327" spans="1:4" x14ac:dyDescent="0.25">
      <c r="A40327" t="s">
        <v>57276</v>
      </c>
      <c r="B40327" t="s">
        <v>57280</v>
      </c>
      <c r="C40327">
        <v>0</v>
      </c>
      <c r="D40327">
        <v>0</v>
      </c>
    </row>
    <row r="40328" spans="1:4" x14ac:dyDescent="0.25">
      <c r="A40328" t="s">
        <v>57276</v>
      </c>
      <c r="B40328" t="s">
        <v>57281</v>
      </c>
      <c r="C40328">
        <v>0</v>
      </c>
      <c r="D40328">
        <v>0</v>
      </c>
    </row>
    <row r="40329" spans="1:4" x14ac:dyDescent="0.25">
      <c r="A40329" t="s">
        <v>57282</v>
      </c>
      <c r="B40329" t="s">
        <v>57283</v>
      </c>
      <c r="C40329">
        <v>0</v>
      </c>
      <c r="D40329">
        <v>0</v>
      </c>
    </row>
    <row r="40330" spans="1:4" x14ac:dyDescent="0.25">
      <c r="A40330" t="s">
        <v>57284</v>
      </c>
      <c r="B40330" t="s">
        <v>57285</v>
      </c>
      <c r="C40330">
        <v>0</v>
      </c>
      <c r="D40330">
        <v>0</v>
      </c>
    </row>
    <row r="40331" spans="1:4" x14ac:dyDescent="0.25">
      <c r="A40331" t="s">
        <v>57284</v>
      </c>
      <c r="B40331" t="s">
        <v>57286</v>
      </c>
      <c r="C40331">
        <v>2</v>
      </c>
      <c r="D40331">
        <v>0</v>
      </c>
    </row>
    <row r="40332" spans="1:4" x14ac:dyDescent="0.25">
      <c r="A40332" t="s">
        <v>57284</v>
      </c>
      <c r="B40332" t="s">
        <v>11075</v>
      </c>
      <c r="C40332">
        <v>1</v>
      </c>
      <c r="D40332">
        <v>0</v>
      </c>
    </row>
    <row r="40333" spans="1:4" x14ac:dyDescent="0.25">
      <c r="A40333" t="s">
        <v>57284</v>
      </c>
      <c r="B40333" t="s">
        <v>57287</v>
      </c>
      <c r="C40333">
        <v>0</v>
      </c>
      <c r="D40333">
        <v>0</v>
      </c>
    </row>
    <row r="40334" spans="1:4" x14ac:dyDescent="0.25">
      <c r="A40334" t="s">
        <v>57284</v>
      </c>
      <c r="B40334" t="s">
        <v>57288</v>
      </c>
      <c r="C40334">
        <v>1</v>
      </c>
      <c r="D40334">
        <v>0</v>
      </c>
    </row>
    <row r="40335" spans="1:4" x14ac:dyDescent="0.25">
      <c r="A40335" t="s">
        <v>57289</v>
      </c>
      <c r="B40335" t="s">
        <v>57290</v>
      </c>
      <c r="C40335">
        <v>2</v>
      </c>
      <c r="D40335">
        <v>0</v>
      </c>
    </row>
    <row r="40336" spans="1:4" x14ac:dyDescent="0.25">
      <c r="A40336" t="s">
        <v>57289</v>
      </c>
      <c r="B40336" t="s">
        <v>57291</v>
      </c>
      <c r="C40336">
        <v>2</v>
      </c>
      <c r="D40336">
        <v>0</v>
      </c>
    </row>
    <row r="40337" spans="1:4" x14ac:dyDescent="0.25">
      <c r="A40337" t="s">
        <v>57292</v>
      </c>
      <c r="B40337" t="s">
        <v>57293</v>
      </c>
      <c r="C40337">
        <v>2</v>
      </c>
      <c r="D40337">
        <v>0</v>
      </c>
    </row>
    <row r="40338" spans="1:4" x14ac:dyDescent="0.25">
      <c r="A40338" t="s">
        <v>57292</v>
      </c>
      <c r="B40338" t="s">
        <v>57294</v>
      </c>
      <c r="C40338">
        <v>0</v>
      </c>
      <c r="D40338">
        <v>0</v>
      </c>
    </row>
    <row r="40339" spans="1:4" x14ac:dyDescent="0.25">
      <c r="A40339" t="s">
        <v>57292</v>
      </c>
      <c r="B40339" t="s">
        <v>57295</v>
      </c>
      <c r="C40339">
        <v>1</v>
      </c>
      <c r="D40339">
        <v>0</v>
      </c>
    </row>
    <row r="40340" spans="1:4" x14ac:dyDescent="0.25">
      <c r="A40340" t="s">
        <v>57292</v>
      </c>
      <c r="B40340" t="s">
        <v>57296</v>
      </c>
      <c r="C40340">
        <v>0</v>
      </c>
      <c r="D40340">
        <v>0</v>
      </c>
    </row>
    <row r="40341" spans="1:4" x14ac:dyDescent="0.25">
      <c r="A40341" t="s">
        <v>57292</v>
      </c>
      <c r="B40341" t="s">
        <v>57297</v>
      </c>
      <c r="C40341">
        <v>1</v>
      </c>
      <c r="D40341">
        <v>0</v>
      </c>
    </row>
    <row r="40342" spans="1:4" x14ac:dyDescent="0.25">
      <c r="A40342" t="s">
        <v>57298</v>
      </c>
      <c r="B40342" t="s">
        <v>57299</v>
      </c>
      <c r="C40342">
        <v>0</v>
      </c>
      <c r="D40342">
        <v>0</v>
      </c>
    </row>
    <row r="40343" spans="1:4" x14ac:dyDescent="0.25">
      <c r="A40343" t="s">
        <v>57298</v>
      </c>
      <c r="B40343" t="s">
        <v>57300</v>
      </c>
      <c r="C40343">
        <v>1</v>
      </c>
      <c r="D40343">
        <v>0</v>
      </c>
    </row>
    <row r="40344" spans="1:4" x14ac:dyDescent="0.25">
      <c r="A40344" t="s">
        <v>57298</v>
      </c>
      <c r="B40344" t="s">
        <v>57301</v>
      </c>
      <c r="C40344">
        <v>1</v>
      </c>
      <c r="D40344">
        <v>0</v>
      </c>
    </row>
    <row r="40345" spans="1:4" x14ac:dyDescent="0.25">
      <c r="A40345" t="s">
        <v>57302</v>
      </c>
      <c r="B40345" t="s">
        <v>54289</v>
      </c>
      <c r="C40345">
        <v>1</v>
      </c>
      <c r="D40345">
        <v>0</v>
      </c>
    </row>
    <row r="40346" spans="1:4" x14ac:dyDescent="0.25">
      <c r="A40346" t="s">
        <v>57302</v>
      </c>
      <c r="B40346" t="s">
        <v>2865</v>
      </c>
      <c r="C40346">
        <v>0</v>
      </c>
      <c r="D40346">
        <v>0</v>
      </c>
    </row>
    <row r="40347" spans="1:4" x14ac:dyDescent="0.25">
      <c r="A40347" t="s">
        <v>57302</v>
      </c>
      <c r="B40347" t="s">
        <v>57303</v>
      </c>
      <c r="C40347">
        <v>1</v>
      </c>
      <c r="D40347">
        <v>0</v>
      </c>
    </row>
    <row r="40348" spans="1:4" x14ac:dyDescent="0.25">
      <c r="A40348" t="s">
        <v>57302</v>
      </c>
      <c r="B40348" t="s">
        <v>57304</v>
      </c>
      <c r="C40348">
        <v>1</v>
      </c>
      <c r="D40348">
        <v>0</v>
      </c>
    </row>
    <row r="40349" spans="1:4" x14ac:dyDescent="0.25">
      <c r="A40349" t="s">
        <v>57302</v>
      </c>
      <c r="B40349" t="s">
        <v>57305</v>
      </c>
      <c r="C40349">
        <v>2</v>
      </c>
      <c r="D40349">
        <v>0</v>
      </c>
    </row>
    <row r="40350" spans="1:4" x14ac:dyDescent="0.25">
      <c r="A40350" t="s">
        <v>57302</v>
      </c>
      <c r="B40350" t="s">
        <v>57306</v>
      </c>
      <c r="C40350">
        <v>1</v>
      </c>
      <c r="D40350">
        <v>0</v>
      </c>
    </row>
    <row r="40351" spans="1:4" x14ac:dyDescent="0.25">
      <c r="A40351" t="s">
        <v>57307</v>
      </c>
      <c r="B40351" t="s">
        <v>57308</v>
      </c>
      <c r="C40351">
        <v>0</v>
      </c>
      <c r="D40351">
        <v>0</v>
      </c>
    </row>
    <row r="40352" spans="1:4" x14ac:dyDescent="0.25">
      <c r="A40352" t="s">
        <v>57307</v>
      </c>
      <c r="B40352" t="s">
        <v>57309</v>
      </c>
      <c r="C40352">
        <v>2</v>
      </c>
      <c r="D40352">
        <v>0</v>
      </c>
    </row>
    <row r="40353" spans="1:4" x14ac:dyDescent="0.25">
      <c r="A40353" t="s">
        <v>57307</v>
      </c>
      <c r="B40353" t="s">
        <v>57310</v>
      </c>
      <c r="C40353">
        <v>1</v>
      </c>
      <c r="D40353">
        <v>0</v>
      </c>
    </row>
    <row r="40354" spans="1:4" x14ac:dyDescent="0.25">
      <c r="A40354" t="s">
        <v>57307</v>
      </c>
      <c r="B40354" t="s">
        <v>57311</v>
      </c>
      <c r="C40354">
        <v>0</v>
      </c>
      <c r="D40354">
        <v>0</v>
      </c>
    </row>
    <row r="40355" spans="1:4" x14ac:dyDescent="0.25">
      <c r="A40355" t="s">
        <v>57307</v>
      </c>
      <c r="B40355" t="s">
        <v>57312</v>
      </c>
      <c r="C40355">
        <v>1</v>
      </c>
      <c r="D40355">
        <v>0</v>
      </c>
    </row>
    <row r="40356" spans="1:4" x14ac:dyDescent="0.25">
      <c r="A40356" t="s">
        <v>57307</v>
      </c>
      <c r="B40356" t="s">
        <v>57313</v>
      </c>
      <c r="C40356">
        <v>1</v>
      </c>
      <c r="D40356">
        <v>0</v>
      </c>
    </row>
    <row r="40357" spans="1:4" x14ac:dyDescent="0.25">
      <c r="A40357" t="s">
        <v>57307</v>
      </c>
      <c r="B40357" t="s">
        <v>57314</v>
      </c>
      <c r="C40357">
        <v>0</v>
      </c>
      <c r="D40357">
        <v>0</v>
      </c>
    </row>
    <row r="40358" spans="1:4" x14ac:dyDescent="0.25">
      <c r="A40358" t="s">
        <v>57315</v>
      </c>
      <c r="B40358" t="s">
        <v>57316</v>
      </c>
      <c r="C40358">
        <v>1</v>
      </c>
      <c r="D40358">
        <v>0</v>
      </c>
    </row>
    <row r="40359" spans="1:4" x14ac:dyDescent="0.25">
      <c r="A40359" t="s">
        <v>57315</v>
      </c>
      <c r="B40359" t="s">
        <v>57317</v>
      </c>
      <c r="C40359">
        <v>1</v>
      </c>
      <c r="D40359">
        <v>0</v>
      </c>
    </row>
    <row r="40360" spans="1:4" x14ac:dyDescent="0.25">
      <c r="A40360" t="s">
        <v>57315</v>
      </c>
      <c r="B40360" t="s">
        <v>57318</v>
      </c>
      <c r="C40360">
        <v>1</v>
      </c>
      <c r="D40360">
        <v>0</v>
      </c>
    </row>
    <row r="40361" spans="1:4" x14ac:dyDescent="0.25">
      <c r="A40361" t="s">
        <v>57315</v>
      </c>
      <c r="B40361" t="s">
        <v>57319</v>
      </c>
      <c r="C40361">
        <v>1</v>
      </c>
      <c r="D40361">
        <v>0</v>
      </c>
    </row>
    <row r="40362" spans="1:4" x14ac:dyDescent="0.25">
      <c r="A40362" t="s">
        <v>57315</v>
      </c>
      <c r="B40362" t="s">
        <v>57320</v>
      </c>
      <c r="C40362">
        <v>0</v>
      </c>
      <c r="D40362">
        <v>0</v>
      </c>
    </row>
    <row r="40363" spans="1:4" x14ac:dyDescent="0.25">
      <c r="A40363" t="s">
        <v>57321</v>
      </c>
      <c r="B40363" t="s">
        <v>57322</v>
      </c>
      <c r="C40363">
        <v>1</v>
      </c>
      <c r="D40363">
        <v>0</v>
      </c>
    </row>
    <row r="40364" spans="1:4" x14ac:dyDescent="0.25">
      <c r="A40364" t="s">
        <v>57321</v>
      </c>
      <c r="B40364" t="s">
        <v>57323</v>
      </c>
      <c r="C40364">
        <v>1</v>
      </c>
      <c r="D40364">
        <v>0</v>
      </c>
    </row>
    <row r="40365" spans="1:4" x14ac:dyDescent="0.25">
      <c r="A40365" t="s">
        <v>57321</v>
      </c>
      <c r="B40365" t="s">
        <v>57324</v>
      </c>
      <c r="C40365">
        <v>1</v>
      </c>
      <c r="D40365">
        <v>0</v>
      </c>
    </row>
    <row r="40366" spans="1:4" x14ac:dyDescent="0.25">
      <c r="A40366" t="s">
        <v>57321</v>
      </c>
      <c r="B40366" t="s">
        <v>57325</v>
      </c>
      <c r="C40366">
        <v>0</v>
      </c>
      <c r="D40366">
        <v>0</v>
      </c>
    </row>
    <row r="40367" spans="1:4" x14ac:dyDescent="0.25">
      <c r="A40367" t="s">
        <v>57321</v>
      </c>
      <c r="B40367" t="s">
        <v>57326</v>
      </c>
      <c r="C40367">
        <v>1</v>
      </c>
      <c r="D40367">
        <v>0</v>
      </c>
    </row>
    <row r="40368" spans="1:4" x14ac:dyDescent="0.25">
      <c r="A40368" t="s">
        <v>57321</v>
      </c>
      <c r="B40368" t="s">
        <v>57327</v>
      </c>
      <c r="C40368">
        <v>0</v>
      </c>
      <c r="D40368">
        <v>0</v>
      </c>
    </row>
    <row r="40369" spans="1:4" x14ac:dyDescent="0.25">
      <c r="A40369" t="s">
        <v>57321</v>
      </c>
      <c r="B40369" t="s">
        <v>57328</v>
      </c>
      <c r="C40369">
        <v>1</v>
      </c>
      <c r="D40369">
        <v>0</v>
      </c>
    </row>
    <row r="40370" spans="1:4" x14ac:dyDescent="0.25">
      <c r="A40370" t="s">
        <v>57321</v>
      </c>
      <c r="B40370" t="s">
        <v>57329</v>
      </c>
      <c r="C40370">
        <v>1</v>
      </c>
      <c r="D40370">
        <v>0</v>
      </c>
    </row>
    <row r="40371" spans="1:4" x14ac:dyDescent="0.25">
      <c r="A40371" t="s">
        <v>57330</v>
      </c>
      <c r="B40371" t="s">
        <v>57331</v>
      </c>
      <c r="C40371">
        <v>0</v>
      </c>
      <c r="D40371">
        <v>0</v>
      </c>
    </row>
    <row r="40372" spans="1:4" x14ac:dyDescent="0.25">
      <c r="A40372" t="s">
        <v>57330</v>
      </c>
      <c r="B40372" t="s">
        <v>57332</v>
      </c>
      <c r="C40372">
        <v>2</v>
      </c>
      <c r="D40372">
        <v>0</v>
      </c>
    </row>
    <row r="40373" spans="1:4" x14ac:dyDescent="0.25">
      <c r="A40373" t="s">
        <v>57330</v>
      </c>
      <c r="B40373" t="s">
        <v>57333</v>
      </c>
      <c r="C40373">
        <v>0</v>
      </c>
      <c r="D40373">
        <v>0</v>
      </c>
    </row>
    <row r="40374" spans="1:4" x14ac:dyDescent="0.25">
      <c r="A40374" t="s">
        <v>57330</v>
      </c>
      <c r="B40374" t="s">
        <v>57334</v>
      </c>
      <c r="C40374">
        <v>0</v>
      </c>
      <c r="D40374">
        <v>0</v>
      </c>
    </row>
    <row r="40375" spans="1:4" x14ac:dyDescent="0.25">
      <c r="A40375" t="s">
        <v>57330</v>
      </c>
      <c r="B40375" t="s">
        <v>57335</v>
      </c>
      <c r="C40375">
        <v>2</v>
      </c>
      <c r="D40375">
        <v>0</v>
      </c>
    </row>
    <row r="40376" spans="1:4" x14ac:dyDescent="0.25">
      <c r="A40376" t="s">
        <v>57330</v>
      </c>
      <c r="B40376" t="s">
        <v>57336</v>
      </c>
      <c r="C40376">
        <v>2</v>
      </c>
      <c r="D40376">
        <v>0</v>
      </c>
    </row>
    <row r="40377" spans="1:4" x14ac:dyDescent="0.25">
      <c r="A40377" t="s">
        <v>57330</v>
      </c>
      <c r="B40377" t="s">
        <v>57337</v>
      </c>
      <c r="C40377">
        <v>0</v>
      </c>
      <c r="D40377">
        <v>0</v>
      </c>
    </row>
    <row r="40378" spans="1:4" x14ac:dyDescent="0.25">
      <c r="A40378" t="s">
        <v>57338</v>
      </c>
      <c r="B40378" t="s">
        <v>57339</v>
      </c>
      <c r="C40378">
        <v>1</v>
      </c>
      <c r="D40378">
        <v>0</v>
      </c>
    </row>
    <row r="40379" spans="1:4" x14ac:dyDescent="0.25">
      <c r="A40379" t="s">
        <v>57338</v>
      </c>
      <c r="B40379" t="s">
        <v>57340</v>
      </c>
      <c r="C40379">
        <v>1</v>
      </c>
      <c r="D40379">
        <v>0</v>
      </c>
    </row>
    <row r="40380" spans="1:4" x14ac:dyDescent="0.25">
      <c r="A40380" t="s">
        <v>57338</v>
      </c>
      <c r="B40380" t="s">
        <v>57341</v>
      </c>
      <c r="C40380">
        <v>1</v>
      </c>
      <c r="D40380">
        <v>0</v>
      </c>
    </row>
    <row r="40381" spans="1:4" x14ac:dyDescent="0.25">
      <c r="A40381" t="s">
        <v>57338</v>
      </c>
      <c r="B40381" t="s">
        <v>57342</v>
      </c>
      <c r="C40381">
        <v>2</v>
      </c>
      <c r="D40381">
        <v>0</v>
      </c>
    </row>
    <row r="40382" spans="1:4" x14ac:dyDescent="0.25">
      <c r="A40382" t="s">
        <v>57338</v>
      </c>
      <c r="B40382" t="s">
        <v>57343</v>
      </c>
      <c r="C40382">
        <v>2</v>
      </c>
      <c r="D40382">
        <v>0</v>
      </c>
    </row>
    <row r="40383" spans="1:4" x14ac:dyDescent="0.25">
      <c r="A40383" t="s">
        <v>57338</v>
      </c>
      <c r="B40383" t="s">
        <v>57344</v>
      </c>
      <c r="C40383">
        <v>1</v>
      </c>
      <c r="D40383">
        <v>0</v>
      </c>
    </row>
    <row r="40384" spans="1:4" x14ac:dyDescent="0.25">
      <c r="A40384" t="s">
        <v>57345</v>
      </c>
      <c r="B40384" t="s">
        <v>57346</v>
      </c>
      <c r="C40384">
        <v>2</v>
      </c>
      <c r="D40384">
        <v>0</v>
      </c>
    </row>
    <row r="40385" spans="1:4" x14ac:dyDescent="0.25">
      <c r="A40385" t="s">
        <v>57347</v>
      </c>
      <c r="B40385" t="s">
        <v>57348</v>
      </c>
      <c r="C40385">
        <v>1</v>
      </c>
      <c r="D40385">
        <v>0</v>
      </c>
    </row>
    <row r="40386" spans="1:4" x14ac:dyDescent="0.25">
      <c r="A40386" t="s">
        <v>57347</v>
      </c>
      <c r="B40386" t="s">
        <v>57349</v>
      </c>
      <c r="C40386">
        <v>2</v>
      </c>
      <c r="D40386">
        <v>0</v>
      </c>
    </row>
    <row r="40387" spans="1:4" x14ac:dyDescent="0.25">
      <c r="A40387" t="s">
        <v>57347</v>
      </c>
      <c r="B40387" t="s">
        <v>57350</v>
      </c>
      <c r="C40387">
        <v>1</v>
      </c>
      <c r="D40387">
        <v>0</v>
      </c>
    </row>
    <row r="40388" spans="1:4" x14ac:dyDescent="0.25">
      <c r="A40388" t="s">
        <v>57347</v>
      </c>
      <c r="B40388" t="s">
        <v>5713</v>
      </c>
      <c r="C40388">
        <v>1</v>
      </c>
      <c r="D40388">
        <v>0</v>
      </c>
    </row>
    <row r="40389" spans="1:4" x14ac:dyDescent="0.25">
      <c r="A40389" t="s">
        <v>57347</v>
      </c>
      <c r="B40389" t="s">
        <v>57351</v>
      </c>
      <c r="C40389">
        <v>0</v>
      </c>
      <c r="D40389">
        <v>0</v>
      </c>
    </row>
    <row r="40390" spans="1:4" x14ac:dyDescent="0.25">
      <c r="A40390" t="s">
        <v>57347</v>
      </c>
      <c r="B40390" t="s">
        <v>57352</v>
      </c>
      <c r="C40390">
        <v>0</v>
      </c>
      <c r="D40390">
        <v>0</v>
      </c>
    </row>
    <row r="40391" spans="1:4" x14ac:dyDescent="0.25">
      <c r="A40391" t="s">
        <v>57353</v>
      </c>
      <c r="B40391" t="s">
        <v>57354</v>
      </c>
      <c r="C40391">
        <v>1</v>
      </c>
      <c r="D40391">
        <v>0</v>
      </c>
    </row>
    <row r="40392" spans="1:4" x14ac:dyDescent="0.25">
      <c r="A40392" t="s">
        <v>57353</v>
      </c>
      <c r="B40392" t="s">
        <v>57355</v>
      </c>
      <c r="C40392">
        <v>1</v>
      </c>
      <c r="D40392">
        <v>0</v>
      </c>
    </row>
    <row r="40393" spans="1:4" x14ac:dyDescent="0.25">
      <c r="A40393" t="s">
        <v>57353</v>
      </c>
      <c r="B40393" t="s">
        <v>57356</v>
      </c>
      <c r="C40393">
        <v>1</v>
      </c>
      <c r="D40393">
        <v>0</v>
      </c>
    </row>
    <row r="40394" spans="1:4" x14ac:dyDescent="0.25">
      <c r="A40394" t="s">
        <v>57357</v>
      </c>
      <c r="B40394" t="s">
        <v>57358</v>
      </c>
      <c r="C40394">
        <v>1</v>
      </c>
      <c r="D40394">
        <v>0</v>
      </c>
    </row>
    <row r="40395" spans="1:4" x14ac:dyDescent="0.25">
      <c r="A40395" t="s">
        <v>57357</v>
      </c>
      <c r="B40395" t="s">
        <v>57359</v>
      </c>
      <c r="C40395">
        <v>0</v>
      </c>
      <c r="D40395">
        <v>0</v>
      </c>
    </row>
    <row r="40396" spans="1:4" x14ac:dyDescent="0.25">
      <c r="A40396" t="s">
        <v>57357</v>
      </c>
      <c r="B40396" t="s">
        <v>57360</v>
      </c>
      <c r="C40396">
        <v>0</v>
      </c>
      <c r="D40396">
        <v>0</v>
      </c>
    </row>
    <row r="40397" spans="1:4" x14ac:dyDescent="0.25">
      <c r="A40397" t="s">
        <v>57361</v>
      </c>
      <c r="B40397" t="s">
        <v>57362</v>
      </c>
      <c r="C40397">
        <v>2</v>
      </c>
      <c r="D40397">
        <v>0</v>
      </c>
    </row>
    <row r="40398" spans="1:4" x14ac:dyDescent="0.25">
      <c r="A40398" t="s">
        <v>57361</v>
      </c>
      <c r="B40398" t="s">
        <v>57363</v>
      </c>
      <c r="C40398">
        <v>2</v>
      </c>
      <c r="D40398">
        <v>0</v>
      </c>
    </row>
    <row r="40399" spans="1:4" x14ac:dyDescent="0.25">
      <c r="A40399" t="s">
        <v>57361</v>
      </c>
      <c r="B40399" t="s">
        <v>57364</v>
      </c>
      <c r="C40399">
        <v>1</v>
      </c>
      <c r="D40399">
        <v>0</v>
      </c>
    </row>
    <row r="40400" spans="1:4" x14ac:dyDescent="0.25">
      <c r="A40400" t="s">
        <v>57365</v>
      </c>
      <c r="B40400" t="s">
        <v>57366</v>
      </c>
      <c r="C40400">
        <v>2</v>
      </c>
      <c r="D40400">
        <v>0</v>
      </c>
    </row>
    <row r="40401" spans="1:4" x14ac:dyDescent="0.25">
      <c r="A40401" t="s">
        <v>57365</v>
      </c>
      <c r="B40401" t="s">
        <v>57367</v>
      </c>
      <c r="C40401">
        <v>1</v>
      </c>
      <c r="D40401">
        <v>0</v>
      </c>
    </row>
    <row r="40402" spans="1:4" x14ac:dyDescent="0.25">
      <c r="A40402" t="s">
        <v>57365</v>
      </c>
      <c r="B40402" t="s">
        <v>57368</v>
      </c>
      <c r="C40402">
        <v>1</v>
      </c>
      <c r="D40402">
        <v>0</v>
      </c>
    </row>
    <row r="40403" spans="1:4" x14ac:dyDescent="0.25">
      <c r="A40403" t="s">
        <v>57369</v>
      </c>
      <c r="B40403" t="s">
        <v>57370</v>
      </c>
      <c r="C40403">
        <v>1</v>
      </c>
      <c r="D40403">
        <v>0</v>
      </c>
    </row>
    <row r="40404" spans="1:4" x14ac:dyDescent="0.25">
      <c r="A40404" t="s">
        <v>57369</v>
      </c>
      <c r="B40404" t="s">
        <v>57371</v>
      </c>
      <c r="C40404">
        <v>2</v>
      </c>
      <c r="D40404">
        <v>0</v>
      </c>
    </row>
    <row r="40405" spans="1:4" x14ac:dyDescent="0.25">
      <c r="A40405" t="s">
        <v>57369</v>
      </c>
      <c r="B40405" t="s">
        <v>57372</v>
      </c>
      <c r="C40405">
        <v>1</v>
      </c>
      <c r="D40405">
        <v>0</v>
      </c>
    </row>
    <row r="40406" spans="1:4" x14ac:dyDescent="0.25">
      <c r="A40406" t="s">
        <v>57369</v>
      </c>
      <c r="B40406" t="s">
        <v>57373</v>
      </c>
      <c r="C40406">
        <v>1</v>
      </c>
      <c r="D40406">
        <v>0</v>
      </c>
    </row>
    <row r="40407" spans="1:4" x14ac:dyDescent="0.25">
      <c r="A40407" t="s">
        <v>57374</v>
      </c>
      <c r="B40407" t="s">
        <v>57375</v>
      </c>
      <c r="C40407">
        <v>0</v>
      </c>
      <c r="D40407">
        <v>0</v>
      </c>
    </row>
    <row r="40408" spans="1:4" x14ac:dyDescent="0.25">
      <c r="A40408" t="s">
        <v>57374</v>
      </c>
      <c r="B40408" t="s">
        <v>57376</v>
      </c>
      <c r="C40408">
        <v>2</v>
      </c>
      <c r="D40408">
        <v>0</v>
      </c>
    </row>
    <row r="40409" spans="1:4" x14ac:dyDescent="0.25">
      <c r="A40409" t="s">
        <v>57374</v>
      </c>
      <c r="B40409" t="s">
        <v>57377</v>
      </c>
      <c r="C40409">
        <v>2</v>
      </c>
      <c r="D40409">
        <v>0</v>
      </c>
    </row>
    <row r="40410" spans="1:4" x14ac:dyDescent="0.25">
      <c r="A40410" t="s">
        <v>57374</v>
      </c>
      <c r="B40410" t="s">
        <v>12472</v>
      </c>
      <c r="C40410">
        <v>1</v>
      </c>
      <c r="D40410">
        <v>0</v>
      </c>
    </row>
    <row r="40411" spans="1:4" x14ac:dyDescent="0.25">
      <c r="A40411" t="s">
        <v>57374</v>
      </c>
      <c r="B40411" t="s">
        <v>57378</v>
      </c>
      <c r="C40411">
        <v>1</v>
      </c>
      <c r="D40411">
        <v>0</v>
      </c>
    </row>
    <row r="40412" spans="1:4" x14ac:dyDescent="0.25">
      <c r="A40412" t="s">
        <v>57374</v>
      </c>
      <c r="B40412" t="s">
        <v>57379</v>
      </c>
      <c r="C40412">
        <v>2</v>
      </c>
      <c r="D40412">
        <v>0</v>
      </c>
    </row>
    <row r="40413" spans="1:4" x14ac:dyDescent="0.25">
      <c r="A40413" t="s">
        <v>57374</v>
      </c>
      <c r="B40413" t="s">
        <v>57380</v>
      </c>
      <c r="C40413">
        <v>0</v>
      </c>
      <c r="D40413">
        <v>0</v>
      </c>
    </row>
    <row r="40414" spans="1:4" x14ac:dyDescent="0.25">
      <c r="A40414" t="s">
        <v>57381</v>
      </c>
      <c r="B40414" t="s">
        <v>57382</v>
      </c>
      <c r="C40414">
        <v>1</v>
      </c>
      <c r="D40414">
        <v>0</v>
      </c>
    </row>
    <row r="40415" spans="1:4" x14ac:dyDescent="0.25">
      <c r="A40415" t="s">
        <v>57381</v>
      </c>
      <c r="B40415" t="s">
        <v>57383</v>
      </c>
      <c r="C40415">
        <v>2</v>
      </c>
      <c r="D40415">
        <v>0</v>
      </c>
    </row>
    <row r="40416" spans="1:4" x14ac:dyDescent="0.25">
      <c r="A40416" t="s">
        <v>57381</v>
      </c>
      <c r="B40416" t="s">
        <v>57384</v>
      </c>
      <c r="C40416">
        <v>0</v>
      </c>
      <c r="D40416">
        <v>0</v>
      </c>
    </row>
    <row r="40417" spans="1:4" x14ac:dyDescent="0.25">
      <c r="A40417" t="s">
        <v>57381</v>
      </c>
      <c r="B40417" t="s">
        <v>57385</v>
      </c>
      <c r="C40417">
        <v>1</v>
      </c>
      <c r="D40417">
        <v>0</v>
      </c>
    </row>
    <row r="40418" spans="1:4" x14ac:dyDescent="0.25">
      <c r="A40418" t="s">
        <v>57381</v>
      </c>
      <c r="B40418" t="s">
        <v>57386</v>
      </c>
      <c r="C40418">
        <v>1</v>
      </c>
      <c r="D40418">
        <v>0</v>
      </c>
    </row>
    <row r="40419" spans="1:4" x14ac:dyDescent="0.25">
      <c r="A40419" t="s">
        <v>57387</v>
      </c>
      <c r="B40419" t="s">
        <v>57388</v>
      </c>
      <c r="C40419">
        <v>1</v>
      </c>
      <c r="D40419">
        <v>0</v>
      </c>
    </row>
    <row r="40420" spans="1:4" x14ac:dyDescent="0.25">
      <c r="A40420" t="s">
        <v>57387</v>
      </c>
      <c r="B40420" t="s">
        <v>57389</v>
      </c>
      <c r="C40420">
        <v>1</v>
      </c>
      <c r="D40420">
        <v>0</v>
      </c>
    </row>
    <row r="40421" spans="1:4" x14ac:dyDescent="0.25">
      <c r="A40421" t="s">
        <v>57387</v>
      </c>
      <c r="B40421" t="s">
        <v>57390</v>
      </c>
      <c r="C40421">
        <v>1</v>
      </c>
      <c r="D40421">
        <v>0</v>
      </c>
    </row>
    <row r="40422" spans="1:4" x14ac:dyDescent="0.25">
      <c r="A40422" t="s">
        <v>57387</v>
      </c>
      <c r="B40422" t="s">
        <v>57391</v>
      </c>
      <c r="C40422">
        <v>1</v>
      </c>
      <c r="D40422">
        <v>0</v>
      </c>
    </row>
    <row r="40423" spans="1:4" x14ac:dyDescent="0.25">
      <c r="A40423" t="s">
        <v>57387</v>
      </c>
      <c r="B40423" t="s">
        <v>57392</v>
      </c>
      <c r="C40423">
        <v>1</v>
      </c>
      <c r="D40423">
        <v>0</v>
      </c>
    </row>
    <row r="40424" spans="1:4" x14ac:dyDescent="0.25">
      <c r="A40424" t="s">
        <v>57393</v>
      </c>
      <c r="B40424" t="s">
        <v>57394</v>
      </c>
      <c r="C40424">
        <v>1</v>
      </c>
      <c r="D40424">
        <v>0</v>
      </c>
    </row>
    <row r="40425" spans="1:4" x14ac:dyDescent="0.25">
      <c r="A40425" t="s">
        <v>57393</v>
      </c>
      <c r="B40425" t="s">
        <v>57395</v>
      </c>
      <c r="C40425">
        <v>0</v>
      </c>
      <c r="D40425">
        <v>0</v>
      </c>
    </row>
    <row r="40426" spans="1:4" x14ac:dyDescent="0.25">
      <c r="A40426" t="s">
        <v>57393</v>
      </c>
      <c r="B40426" t="s">
        <v>57396</v>
      </c>
      <c r="C40426">
        <v>0</v>
      </c>
      <c r="D40426">
        <v>0</v>
      </c>
    </row>
    <row r="40427" spans="1:4" x14ac:dyDescent="0.25">
      <c r="A40427" t="s">
        <v>57393</v>
      </c>
      <c r="B40427" t="s">
        <v>57397</v>
      </c>
      <c r="C40427">
        <v>0</v>
      </c>
      <c r="D40427">
        <v>0</v>
      </c>
    </row>
    <row r="40428" spans="1:4" x14ac:dyDescent="0.25">
      <c r="A40428" t="s">
        <v>57393</v>
      </c>
      <c r="B40428" t="s">
        <v>57398</v>
      </c>
      <c r="C40428">
        <v>1</v>
      </c>
      <c r="D40428">
        <v>0</v>
      </c>
    </row>
    <row r="40429" spans="1:4" x14ac:dyDescent="0.25">
      <c r="A40429" t="s">
        <v>57399</v>
      </c>
      <c r="B40429" t="s">
        <v>57400</v>
      </c>
      <c r="C40429">
        <v>1</v>
      </c>
      <c r="D40429">
        <v>0</v>
      </c>
    </row>
    <row r="40430" spans="1:4" x14ac:dyDescent="0.25">
      <c r="A40430" t="s">
        <v>57399</v>
      </c>
      <c r="B40430" t="s">
        <v>57401</v>
      </c>
      <c r="C40430">
        <v>1</v>
      </c>
      <c r="D40430">
        <v>0</v>
      </c>
    </row>
    <row r="40431" spans="1:4" x14ac:dyDescent="0.25">
      <c r="A40431" t="s">
        <v>57399</v>
      </c>
      <c r="B40431" t="s">
        <v>57402</v>
      </c>
      <c r="C40431">
        <v>1</v>
      </c>
      <c r="D40431">
        <v>0</v>
      </c>
    </row>
    <row r="40432" spans="1:4" x14ac:dyDescent="0.25">
      <c r="A40432" t="s">
        <v>57399</v>
      </c>
      <c r="B40432" t="s">
        <v>5713</v>
      </c>
      <c r="C40432">
        <v>1</v>
      </c>
      <c r="D40432">
        <v>0</v>
      </c>
    </row>
    <row r="40433" spans="1:4" x14ac:dyDescent="0.25">
      <c r="A40433" t="s">
        <v>57399</v>
      </c>
      <c r="B40433" t="s">
        <v>2651</v>
      </c>
      <c r="C40433">
        <v>0</v>
      </c>
      <c r="D40433">
        <v>0</v>
      </c>
    </row>
    <row r="40434" spans="1:4" x14ac:dyDescent="0.25">
      <c r="A40434" t="s">
        <v>57403</v>
      </c>
      <c r="B40434" t="s">
        <v>57404</v>
      </c>
      <c r="C40434">
        <v>1</v>
      </c>
      <c r="D40434">
        <v>0</v>
      </c>
    </row>
    <row r="40435" spans="1:4" x14ac:dyDescent="0.25">
      <c r="A40435" t="s">
        <v>57403</v>
      </c>
      <c r="B40435" t="s">
        <v>57405</v>
      </c>
      <c r="C40435">
        <v>1</v>
      </c>
      <c r="D40435">
        <v>0</v>
      </c>
    </row>
    <row r="40436" spans="1:4" x14ac:dyDescent="0.25">
      <c r="A40436" t="s">
        <v>57403</v>
      </c>
      <c r="B40436" t="s">
        <v>57406</v>
      </c>
      <c r="C40436">
        <v>1</v>
      </c>
      <c r="D40436">
        <v>0</v>
      </c>
    </row>
    <row r="40437" spans="1:4" x14ac:dyDescent="0.25">
      <c r="A40437" t="s">
        <v>57403</v>
      </c>
      <c r="B40437" t="s">
        <v>57407</v>
      </c>
      <c r="C40437">
        <v>0</v>
      </c>
      <c r="D40437">
        <v>0</v>
      </c>
    </row>
    <row r="40438" spans="1:4" x14ac:dyDescent="0.25">
      <c r="A40438" t="s">
        <v>57403</v>
      </c>
      <c r="B40438" t="s">
        <v>57408</v>
      </c>
      <c r="C40438">
        <v>0</v>
      </c>
      <c r="D40438">
        <v>0</v>
      </c>
    </row>
    <row r="40439" spans="1:4" x14ac:dyDescent="0.25">
      <c r="A40439" t="s">
        <v>57403</v>
      </c>
      <c r="B40439" t="s">
        <v>57409</v>
      </c>
      <c r="C40439">
        <v>1</v>
      </c>
      <c r="D40439">
        <v>0</v>
      </c>
    </row>
    <row r="40440" spans="1:4" x14ac:dyDescent="0.25">
      <c r="A40440" t="s">
        <v>57410</v>
      </c>
      <c r="B40440" t="s">
        <v>57411</v>
      </c>
      <c r="C40440">
        <v>2</v>
      </c>
      <c r="D40440">
        <v>0</v>
      </c>
    </row>
    <row r="40441" spans="1:4" x14ac:dyDescent="0.25">
      <c r="A40441" t="s">
        <v>57410</v>
      </c>
      <c r="B40441" t="s">
        <v>57412</v>
      </c>
      <c r="C40441">
        <v>0</v>
      </c>
      <c r="D40441">
        <v>0</v>
      </c>
    </row>
    <row r="40442" spans="1:4" x14ac:dyDescent="0.25">
      <c r="A40442" t="s">
        <v>57410</v>
      </c>
      <c r="B40442" t="s">
        <v>57413</v>
      </c>
      <c r="C40442">
        <v>2</v>
      </c>
      <c r="D40442">
        <v>0</v>
      </c>
    </row>
    <row r="40443" spans="1:4" x14ac:dyDescent="0.25">
      <c r="A40443" t="s">
        <v>57410</v>
      </c>
      <c r="B40443" t="s">
        <v>57414</v>
      </c>
      <c r="C40443">
        <v>0</v>
      </c>
      <c r="D40443">
        <v>0</v>
      </c>
    </row>
    <row r="40444" spans="1:4" x14ac:dyDescent="0.25">
      <c r="A40444" t="s">
        <v>57410</v>
      </c>
      <c r="B40444" t="s">
        <v>57415</v>
      </c>
      <c r="C40444">
        <v>1</v>
      </c>
      <c r="D40444">
        <v>0</v>
      </c>
    </row>
    <row r="40445" spans="1:4" x14ac:dyDescent="0.25">
      <c r="A40445" t="s">
        <v>57410</v>
      </c>
      <c r="B40445" t="s">
        <v>57416</v>
      </c>
      <c r="C40445">
        <v>0</v>
      </c>
      <c r="D40445">
        <v>0</v>
      </c>
    </row>
    <row r="40446" spans="1:4" x14ac:dyDescent="0.25">
      <c r="A40446" t="s">
        <v>57410</v>
      </c>
      <c r="B40446" t="s">
        <v>57417</v>
      </c>
      <c r="C40446">
        <v>0</v>
      </c>
      <c r="D40446">
        <v>0</v>
      </c>
    </row>
    <row r="40447" spans="1:4" x14ac:dyDescent="0.25">
      <c r="A40447" t="s">
        <v>57418</v>
      </c>
      <c r="B40447" t="s">
        <v>57419</v>
      </c>
      <c r="C40447">
        <v>1</v>
      </c>
      <c r="D40447">
        <v>0</v>
      </c>
    </row>
    <row r="40448" spans="1:4" x14ac:dyDescent="0.25">
      <c r="A40448" t="s">
        <v>57418</v>
      </c>
      <c r="B40448" t="s">
        <v>57420</v>
      </c>
      <c r="C40448">
        <v>1</v>
      </c>
      <c r="D40448">
        <v>0</v>
      </c>
    </row>
    <row r="40449" spans="1:4" x14ac:dyDescent="0.25">
      <c r="A40449" t="s">
        <v>57421</v>
      </c>
      <c r="B40449" t="s">
        <v>57422</v>
      </c>
      <c r="C40449">
        <v>1</v>
      </c>
      <c r="D40449">
        <v>0</v>
      </c>
    </row>
    <row r="40450" spans="1:4" x14ac:dyDescent="0.25">
      <c r="A40450" t="s">
        <v>57421</v>
      </c>
      <c r="B40450" t="s">
        <v>57423</v>
      </c>
      <c r="C40450">
        <v>0</v>
      </c>
      <c r="D40450">
        <v>0</v>
      </c>
    </row>
    <row r="40451" spans="1:4" x14ac:dyDescent="0.25">
      <c r="A40451" t="s">
        <v>57421</v>
      </c>
      <c r="B40451" t="s">
        <v>57424</v>
      </c>
      <c r="C40451">
        <v>1</v>
      </c>
      <c r="D40451">
        <v>0</v>
      </c>
    </row>
    <row r="40452" spans="1:4" x14ac:dyDescent="0.25">
      <c r="A40452" t="s">
        <v>57425</v>
      </c>
      <c r="B40452" t="s">
        <v>57426</v>
      </c>
      <c r="C40452">
        <v>1</v>
      </c>
      <c r="D40452">
        <v>0</v>
      </c>
    </row>
    <row r="40453" spans="1:4" x14ac:dyDescent="0.25">
      <c r="A40453" t="s">
        <v>57425</v>
      </c>
      <c r="B40453" t="s">
        <v>57427</v>
      </c>
      <c r="C40453">
        <v>0</v>
      </c>
      <c r="D40453">
        <v>0</v>
      </c>
    </row>
    <row r="40454" spans="1:4" x14ac:dyDescent="0.25">
      <c r="A40454" t="s">
        <v>57425</v>
      </c>
      <c r="B40454" t="s">
        <v>57428</v>
      </c>
      <c r="C40454">
        <v>0</v>
      </c>
      <c r="D40454">
        <v>0</v>
      </c>
    </row>
    <row r="40455" spans="1:4" x14ac:dyDescent="0.25">
      <c r="A40455" t="s">
        <v>57425</v>
      </c>
      <c r="B40455" t="s">
        <v>57429</v>
      </c>
      <c r="C40455">
        <v>1</v>
      </c>
      <c r="D40455">
        <v>0</v>
      </c>
    </row>
    <row r="40456" spans="1:4" x14ac:dyDescent="0.25">
      <c r="A40456" t="s">
        <v>57430</v>
      </c>
      <c r="B40456" t="s">
        <v>57431</v>
      </c>
      <c r="C40456">
        <v>1</v>
      </c>
      <c r="D40456">
        <v>0</v>
      </c>
    </row>
    <row r="40457" spans="1:4" x14ac:dyDescent="0.25">
      <c r="A40457" t="s">
        <v>57430</v>
      </c>
      <c r="B40457" t="s">
        <v>57432</v>
      </c>
      <c r="C40457">
        <v>1</v>
      </c>
      <c r="D40457">
        <v>0</v>
      </c>
    </row>
    <row r="40458" spans="1:4" x14ac:dyDescent="0.25">
      <c r="A40458" t="s">
        <v>57433</v>
      </c>
      <c r="B40458" t="s">
        <v>57434</v>
      </c>
      <c r="C40458">
        <v>2</v>
      </c>
      <c r="D40458">
        <v>0</v>
      </c>
    </row>
    <row r="40459" spans="1:4" x14ac:dyDescent="0.25">
      <c r="A40459" t="s">
        <v>57433</v>
      </c>
      <c r="B40459" t="s">
        <v>57435</v>
      </c>
      <c r="C40459">
        <v>2</v>
      </c>
      <c r="D40459">
        <v>0</v>
      </c>
    </row>
    <row r="40460" spans="1:4" x14ac:dyDescent="0.25">
      <c r="A40460" t="s">
        <v>57433</v>
      </c>
      <c r="B40460" t="s">
        <v>57436</v>
      </c>
      <c r="C40460">
        <v>2</v>
      </c>
      <c r="D40460">
        <v>0</v>
      </c>
    </row>
    <row r="40461" spans="1:4" x14ac:dyDescent="0.25">
      <c r="A40461" t="s">
        <v>57433</v>
      </c>
      <c r="B40461" t="s">
        <v>57437</v>
      </c>
      <c r="C40461">
        <v>0</v>
      </c>
      <c r="D40461">
        <v>0</v>
      </c>
    </row>
    <row r="40462" spans="1:4" x14ac:dyDescent="0.25">
      <c r="A40462" t="s">
        <v>57433</v>
      </c>
      <c r="B40462" t="s">
        <v>57438</v>
      </c>
      <c r="C40462">
        <v>0</v>
      </c>
      <c r="D40462">
        <v>0</v>
      </c>
    </row>
    <row r="40463" spans="1:4" x14ac:dyDescent="0.25">
      <c r="A40463" t="s">
        <v>57433</v>
      </c>
      <c r="B40463" t="s">
        <v>57439</v>
      </c>
      <c r="C40463">
        <v>1</v>
      </c>
      <c r="D40463">
        <v>0</v>
      </c>
    </row>
    <row r="40464" spans="1:4" x14ac:dyDescent="0.25">
      <c r="A40464" t="s">
        <v>57440</v>
      </c>
      <c r="B40464" t="s">
        <v>57441</v>
      </c>
      <c r="C40464">
        <v>1</v>
      </c>
      <c r="D40464">
        <v>0</v>
      </c>
    </row>
    <row r="40465" spans="1:4" x14ac:dyDescent="0.25">
      <c r="A40465" t="s">
        <v>57440</v>
      </c>
      <c r="B40465" t="s">
        <v>57442</v>
      </c>
      <c r="C40465">
        <v>0</v>
      </c>
      <c r="D40465">
        <v>0</v>
      </c>
    </row>
    <row r="40466" spans="1:4" x14ac:dyDescent="0.25">
      <c r="A40466" t="s">
        <v>57443</v>
      </c>
      <c r="B40466" t="s">
        <v>57444</v>
      </c>
      <c r="C40466">
        <v>1</v>
      </c>
      <c r="D40466">
        <v>0</v>
      </c>
    </row>
    <row r="40467" spans="1:4" x14ac:dyDescent="0.25">
      <c r="A40467" t="s">
        <v>57443</v>
      </c>
      <c r="B40467" t="s">
        <v>57445</v>
      </c>
      <c r="C40467">
        <v>1</v>
      </c>
      <c r="D40467">
        <v>0</v>
      </c>
    </row>
    <row r="40468" spans="1:4" x14ac:dyDescent="0.25">
      <c r="A40468" t="s">
        <v>57443</v>
      </c>
      <c r="B40468" t="s">
        <v>57446</v>
      </c>
      <c r="C40468">
        <v>2</v>
      </c>
      <c r="D40468">
        <v>0</v>
      </c>
    </row>
    <row r="40469" spans="1:4" x14ac:dyDescent="0.25">
      <c r="A40469" t="s">
        <v>57443</v>
      </c>
      <c r="B40469" t="s">
        <v>57447</v>
      </c>
      <c r="C40469">
        <v>2</v>
      </c>
      <c r="D40469">
        <v>0</v>
      </c>
    </row>
    <row r="40470" spans="1:4" x14ac:dyDescent="0.25">
      <c r="A40470" t="s">
        <v>57443</v>
      </c>
      <c r="B40470" t="s">
        <v>57448</v>
      </c>
      <c r="C40470">
        <v>2</v>
      </c>
      <c r="D40470">
        <v>0</v>
      </c>
    </row>
    <row r="40471" spans="1:4" x14ac:dyDescent="0.25">
      <c r="A40471" t="s">
        <v>57443</v>
      </c>
      <c r="B40471" t="s">
        <v>12472</v>
      </c>
      <c r="C40471">
        <v>1</v>
      </c>
      <c r="D40471">
        <v>0</v>
      </c>
    </row>
    <row r="40472" spans="1:4" x14ac:dyDescent="0.25">
      <c r="A40472" t="s">
        <v>57443</v>
      </c>
      <c r="B40472" t="s">
        <v>57449</v>
      </c>
      <c r="C40472">
        <v>2</v>
      </c>
      <c r="D40472">
        <v>0</v>
      </c>
    </row>
    <row r="40473" spans="1:4" x14ac:dyDescent="0.25">
      <c r="A40473" t="s">
        <v>57443</v>
      </c>
      <c r="B40473" t="s">
        <v>57450</v>
      </c>
      <c r="C40473">
        <v>2</v>
      </c>
      <c r="D40473">
        <v>0</v>
      </c>
    </row>
    <row r="40474" spans="1:4" x14ac:dyDescent="0.25">
      <c r="A40474" t="s">
        <v>57443</v>
      </c>
      <c r="B40474" t="s">
        <v>57451</v>
      </c>
      <c r="C40474">
        <v>1</v>
      </c>
      <c r="D40474">
        <v>0</v>
      </c>
    </row>
    <row r="40475" spans="1:4" x14ac:dyDescent="0.25">
      <c r="A40475" t="s">
        <v>57443</v>
      </c>
      <c r="B40475" t="s">
        <v>47634</v>
      </c>
      <c r="C40475">
        <v>1</v>
      </c>
      <c r="D40475">
        <v>0</v>
      </c>
    </row>
    <row r="40476" spans="1:4" x14ac:dyDescent="0.25">
      <c r="A40476" t="s">
        <v>57452</v>
      </c>
      <c r="B40476" t="s">
        <v>11506</v>
      </c>
      <c r="C40476">
        <v>1</v>
      </c>
      <c r="D40476">
        <v>0</v>
      </c>
    </row>
    <row r="40477" spans="1:4" x14ac:dyDescent="0.25">
      <c r="A40477" t="s">
        <v>57453</v>
      </c>
      <c r="B40477" t="s">
        <v>57454</v>
      </c>
      <c r="C40477">
        <v>0</v>
      </c>
      <c r="D40477">
        <v>0</v>
      </c>
    </row>
    <row r="40478" spans="1:4" x14ac:dyDescent="0.25">
      <c r="A40478" t="s">
        <v>57453</v>
      </c>
      <c r="B40478" t="s">
        <v>57455</v>
      </c>
      <c r="C40478">
        <v>0</v>
      </c>
      <c r="D40478">
        <v>0</v>
      </c>
    </row>
    <row r="40479" spans="1:4" x14ac:dyDescent="0.25">
      <c r="A40479" t="s">
        <v>57453</v>
      </c>
      <c r="B40479" t="s">
        <v>57456</v>
      </c>
      <c r="C40479">
        <v>0</v>
      </c>
      <c r="D40479">
        <v>0</v>
      </c>
    </row>
    <row r="40480" spans="1:4" x14ac:dyDescent="0.25">
      <c r="A40480" t="s">
        <v>57453</v>
      </c>
      <c r="B40480" t="s">
        <v>57457</v>
      </c>
      <c r="C40480">
        <v>0</v>
      </c>
      <c r="D40480">
        <v>0</v>
      </c>
    </row>
    <row r="40481" spans="1:4" x14ac:dyDescent="0.25">
      <c r="A40481" t="s">
        <v>57458</v>
      </c>
      <c r="B40481" t="s">
        <v>57459</v>
      </c>
      <c r="C40481">
        <v>2</v>
      </c>
      <c r="D40481">
        <v>0</v>
      </c>
    </row>
    <row r="40482" spans="1:4" x14ac:dyDescent="0.25">
      <c r="A40482" t="s">
        <v>57458</v>
      </c>
      <c r="B40482" t="s">
        <v>57460</v>
      </c>
      <c r="C40482">
        <v>2</v>
      </c>
      <c r="D40482">
        <v>0</v>
      </c>
    </row>
    <row r="40483" spans="1:4" x14ac:dyDescent="0.25">
      <c r="A40483" t="s">
        <v>57458</v>
      </c>
      <c r="B40483" t="s">
        <v>57461</v>
      </c>
      <c r="C40483">
        <v>1</v>
      </c>
      <c r="D40483">
        <v>0</v>
      </c>
    </row>
    <row r="40484" spans="1:4" x14ac:dyDescent="0.25">
      <c r="A40484" t="s">
        <v>57458</v>
      </c>
      <c r="B40484" t="s">
        <v>57462</v>
      </c>
      <c r="C40484">
        <v>1</v>
      </c>
      <c r="D40484">
        <v>0</v>
      </c>
    </row>
    <row r="40485" spans="1:4" x14ac:dyDescent="0.25">
      <c r="A40485" t="s">
        <v>57458</v>
      </c>
      <c r="B40485" t="s">
        <v>57463</v>
      </c>
      <c r="C40485">
        <v>2</v>
      </c>
      <c r="D40485">
        <v>0</v>
      </c>
    </row>
    <row r="40486" spans="1:4" x14ac:dyDescent="0.25">
      <c r="A40486" t="s">
        <v>57464</v>
      </c>
      <c r="B40486" t="s">
        <v>57465</v>
      </c>
      <c r="C40486">
        <v>1</v>
      </c>
      <c r="D40486">
        <v>0</v>
      </c>
    </row>
    <row r="40487" spans="1:4" x14ac:dyDescent="0.25">
      <c r="A40487" t="s">
        <v>57464</v>
      </c>
      <c r="B40487" t="s">
        <v>57466</v>
      </c>
      <c r="C40487">
        <v>2</v>
      </c>
      <c r="D40487">
        <v>0</v>
      </c>
    </row>
    <row r="40488" spans="1:4" x14ac:dyDescent="0.25">
      <c r="A40488" t="s">
        <v>57464</v>
      </c>
      <c r="B40488" t="s">
        <v>57467</v>
      </c>
      <c r="C40488">
        <v>1</v>
      </c>
      <c r="D40488">
        <v>0</v>
      </c>
    </row>
    <row r="40489" spans="1:4" x14ac:dyDescent="0.25">
      <c r="A40489" t="s">
        <v>57464</v>
      </c>
      <c r="B40489" t="s">
        <v>57468</v>
      </c>
      <c r="C40489">
        <v>1</v>
      </c>
      <c r="D40489">
        <v>0</v>
      </c>
    </row>
    <row r="40490" spans="1:4" x14ac:dyDescent="0.25">
      <c r="A40490" t="s">
        <v>57464</v>
      </c>
      <c r="B40490" t="s">
        <v>57469</v>
      </c>
      <c r="C40490">
        <v>2</v>
      </c>
      <c r="D40490">
        <v>0</v>
      </c>
    </row>
    <row r="40491" spans="1:4" x14ac:dyDescent="0.25">
      <c r="A40491" t="s">
        <v>57470</v>
      </c>
      <c r="B40491" t="s">
        <v>57471</v>
      </c>
      <c r="C40491">
        <v>0</v>
      </c>
      <c r="D40491">
        <v>0</v>
      </c>
    </row>
    <row r="40492" spans="1:4" x14ac:dyDescent="0.25">
      <c r="A40492" t="s">
        <v>57470</v>
      </c>
      <c r="B40492" t="s">
        <v>57472</v>
      </c>
      <c r="C40492">
        <v>2</v>
      </c>
      <c r="D40492">
        <v>0</v>
      </c>
    </row>
    <row r="40493" spans="1:4" x14ac:dyDescent="0.25">
      <c r="A40493" t="s">
        <v>57470</v>
      </c>
      <c r="B40493" t="s">
        <v>57473</v>
      </c>
      <c r="C40493">
        <v>2</v>
      </c>
      <c r="D40493">
        <v>0</v>
      </c>
    </row>
    <row r="40494" spans="1:4" x14ac:dyDescent="0.25">
      <c r="A40494" t="s">
        <v>57470</v>
      </c>
      <c r="B40494" t="s">
        <v>57474</v>
      </c>
      <c r="C40494">
        <v>0</v>
      </c>
      <c r="D40494">
        <v>0</v>
      </c>
    </row>
    <row r="40495" spans="1:4" x14ac:dyDescent="0.25">
      <c r="A40495" t="s">
        <v>57470</v>
      </c>
      <c r="B40495" t="s">
        <v>57475</v>
      </c>
      <c r="C40495">
        <v>0</v>
      </c>
      <c r="D40495">
        <v>0</v>
      </c>
    </row>
    <row r="40496" spans="1:4" x14ac:dyDescent="0.25">
      <c r="A40496" t="s">
        <v>57470</v>
      </c>
      <c r="B40496" t="s">
        <v>57476</v>
      </c>
      <c r="C40496">
        <v>1</v>
      </c>
      <c r="D40496">
        <v>0</v>
      </c>
    </row>
    <row r="40497" spans="1:4" x14ac:dyDescent="0.25">
      <c r="A40497" t="s">
        <v>57470</v>
      </c>
      <c r="B40497" t="s">
        <v>57477</v>
      </c>
      <c r="C40497">
        <v>1</v>
      </c>
      <c r="D40497">
        <v>0</v>
      </c>
    </row>
    <row r="40498" spans="1:4" x14ac:dyDescent="0.25">
      <c r="A40498" t="s">
        <v>57470</v>
      </c>
      <c r="B40498" t="s">
        <v>57478</v>
      </c>
      <c r="C40498">
        <v>1</v>
      </c>
      <c r="D40498">
        <v>0</v>
      </c>
    </row>
    <row r="40499" spans="1:4" x14ac:dyDescent="0.25">
      <c r="A40499" t="s">
        <v>57479</v>
      </c>
      <c r="B40499" t="s">
        <v>46710</v>
      </c>
      <c r="C40499">
        <v>0</v>
      </c>
      <c r="D40499">
        <v>0</v>
      </c>
    </row>
    <row r="40500" spans="1:4" x14ac:dyDescent="0.25">
      <c r="A40500" t="s">
        <v>57479</v>
      </c>
      <c r="B40500" t="s">
        <v>57480</v>
      </c>
      <c r="C40500">
        <v>1</v>
      </c>
      <c r="D40500">
        <v>0</v>
      </c>
    </row>
    <row r="40501" spans="1:4" x14ac:dyDescent="0.25">
      <c r="A40501" t="s">
        <v>57479</v>
      </c>
      <c r="B40501" t="s">
        <v>57481</v>
      </c>
      <c r="C40501">
        <v>1</v>
      </c>
      <c r="D40501">
        <v>0</v>
      </c>
    </row>
    <row r="40502" spans="1:4" x14ac:dyDescent="0.25">
      <c r="A40502" t="s">
        <v>57479</v>
      </c>
      <c r="B40502" t="s">
        <v>57482</v>
      </c>
      <c r="C40502">
        <v>1</v>
      </c>
      <c r="D40502">
        <v>0</v>
      </c>
    </row>
    <row r="40503" spans="1:4" x14ac:dyDescent="0.25">
      <c r="A40503" t="s">
        <v>57483</v>
      </c>
      <c r="B40503" t="s">
        <v>57484</v>
      </c>
      <c r="C40503">
        <v>1</v>
      </c>
      <c r="D40503">
        <v>0</v>
      </c>
    </row>
    <row r="40504" spans="1:4" x14ac:dyDescent="0.25">
      <c r="A40504" t="s">
        <v>57483</v>
      </c>
      <c r="B40504" t="s">
        <v>57485</v>
      </c>
      <c r="C40504">
        <v>1</v>
      </c>
      <c r="D40504">
        <v>0</v>
      </c>
    </row>
    <row r="40505" spans="1:4" x14ac:dyDescent="0.25">
      <c r="A40505" t="s">
        <v>57486</v>
      </c>
      <c r="B40505" t="s">
        <v>57487</v>
      </c>
      <c r="C40505">
        <v>2</v>
      </c>
      <c r="D40505">
        <v>0</v>
      </c>
    </row>
    <row r="40506" spans="1:4" x14ac:dyDescent="0.25">
      <c r="A40506" t="s">
        <v>57488</v>
      </c>
      <c r="B40506" t="s">
        <v>57489</v>
      </c>
      <c r="C40506">
        <v>1</v>
      </c>
      <c r="D40506">
        <v>0</v>
      </c>
    </row>
    <row r="40507" spans="1:4" x14ac:dyDescent="0.25">
      <c r="A40507" t="s">
        <v>57490</v>
      </c>
      <c r="B40507" t="s">
        <v>57491</v>
      </c>
      <c r="C40507">
        <v>1</v>
      </c>
      <c r="D40507">
        <v>0</v>
      </c>
    </row>
    <row r="40508" spans="1:4" x14ac:dyDescent="0.25">
      <c r="A40508" t="s">
        <v>57492</v>
      </c>
      <c r="B40508" t="s">
        <v>57493</v>
      </c>
      <c r="C40508">
        <v>1</v>
      </c>
      <c r="D40508">
        <v>0</v>
      </c>
    </row>
    <row r="40509" spans="1:4" x14ac:dyDescent="0.25">
      <c r="A40509" t="s">
        <v>57492</v>
      </c>
      <c r="B40509" t="s">
        <v>57494</v>
      </c>
      <c r="C40509">
        <v>1</v>
      </c>
      <c r="D40509">
        <v>0</v>
      </c>
    </row>
    <row r="40510" spans="1:4" x14ac:dyDescent="0.25">
      <c r="A40510" t="s">
        <v>57492</v>
      </c>
      <c r="B40510" t="s">
        <v>57495</v>
      </c>
      <c r="C40510">
        <v>1</v>
      </c>
      <c r="D40510">
        <v>0</v>
      </c>
    </row>
    <row r="40511" spans="1:4" x14ac:dyDescent="0.25">
      <c r="A40511" t="s">
        <v>57492</v>
      </c>
      <c r="B40511" t="s">
        <v>57496</v>
      </c>
      <c r="C40511">
        <v>0</v>
      </c>
      <c r="D40511">
        <v>0</v>
      </c>
    </row>
    <row r="40512" spans="1:4" x14ac:dyDescent="0.25">
      <c r="A40512" t="s">
        <v>57492</v>
      </c>
      <c r="B40512" t="s">
        <v>57497</v>
      </c>
      <c r="C40512">
        <v>1</v>
      </c>
      <c r="D40512">
        <v>0</v>
      </c>
    </row>
    <row r="40513" spans="1:4" x14ac:dyDescent="0.25">
      <c r="A40513" t="s">
        <v>57492</v>
      </c>
      <c r="B40513" t="s">
        <v>57498</v>
      </c>
      <c r="C40513">
        <v>0</v>
      </c>
      <c r="D40513">
        <v>0</v>
      </c>
    </row>
    <row r="40514" spans="1:4" x14ac:dyDescent="0.25">
      <c r="A40514" t="s">
        <v>57499</v>
      </c>
      <c r="B40514" t="s">
        <v>57500</v>
      </c>
      <c r="C40514">
        <v>1</v>
      </c>
      <c r="D40514">
        <v>0</v>
      </c>
    </row>
    <row r="40515" spans="1:4" x14ac:dyDescent="0.25">
      <c r="A40515" t="s">
        <v>57499</v>
      </c>
      <c r="B40515" t="s">
        <v>57501</v>
      </c>
      <c r="C40515">
        <v>1</v>
      </c>
      <c r="D40515">
        <v>0</v>
      </c>
    </row>
    <row r="40516" spans="1:4" x14ac:dyDescent="0.25">
      <c r="A40516" t="s">
        <v>57499</v>
      </c>
      <c r="B40516" t="s">
        <v>57502</v>
      </c>
      <c r="C40516">
        <v>2</v>
      </c>
      <c r="D40516">
        <v>0</v>
      </c>
    </row>
    <row r="40517" spans="1:4" x14ac:dyDescent="0.25">
      <c r="A40517" t="s">
        <v>57499</v>
      </c>
      <c r="B40517" t="s">
        <v>57503</v>
      </c>
      <c r="C40517">
        <v>1</v>
      </c>
      <c r="D40517">
        <v>0</v>
      </c>
    </row>
    <row r="40518" spans="1:4" x14ac:dyDescent="0.25">
      <c r="A40518" t="s">
        <v>57499</v>
      </c>
      <c r="B40518" t="s">
        <v>57504</v>
      </c>
      <c r="C40518">
        <v>1</v>
      </c>
      <c r="D40518">
        <v>0</v>
      </c>
    </row>
    <row r="40519" spans="1:4" x14ac:dyDescent="0.25">
      <c r="A40519" t="s">
        <v>57499</v>
      </c>
      <c r="B40519" t="s">
        <v>57505</v>
      </c>
      <c r="C40519">
        <v>0</v>
      </c>
      <c r="D40519">
        <v>0</v>
      </c>
    </row>
    <row r="40520" spans="1:4" x14ac:dyDescent="0.25">
      <c r="A40520" t="s">
        <v>57506</v>
      </c>
      <c r="B40520" t="s">
        <v>57507</v>
      </c>
      <c r="C40520">
        <v>0</v>
      </c>
      <c r="D40520">
        <v>0</v>
      </c>
    </row>
    <row r="40521" spans="1:4" x14ac:dyDescent="0.25">
      <c r="A40521" t="s">
        <v>57506</v>
      </c>
      <c r="B40521" t="s">
        <v>57508</v>
      </c>
      <c r="C40521">
        <v>0</v>
      </c>
      <c r="D40521">
        <v>0</v>
      </c>
    </row>
    <row r="40522" spans="1:4" x14ac:dyDescent="0.25">
      <c r="A40522" t="s">
        <v>57509</v>
      </c>
      <c r="B40522" t="s">
        <v>57510</v>
      </c>
      <c r="C40522">
        <v>1</v>
      </c>
      <c r="D40522">
        <v>0</v>
      </c>
    </row>
    <row r="40523" spans="1:4" x14ac:dyDescent="0.25">
      <c r="A40523" t="s">
        <v>57509</v>
      </c>
      <c r="B40523" t="s">
        <v>57511</v>
      </c>
      <c r="C40523">
        <v>0</v>
      </c>
      <c r="D40523">
        <v>0</v>
      </c>
    </row>
    <row r="40524" spans="1:4" x14ac:dyDescent="0.25">
      <c r="A40524" t="s">
        <v>57512</v>
      </c>
      <c r="B40524" t="s">
        <v>57513</v>
      </c>
      <c r="C40524">
        <v>1</v>
      </c>
      <c r="D40524">
        <v>0</v>
      </c>
    </row>
    <row r="40525" spans="1:4" x14ac:dyDescent="0.25">
      <c r="A40525" t="s">
        <v>57512</v>
      </c>
      <c r="B40525" t="s">
        <v>57514</v>
      </c>
      <c r="C40525">
        <v>2</v>
      </c>
      <c r="D40525">
        <v>0</v>
      </c>
    </row>
    <row r="40526" spans="1:4" x14ac:dyDescent="0.25">
      <c r="A40526" t="s">
        <v>57515</v>
      </c>
      <c r="B40526" t="s">
        <v>57516</v>
      </c>
      <c r="C40526">
        <v>1</v>
      </c>
      <c r="D40526">
        <v>0</v>
      </c>
    </row>
    <row r="40527" spans="1:4" x14ac:dyDescent="0.25">
      <c r="A40527" t="s">
        <v>57515</v>
      </c>
      <c r="B40527" t="s">
        <v>57517</v>
      </c>
      <c r="C40527">
        <v>0</v>
      </c>
      <c r="D40527">
        <v>0</v>
      </c>
    </row>
    <row r="40528" spans="1:4" x14ac:dyDescent="0.25">
      <c r="A40528" t="s">
        <v>57518</v>
      </c>
      <c r="B40528" t="s">
        <v>57519</v>
      </c>
      <c r="C40528">
        <v>1</v>
      </c>
      <c r="D40528">
        <v>0</v>
      </c>
    </row>
    <row r="40529" spans="1:4" x14ac:dyDescent="0.25">
      <c r="A40529" t="s">
        <v>57518</v>
      </c>
      <c r="B40529" t="s">
        <v>57520</v>
      </c>
      <c r="C40529">
        <v>1</v>
      </c>
      <c r="D40529">
        <v>0</v>
      </c>
    </row>
    <row r="40530" spans="1:4" x14ac:dyDescent="0.25">
      <c r="A40530" t="s">
        <v>57518</v>
      </c>
      <c r="B40530" t="s">
        <v>57521</v>
      </c>
      <c r="C40530">
        <v>1</v>
      </c>
      <c r="D40530">
        <v>0</v>
      </c>
    </row>
    <row r="40531" spans="1:4" x14ac:dyDescent="0.25">
      <c r="A40531" t="s">
        <v>57522</v>
      </c>
      <c r="B40531" t="s">
        <v>57523</v>
      </c>
      <c r="C40531">
        <v>0</v>
      </c>
      <c r="D40531">
        <v>0</v>
      </c>
    </row>
    <row r="40532" spans="1:4" x14ac:dyDescent="0.25">
      <c r="A40532" t="s">
        <v>57522</v>
      </c>
      <c r="B40532" t="s">
        <v>57524</v>
      </c>
      <c r="C40532">
        <v>0</v>
      </c>
      <c r="D40532">
        <v>0</v>
      </c>
    </row>
    <row r="40533" spans="1:4" x14ac:dyDescent="0.25">
      <c r="A40533" t="s">
        <v>57522</v>
      </c>
      <c r="B40533" t="s">
        <v>57525</v>
      </c>
      <c r="C40533">
        <v>1</v>
      </c>
      <c r="D40533">
        <v>0</v>
      </c>
    </row>
    <row r="40534" spans="1:4" x14ac:dyDescent="0.25">
      <c r="A40534" t="s">
        <v>57526</v>
      </c>
      <c r="B40534" t="s">
        <v>57527</v>
      </c>
      <c r="C40534">
        <v>1</v>
      </c>
      <c r="D40534">
        <v>0</v>
      </c>
    </row>
    <row r="40535" spans="1:4" x14ac:dyDescent="0.25">
      <c r="A40535" t="s">
        <v>57526</v>
      </c>
      <c r="B40535" t="s">
        <v>843</v>
      </c>
      <c r="C40535">
        <v>1</v>
      </c>
      <c r="D40535">
        <v>0</v>
      </c>
    </row>
    <row r="40536" spans="1:4" x14ac:dyDescent="0.25">
      <c r="A40536" t="s">
        <v>57526</v>
      </c>
      <c r="B40536" t="s">
        <v>57528</v>
      </c>
      <c r="C40536">
        <v>0</v>
      </c>
      <c r="D40536">
        <v>0</v>
      </c>
    </row>
    <row r="40537" spans="1:4" x14ac:dyDescent="0.25">
      <c r="A40537" t="s">
        <v>57526</v>
      </c>
      <c r="B40537" t="s">
        <v>57529</v>
      </c>
      <c r="C40537">
        <v>1</v>
      </c>
      <c r="D40537">
        <v>0</v>
      </c>
    </row>
    <row r="40538" spans="1:4" x14ac:dyDescent="0.25">
      <c r="A40538" t="s">
        <v>57526</v>
      </c>
      <c r="B40538" t="s">
        <v>57530</v>
      </c>
      <c r="C40538">
        <v>0</v>
      </c>
      <c r="D40538">
        <v>0</v>
      </c>
    </row>
    <row r="40539" spans="1:4" x14ac:dyDescent="0.25">
      <c r="A40539" t="s">
        <v>57526</v>
      </c>
      <c r="B40539" t="s">
        <v>57531</v>
      </c>
      <c r="C40539">
        <v>1</v>
      </c>
      <c r="D40539">
        <v>0</v>
      </c>
    </row>
    <row r="40540" spans="1:4" x14ac:dyDescent="0.25">
      <c r="A40540" t="s">
        <v>57526</v>
      </c>
      <c r="B40540" t="s">
        <v>57532</v>
      </c>
      <c r="C40540">
        <v>1</v>
      </c>
      <c r="D40540">
        <v>0</v>
      </c>
    </row>
    <row r="40541" spans="1:4" x14ac:dyDescent="0.25">
      <c r="A40541" t="s">
        <v>57533</v>
      </c>
      <c r="B40541" t="s">
        <v>57534</v>
      </c>
      <c r="C40541">
        <v>1</v>
      </c>
      <c r="D40541">
        <v>0</v>
      </c>
    </row>
    <row r="40542" spans="1:4" x14ac:dyDescent="0.25">
      <c r="A40542" t="s">
        <v>57533</v>
      </c>
      <c r="B40542" t="s">
        <v>57535</v>
      </c>
      <c r="C40542">
        <v>1</v>
      </c>
      <c r="D40542">
        <v>0</v>
      </c>
    </row>
    <row r="40543" spans="1:4" x14ac:dyDescent="0.25">
      <c r="A40543" t="s">
        <v>57533</v>
      </c>
      <c r="B40543" t="s">
        <v>57536</v>
      </c>
      <c r="C40543">
        <v>1</v>
      </c>
      <c r="D40543">
        <v>0</v>
      </c>
    </row>
    <row r="40544" spans="1:4" x14ac:dyDescent="0.25">
      <c r="A40544" t="s">
        <v>57537</v>
      </c>
      <c r="B40544" t="s">
        <v>57538</v>
      </c>
      <c r="C40544">
        <v>1</v>
      </c>
      <c r="D40544">
        <v>0</v>
      </c>
    </row>
    <row r="40545" spans="1:4" x14ac:dyDescent="0.25">
      <c r="A40545" t="s">
        <v>57537</v>
      </c>
      <c r="B40545" t="s">
        <v>2865</v>
      </c>
      <c r="C40545">
        <v>0</v>
      </c>
      <c r="D40545">
        <v>0</v>
      </c>
    </row>
    <row r="40546" spans="1:4" x14ac:dyDescent="0.25">
      <c r="A40546" t="s">
        <v>57537</v>
      </c>
      <c r="B40546" t="s">
        <v>57539</v>
      </c>
      <c r="C40546">
        <v>1</v>
      </c>
      <c r="D40546">
        <v>0</v>
      </c>
    </row>
    <row r="40547" spans="1:4" x14ac:dyDescent="0.25">
      <c r="A40547" t="s">
        <v>57537</v>
      </c>
      <c r="B40547" t="s">
        <v>57540</v>
      </c>
      <c r="C40547">
        <v>0</v>
      </c>
      <c r="D40547">
        <v>0</v>
      </c>
    </row>
    <row r="40548" spans="1:4" x14ac:dyDescent="0.25">
      <c r="A40548" t="s">
        <v>57537</v>
      </c>
      <c r="B40548" t="s">
        <v>57541</v>
      </c>
      <c r="C40548">
        <v>1</v>
      </c>
      <c r="D40548">
        <v>0</v>
      </c>
    </row>
    <row r="40549" spans="1:4" x14ac:dyDescent="0.25">
      <c r="A40549" t="s">
        <v>57537</v>
      </c>
      <c r="B40549" t="s">
        <v>57542</v>
      </c>
      <c r="C40549">
        <v>1</v>
      </c>
      <c r="D40549">
        <v>0</v>
      </c>
    </row>
    <row r="40550" spans="1:4" x14ac:dyDescent="0.25">
      <c r="A40550" t="s">
        <v>57543</v>
      </c>
      <c r="B40550" t="s">
        <v>57544</v>
      </c>
      <c r="C40550">
        <v>0</v>
      </c>
      <c r="D40550">
        <v>0</v>
      </c>
    </row>
    <row r="40551" spans="1:4" x14ac:dyDescent="0.25">
      <c r="A40551" t="s">
        <v>57545</v>
      </c>
      <c r="B40551" t="s">
        <v>47205</v>
      </c>
      <c r="C40551">
        <v>0</v>
      </c>
      <c r="D40551">
        <v>0</v>
      </c>
    </row>
    <row r="40552" spans="1:4" x14ac:dyDescent="0.25">
      <c r="A40552" t="s">
        <v>57545</v>
      </c>
      <c r="B40552" t="s">
        <v>57546</v>
      </c>
      <c r="C40552">
        <v>1</v>
      </c>
      <c r="D40552">
        <v>0</v>
      </c>
    </row>
    <row r="40553" spans="1:4" x14ac:dyDescent="0.25">
      <c r="A40553" t="s">
        <v>57545</v>
      </c>
      <c r="B40553" t="s">
        <v>57547</v>
      </c>
      <c r="C40553">
        <v>0</v>
      </c>
      <c r="D40553">
        <v>0</v>
      </c>
    </row>
    <row r="40554" spans="1:4" x14ac:dyDescent="0.25">
      <c r="A40554" t="s">
        <v>57545</v>
      </c>
      <c r="B40554" t="s">
        <v>57548</v>
      </c>
      <c r="C40554">
        <v>0</v>
      </c>
      <c r="D40554">
        <v>0</v>
      </c>
    </row>
    <row r="40555" spans="1:4" x14ac:dyDescent="0.25">
      <c r="A40555" t="s">
        <v>57549</v>
      </c>
      <c r="B40555" t="s">
        <v>57550</v>
      </c>
      <c r="C40555">
        <v>1</v>
      </c>
      <c r="D40555">
        <v>0</v>
      </c>
    </row>
    <row r="40556" spans="1:4" x14ac:dyDescent="0.25">
      <c r="A40556" t="s">
        <v>57549</v>
      </c>
      <c r="B40556" t="s">
        <v>57551</v>
      </c>
      <c r="C40556">
        <v>0</v>
      </c>
      <c r="D40556">
        <v>0</v>
      </c>
    </row>
    <row r="40557" spans="1:4" x14ac:dyDescent="0.25">
      <c r="A40557" t="s">
        <v>57549</v>
      </c>
      <c r="B40557" t="s">
        <v>57552</v>
      </c>
      <c r="C40557">
        <v>0</v>
      </c>
      <c r="D40557">
        <v>0</v>
      </c>
    </row>
    <row r="40558" spans="1:4" x14ac:dyDescent="0.25">
      <c r="A40558" t="s">
        <v>57549</v>
      </c>
      <c r="B40558" t="s">
        <v>57553</v>
      </c>
      <c r="C40558">
        <v>1</v>
      </c>
      <c r="D40558">
        <v>0</v>
      </c>
    </row>
    <row r="40559" spans="1:4" x14ac:dyDescent="0.25">
      <c r="A40559" t="s">
        <v>57549</v>
      </c>
      <c r="B40559" t="s">
        <v>57554</v>
      </c>
      <c r="C40559">
        <v>0</v>
      </c>
      <c r="D40559">
        <v>0</v>
      </c>
    </row>
    <row r="40560" spans="1:4" x14ac:dyDescent="0.25">
      <c r="A40560" t="s">
        <v>57549</v>
      </c>
      <c r="B40560" t="s">
        <v>11711</v>
      </c>
      <c r="C40560">
        <v>1</v>
      </c>
      <c r="D40560">
        <v>0</v>
      </c>
    </row>
    <row r="40561" spans="1:4" x14ac:dyDescent="0.25">
      <c r="A40561" t="s">
        <v>57549</v>
      </c>
      <c r="B40561" t="s">
        <v>57555</v>
      </c>
      <c r="C40561">
        <v>0</v>
      </c>
      <c r="D40561">
        <v>0</v>
      </c>
    </row>
    <row r="40562" spans="1:4" x14ac:dyDescent="0.25">
      <c r="A40562" t="s">
        <v>57556</v>
      </c>
      <c r="B40562" t="s">
        <v>57557</v>
      </c>
      <c r="C40562">
        <v>1</v>
      </c>
      <c r="D40562">
        <v>0</v>
      </c>
    </row>
    <row r="40563" spans="1:4" x14ac:dyDescent="0.25">
      <c r="A40563" t="s">
        <v>57558</v>
      </c>
      <c r="B40563" t="s">
        <v>5713</v>
      </c>
      <c r="C40563">
        <v>1</v>
      </c>
      <c r="D40563">
        <v>0</v>
      </c>
    </row>
    <row r="40564" spans="1:4" x14ac:dyDescent="0.25">
      <c r="A40564" t="s">
        <v>57558</v>
      </c>
      <c r="B40564" t="s">
        <v>49241</v>
      </c>
      <c r="C40564">
        <v>0</v>
      </c>
      <c r="D40564">
        <v>0</v>
      </c>
    </row>
    <row r="40565" spans="1:4" x14ac:dyDescent="0.25">
      <c r="A40565" t="s">
        <v>57558</v>
      </c>
      <c r="B40565" t="s">
        <v>57559</v>
      </c>
      <c r="C40565">
        <v>1</v>
      </c>
      <c r="D40565">
        <v>0</v>
      </c>
    </row>
    <row r="40566" spans="1:4" x14ac:dyDescent="0.25">
      <c r="A40566" t="s">
        <v>57558</v>
      </c>
      <c r="B40566" t="s">
        <v>57560</v>
      </c>
      <c r="C40566">
        <v>1</v>
      </c>
      <c r="D40566">
        <v>0</v>
      </c>
    </row>
    <row r="40567" spans="1:4" x14ac:dyDescent="0.25">
      <c r="A40567" t="s">
        <v>57558</v>
      </c>
      <c r="B40567" t="s">
        <v>57561</v>
      </c>
      <c r="C40567">
        <v>0</v>
      </c>
      <c r="D40567">
        <v>0</v>
      </c>
    </row>
    <row r="40568" spans="1:4" x14ac:dyDescent="0.25">
      <c r="A40568" t="s">
        <v>57558</v>
      </c>
      <c r="B40568" t="s">
        <v>57562</v>
      </c>
      <c r="C40568">
        <v>1</v>
      </c>
      <c r="D40568">
        <v>0</v>
      </c>
    </row>
    <row r="40569" spans="1:4" x14ac:dyDescent="0.25">
      <c r="A40569" t="s">
        <v>57558</v>
      </c>
      <c r="B40569" t="s">
        <v>57563</v>
      </c>
      <c r="C40569">
        <v>1</v>
      </c>
      <c r="D40569">
        <v>0</v>
      </c>
    </row>
    <row r="40570" spans="1:4" x14ac:dyDescent="0.25">
      <c r="A40570" t="s">
        <v>57564</v>
      </c>
      <c r="B40570" t="s">
        <v>57565</v>
      </c>
      <c r="C40570">
        <v>0</v>
      </c>
      <c r="D40570">
        <v>0</v>
      </c>
    </row>
    <row r="40571" spans="1:4" x14ac:dyDescent="0.25">
      <c r="A40571" t="s">
        <v>57564</v>
      </c>
      <c r="B40571" t="s">
        <v>57566</v>
      </c>
      <c r="C40571">
        <v>1</v>
      </c>
      <c r="D40571">
        <v>0</v>
      </c>
    </row>
    <row r="40572" spans="1:4" x14ac:dyDescent="0.25">
      <c r="A40572" t="s">
        <v>57567</v>
      </c>
      <c r="B40572" t="s">
        <v>57568</v>
      </c>
      <c r="C40572">
        <v>1</v>
      </c>
      <c r="D40572">
        <v>0</v>
      </c>
    </row>
    <row r="40573" spans="1:4" x14ac:dyDescent="0.25">
      <c r="A40573" t="s">
        <v>57567</v>
      </c>
      <c r="B40573" t="s">
        <v>57569</v>
      </c>
      <c r="C40573">
        <v>0</v>
      </c>
      <c r="D40573">
        <v>0</v>
      </c>
    </row>
    <row r="40574" spans="1:4" x14ac:dyDescent="0.25">
      <c r="A40574" t="s">
        <v>57567</v>
      </c>
      <c r="B40574" t="s">
        <v>11948</v>
      </c>
      <c r="C40574">
        <v>0</v>
      </c>
      <c r="D40574">
        <v>0</v>
      </c>
    </row>
    <row r="40575" spans="1:4" x14ac:dyDescent="0.25">
      <c r="A40575" t="s">
        <v>57567</v>
      </c>
      <c r="B40575" t="s">
        <v>51677</v>
      </c>
      <c r="C40575">
        <v>0</v>
      </c>
      <c r="D40575">
        <v>0</v>
      </c>
    </row>
    <row r="40576" spans="1:4" x14ac:dyDescent="0.25">
      <c r="A40576" t="s">
        <v>57567</v>
      </c>
      <c r="B40576" t="s">
        <v>57570</v>
      </c>
      <c r="C40576">
        <v>1</v>
      </c>
      <c r="D40576">
        <v>0</v>
      </c>
    </row>
    <row r="40577" spans="1:4" x14ac:dyDescent="0.25">
      <c r="A40577" t="s">
        <v>57567</v>
      </c>
      <c r="B40577" t="s">
        <v>57571</v>
      </c>
      <c r="C40577">
        <v>2</v>
      </c>
      <c r="D40577">
        <v>0</v>
      </c>
    </row>
    <row r="40578" spans="1:4" x14ac:dyDescent="0.25">
      <c r="A40578" t="s">
        <v>57567</v>
      </c>
      <c r="B40578" t="s">
        <v>57572</v>
      </c>
      <c r="C40578">
        <v>1</v>
      </c>
      <c r="D40578">
        <v>0</v>
      </c>
    </row>
    <row r="40579" spans="1:4" x14ac:dyDescent="0.25">
      <c r="A40579" t="s">
        <v>57567</v>
      </c>
      <c r="B40579" t="s">
        <v>57573</v>
      </c>
      <c r="C40579">
        <v>1</v>
      </c>
      <c r="D40579">
        <v>0</v>
      </c>
    </row>
    <row r="40580" spans="1:4" x14ac:dyDescent="0.25">
      <c r="A40580" t="s">
        <v>57567</v>
      </c>
      <c r="B40580" t="s">
        <v>57574</v>
      </c>
      <c r="C40580">
        <v>0</v>
      </c>
      <c r="D40580">
        <v>0</v>
      </c>
    </row>
    <row r="40581" spans="1:4" x14ac:dyDescent="0.25">
      <c r="A40581" t="s">
        <v>57575</v>
      </c>
      <c r="B40581" t="s">
        <v>57576</v>
      </c>
      <c r="C40581">
        <v>0</v>
      </c>
      <c r="D40581">
        <v>0</v>
      </c>
    </row>
    <row r="40582" spans="1:4" x14ac:dyDescent="0.25">
      <c r="A40582" t="s">
        <v>57575</v>
      </c>
      <c r="B40582" t="s">
        <v>57577</v>
      </c>
      <c r="C40582">
        <v>0</v>
      </c>
      <c r="D40582">
        <v>0</v>
      </c>
    </row>
    <row r="40583" spans="1:4" x14ac:dyDescent="0.25">
      <c r="A40583" t="s">
        <v>57578</v>
      </c>
      <c r="B40583" t="s">
        <v>57579</v>
      </c>
      <c r="C40583">
        <v>0</v>
      </c>
      <c r="D40583">
        <v>0</v>
      </c>
    </row>
    <row r="40584" spans="1:4" x14ac:dyDescent="0.25">
      <c r="A40584" t="s">
        <v>57578</v>
      </c>
      <c r="B40584" t="s">
        <v>57580</v>
      </c>
      <c r="C40584">
        <v>1</v>
      </c>
      <c r="D40584">
        <v>0</v>
      </c>
    </row>
    <row r="40585" spans="1:4" x14ac:dyDescent="0.25">
      <c r="A40585" t="s">
        <v>57578</v>
      </c>
      <c r="B40585" t="s">
        <v>57581</v>
      </c>
      <c r="C40585">
        <v>0</v>
      </c>
      <c r="D40585">
        <v>0</v>
      </c>
    </row>
    <row r="40586" spans="1:4" x14ac:dyDescent="0.25">
      <c r="A40586" t="s">
        <v>57582</v>
      </c>
      <c r="B40586" t="s">
        <v>57583</v>
      </c>
      <c r="C40586">
        <v>1</v>
      </c>
      <c r="D40586">
        <v>0</v>
      </c>
    </row>
    <row r="40587" spans="1:4" x14ac:dyDescent="0.25">
      <c r="A40587" t="s">
        <v>57582</v>
      </c>
      <c r="B40587" t="s">
        <v>57584</v>
      </c>
      <c r="C40587">
        <v>0</v>
      </c>
      <c r="D40587">
        <v>0</v>
      </c>
    </row>
    <row r="40588" spans="1:4" x14ac:dyDescent="0.25">
      <c r="A40588" t="s">
        <v>57582</v>
      </c>
      <c r="B40588" t="s">
        <v>57585</v>
      </c>
      <c r="C40588">
        <v>0</v>
      </c>
      <c r="D40588">
        <v>0</v>
      </c>
    </row>
    <row r="40589" spans="1:4" x14ac:dyDescent="0.25">
      <c r="A40589" t="s">
        <v>57586</v>
      </c>
      <c r="B40589" t="s">
        <v>57587</v>
      </c>
      <c r="C40589">
        <v>1</v>
      </c>
      <c r="D40589">
        <v>0</v>
      </c>
    </row>
    <row r="40590" spans="1:4" x14ac:dyDescent="0.25">
      <c r="A40590" t="s">
        <v>57586</v>
      </c>
      <c r="B40590" t="s">
        <v>57588</v>
      </c>
      <c r="C40590">
        <v>1</v>
      </c>
      <c r="D40590">
        <v>0</v>
      </c>
    </row>
    <row r="40591" spans="1:4" x14ac:dyDescent="0.25">
      <c r="A40591" t="s">
        <v>57589</v>
      </c>
      <c r="B40591" t="s">
        <v>57590</v>
      </c>
      <c r="C40591">
        <v>1</v>
      </c>
      <c r="D40591">
        <v>0</v>
      </c>
    </row>
    <row r="40592" spans="1:4" x14ac:dyDescent="0.25">
      <c r="A40592" t="s">
        <v>57589</v>
      </c>
      <c r="B40592" t="s">
        <v>57591</v>
      </c>
      <c r="C40592">
        <v>1</v>
      </c>
      <c r="D40592">
        <v>0</v>
      </c>
    </row>
    <row r="40593" spans="1:4" x14ac:dyDescent="0.25">
      <c r="A40593" t="s">
        <v>57589</v>
      </c>
      <c r="B40593" t="s">
        <v>57592</v>
      </c>
      <c r="C40593">
        <v>1</v>
      </c>
      <c r="D40593">
        <v>0</v>
      </c>
    </row>
    <row r="40594" spans="1:4" x14ac:dyDescent="0.25">
      <c r="A40594" t="s">
        <v>57593</v>
      </c>
      <c r="B40594" t="s">
        <v>57594</v>
      </c>
      <c r="C40594">
        <v>1</v>
      </c>
      <c r="D40594">
        <v>0</v>
      </c>
    </row>
    <row r="40595" spans="1:4" x14ac:dyDescent="0.25">
      <c r="A40595" t="s">
        <v>57593</v>
      </c>
      <c r="B40595" t="s">
        <v>57595</v>
      </c>
      <c r="C40595">
        <v>0</v>
      </c>
      <c r="D40595">
        <v>0</v>
      </c>
    </row>
    <row r="40596" spans="1:4" x14ac:dyDescent="0.25">
      <c r="A40596" t="s">
        <v>57593</v>
      </c>
      <c r="B40596" t="s">
        <v>57596</v>
      </c>
      <c r="C40596">
        <v>1</v>
      </c>
      <c r="D40596">
        <v>0</v>
      </c>
    </row>
    <row r="40597" spans="1:4" x14ac:dyDescent="0.25">
      <c r="A40597" t="s">
        <v>57593</v>
      </c>
      <c r="B40597" t="s">
        <v>57597</v>
      </c>
      <c r="C40597">
        <v>2</v>
      </c>
      <c r="D40597">
        <v>0</v>
      </c>
    </row>
    <row r="40598" spans="1:4" x14ac:dyDescent="0.25">
      <c r="A40598" t="s">
        <v>57593</v>
      </c>
      <c r="B40598" t="s">
        <v>57598</v>
      </c>
      <c r="C40598">
        <v>1</v>
      </c>
      <c r="D40598">
        <v>0</v>
      </c>
    </row>
    <row r="40599" spans="1:4" x14ac:dyDescent="0.25">
      <c r="A40599" t="s">
        <v>57599</v>
      </c>
      <c r="B40599" t="s">
        <v>57600</v>
      </c>
      <c r="C40599">
        <v>2</v>
      </c>
      <c r="D40599">
        <v>0</v>
      </c>
    </row>
    <row r="40600" spans="1:4" x14ac:dyDescent="0.25">
      <c r="A40600" t="s">
        <v>57601</v>
      </c>
      <c r="B40600" t="s">
        <v>57602</v>
      </c>
      <c r="C40600">
        <v>1</v>
      </c>
      <c r="D40600">
        <v>0</v>
      </c>
    </row>
    <row r="40601" spans="1:4" x14ac:dyDescent="0.25">
      <c r="A40601" t="s">
        <v>57601</v>
      </c>
      <c r="B40601" t="s">
        <v>57603</v>
      </c>
      <c r="C40601">
        <v>0</v>
      </c>
      <c r="D40601">
        <v>0</v>
      </c>
    </row>
    <row r="40602" spans="1:4" x14ac:dyDescent="0.25">
      <c r="A40602" t="s">
        <v>57601</v>
      </c>
      <c r="B40602" t="s">
        <v>57604</v>
      </c>
      <c r="C40602">
        <v>2</v>
      </c>
      <c r="D40602">
        <v>0</v>
      </c>
    </row>
    <row r="40603" spans="1:4" x14ac:dyDescent="0.25">
      <c r="A40603" t="s">
        <v>57601</v>
      </c>
      <c r="B40603" t="s">
        <v>5434</v>
      </c>
      <c r="C40603">
        <v>1</v>
      </c>
      <c r="D40603">
        <v>0</v>
      </c>
    </row>
    <row r="40604" spans="1:4" x14ac:dyDescent="0.25">
      <c r="A40604" t="s">
        <v>57601</v>
      </c>
      <c r="B40604" t="s">
        <v>2865</v>
      </c>
      <c r="C40604">
        <v>0</v>
      </c>
      <c r="D40604">
        <v>0</v>
      </c>
    </row>
    <row r="40605" spans="1:4" x14ac:dyDescent="0.25">
      <c r="A40605" t="s">
        <v>57605</v>
      </c>
      <c r="B40605" t="s">
        <v>57606</v>
      </c>
      <c r="C40605">
        <v>1</v>
      </c>
      <c r="D40605">
        <v>0</v>
      </c>
    </row>
    <row r="40606" spans="1:4" x14ac:dyDescent="0.25">
      <c r="A40606" t="s">
        <v>57605</v>
      </c>
      <c r="B40606" t="s">
        <v>4958</v>
      </c>
      <c r="C40606">
        <v>1</v>
      </c>
      <c r="D40606">
        <v>0</v>
      </c>
    </row>
    <row r="40607" spans="1:4" x14ac:dyDescent="0.25">
      <c r="A40607" t="s">
        <v>57605</v>
      </c>
      <c r="B40607" t="s">
        <v>57607</v>
      </c>
      <c r="C40607">
        <v>2</v>
      </c>
      <c r="D40607">
        <v>0</v>
      </c>
    </row>
    <row r="40608" spans="1:4" x14ac:dyDescent="0.25">
      <c r="A40608" t="s">
        <v>57605</v>
      </c>
      <c r="B40608" t="s">
        <v>57608</v>
      </c>
      <c r="C40608">
        <v>1</v>
      </c>
      <c r="D40608">
        <v>0</v>
      </c>
    </row>
    <row r="40609" spans="1:4" x14ac:dyDescent="0.25">
      <c r="A40609" t="s">
        <v>57605</v>
      </c>
      <c r="B40609" t="s">
        <v>57609</v>
      </c>
      <c r="C40609">
        <v>1</v>
      </c>
      <c r="D40609">
        <v>0</v>
      </c>
    </row>
    <row r="40610" spans="1:4" x14ac:dyDescent="0.25">
      <c r="A40610" t="s">
        <v>57605</v>
      </c>
      <c r="B40610" t="s">
        <v>57610</v>
      </c>
      <c r="C40610">
        <v>2</v>
      </c>
      <c r="D40610">
        <v>0</v>
      </c>
    </row>
    <row r="40611" spans="1:4" x14ac:dyDescent="0.25">
      <c r="A40611" t="s">
        <v>57605</v>
      </c>
      <c r="B40611" t="s">
        <v>57611</v>
      </c>
      <c r="C40611">
        <v>2</v>
      </c>
      <c r="D40611">
        <v>0</v>
      </c>
    </row>
    <row r="40612" spans="1:4" x14ac:dyDescent="0.25">
      <c r="A40612" t="s">
        <v>57612</v>
      </c>
      <c r="B40612" t="s">
        <v>20338</v>
      </c>
      <c r="C40612">
        <v>1</v>
      </c>
      <c r="D40612">
        <v>0</v>
      </c>
    </row>
    <row r="40613" spans="1:4" x14ac:dyDescent="0.25">
      <c r="A40613" t="s">
        <v>57612</v>
      </c>
      <c r="B40613" t="s">
        <v>57613</v>
      </c>
      <c r="C40613">
        <v>1</v>
      </c>
      <c r="D40613">
        <v>0</v>
      </c>
    </row>
    <row r="40614" spans="1:4" x14ac:dyDescent="0.25">
      <c r="A40614" t="s">
        <v>57612</v>
      </c>
      <c r="B40614" t="s">
        <v>20339</v>
      </c>
      <c r="C40614">
        <v>1</v>
      </c>
      <c r="D40614">
        <v>0</v>
      </c>
    </row>
    <row r="40615" spans="1:4" x14ac:dyDescent="0.25">
      <c r="A40615" t="s">
        <v>57612</v>
      </c>
      <c r="B40615" t="s">
        <v>57614</v>
      </c>
      <c r="C40615">
        <v>2</v>
      </c>
      <c r="D40615">
        <v>0</v>
      </c>
    </row>
    <row r="40616" spans="1:4" x14ac:dyDescent="0.25">
      <c r="A40616" t="s">
        <v>57612</v>
      </c>
      <c r="B40616" t="s">
        <v>57615</v>
      </c>
      <c r="C40616">
        <v>1</v>
      </c>
      <c r="D40616">
        <v>0</v>
      </c>
    </row>
    <row r="40617" spans="1:4" x14ac:dyDescent="0.25">
      <c r="A40617" t="s">
        <v>57612</v>
      </c>
      <c r="B40617" t="s">
        <v>20339</v>
      </c>
      <c r="C40617">
        <v>1</v>
      </c>
      <c r="D40617">
        <v>0</v>
      </c>
    </row>
    <row r="40618" spans="1:4" x14ac:dyDescent="0.25">
      <c r="A40618" t="s">
        <v>57616</v>
      </c>
      <c r="B40618" t="s">
        <v>57617</v>
      </c>
      <c r="C40618">
        <v>0</v>
      </c>
      <c r="D40618">
        <v>0</v>
      </c>
    </row>
    <row r="40619" spans="1:4" x14ac:dyDescent="0.25">
      <c r="A40619" t="s">
        <v>57616</v>
      </c>
      <c r="B40619" t="s">
        <v>57618</v>
      </c>
      <c r="C40619">
        <v>2</v>
      </c>
      <c r="D40619">
        <v>0</v>
      </c>
    </row>
    <row r="40620" spans="1:4" x14ac:dyDescent="0.25">
      <c r="A40620" t="s">
        <v>57616</v>
      </c>
      <c r="B40620" t="s">
        <v>18079</v>
      </c>
      <c r="C40620">
        <v>1</v>
      </c>
      <c r="D40620">
        <v>0</v>
      </c>
    </row>
    <row r="40621" spans="1:4" x14ac:dyDescent="0.25">
      <c r="A40621" t="s">
        <v>57616</v>
      </c>
      <c r="B40621" t="s">
        <v>57619</v>
      </c>
      <c r="C40621">
        <v>1</v>
      </c>
      <c r="D40621">
        <v>0</v>
      </c>
    </row>
    <row r="40622" spans="1:4" x14ac:dyDescent="0.25">
      <c r="A40622" t="s">
        <v>57616</v>
      </c>
      <c r="B40622" t="s">
        <v>57620</v>
      </c>
      <c r="C40622">
        <v>1</v>
      </c>
      <c r="D40622">
        <v>0</v>
      </c>
    </row>
    <row r="40623" spans="1:4" x14ac:dyDescent="0.25">
      <c r="A40623" t="s">
        <v>57616</v>
      </c>
      <c r="B40623" t="s">
        <v>57621</v>
      </c>
      <c r="C40623">
        <v>0</v>
      </c>
      <c r="D40623">
        <v>0</v>
      </c>
    </row>
    <row r="40624" spans="1:4" x14ac:dyDescent="0.25">
      <c r="A40624" t="s">
        <v>57622</v>
      </c>
      <c r="B40624" t="s">
        <v>57623</v>
      </c>
      <c r="C40624">
        <v>1</v>
      </c>
      <c r="D40624">
        <v>0</v>
      </c>
    </row>
    <row r="40625" spans="1:4" x14ac:dyDescent="0.25">
      <c r="A40625" t="s">
        <v>57622</v>
      </c>
      <c r="B40625" t="s">
        <v>57624</v>
      </c>
      <c r="C40625">
        <v>0</v>
      </c>
      <c r="D40625">
        <v>0</v>
      </c>
    </row>
    <row r="40626" spans="1:4" x14ac:dyDescent="0.25">
      <c r="A40626" t="s">
        <v>57622</v>
      </c>
      <c r="B40626" t="s">
        <v>57625</v>
      </c>
      <c r="C40626">
        <v>2</v>
      </c>
      <c r="D40626">
        <v>0</v>
      </c>
    </row>
    <row r="40627" spans="1:4" x14ac:dyDescent="0.25">
      <c r="A40627" t="s">
        <v>57622</v>
      </c>
      <c r="B40627" t="s">
        <v>57626</v>
      </c>
      <c r="C40627">
        <v>1</v>
      </c>
      <c r="D40627">
        <v>0</v>
      </c>
    </row>
    <row r="40628" spans="1:4" x14ac:dyDescent="0.25">
      <c r="A40628" t="s">
        <v>57622</v>
      </c>
      <c r="B40628" t="s">
        <v>57627</v>
      </c>
      <c r="C40628">
        <v>1</v>
      </c>
      <c r="D40628">
        <v>0</v>
      </c>
    </row>
    <row r="40629" spans="1:4" x14ac:dyDescent="0.25">
      <c r="A40629" t="s">
        <v>57622</v>
      </c>
      <c r="B40629" t="s">
        <v>57628</v>
      </c>
      <c r="C40629">
        <v>0</v>
      </c>
      <c r="D40629">
        <v>0</v>
      </c>
    </row>
    <row r="40630" spans="1:4" x14ac:dyDescent="0.25">
      <c r="A40630" t="s">
        <v>57629</v>
      </c>
      <c r="B40630" t="s">
        <v>57630</v>
      </c>
      <c r="C40630">
        <v>0</v>
      </c>
      <c r="D40630">
        <v>0</v>
      </c>
    </row>
    <row r="40631" spans="1:4" x14ac:dyDescent="0.25">
      <c r="A40631" t="s">
        <v>57629</v>
      </c>
      <c r="B40631" t="s">
        <v>57631</v>
      </c>
      <c r="C40631">
        <v>0</v>
      </c>
      <c r="D40631">
        <v>0</v>
      </c>
    </row>
    <row r="40632" spans="1:4" x14ac:dyDescent="0.25">
      <c r="A40632" t="s">
        <v>57629</v>
      </c>
      <c r="B40632" t="s">
        <v>57632</v>
      </c>
      <c r="C40632">
        <v>0</v>
      </c>
      <c r="D40632">
        <v>0</v>
      </c>
    </row>
    <row r="40633" spans="1:4" x14ac:dyDescent="0.25">
      <c r="A40633" t="s">
        <v>57629</v>
      </c>
      <c r="B40633" t="s">
        <v>57633</v>
      </c>
      <c r="C40633">
        <v>0</v>
      </c>
      <c r="D40633">
        <v>0</v>
      </c>
    </row>
    <row r="40634" spans="1:4" x14ac:dyDescent="0.25">
      <c r="A40634" t="s">
        <v>57629</v>
      </c>
      <c r="B40634" t="s">
        <v>57634</v>
      </c>
      <c r="C40634">
        <v>0</v>
      </c>
      <c r="D40634">
        <v>0</v>
      </c>
    </row>
    <row r="40635" spans="1:4" x14ac:dyDescent="0.25">
      <c r="A40635" t="s">
        <v>57635</v>
      </c>
      <c r="B40635" t="s">
        <v>57636</v>
      </c>
      <c r="C40635">
        <v>1</v>
      </c>
      <c r="D40635">
        <v>0</v>
      </c>
    </row>
    <row r="40636" spans="1:4" x14ac:dyDescent="0.25">
      <c r="A40636" t="s">
        <v>57637</v>
      </c>
      <c r="B40636" t="s">
        <v>57638</v>
      </c>
      <c r="C40636">
        <v>1</v>
      </c>
      <c r="D40636">
        <v>0</v>
      </c>
    </row>
    <row r="40637" spans="1:4" x14ac:dyDescent="0.25">
      <c r="A40637" t="s">
        <v>57637</v>
      </c>
      <c r="B40637" t="s">
        <v>57639</v>
      </c>
      <c r="C40637">
        <v>2</v>
      </c>
      <c r="D40637">
        <v>0</v>
      </c>
    </row>
    <row r="40638" spans="1:4" x14ac:dyDescent="0.25">
      <c r="A40638" t="s">
        <v>57637</v>
      </c>
      <c r="B40638" t="s">
        <v>57640</v>
      </c>
      <c r="C40638">
        <v>1</v>
      </c>
      <c r="D40638">
        <v>0</v>
      </c>
    </row>
    <row r="40639" spans="1:4" x14ac:dyDescent="0.25">
      <c r="A40639" t="s">
        <v>57637</v>
      </c>
      <c r="B40639" t="s">
        <v>57641</v>
      </c>
      <c r="C40639">
        <v>1</v>
      </c>
      <c r="D40639">
        <v>0</v>
      </c>
    </row>
    <row r="40640" spans="1:4" x14ac:dyDescent="0.25">
      <c r="A40640" t="s">
        <v>57637</v>
      </c>
      <c r="B40640" t="s">
        <v>57642</v>
      </c>
      <c r="C40640">
        <v>1</v>
      </c>
      <c r="D40640">
        <v>0</v>
      </c>
    </row>
    <row r="40641" spans="1:4" x14ac:dyDescent="0.25">
      <c r="A40641" t="s">
        <v>57637</v>
      </c>
      <c r="B40641" t="s">
        <v>57643</v>
      </c>
      <c r="C40641">
        <v>1</v>
      </c>
      <c r="D40641">
        <v>0</v>
      </c>
    </row>
    <row r="40642" spans="1:4" x14ac:dyDescent="0.25">
      <c r="A40642" t="s">
        <v>57637</v>
      </c>
      <c r="B40642" t="s">
        <v>57644</v>
      </c>
      <c r="C40642">
        <v>2</v>
      </c>
      <c r="D40642">
        <v>0</v>
      </c>
    </row>
    <row r="40643" spans="1:4" x14ac:dyDescent="0.25">
      <c r="A40643" t="s">
        <v>57645</v>
      </c>
      <c r="B40643" t="s">
        <v>57646</v>
      </c>
      <c r="C40643">
        <v>1</v>
      </c>
      <c r="D40643">
        <v>0</v>
      </c>
    </row>
    <row r="40644" spans="1:4" x14ac:dyDescent="0.25">
      <c r="A40644" t="s">
        <v>57645</v>
      </c>
      <c r="B40644" t="s">
        <v>57647</v>
      </c>
      <c r="C40644">
        <v>1</v>
      </c>
      <c r="D40644">
        <v>0</v>
      </c>
    </row>
    <row r="40645" spans="1:4" x14ac:dyDescent="0.25">
      <c r="A40645" t="s">
        <v>57645</v>
      </c>
      <c r="B40645" t="s">
        <v>57648</v>
      </c>
      <c r="C40645">
        <v>1</v>
      </c>
      <c r="D40645">
        <v>0</v>
      </c>
    </row>
    <row r="40646" spans="1:4" x14ac:dyDescent="0.25">
      <c r="A40646" t="s">
        <v>57645</v>
      </c>
      <c r="B40646" t="s">
        <v>57649</v>
      </c>
      <c r="C40646">
        <v>2</v>
      </c>
      <c r="D40646">
        <v>0</v>
      </c>
    </row>
    <row r="40647" spans="1:4" x14ac:dyDescent="0.25">
      <c r="A40647" t="s">
        <v>57650</v>
      </c>
      <c r="B40647" t="s">
        <v>57651</v>
      </c>
      <c r="C40647">
        <v>1</v>
      </c>
      <c r="D40647">
        <v>0</v>
      </c>
    </row>
    <row r="40648" spans="1:4" x14ac:dyDescent="0.25">
      <c r="A40648" t="s">
        <v>57650</v>
      </c>
      <c r="B40648" t="s">
        <v>57652</v>
      </c>
      <c r="C40648">
        <v>1</v>
      </c>
      <c r="D40648">
        <v>0</v>
      </c>
    </row>
    <row r="40649" spans="1:4" x14ac:dyDescent="0.25">
      <c r="A40649" t="s">
        <v>57650</v>
      </c>
      <c r="B40649" t="s">
        <v>57653</v>
      </c>
      <c r="C40649">
        <v>0</v>
      </c>
      <c r="D40649">
        <v>0</v>
      </c>
    </row>
    <row r="40650" spans="1:4" x14ac:dyDescent="0.25">
      <c r="A40650" t="s">
        <v>57650</v>
      </c>
      <c r="B40650" t="s">
        <v>5864</v>
      </c>
      <c r="C40650">
        <v>1</v>
      </c>
      <c r="D40650">
        <v>0</v>
      </c>
    </row>
    <row r="40651" spans="1:4" x14ac:dyDescent="0.25">
      <c r="A40651" t="s">
        <v>57650</v>
      </c>
      <c r="B40651" t="s">
        <v>57654</v>
      </c>
      <c r="C40651">
        <v>2</v>
      </c>
      <c r="D40651">
        <v>0</v>
      </c>
    </row>
    <row r="40652" spans="1:4" x14ac:dyDescent="0.25">
      <c r="A40652" t="s">
        <v>57655</v>
      </c>
      <c r="B40652" t="s">
        <v>57656</v>
      </c>
      <c r="C40652">
        <v>2</v>
      </c>
      <c r="D40652">
        <v>0</v>
      </c>
    </row>
    <row r="40653" spans="1:4" x14ac:dyDescent="0.25">
      <c r="A40653" t="s">
        <v>57655</v>
      </c>
      <c r="B40653" t="s">
        <v>57657</v>
      </c>
      <c r="C40653">
        <v>1</v>
      </c>
      <c r="D40653">
        <v>0</v>
      </c>
    </row>
    <row r="40654" spans="1:4" x14ac:dyDescent="0.25">
      <c r="A40654" t="s">
        <v>57655</v>
      </c>
      <c r="B40654" t="s">
        <v>57658</v>
      </c>
      <c r="C40654">
        <v>1</v>
      </c>
      <c r="D40654">
        <v>0</v>
      </c>
    </row>
    <row r="40655" spans="1:4" x14ac:dyDescent="0.25">
      <c r="A40655" t="s">
        <v>57655</v>
      </c>
      <c r="B40655" t="s">
        <v>57659</v>
      </c>
      <c r="C40655">
        <v>1</v>
      </c>
      <c r="D40655">
        <v>0</v>
      </c>
    </row>
    <row r="40656" spans="1:4" x14ac:dyDescent="0.25">
      <c r="A40656" t="s">
        <v>57660</v>
      </c>
      <c r="B40656" t="s">
        <v>57661</v>
      </c>
      <c r="C40656">
        <v>0</v>
      </c>
      <c r="D40656">
        <v>0</v>
      </c>
    </row>
    <row r="40657" spans="1:4" x14ac:dyDescent="0.25">
      <c r="A40657" t="s">
        <v>57660</v>
      </c>
      <c r="B40657" t="s">
        <v>57662</v>
      </c>
      <c r="C40657">
        <v>1</v>
      </c>
      <c r="D40657">
        <v>0</v>
      </c>
    </row>
    <row r="40658" spans="1:4" x14ac:dyDescent="0.25">
      <c r="A40658" t="s">
        <v>57660</v>
      </c>
      <c r="B40658" t="s">
        <v>57663</v>
      </c>
      <c r="C40658">
        <v>1</v>
      </c>
      <c r="D40658">
        <v>0</v>
      </c>
    </row>
    <row r="40659" spans="1:4" x14ac:dyDescent="0.25">
      <c r="A40659" t="s">
        <v>57664</v>
      </c>
      <c r="B40659" t="s">
        <v>57665</v>
      </c>
      <c r="C40659">
        <v>0</v>
      </c>
      <c r="D40659">
        <v>0</v>
      </c>
    </row>
    <row r="40660" spans="1:4" x14ac:dyDescent="0.25">
      <c r="A40660" t="s">
        <v>57664</v>
      </c>
      <c r="B40660" t="s">
        <v>57666</v>
      </c>
      <c r="C40660">
        <v>0</v>
      </c>
      <c r="D40660">
        <v>0</v>
      </c>
    </row>
    <row r="40661" spans="1:4" x14ac:dyDescent="0.25">
      <c r="A40661" t="s">
        <v>57664</v>
      </c>
      <c r="B40661" t="s">
        <v>57667</v>
      </c>
      <c r="C40661">
        <v>0</v>
      </c>
      <c r="D40661">
        <v>0</v>
      </c>
    </row>
    <row r="40662" spans="1:4" x14ac:dyDescent="0.25">
      <c r="A40662" t="s">
        <v>57664</v>
      </c>
      <c r="B40662" t="s">
        <v>57668</v>
      </c>
      <c r="C40662">
        <v>0</v>
      </c>
      <c r="D40662">
        <v>0</v>
      </c>
    </row>
    <row r="40663" spans="1:4" x14ac:dyDescent="0.25">
      <c r="A40663" t="s">
        <v>57664</v>
      </c>
      <c r="B40663" t="s">
        <v>57669</v>
      </c>
      <c r="C40663">
        <v>2</v>
      </c>
      <c r="D40663">
        <v>0</v>
      </c>
    </row>
    <row r="40664" spans="1:4" x14ac:dyDescent="0.25">
      <c r="A40664" t="s">
        <v>57664</v>
      </c>
      <c r="B40664" t="s">
        <v>19284</v>
      </c>
      <c r="C40664">
        <v>0</v>
      </c>
      <c r="D40664">
        <v>0</v>
      </c>
    </row>
    <row r="40665" spans="1:4" x14ac:dyDescent="0.25">
      <c r="A40665" t="s">
        <v>57664</v>
      </c>
      <c r="B40665" t="s">
        <v>57670</v>
      </c>
      <c r="C40665">
        <v>0</v>
      </c>
      <c r="D40665">
        <v>0</v>
      </c>
    </row>
    <row r="40666" spans="1:4" x14ac:dyDescent="0.25">
      <c r="A40666" t="s">
        <v>57664</v>
      </c>
      <c r="B40666" t="s">
        <v>57671</v>
      </c>
      <c r="C40666">
        <v>1</v>
      </c>
      <c r="D40666">
        <v>0</v>
      </c>
    </row>
    <row r="40667" spans="1:4" x14ac:dyDescent="0.25">
      <c r="A40667" t="s">
        <v>57664</v>
      </c>
      <c r="B40667" t="s">
        <v>57672</v>
      </c>
      <c r="C40667">
        <v>2</v>
      </c>
      <c r="D40667">
        <v>0</v>
      </c>
    </row>
    <row r="40668" spans="1:4" x14ac:dyDescent="0.25">
      <c r="A40668" t="s">
        <v>57664</v>
      </c>
      <c r="B40668" t="s">
        <v>57673</v>
      </c>
      <c r="C40668">
        <v>2</v>
      </c>
      <c r="D40668">
        <v>0</v>
      </c>
    </row>
    <row r="40669" spans="1:4" x14ac:dyDescent="0.25">
      <c r="A40669" t="s">
        <v>57674</v>
      </c>
      <c r="B40669" t="s">
        <v>57675</v>
      </c>
      <c r="C40669">
        <v>1</v>
      </c>
      <c r="D40669">
        <v>0</v>
      </c>
    </row>
    <row r="40670" spans="1:4" x14ac:dyDescent="0.25">
      <c r="A40670" t="s">
        <v>57674</v>
      </c>
      <c r="B40670" t="s">
        <v>57676</v>
      </c>
      <c r="C40670">
        <v>2</v>
      </c>
      <c r="D40670">
        <v>0</v>
      </c>
    </row>
    <row r="40671" spans="1:4" x14ac:dyDescent="0.25">
      <c r="A40671" t="s">
        <v>57674</v>
      </c>
      <c r="B40671" t="s">
        <v>2651</v>
      </c>
      <c r="C40671">
        <v>0</v>
      </c>
      <c r="D40671">
        <v>0</v>
      </c>
    </row>
    <row r="40672" spans="1:4" x14ac:dyDescent="0.25">
      <c r="A40672" t="s">
        <v>57674</v>
      </c>
      <c r="B40672" t="s">
        <v>45852</v>
      </c>
      <c r="C40672">
        <v>0</v>
      </c>
      <c r="D40672">
        <v>0</v>
      </c>
    </row>
    <row r="40673" spans="1:4" x14ac:dyDescent="0.25">
      <c r="A40673" t="s">
        <v>57674</v>
      </c>
      <c r="B40673" t="s">
        <v>57677</v>
      </c>
      <c r="C40673">
        <v>1</v>
      </c>
      <c r="D40673">
        <v>0</v>
      </c>
    </row>
    <row r="40674" spans="1:4" x14ac:dyDescent="0.25">
      <c r="A40674" t="s">
        <v>57674</v>
      </c>
      <c r="B40674" t="s">
        <v>57678</v>
      </c>
      <c r="C40674">
        <v>2</v>
      </c>
      <c r="D40674">
        <v>0</v>
      </c>
    </row>
    <row r="40675" spans="1:4" x14ac:dyDescent="0.25">
      <c r="A40675" t="s">
        <v>57679</v>
      </c>
      <c r="B40675" t="s">
        <v>57680</v>
      </c>
      <c r="C40675">
        <v>1</v>
      </c>
      <c r="D40675">
        <v>0</v>
      </c>
    </row>
    <row r="40676" spans="1:4" x14ac:dyDescent="0.25">
      <c r="A40676" t="s">
        <v>57679</v>
      </c>
      <c r="B40676" t="s">
        <v>945</v>
      </c>
      <c r="C40676">
        <v>0</v>
      </c>
      <c r="D40676">
        <v>0</v>
      </c>
    </row>
    <row r="40677" spans="1:4" x14ac:dyDescent="0.25">
      <c r="A40677" t="s">
        <v>57679</v>
      </c>
      <c r="B40677" t="s">
        <v>57681</v>
      </c>
      <c r="C40677">
        <v>2</v>
      </c>
      <c r="D40677">
        <v>0</v>
      </c>
    </row>
    <row r="40678" spans="1:4" x14ac:dyDescent="0.25">
      <c r="A40678" t="s">
        <v>57679</v>
      </c>
      <c r="B40678" t="s">
        <v>57682</v>
      </c>
      <c r="C40678">
        <v>2</v>
      </c>
      <c r="D40678">
        <v>0</v>
      </c>
    </row>
    <row r="40679" spans="1:4" x14ac:dyDescent="0.25">
      <c r="A40679" t="s">
        <v>57679</v>
      </c>
      <c r="B40679" t="s">
        <v>57683</v>
      </c>
      <c r="C40679">
        <v>1</v>
      </c>
      <c r="D40679">
        <v>0</v>
      </c>
    </row>
    <row r="40680" spans="1:4" x14ac:dyDescent="0.25">
      <c r="A40680" t="s">
        <v>57679</v>
      </c>
      <c r="B40680" t="s">
        <v>57684</v>
      </c>
      <c r="C40680">
        <v>0</v>
      </c>
      <c r="D40680">
        <v>0</v>
      </c>
    </row>
    <row r="40681" spans="1:4" x14ac:dyDescent="0.25">
      <c r="A40681" t="s">
        <v>57679</v>
      </c>
      <c r="B40681" t="s">
        <v>57685</v>
      </c>
      <c r="C40681">
        <v>1</v>
      </c>
      <c r="D40681">
        <v>0</v>
      </c>
    </row>
    <row r="40682" spans="1:4" x14ac:dyDescent="0.25">
      <c r="A40682" t="s">
        <v>57679</v>
      </c>
      <c r="B40682" t="s">
        <v>57686</v>
      </c>
      <c r="C40682">
        <v>1</v>
      </c>
      <c r="D40682">
        <v>0</v>
      </c>
    </row>
    <row r="40683" spans="1:4" x14ac:dyDescent="0.25">
      <c r="A40683" t="s">
        <v>57687</v>
      </c>
      <c r="B40683" t="s">
        <v>57688</v>
      </c>
      <c r="C40683">
        <v>0</v>
      </c>
      <c r="D40683">
        <v>0</v>
      </c>
    </row>
    <row r="40684" spans="1:4" x14ac:dyDescent="0.25">
      <c r="A40684" t="s">
        <v>57687</v>
      </c>
      <c r="B40684" t="s">
        <v>57689</v>
      </c>
      <c r="C40684">
        <v>1</v>
      </c>
      <c r="D40684">
        <v>0</v>
      </c>
    </row>
    <row r="40685" spans="1:4" x14ac:dyDescent="0.25">
      <c r="A40685" t="s">
        <v>57687</v>
      </c>
      <c r="B40685" t="s">
        <v>57690</v>
      </c>
      <c r="C40685">
        <v>1</v>
      </c>
      <c r="D40685">
        <v>0</v>
      </c>
    </row>
    <row r="40686" spans="1:4" x14ac:dyDescent="0.25">
      <c r="A40686" t="s">
        <v>57687</v>
      </c>
      <c r="B40686" t="s">
        <v>57691</v>
      </c>
      <c r="C40686">
        <v>2</v>
      </c>
      <c r="D40686">
        <v>0</v>
      </c>
    </row>
    <row r="40687" spans="1:4" x14ac:dyDescent="0.25">
      <c r="A40687" t="s">
        <v>57687</v>
      </c>
      <c r="B40687" t="s">
        <v>57692</v>
      </c>
      <c r="C40687">
        <v>1</v>
      </c>
      <c r="D40687">
        <v>0</v>
      </c>
    </row>
    <row r="40688" spans="1:4" x14ac:dyDescent="0.25">
      <c r="A40688" t="s">
        <v>57693</v>
      </c>
      <c r="B40688" t="s">
        <v>57694</v>
      </c>
      <c r="C40688">
        <v>0</v>
      </c>
      <c r="D40688">
        <v>0</v>
      </c>
    </row>
    <row r="40689" spans="1:4" x14ac:dyDescent="0.25">
      <c r="A40689" t="s">
        <v>57693</v>
      </c>
      <c r="B40689" t="s">
        <v>57695</v>
      </c>
      <c r="C40689">
        <v>0</v>
      </c>
      <c r="D40689">
        <v>0</v>
      </c>
    </row>
    <row r="40690" spans="1:4" x14ac:dyDescent="0.25">
      <c r="A40690" t="s">
        <v>57693</v>
      </c>
      <c r="B40690" t="s">
        <v>57696</v>
      </c>
      <c r="C40690">
        <v>0</v>
      </c>
      <c r="D40690">
        <v>0</v>
      </c>
    </row>
    <row r="40691" spans="1:4" x14ac:dyDescent="0.25">
      <c r="A40691" t="s">
        <v>57693</v>
      </c>
      <c r="B40691" t="s">
        <v>57697</v>
      </c>
      <c r="C40691">
        <v>0</v>
      </c>
      <c r="D40691">
        <v>0</v>
      </c>
    </row>
    <row r="40692" spans="1:4" x14ac:dyDescent="0.25">
      <c r="A40692" t="s">
        <v>57693</v>
      </c>
      <c r="B40692" t="s">
        <v>57698</v>
      </c>
      <c r="C40692">
        <v>1</v>
      </c>
      <c r="D40692">
        <v>0</v>
      </c>
    </row>
    <row r="40693" spans="1:4" x14ac:dyDescent="0.25">
      <c r="A40693" t="s">
        <v>57699</v>
      </c>
      <c r="B40693" t="s">
        <v>57700</v>
      </c>
      <c r="C40693">
        <v>2</v>
      </c>
      <c r="D40693">
        <v>0</v>
      </c>
    </row>
    <row r="40694" spans="1:4" x14ac:dyDescent="0.25">
      <c r="A40694" t="s">
        <v>57699</v>
      </c>
      <c r="B40694" t="s">
        <v>57701</v>
      </c>
      <c r="C40694">
        <v>0</v>
      </c>
      <c r="D40694">
        <v>0</v>
      </c>
    </row>
    <row r="40695" spans="1:4" x14ac:dyDescent="0.25">
      <c r="A40695" t="s">
        <v>57699</v>
      </c>
      <c r="B40695" t="s">
        <v>57702</v>
      </c>
      <c r="C40695">
        <v>2</v>
      </c>
      <c r="D40695">
        <v>0</v>
      </c>
    </row>
    <row r="40696" spans="1:4" x14ac:dyDescent="0.25">
      <c r="A40696" t="s">
        <v>57699</v>
      </c>
      <c r="B40696" t="s">
        <v>57703</v>
      </c>
      <c r="C40696">
        <v>1</v>
      </c>
      <c r="D40696">
        <v>0</v>
      </c>
    </row>
    <row r="40697" spans="1:4" x14ac:dyDescent="0.25">
      <c r="A40697" t="s">
        <v>57699</v>
      </c>
      <c r="B40697" t="s">
        <v>57704</v>
      </c>
      <c r="C40697">
        <v>1</v>
      </c>
      <c r="D40697">
        <v>0</v>
      </c>
    </row>
    <row r="40698" spans="1:4" x14ac:dyDescent="0.25">
      <c r="A40698" t="s">
        <v>57705</v>
      </c>
      <c r="B40698" t="s">
        <v>57706</v>
      </c>
      <c r="C40698">
        <v>1</v>
      </c>
      <c r="D40698">
        <v>0</v>
      </c>
    </row>
    <row r="40699" spans="1:4" x14ac:dyDescent="0.25">
      <c r="A40699" t="s">
        <v>57705</v>
      </c>
      <c r="B40699" t="s">
        <v>57707</v>
      </c>
      <c r="C40699">
        <v>1</v>
      </c>
      <c r="D40699">
        <v>0</v>
      </c>
    </row>
    <row r="40700" spans="1:4" x14ac:dyDescent="0.25">
      <c r="A40700" t="s">
        <v>57705</v>
      </c>
      <c r="B40700" t="s">
        <v>57708</v>
      </c>
      <c r="C40700">
        <v>0</v>
      </c>
      <c r="D40700">
        <v>0</v>
      </c>
    </row>
    <row r="40701" spans="1:4" x14ac:dyDescent="0.25">
      <c r="A40701" t="s">
        <v>57705</v>
      </c>
      <c r="B40701" t="s">
        <v>19309</v>
      </c>
      <c r="C40701">
        <v>0</v>
      </c>
      <c r="D40701">
        <v>0</v>
      </c>
    </row>
    <row r="40702" spans="1:4" x14ac:dyDescent="0.25">
      <c r="A40702" t="s">
        <v>57705</v>
      </c>
      <c r="B40702" t="s">
        <v>57709</v>
      </c>
      <c r="C40702">
        <v>1</v>
      </c>
      <c r="D40702">
        <v>0</v>
      </c>
    </row>
    <row r="40703" spans="1:4" x14ac:dyDescent="0.25">
      <c r="A40703" t="s">
        <v>57705</v>
      </c>
      <c r="B40703" t="s">
        <v>19309</v>
      </c>
      <c r="C40703">
        <v>0</v>
      </c>
      <c r="D40703">
        <v>0</v>
      </c>
    </row>
    <row r="40704" spans="1:4" x14ac:dyDescent="0.25">
      <c r="A40704" t="s">
        <v>57705</v>
      </c>
      <c r="B40704" t="s">
        <v>57710</v>
      </c>
      <c r="C40704">
        <v>0</v>
      </c>
      <c r="D40704">
        <v>0</v>
      </c>
    </row>
    <row r="40705" spans="1:4" x14ac:dyDescent="0.25">
      <c r="A40705" t="s">
        <v>57711</v>
      </c>
      <c r="B40705" t="s">
        <v>57712</v>
      </c>
      <c r="C40705">
        <v>1</v>
      </c>
      <c r="D40705">
        <v>0</v>
      </c>
    </row>
    <row r="40706" spans="1:4" x14ac:dyDescent="0.25">
      <c r="A40706" t="s">
        <v>57711</v>
      </c>
      <c r="B40706" t="s">
        <v>57713</v>
      </c>
      <c r="C40706">
        <v>1</v>
      </c>
      <c r="D40706">
        <v>0</v>
      </c>
    </row>
    <row r="40707" spans="1:4" x14ac:dyDescent="0.25">
      <c r="A40707" t="s">
        <v>57711</v>
      </c>
      <c r="B40707" t="s">
        <v>57714</v>
      </c>
      <c r="C40707">
        <v>1</v>
      </c>
      <c r="D40707">
        <v>0</v>
      </c>
    </row>
    <row r="40708" spans="1:4" x14ac:dyDescent="0.25">
      <c r="A40708" t="s">
        <v>57711</v>
      </c>
      <c r="B40708" t="s">
        <v>57715</v>
      </c>
      <c r="C40708">
        <v>1</v>
      </c>
      <c r="D40708">
        <v>0</v>
      </c>
    </row>
    <row r="40709" spans="1:4" x14ac:dyDescent="0.25">
      <c r="A40709" t="s">
        <v>57711</v>
      </c>
      <c r="B40709" t="s">
        <v>18170</v>
      </c>
      <c r="C40709">
        <v>0</v>
      </c>
      <c r="D40709">
        <v>0</v>
      </c>
    </row>
    <row r="40710" spans="1:4" x14ac:dyDescent="0.25">
      <c r="A40710" t="s">
        <v>57716</v>
      </c>
      <c r="B40710" t="s">
        <v>57717</v>
      </c>
      <c r="C40710">
        <v>1</v>
      </c>
      <c r="D40710">
        <v>0</v>
      </c>
    </row>
    <row r="40711" spans="1:4" x14ac:dyDescent="0.25">
      <c r="A40711" t="s">
        <v>57716</v>
      </c>
      <c r="B40711" t="s">
        <v>22326</v>
      </c>
      <c r="C40711">
        <v>1</v>
      </c>
      <c r="D40711">
        <v>0</v>
      </c>
    </row>
    <row r="40712" spans="1:4" x14ac:dyDescent="0.25">
      <c r="A40712" t="s">
        <v>57718</v>
      </c>
      <c r="B40712" t="s">
        <v>57719</v>
      </c>
      <c r="C40712">
        <v>0</v>
      </c>
      <c r="D40712">
        <v>0</v>
      </c>
    </row>
    <row r="40713" spans="1:4" x14ac:dyDescent="0.25">
      <c r="A40713" t="s">
        <v>57718</v>
      </c>
      <c r="B40713" t="s">
        <v>57720</v>
      </c>
      <c r="C40713">
        <v>1</v>
      </c>
      <c r="D40713">
        <v>0</v>
      </c>
    </row>
    <row r="40714" spans="1:4" x14ac:dyDescent="0.25">
      <c r="A40714" t="s">
        <v>57718</v>
      </c>
      <c r="B40714" t="s">
        <v>57721</v>
      </c>
      <c r="C40714">
        <v>1</v>
      </c>
      <c r="D40714">
        <v>0</v>
      </c>
    </row>
    <row r="40715" spans="1:4" x14ac:dyDescent="0.25">
      <c r="A40715" t="s">
        <v>57718</v>
      </c>
      <c r="B40715" t="s">
        <v>57722</v>
      </c>
      <c r="C40715">
        <v>1</v>
      </c>
      <c r="D40715">
        <v>0</v>
      </c>
    </row>
    <row r="40716" spans="1:4" x14ac:dyDescent="0.25">
      <c r="A40716" t="s">
        <v>57718</v>
      </c>
      <c r="B40716" t="s">
        <v>57723</v>
      </c>
      <c r="C40716">
        <v>2</v>
      </c>
      <c r="D40716">
        <v>0</v>
      </c>
    </row>
    <row r="40717" spans="1:4" x14ac:dyDescent="0.25">
      <c r="A40717" t="s">
        <v>57724</v>
      </c>
      <c r="B40717" t="s">
        <v>57725</v>
      </c>
      <c r="C40717">
        <v>1</v>
      </c>
      <c r="D40717">
        <v>0</v>
      </c>
    </row>
    <row r="40718" spans="1:4" x14ac:dyDescent="0.25">
      <c r="A40718" t="s">
        <v>57724</v>
      </c>
      <c r="B40718" t="s">
        <v>57726</v>
      </c>
      <c r="C40718">
        <v>1</v>
      </c>
      <c r="D40718">
        <v>0</v>
      </c>
    </row>
    <row r="40719" spans="1:4" x14ac:dyDescent="0.25">
      <c r="A40719" t="s">
        <v>57724</v>
      </c>
      <c r="B40719" t="s">
        <v>57727</v>
      </c>
      <c r="C40719">
        <v>1</v>
      </c>
      <c r="D40719">
        <v>0</v>
      </c>
    </row>
    <row r="40720" spans="1:4" x14ac:dyDescent="0.25">
      <c r="A40720" t="s">
        <v>57724</v>
      </c>
      <c r="B40720" t="s">
        <v>57728</v>
      </c>
      <c r="C40720">
        <v>1</v>
      </c>
      <c r="D40720">
        <v>0</v>
      </c>
    </row>
    <row r="40721" spans="1:4" x14ac:dyDescent="0.25">
      <c r="A40721" t="s">
        <v>57724</v>
      </c>
      <c r="B40721" t="s">
        <v>57729</v>
      </c>
      <c r="C40721">
        <v>0</v>
      </c>
      <c r="D40721">
        <v>0</v>
      </c>
    </row>
    <row r="40722" spans="1:4" x14ac:dyDescent="0.25">
      <c r="A40722" t="s">
        <v>57724</v>
      </c>
      <c r="B40722" t="s">
        <v>57730</v>
      </c>
      <c r="C40722">
        <v>1</v>
      </c>
      <c r="D40722">
        <v>0</v>
      </c>
    </row>
    <row r="40723" spans="1:4" x14ac:dyDescent="0.25">
      <c r="A40723" t="s">
        <v>57724</v>
      </c>
      <c r="B40723" t="s">
        <v>57731</v>
      </c>
      <c r="C40723">
        <v>1</v>
      </c>
      <c r="D40723">
        <v>0</v>
      </c>
    </row>
    <row r="40724" spans="1:4" x14ac:dyDescent="0.25">
      <c r="A40724" t="s">
        <v>57732</v>
      </c>
      <c r="B40724" t="s">
        <v>57733</v>
      </c>
      <c r="C40724">
        <v>0</v>
      </c>
      <c r="D40724">
        <v>0</v>
      </c>
    </row>
    <row r="40725" spans="1:4" x14ac:dyDescent="0.25">
      <c r="A40725" t="s">
        <v>57732</v>
      </c>
      <c r="B40725" t="s">
        <v>57734</v>
      </c>
      <c r="C40725">
        <v>0</v>
      </c>
      <c r="D40725">
        <v>0</v>
      </c>
    </row>
    <row r="40726" spans="1:4" x14ac:dyDescent="0.25">
      <c r="A40726" t="s">
        <v>57732</v>
      </c>
      <c r="B40726" t="s">
        <v>57735</v>
      </c>
      <c r="C40726">
        <v>2</v>
      </c>
      <c r="D40726">
        <v>0</v>
      </c>
    </row>
    <row r="40727" spans="1:4" x14ac:dyDescent="0.25">
      <c r="A40727" t="s">
        <v>57732</v>
      </c>
      <c r="B40727" t="s">
        <v>57736</v>
      </c>
      <c r="C40727">
        <v>0</v>
      </c>
      <c r="D40727">
        <v>0</v>
      </c>
    </row>
    <row r="40728" spans="1:4" x14ac:dyDescent="0.25">
      <c r="A40728" t="s">
        <v>57732</v>
      </c>
      <c r="B40728" t="s">
        <v>57737</v>
      </c>
      <c r="C40728">
        <v>1</v>
      </c>
      <c r="D40728">
        <v>0</v>
      </c>
    </row>
    <row r="40729" spans="1:4" x14ac:dyDescent="0.25">
      <c r="A40729" t="s">
        <v>57738</v>
      </c>
      <c r="B40729" t="s">
        <v>57739</v>
      </c>
      <c r="C40729">
        <v>1</v>
      </c>
      <c r="D40729">
        <v>0</v>
      </c>
    </row>
    <row r="40730" spans="1:4" x14ac:dyDescent="0.25">
      <c r="A40730" t="s">
        <v>57740</v>
      </c>
      <c r="B40730" t="s">
        <v>57741</v>
      </c>
      <c r="C40730">
        <v>1</v>
      </c>
      <c r="D40730">
        <v>0</v>
      </c>
    </row>
    <row r="40731" spans="1:4" x14ac:dyDescent="0.25">
      <c r="A40731" t="s">
        <v>57740</v>
      </c>
      <c r="B40731" t="s">
        <v>57742</v>
      </c>
      <c r="C40731">
        <v>0</v>
      </c>
      <c r="D40731">
        <v>0</v>
      </c>
    </row>
    <row r="40732" spans="1:4" x14ac:dyDescent="0.25">
      <c r="A40732" t="s">
        <v>57740</v>
      </c>
      <c r="B40732" t="s">
        <v>57743</v>
      </c>
      <c r="C40732">
        <v>1</v>
      </c>
      <c r="D40732">
        <v>0</v>
      </c>
    </row>
    <row r="40733" spans="1:4" x14ac:dyDescent="0.25">
      <c r="A40733" t="s">
        <v>57744</v>
      </c>
      <c r="B40733" t="s">
        <v>57745</v>
      </c>
      <c r="C40733">
        <v>0</v>
      </c>
      <c r="D40733">
        <v>0</v>
      </c>
    </row>
    <row r="40734" spans="1:4" x14ac:dyDescent="0.25">
      <c r="A40734" t="s">
        <v>57746</v>
      </c>
      <c r="B40734" t="s">
        <v>57747</v>
      </c>
      <c r="C40734">
        <v>1</v>
      </c>
      <c r="D40734">
        <v>0</v>
      </c>
    </row>
    <row r="40735" spans="1:4" x14ac:dyDescent="0.25">
      <c r="A40735" t="s">
        <v>57746</v>
      </c>
      <c r="B40735" t="s">
        <v>57748</v>
      </c>
      <c r="C40735">
        <v>1</v>
      </c>
      <c r="D40735">
        <v>0</v>
      </c>
    </row>
    <row r="40736" spans="1:4" x14ac:dyDescent="0.25">
      <c r="A40736" t="s">
        <v>57746</v>
      </c>
      <c r="B40736" t="s">
        <v>57749</v>
      </c>
      <c r="C40736">
        <v>1</v>
      </c>
      <c r="D40736">
        <v>0</v>
      </c>
    </row>
    <row r="40737" spans="1:4" x14ac:dyDescent="0.25">
      <c r="A40737" t="s">
        <v>57746</v>
      </c>
      <c r="B40737" t="s">
        <v>57750</v>
      </c>
      <c r="C40737">
        <v>1</v>
      </c>
      <c r="D40737">
        <v>0</v>
      </c>
    </row>
    <row r="40738" spans="1:4" x14ac:dyDescent="0.25">
      <c r="A40738" t="s">
        <v>57751</v>
      </c>
      <c r="B40738" t="s">
        <v>57752</v>
      </c>
      <c r="C40738">
        <v>2</v>
      </c>
      <c r="D40738">
        <v>0</v>
      </c>
    </row>
    <row r="40739" spans="1:4" x14ac:dyDescent="0.25">
      <c r="A40739" t="s">
        <v>57751</v>
      </c>
      <c r="B40739" t="s">
        <v>57753</v>
      </c>
      <c r="C40739">
        <v>2</v>
      </c>
      <c r="D40739">
        <v>0</v>
      </c>
    </row>
    <row r="40740" spans="1:4" x14ac:dyDescent="0.25">
      <c r="A40740" t="s">
        <v>57751</v>
      </c>
      <c r="B40740" t="s">
        <v>57754</v>
      </c>
      <c r="C40740">
        <v>2</v>
      </c>
      <c r="D40740">
        <v>0</v>
      </c>
    </row>
    <row r="40741" spans="1:4" x14ac:dyDescent="0.25">
      <c r="A40741" t="s">
        <v>57751</v>
      </c>
      <c r="B40741" t="s">
        <v>57755</v>
      </c>
      <c r="C40741">
        <v>0</v>
      </c>
      <c r="D40741">
        <v>0</v>
      </c>
    </row>
    <row r="40742" spans="1:4" x14ac:dyDescent="0.25">
      <c r="A40742" t="s">
        <v>57751</v>
      </c>
      <c r="B40742" t="s">
        <v>57756</v>
      </c>
      <c r="C40742">
        <v>2</v>
      </c>
      <c r="D40742">
        <v>0</v>
      </c>
    </row>
    <row r="40743" spans="1:4" x14ac:dyDescent="0.25">
      <c r="A40743" t="s">
        <v>57751</v>
      </c>
      <c r="B40743" t="s">
        <v>57757</v>
      </c>
      <c r="C40743">
        <v>2</v>
      </c>
      <c r="D40743">
        <v>0</v>
      </c>
    </row>
    <row r="40744" spans="1:4" x14ac:dyDescent="0.25">
      <c r="A40744" t="s">
        <v>57751</v>
      </c>
      <c r="B40744" t="s">
        <v>57758</v>
      </c>
      <c r="C40744">
        <v>2</v>
      </c>
      <c r="D40744">
        <v>0</v>
      </c>
    </row>
    <row r="40745" spans="1:4" x14ac:dyDescent="0.25">
      <c r="A40745" t="s">
        <v>57759</v>
      </c>
      <c r="B40745" t="s">
        <v>57760</v>
      </c>
      <c r="C40745">
        <v>1</v>
      </c>
      <c r="D40745">
        <v>0</v>
      </c>
    </row>
    <row r="40746" spans="1:4" x14ac:dyDescent="0.25">
      <c r="A40746" t="s">
        <v>57761</v>
      </c>
      <c r="B40746" t="s">
        <v>57762</v>
      </c>
      <c r="C40746">
        <v>2</v>
      </c>
      <c r="D40746">
        <v>0</v>
      </c>
    </row>
    <row r="40747" spans="1:4" x14ac:dyDescent="0.25">
      <c r="A40747" t="s">
        <v>57761</v>
      </c>
      <c r="B40747" t="s">
        <v>57763</v>
      </c>
      <c r="C40747">
        <v>2</v>
      </c>
      <c r="D40747">
        <v>0</v>
      </c>
    </row>
    <row r="40748" spans="1:4" x14ac:dyDescent="0.25">
      <c r="A40748" t="s">
        <v>57761</v>
      </c>
      <c r="B40748" t="s">
        <v>30619</v>
      </c>
      <c r="C40748">
        <v>2</v>
      </c>
      <c r="D40748">
        <v>0</v>
      </c>
    </row>
    <row r="40749" spans="1:4" x14ac:dyDescent="0.25">
      <c r="A40749" t="s">
        <v>57761</v>
      </c>
      <c r="B40749" t="s">
        <v>57764</v>
      </c>
      <c r="C40749">
        <v>1</v>
      </c>
      <c r="D40749">
        <v>0</v>
      </c>
    </row>
    <row r="40750" spans="1:4" x14ac:dyDescent="0.25">
      <c r="A40750" t="s">
        <v>57761</v>
      </c>
      <c r="B40750" t="s">
        <v>57765</v>
      </c>
      <c r="C40750">
        <v>1</v>
      </c>
      <c r="D40750">
        <v>0</v>
      </c>
    </row>
    <row r="40751" spans="1:4" x14ac:dyDescent="0.25">
      <c r="A40751" t="s">
        <v>57761</v>
      </c>
      <c r="B40751" t="s">
        <v>57766</v>
      </c>
      <c r="C40751">
        <v>1</v>
      </c>
      <c r="D40751">
        <v>0</v>
      </c>
    </row>
    <row r="40752" spans="1:4" x14ac:dyDescent="0.25">
      <c r="A40752" t="s">
        <v>57761</v>
      </c>
      <c r="B40752" t="s">
        <v>57767</v>
      </c>
      <c r="C40752">
        <v>1</v>
      </c>
      <c r="D40752">
        <v>0</v>
      </c>
    </row>
    <row r="40753" spans="1:4" x14ac:dyDescent="0.25">
      <c r="A40753" t="s">
        <v>57761</v>
      </c>
      <c r="B40753" t="s">
        <v>57768</v>
      </c>
      <c r="C40753">
        <v>1</v>
      </c>
      <c r="D40753">
        <v>0</v>
      </c>
    </row>
    <row r="40754" spans="1:4" x14ac:dyDescent="0.25">
      <c r="A40754" t="s">
        <v>57769</v>
      </c>
      <c r="B40754" t="s">
        <v>57770</v>
      </c>
      <c r="C40754">
        <v>1</v>
      </c>
      <c r="D40754">
        <v>0</v>
      </c>
    </row>
    <row r="40755" spans="1:4" x14ac:dyDescent="0.25">
      <c r="A40755" t="s">
        <v>57769</v>
      </c>
      <c r="B40755" t="s">
        <v>57771</v>
      </c>
      <c r="C40755">
        <v>1</v>
      </c>
      <c r="D40755">
        <v>0</v>
      </c>
    </row>
    <row r="40756" spans="1:4" x14ac:dyDescent="0.25">
      <c r="A40756" t="s">
        <v>57769</v>
      </c>
      <c r="B40756" t="s">
        <v>57772</v>
      </c>
      <c r="C40756">
        <v>0</v>
      </c>
      <c r="D40756">
        <v>0</v>
      </c>
    </row>
    <row r="40757" spans="1:4" x14ac:dyDescent="0.25">
      <c r="A40757" t="s">
        <v>57769</v>
      </c>
      <c r="B40757" t="s">
        <v>57773</v>
      </c>
      <c r="C40757">
        <v>0</v>
      </c>
      <c r="D40757">
        <v>0</v>
      </c>
    </row>
    <row r="40758" spans="1:4" x14ac:dyDescent="0.25">
      <c r="A40758" t="s">
        <v>57769</v>
      </c>
      <c r="B40758" t="s">
        <v>57774</v>
      </c>
      <c r="C40758">
        <v>0</v>
      </c>
      <c r="D40758">
        <v>0</v>
      </c>
    </row>
    <row r="40759" spans="1:4" x14ac:dyDescent="0.25">
      <c r="A40759" t="s">
        <v>57769</v>
      </c>
      <c r="B40759" t="s">
        <v>5713</v>
      </c>
      <c r="C40759">
        <v>1</v>
      </c>
      <c r="D40759">
        <v>0</v>
      </c>
    </row>
    <row r="40760" spans="1:4" x14ac:dyDescent="0.25">
      <c r="A40760" t="s">
        <v>57775</v>
      </c>
      <c r="B40760" t="s">
        <v>57776</v>
      </c>
      <c r="C40760">
        <v>0</v>
      </c>
      <c r="D40760">
        <v>0</v>
      </c>
    </row>
    <row r="40761" spans="1:4" x14ac:dyDescent="0.25">
      <c r="A40761" t="s">
        <v>57775</v>
      </c>
      <c r="B40761" t="s">
        <v>57777</v>
      </c>
      <c r="C40761">
        <v>0</v>
      </c>
      <c r="D40761">
        <v>0</v>
      </c>
    </row>
    <row r="40762" spans="1:4" x14ac:dyDescent="0.25">
      <c r="A40762" t="s">
        <v>57775</v>
      </c>
      <c r="B40762" t="s">
        <v>57778</v>
      </c>
      <c r="C40762">
        <v>2</v>
      </c>
      <c r="D40762">
        <v>0</v>
      </c>
    </row>
    <row r="40763" spans="1:4" x14ac:dyDescent="0.25">
      <c r="A40763" t="s">
        <v>57775</v>
      </c>
      <c r="B40763" t="s">
        <v>57779</v>
      </c>
      <c r="C40763">
        <v>1</v>
      </c>
      <c r="D40763">
        <v>0</v>
      </c>
    </row>
    <row r="40764" spans="1:4" x14ac:dyDescent="0.25">
      <c r="A40764" t="s">
        <v>57780</v>
      </c>
      <c r="B40764" t="s">
        <v>47634</v>
      </c>
      <c r="C40764">
        <v>0</v>
      </c>
      <c r="D40764">
        <v>0</v>
      </c>
    </row>
    <row r="40765" spans="1:4" x14ac:dyDescent="0.25">
      <c r="A40765" t="s">
        <v>57780</v>
      </c>
      <c r="B40765" t="s">
        <v>57781</v>
      </c>
      <c r="C40765">
        <v>2</v>
      </c>
      <c r="D40765">
        <v>0</v>
      </c>
    </row>
    <row r="40766" spans="1:4" x14ac:dyDescent="0.25">
      <c r="A40766" t="s">
        <v>57780</v>
      </c>
      <c r="B40766" t="s">
        <v>57782</v>
      </c>
      <c r="C40766">
        <v>1</v>
      </c>
      <c r="D40766">
        <v>0</v>
      </c>
    </row>
    <row r="40767" spans="1:4" x14ac:dyDescent="0.25">
      <c r="A40767" t="s">
        <v>57780</v>
      </c>
      <c r="B40767" t="s">
        <v>57783</v>
      </c>
      <c r="C40767">
        <v>2</v>
      </c>
      <c r="D40767">
        <v>0</v>
      </c>
    </row>
    <row r="40768" spans="1:4" x14ac:dyDescent="0.25">
      <c r="A40768" t="s">
        <v>57784</v>
      </c>
      <c r="B40768" t="s">
        <v>57785</v>
      </c>
      <c r="C40768">
        <v>1</v>
      </c>
      <c r="D40768">
        <v>0</v>
      </c>
    </row>
    <row r="40769" spans="1:4" x14ac:dyDescent="0.25">
      <c r="A40769" t="s">
        <v>57784</v>
      </c>
      <c r="B40769" t="s">
        <v>57786</v>
      </c>
      <c r="C40769">
        <v>2</v>
      </c>
      <c r="D40769">
        <v>0</v>
      </c>
    </row>
    <row r="40770" spans="1:4" x14ac:dyDescent="0.25">
      <c r="A40770" t="s">
        <v>57784</v>
      </c>
      <c r="B40770" t="s">
        <v>57787</v>
      </c>
      <c r="C40770">
        <v>1</v>
      </c>
      <c r="D40770">
        <v>0</v>
      </c>
    </row>
    <row r="40771" spans="1:4" x14ac:dyDescent="0.25">
      <c r="A40771" t="s">
        <v>57784</v>
      </c>
      <c r="B40771" t="s">
        <v>57788</v>
      </c>
      <c r="C40771">
        <v>1</v>
      </c>
      <c r="D40771">
        <v>0</v>
      </c>
    </row>
    <row r="40772" spans="1:4" x14ac:dyDescent="0.25">
      <c r="A40772" t="s">
        <v>57784</v>
      </c>
      <c r="B40772" t="s">
        <v>57789</v>
      </c>
      <c r="C40772">
        <v>1</v>
      </c>
      <c r="D40772">
        <v>0</v>
      </c>
    </row>
    <row r="40773" spans="1:4" x14ac:dyDescent="0.25">
      <c r="A40773" t="s">
        <v>57790</v>
      </c>
      <c r="B40773" t="s">
        <v>57791</v>
      </c>
      <c r="C40773">
        <v>1</v>
      </c>
      <c r="D40773">
        <v>0</v>
      </c>
    </row>
    <row r="40774" spans="1:4" x14ac:dyDescent="0.25">
      <c r="A40774" t="s">
        <v>57790</v>
      </c>
      <c r="B40774" t="s">
        <v>57792</v>
      </c>
      <c r="C40774">
        <v>0</v>
      </c>
      <c r="D40774">
        <v>0</v>
      </c>
    </row>
    <row r="40775" spans="1:4" x14ac:dyDescent="0.25">
      <c r="A40775" t="s">
        <v>57790</v>
      </c>
      <c r="B40775" t="s">
        <v>57793</v>
      </c>
      <c r="C40775">
        <v>0</v>
      </c>
      <c r="D40775">
        <v>0</v>
      </c>
    </row>
    <row r="40776" spans="1:4" x14ac:dyDescent="0.25">
      <c r="A40776" t="s">
        <v>57794</v>
      </c>
      <c r="B40776" t="s">
        <v>57795</v>
      </c>
      <c r="C40776">
        <v>0</v>
      </c>
      <c r="D40776">
        <v>0</v>
      </c>
    </row>
    <row r="40777" spans="1:4" x14ac:dyDescent="0.25">
      <c r="A40777" t="s">
        <v>57794</v>
      </c>
      <c r="B40777" t="s">
        <v>57796</v>
      </c>
      <c r="C40777">
        <v>0</v>
      </c>
      <c r="D40777">
        <v>0</v>
      </c>
    </row>
    <row r="40778" spans="1:4" x14ac:dyDescent="0.25">
      <c r="A40778" t="s">
        <v>57797</v>
      </c>
      <c r="B40778" t="s">
        <v>57798</v>
      </c>
      <c r="C40778">
        <v>0</v>
      </c>
      <c r="D40778">
        <v>0</v>
      </c>
    </row>
    <row r="40779" spans="1:4" x14ac:dyDescent="0.25">
      <c r="A40779" t="s">
        <v>57797</v>
      </c>
      <c r="B40779" t="s">
        <v>57799</v>
      </c>
      <c r="C40779">
        <v>1</v>
      </c>
      <c r="D40779">
        <v>0</v>
      </c>
    </row>
    <row r="40780" spans="1:4" x14ac:dyDescent="0.25">
      <c r="A40780" t="s">
        <v>57797</v>
      </c>
      <c r="B40780" t="s">
        <v>57800</v>
      </c>
      <c r="C40780">
        <v>0</v>
      </c>
      <c r="D40780">
        <v>0</v>
      </c>
    </row>
    <row r="40781" spans="1:4" x14ac:dyDescent="0.25">
      <c r="A40781" t="s">
        <v>57797</v>
      </c>
      <c r="B40781" t="s">
        <v>57801</v>
      </c>
      <c r="C40781">
        <v>0</v>
      </c>
      <c r="D40781">
        <v>0</v>
      </c>
    </row>
    <row r="40782" spans="1:4" x14ac:dyDescent="0.25">
      <c r="A40782" t="s">
        <v>57797</v>
      </c>
      <c r="B40782" t="s">
        <v>44698</v>
      </c>
      <c r="C40782">
        <v>0</v>
      </c>
      <c r="D40782">
        <v>0</v>
      </c>
    </row>
    <row r="40783" spans="1:4" x14ac:dyDescent="0.25">
      <c r="A40783" t="s">
        <v>57797</v>
      </c>
      <c r="B40783" t="s">
        <v>2651</v>
      </c>
      <c r="C40783">
        <v>0</v>
      </c>
      <c r="D40783">
        <v>0</v>
      </c>
    </row>
    <row r="40784" spans="1:4" x14ac:dyDescent="0.25">
      <c r="A40784" t="s">
        <v>57802</v>
      </c>
      <c r="B40784" t="s">
        <v>57803</v>
      </c>
      <c r="C40784">
        <v>1</v>
      </c>
      <c r="D40784">
        <v>0</v>
      </c>
    </row>
    <row r="40785" spans="1:4" x14ac:dyDescent="0.25">
      <c r="A40785" t="s">
        <v>57804</v>
      </c>
      <c r="B40785" t="s">
        <v>5281</v>
      </c>
      <c r="C40785">
        <v>0</v>
      </c>
      <c r="D40785">
        <v>0</v>
      </c>
    </row>
    <row r="40786" spans="1:4" x14ac:dyDescent="0.25">
      <c r="A40786" t="s">
        <v>57804</v>
      </c>
      <c r="B40786" t="s">
        <v>5283</v>
      </c>
      <c r="C40786">
        <v>0</v>
      </c>
      <c r="D40786">
        <v>0</v>
      </c>
    </row>
    <row r="40787" spans="1:4" x14ac:dyDescent="0.25">
      <c r="A40787" t="s">
        <v>57804</v>
      </c>
      <c r="B40787" t="s">
        <v>57805</v>
      </c>
      <c r="C40787">
        <v>2</v>
      </c>
      <c r="D40787">
        <v>0</v>
      </c>
    </row>
    <row r="40788" spans="1:4" x14ac:dyDescent="0.25">
      <c r="A40788" t="s">
        <v>57804</v>
      </c>
      <c r="B40788" t="s">
        <v>57806</v>
      </c>
      <c r="C40788">
        <v>0</v>
      </c>
      <c r="D40788">
        <v>0</v>
      </c>
    </row>
    <row r="40789" spans="1:4" x14ac:dyDescent="0.25">
      <c r="A40789" t="s">
        <v>57804</v>
      </c>
      <c r="B40789" t="s">
        <v>57805</v>
      </c>
      <c r="C40789">
        <v>2</v>
      </c>
      <c r="D40789">
        <v>0</v>
      </c>
    </row>
    <row r="40790" spans="1:4" x14ac:dyDescent="0.25">
      <c r="A40790" t="s">
        <v>57807</v>
      </c>
      <c r="B40790" t="s">
        <v>57808</v>
      </c>
      <c r="C40790">
        <v>0</v>
      </c>
      <c r="D40790">
        <v>0</v>
      </c>
    </row>
    <row r="40791" spans="1:4" x14ac:dyDescent="0.25">
      <c r="A40791" t="s">
        <v>57807</v>
      </c>
      <c r="B40791" t="s">
        <v>57809</v>
      </c>
      <c r="C40791">
        <v>1</v>
      </c>
      <c r="D40791">
        <v>0</v>
      </c>
    </row>
    <row r="40792" spans="1:4" x14ac:dyDescent="0.25">
      <c r="A40792" t="s">
        <v>57807</v>
      </c>
      <c r="B40792" t="s">
        <v>57810</v>
      </c>
      <c r="C40792">
        <v>0</v>
      </c>
      <c r="D40792">
        <v>0</v>
      </c>
    </row>
    <row r="40793" spans="1:4" x14ac:dyDescent="0.25">
      <c r="A40793" t="s">
        <v>57807</v>
      </c>
      <c r="B40793" t="s">
        <v>22565</v>
      </c>
      <c r="C40793">
        <v>2</v>
      </c>
      <c r="D40793">
        <v>0</v>
      </c>
    </row>
    <row r="40794" spans="1:4" x14ac:dyDescent="0.25">
      <c r="A40794" t="s">
        <v>57807</v>
      </c>
      <c r="B40794" t="s">
        <v>57811</v>
      </c>
      <c r="C40794">
        <v>0</v>
      </c>
      <c r="D40794">
        <v>0</v>
      </c>
    </row>
    <row r="40795" spans="1:4" x14ac:dyDescent="0.25">
      <c r="A40795" t="s">
        <v>57807</v>
      </c>
      <c r="B40795" t="s">
        <v>57812</v>
      </c>
      <c r="C40795">
        <v>2</v>
      </c>
      <c r="D40795">
        <v>0</v>
      </c>
    </row>
    <row r="40796" spans="1:4" x14ac:dyDescent="0.25">
      <c r="A40796" t="s">
        <v>57807</v>
      </c>
      <c r="B40796" t="s">
        <v>57813</v>
      </c>
      <c r="C40796">
        <v>0</v>
      </c>
      <c r="D40796">
        <v>0</v>
      </c>
    </row>
    <row r="40797" spans="1:4" x14ac:dyDescent="0.25">
      <c r="A40797" t="s">
        <v>57807</v>
      </c>
      <c r="B40797" t="s">
        <v>57814</v>
      </c>
      <c r="C40797">
        <v>0</v>
      </c>
      <c r="D40797">
        <v>0</v>
      </c>
    </row>
    <row r="40798" spans="1:4" x14ac:dyDescent="0.25">
      <c r="A40798" t="s">
        <v>57807</v>
      </c>
      <c r="B40798" t="s">
        <v>57815</v>
      </c>
      <c r="C40798">
        <v>2</v>
      </c>
      <c r="D40798">
        <v>0</v>
      </c>
    </row>
    <row r="40799" spans="1:4" x14ac:dyDescent="0.25">
      <c r="A40799" t="s">
        <v>57816</v>
      </c>
      <c r="B40799" t="s">
        <v>57817</v>
      </c>
      <c r="C40799">
        <v>2</v>
      </c>
      <c r="D40799">
        <v>0</v>
      </c>
    </row>
    <row r="40800" spans="1:4" x14ac:dyDescent="0.25">
      <c r="A40800" t="s">
        <v>57816</v>
      </c>
      <c r="B40800" t="s">
        <v>1655</v>
      </c>
      <c r="C40800">
        <v>1</v>
      </c>
      <c r="D40800">
        <v>0</v>
      </c>
    </row>
    <row r="40801" spans="1:4" x14ac:dyDescent="0.25">
      <c r="A40801" t="s">
        <v>57816</v>
      </c>
      <c r="B40801" t="s">
        <v>57818</v>
      </c>
      <c r="C40801">
        <v>1</v>
      </c>
      <c r="D40801">
        <v>0</v>
      </c>
    </row>
    <row r="40802" spans="1:4" x14ac:dyDescent="0.25">
      <c r="A40802" t="s">
        <v>57816</v>
      </c>
      <c r="B40802" t="s">
        <v>57819</v>
      </c>
      <c r="C40802">
        <v>1</v>
      </c>
      <c r="D40802">
        <v>0</v>
      </c>
    </row>
    <row r="40803" spans="1:4" x14ac:dyDescent="0.25">
      <c r="A40803" t="s">
        <v>57820</v>
      </c>
      <c r="B40803" t="s">
        <v>57821</v>
      </c>
      <c r="C40803">
        <v>1</v>
      </c>
      <c r="D40803">
        <v>0</v>
      </c>
    </row>
    <row r="40804" spans="1:4" x14ac:dyDescent="0.25">
      <c r="A40804" t="s">
        <v>57820</v>
      </c>
      <c r="B40804" t="s">
        <v>57822</v>
      </c>
      <c r="C40804">
        <v>1</v>
      </c>
      <c r="D40804">
        <v>0</v>
      </c>
    </row>
    <row r="40805" spans="1:4" x14ac:dyDescent="0.25">
      <c r="A40805" t="s">
        <v>57820</v>
      </c>
      <c r="B40805" t="s">
        <v>57823</v>
      </c>
      <c r="C40805">
        <v>1</v>
      </c>
      <c r="D40805">
        <v>0</v>
      </c>
    </row>
    <row r="40806" spans="1:4" x14ac:dyDescent="0.25">
      <c r="A40806" t="s">
        <v>57820</v>
      </c>
      <c r="B40806" t="s">
        <v>57824</v>
      </c>
      <c r="C40806">
        <v>1</v>
      </c>
      <c r="D40806">
        <v>0</v>
      </c>
    </row>
    <row r="40807" spans="1:4" x14ac:dyDescent="0.25">
      <c r="A40807" t="s">
        <v>57820</v>
      </c>
      <c r="B40807" t="s">
        <v>57825</v>
      </c>
      <c r="C40807">
        <v>1</v>
      </c>
      <c r="D40807">
        <v>0</v>
      </c>
    </row>
    <row r="40808" spans="1:4" x14ac:dyDescent="0.25">
      <c r="A40808" t="s">
        <v>57826</v>
      </c>
      <c r="B40808" t="s">
        <v>57827</v>
      </c>
      <c r="C40808">
        <v>1</v>
      </c>
      <c r="D40808">
        <v>0</v>
      </c>
    </row>
    <row r="40809" spans="1:4" x14ac:dyDescent="0.25">
      <c r="A40809" t="s">
        <v>57826</v>
      </c>
      <c r="B40809" t="s">
        <v>57828</v>
      </c>
      <c r="C40809">
        <v>1</v>
      </c>
      <c r="D40809">
        <v>0</v>
      </c>
    </row>
    <row r="40810" spans="1:4" x14ac:dyDescent="0.25">
      <c r="A40810" t="s">
        <v>57829</v>
      </c>
      <c r="B40810" t="s">
        <v>57830</v>
      </c>
      <c r="C40810">
        <v>1</v>
      </c>
      <c r="D40810">
        <v>0</v>
      </c>
    </row>
    <row r="40811" spans="1:4" x14ac:dyDescent="0.25">
      <c r="A40811" t="s">
        <v>57829</v>
      </c>
      <c r="B40811" t="s">
        <v>57831</v>
      </c>
      <c r="C40811">
        <v>1</v>
      </c>
      <c r="D40811">
        <v>0</v>
      </c>
    </row>
    <row r="40812" spans="1:4" x14ac:dyDescent="0.25">
      <c r="A40812" t="s">
        <v>57829</v>
      </c>
      <c r="B40812" t="s">
        <v>57832</v>
      </c>
      <c r="C40812">
        <v>1</v>
      </c>
      <c r="D40812">
        <v>0</v>
      </c>
    </row>
    <row r="40813" spans="1:4" x14ac:dyDescent="0.25">
      <c r="A40813" t="s">
        <v>57833</v>
      </c>
      <c r="B40813" t="s">
        <v>57834</v>
      </c>
      <c r="C40813">
        <v>2</v>
      </c>
      <c r="D40813">
        <v>0</v>
      </c>
    </row>
    <row r="40814" spans="1:4" x14ac:dyDescent="0.25">
      <c r="A40814" t="s">
        <v>57833</v>
      </c>
      <c r="B40814" t="s">
        <v>57835</v>
      </c>
      <c r="C40814">
        <v>1</v>
      </c>
      <c r="D40814">
        <v>0</v>
      </c>
    </row>
    <row r="40815" spans="1:4" x14ac:dyDescent="0.25">
      <c r="A40815" t="s">
        <v>57836</v>
      </c>
      <c r="B40815" t="s">
        <v>57837</v>
      </c>
      <c r="C40815">
        <v>0</v>
      </c>
      <c r="D40815">
        <v>0</v>
      </c>
    </row>
    <row r="40816" spans="1:4" x14ac:dyDescent="0.25">
      <c r="A40816" t="s">
        <v>57836</v>
      </c>
      <c r="B40816" t="s">
        <v>57838</v>
      </c>
      <c r="C40816">
        <v>0</v>
      </c>
      <c r="D40816">
        <v>0</v>
      </c>
    </row>
    <row r="40817" spans="1:4" x14ac:dyDescent="0.25">
      <c r="A40817" t="s">
        <v>57836</v>
      </c>
      <c r="B40817" t="s">
        <v>57839</v>
      </c>
      <c r="C40817">
        <v>0</v>
      </c>
      <c r="D40817">
        <v>0</v>
      </c>
    </row>
    <row r="40818" spans="1:4" x14ac:dyDescent="0.25">
      <c r="A40818" t="s">
        <v>57836</v>
      </c>
      <c r="B40818" t="s">
        <v>57840</v>
      </c>
      <c r="C40818">
        <v>0</v>
      </c>
      <c r="D40818">
        <v>0</v>
      </c>
    </row>
    <row r="40819" spans="1:4" x14ac:dyDescent="0.25">
      <c r="A40819" t="s">
        <v>57836</v>
      </c>
      <c r="B40819" t="s">
        <v>57841</v>
      </c>
      <c r="C40819">
        <v>1</v>
      </c>
      <c r="D40819">
        <v>0</v>
      </c>
    </row>
    <row r="40820" spans="1:4" x14ac:dyDescent="0.25">
      <c r="A40820" t="s">
        <v>57836</v>
      </c>
      <c r="B40820" t="s">
        <v>57842</v>
      </c>
      <c r="C40820">
        <v>0</v>
      </c>
      <c r="D40820">
        <v>0</v>
      </c>
    </row>
    <row r="40821" spans="1:4" x14ac:dyDescent="0.25">
      <c r="A40821" t="s">
        <v>57843</v>
      </c>
      <c r="B40821" t="s">
        <v>57844</v>
      </c>
      <c r="C40821">
        <v>1</v>
      </c>
      <c r="D40821">
        <v>0</v>
      </c>
    </row>
    <row r="40822" spans="1:4" x14ac:dyDescent="0.25">
      <c r="A40822" t="s">
        <v>57843</v>
      </c>
      <c r="B40822" t="s">
        <v>57845</v>
      </c>
      <c r="C40822">
        <v>2</v>
      </c>
      <c r="D40822">
        <v>0</v>
      </c>
    </row>
    <row r="40823" spans="1:4" x14ac:dyDescent="0.25">
      <c r="A40823" t="s">
        <v>57843</v>
      </c>
      <c r="B40823" t="s">
        <v>57846</v>
      </c>
      <c r="C40823">
        <v>1</v>
      </c>
      <c r="D40823">
        <v>0</v>
      </c>
    </row>
    <row r="40824" spans="1:4" x14ac:dyDescent="0.25">
      <c r="A40824" t="s">
        <v>57843</v>
      </c>
      <c r="B40824" t="s">
        <v>57847</v>
      </c>
      <c r="C40824">
        <v>1</v>
      </c>
      <c r="D40824">
        <v>0</v>
      </c>
    </row>
    <row r="40825" spans="1:4" x14ac:dyDescent="0.25">
      <c r="A40825" t="s">
        <v>57848</v>
      </c>
      <c r="B40825" t="s">
        <v>57849</v>
      </c>
      <c r="C40825">
        <v>2</v>
      </c>
      <c r="D40825">
        <v>0</v>
      </c>
    </row>
    <row r="40826" spans="1:4" x14ac:dyDescent="0.25">
      <c r="A40826" t="s">
        <v>57848</v>
      </c>
      <c r="B40826" t="s">
        <v>57850</v>
      </c>
      <c r="C40826">
        <v>1</v>
      </c>
      <c r="D40826">
        <v>0</v>
      </c>
    </row>
    <row r="40827" spans="1:4" x14ac:dyDescent="0.25">
      <c r="A40827" t="s">
        <v>57851</v>
      </c>
      <c r="B40827" t="s">
        <v>57852</v>
      </c>
      <c r="C40827">
        <v>1</v>
      </c>
      <c r="D40827">
        <v>0</v>
      </c>
    </row>
    <row r="40828" spans="1:4" x14ac:dyDescent="0.25">
      <c r="A40828" t="s">
        <v>57851</v>
      </c>
      <c r="B40828" t="s">
        <v>57853</v>
      </c>
      <c r="C40828">
        <v>2</v>
      </c>
      <c r="D40828">
        <v>0</v>
      </c>
    </row>
    <row r="40829" spans="1:4" x14ac:dyDescent="0.25">
      <c r="A40829" t="s">
        <v>57854</v>
      </c>
      <c r="B40829" t="s">
        <v>57855</v>
      </c>
      <c r="C40829">
        <v>1</v>
      </c>
      <c r="D40829">
        <v>0</v>
      </c>
    </row>
    <row r="40830" spans="1:4" x14ac:dyDescent="0.25">
      <c r="A40830" t="s">
        <v>57854</v>
      </c>
      <c r="B40830" t="s">
        <v>57856</v>
      </c>
      <c r="C40830">
        <v>1</v>
      </c>
      <c r="D40830">
        <v>0</v>
      </c>
    </row>
    <row r="40831" spans="1:4" x14ac:dyDescent="0.25">
      <c r="A40831" t="s">
        <v>57854</v>
      </c>
      <c r="B40831" t="s">
        <v>57857</v>
      </c>
      <c r="C40831">
        <v>1</v>
      </c>
      <c r="D40831">
        <v>0</v>
      </c>
    </row>
    <row r="40832" spans="1:4" x14ac:dyDescent="0.25">
      <c r="A40832" t="s">
        <v>57854</v>
      </c>
      <c r="B40832" t="s">
        <v>57858</v>
      </c>
      <c r="C40832">
        <v>1</v>
      </c>
      <c r="D40832">
        <v>0</v>
      </c>
    </row>
    <row r="40833" spans="1:4" x14ac:dyDescent="0.25">
      <c r="A40833" t="s">
        <v>57859</v>
      </c>
      <c r="B40833" t="s">
        <v>57860</v>
      </c>
      <c r="C40833">
        <v>1</v>
      </c>
      <c r="D40833">
        <v>0</v>
      </c>
    </row>
    <row r="40834" spans="1:4" x14ac:dyDescent="0.25">
      <c r="A40834" t="s">
        <v>57859</v>
      </c>
      <c r="B40834" t="s">
        <v>57861</v>
      </c>
      <c r="C40834">
        <v>1</v>
      </c>
      <c r="D40834">
        <v>0</v>
      </c>
    </row>
    <row r="40835" spans="1:4" x14ac:dyDescent="0.25">
      <c r="A40835" t="s">
        <v>57859</v>
      </c>
      <c r="B40835" t="s">
        <v>57862</v>
      </c>
      <c r="C40835">
        <v>1</v>
      </c>
      <c r="D40835">
        <v>0</v>
      </c>
    </row>
    <row r="40836" spans="1:4" x14ac:dyDescent="0.25">
      <c r="A40836" t="s">
        <v>57859</v>
      </c>
      <c r="B40836" t="s">
        <v>20393</v>
      </c>
      <c r="C40836">
        <v>1</v>
      </c>
      <c r="D40836">
        <v>0</v>
      </c>
    </row>
    <row r="40837" spans="1:4" x14ac:dyDescent="0.25">
      <c r="A40837" t="s">
        <v>57859</v>
      </c>
      <c r="B40837" t="s">
        <v>57863</v>
      </c>
      <c r="C40837">
        <v>0</v>
      </c>
      <c r="D40837">
        <v>0</v>
      </c>
    </row>
    <row r="40838" spans="1:4" x14ac:dyDescent="0.25">
      <c r="A40838" t="s">
        <v>57864</v>
      </c>
      <c r="B40838" t="s">
        <v>57865</v>
      </c>
      <c r="C40838">
        <v>1</v>
      </c>
      <c r="D40838">
        <v>0</v>
      </c>
    </row>
    <row r="40839" spans="1:4" x14ac:dyDescent="0.25">
      <c r="A40839" t="s">
        <v>57866</v>
      </c>
      <c r="B40839" t="s">
        <v>57867</v>
      </c>
      <c r="C40839">
        <v>1</v>
      </c>
      <c r="D40839">
        <v>0</v>
      </c>
    </row>
    <row r="40840" spans="1:4" x14ac:dyDescent="0.25">
      <c r="A40840" t="s">
        <v>57866</v>
      </c>
      <c r="B40840" t="s">
        <v>57868</v>
      </c>
      <c r="C40840">
        <v>2</v>
      </c>
      <c r="D40840">
        <v>0</v>
      </c>
    </row>
    <row r="40841" spans="1:4" x14ac:dyDescent="0.25">
      <c r="A40841" t="s">
        <v>57866</v>
      </c>
      <c r="B40841" t="s">
        <v>57869</v>
      </c>
      <c r="C40841">
        <v>0</v>
      </c>
      <c r="D40841">
        <v>0</v>
      </c>
    </row>
    <row r="40842" spans="1:4" x14ac:dyDescent="0.25">
      <c r="A40842" t="s">
        <v>57866</v>
      </c>
      <c r="B40842" t="s">
        <v>57870</v>
      </c>
      <c r="C40842">
        <v>2</v>
      </c>
      <c r="D40842">
        <v>0</v>
      </c>
    </row>
    <row r="40843" spans="1:4" x14ac:dyDescent="0.25">
      <c r="A40843" t="s">
        <v>57866</v>
      </c>
      <c r="B40843" t="s">
        <v>57871</v>
      </c>
      <c r="C40843">
        <v>2</v>
      </c>
      <c r="D40843">
        <v>0</v>
      </c>
    </row>
    <row r="40844" spans="1:4" x14ac:dyDescent="0.25">
      <c r="A40844" t="s">
        <v>57872</v>
      </c>
      <c r="B40844" t="s">
        <v>57873</v>
      </c>
      <c r="C40844">
        <v>1</v>
      </c>
      <c r="D40844">
        <v>0</v>
      </c>
    </row>
    <row r="40845" spans="1:4" x14ac:dyDescent="0.25">
      <c r="A40845" t="s">
        <v>57872</v>
      </c>
      <c r="B40845" t="s">
        <v>57874</v>
      </c>
      <c r="C40845">
        <v>1</v>
      </c>
      <c r="D40845">
        <v>0</v>
      </c>
    </row>
    <row r="40846" spans="1:4" x14ac:dyDescent="0.25">
      <c r="A40846" t="s">
        <v>57872</v>
      </c>
      <c r="B40846" t="s">
        <v>1294</v>
      </c>
      <c r="C40846">
        <v>1</v>
      </c>
      <c r="D40846">
        <v>0</v>
      </c>
    </row>
    <row r="40847" spans="1:4" x14ac:dyDescent="0.25">
      <c r="A40847" t="s">
        <v>57872</v>
      </c>
      <c r="B40847" t="s">
        <v>57875</v>
      </c>
      <c r="C40847">
        <v>1</v>
      </c>
      <c r="D40847">
        <v>0</v>
      </c>
    </row>
    <row r="40848" spans="1:4" x14ac:dyDescent="0.25">
      <c r="A40848" t="s">
        <v>57872</v>
      </c>
      <c r="B40848" t="s">
        <v>2865</v>
      </c>
      <c r="C40848">
        <v>0</v>
      </c>
      <c r="D40848">
        <v>0</v>
      </c>
    </row>
    <row r="40849" spans="1:4" x14ac:dyDescent="0.25">
      <c r="A40849" t="s">
        <v>57876</v>
      </c>
      <c r="B40849" t="s">
        <v>57877</v>
      </c>
      <c r="C40849">
        <v>0</v>
      </c>
      <c r="D40849">
        <v>0</v>
      </c>
    </row>
    <row r="40850" spans="1:4" x14ac:dyDescent="0.25">
      <c r="A40850" t="s">
        <v>57876</v>
      </c>
      <c r="B40850" t="s">
        <v>57878</v>
      </c>
      <c r="C40850">
        <v>1</v>
      </c>
      <c r="D40850">
        <v>0</v>
      </c>
    </row>
    <row r="40851" spans="1:4" x14ac:dyDescent="0.25">
      <c r="A40851" t="s">
        <v>57876</v>
      </c>
      <c r="B40851" t="s">
        <v>57879</v>
      </c>
      <c r="C40851">
        <v>1</v>
      </c>
      <c r="D40851">
        <v>0</v>
      </c>
    </row>
    <row r="40852" spans="1:4" x14ac:dyDescent="0.25">
      <c r="A40852" t="s">
        <v>57880</v>
      </c>
      <c r="B40852" t="s">
        <v>57881</v>
      </c>
      <c r="C40852">
        <v>2</v>
      </c>
      <c r="D40852">
        <v>0</v>
      </c>
    </row>
    <row r="40853" spans="1:4" x14ac:dyDescent="0.25">
      <c r="A40853" t="s">
        <v>57880</v>
      </c>
      <c r="B40853" t="s">
        <v>57882</v>
      </c>
      <c r="C40853">
        <v>2</v>
      </c>
      <c r="D40853">
        <v>0</v>
      </c>
    </row>
    <row r="40854" spans="1:4" x14ac:dyDescent="0.25">
      <c r="A40854" t="s">
        <v>57880</v>
      </c>
      <c r="B40854" t="s">
        <v>57883</v>
      </c>
      <c r="C40854">
        <v>2</v>
      </c>
      <c r="D40854">
        <v>0</v>
      </c>
    </row>
    <row r="40855" spans="1:4" x14ac:dyDescent="0.25">
      <c r="A40855" t="s">
        <v>57880</v>
      </c>
      <c r="B40855" t="s">
        <v>57884</v>
      </c>
      <c r="C40855">
        <v>0</v>
      </c>
      <c r="D40855">
        <v>0</v>
      </c>
    </row>
    <row r="40856" spans="1:4" x14ac:dyDescent="0.25">
      <c r="A40856" t="s">
        <v>57885</v>
      </c>
      <c r="B40856" t="s">
        <v>57886</v>
      </c>
      <c r="C40856">
        <v>0</v>
      </c>
      <c r="D40856">
        <v>0</v>
      </c>
    </row>
    <row r="40857" spans="1:4" x14ac:dyDescent="0.25">
      <c r="A40857" t="s">
        <v>57885</v>
      </c>
      <c r="B40857" t="s">
        <v>57887</v>
      </c>
      <c r="C40857">
        <v>0</v>
      </c>
      <c r="D40857">
        <v>0</v>
      </c>
    </row>
    <row r="40858" spans="1:4" x14ac:dyDescent="0.25">
      <c r="A40858" t="s">
        <v>57888</v>
      </c>
      <c r="B40858" t="s">
        <v>57889</v>
      </c>
      <c r="C40858">
        <v>1</v>
      </c>
      <c r="D40858">
        <v>0</v>
      </c>
    </row>
    <row r="40859" spans="1:4" x14ac:dyDescent="0.25">
      <c r="A40859" t="s">
        <v>57890</v>
      </c>
      <c r="B40859" t="s">
        <v>57891</v>
      </c>
      <c r="C40859">
        <v>2</v>
      </c>
      <c r="D40859">
        <v>0</v>
      </c>
    </row>
    <row r="40860" spans="1:4" x14ac:dyDescent="0.25">
      <c r="A40860" t="s">
        <v>57890</v>
      </c>
      <c r="B40860" t="s">
        <v>57892</v>
      </c>
      <c r="C40860">
        <v>1</v>
      </c>
      <c r="D40860">
        <v>0</v>
      </c>
    </row>
    <row r="40861" spans="1:4" x14ac:dyDescent="0.25">
      <c r="A40861" t="s">
        <v>57890</v>
      </c>
      <c r="B40861" t="s">
        <v>57893</v>
      </c>
      <c r="C40861">
        <v>1</v>
      </c>
      <c r="D40861">
        <v>0</v>
      </c>
    </row>
    <row r="40862" spans="1:4" x14ac:dyDescent="0.25">
      <c r="A40862" t="s">
        <v>57890</v>
      </c>
      <c r="B40862" t="s">
        <v>57894</v>
      </c>
      <c r="C40862">
        <v>0</v>
      </c>
      <c r="D40862">
        <v>0</v>
      </c>
    </row>
    <row r="40863" spans="1:4" x14ac:dyDescent="0.25">
      <c r="A40863" t="s">
        <v>57890</v>
      </c>
      <c r="B40863" t="s">
        <v>57895</v>
      </c>
      <c r="C40863">
        <v>1</v>
      </c>
      <c r="D40863">
        <v>0</v>
      </c>
    </row>
    <row r="40864" spans="1:4" x14ac:dyDescent="0.25">
      <c r="A40864" t="s">
        <v>57890</v>
      </c>
      <c r="B40864" t="s">
        <v>19309</v>
      </c>
      <c r="C40864">
        <v>0</v>
      </c>
      <c r="D40864">
        <v>0</v>
      </c>
    </row>
    <row r="40865" spans="1:4" x14ac:dyDescent="0.25">
      <c r="A40865" t="s">
        <v>57896</v>
      </c>
      <c r="B40865" t="s">
        <v>57897</v>
      </c>
      <c r="C40865">
        <v>0</v>
      </c>
      <c r="D40865">
        <v>0</v>
      </c>
    </row>
    <row r="40866" spans="1:4" x14ac:dyDescent="0.25">
      <c r="A40866" t="s">
        <v>57896</v>
      </c>
      <c r="B40866" t="s">
        <v>57898</v>
      </c>
      <c r="C40866">
        <v>0</v>
      </c>
      <c r="D40866">
        <v>0</v>
      </c>
    </row>
    <row r="40867" spans="1:4" x14ac:dyDescent="0.25">
      <c r="A40867" t="s">
        <v>57896</v>
      </c>
      <c r="B40867" t="s">
        <v>57899</v>
      </c>
      <c r="C40867">
        <v>0</v>
      </c>
      <c r="D40867">
        <v>0</v>
      </c>
    </row>
    <row r="40868" spans="1:4" x14ac:dyDescent="0.25">
      <c r="A40868" t="s">
        <v>57896</v>
      </c>
      <c r="B40868" t="s">
        <v>57900</v>
      </c>
      <c r="C40868">
        <v>0</v>
      </c>
      <c r="D40868">
        <v>0</v>
      </c>
    </row>
    <row r="40869" spans="1:4" x14ac:dyDescent="0.25">
      <c r="A40869" t="s">
        <v>57901</v>
      </c>
      <c r="B40869" t="s">
        <v>57902</v>
      </c>
      <c r="C40869">
        <v>1</v>
      </c>
      <c r="D40869">
        <v>0</v>
      </c>
    </row>
    <row r="40870" spans="1:4" x14ac:dyDescent="0.25">
      <c r="A40870" t="s">
        <v>57901</v>
      </c>
      <c r="B40870" t="s">
        <v>46013</v>
      </c>
      <c r="C40870">
        <v>1</v>
      </c>
      <c r="D40870">
        <v>0</v>
      </c>
    </row>
    <row r="40871" spans="1:4" x14ac:dyDescent="0.25">
      <c r="A40871" t="s">
        <v>57901</v>
      </c>
      <c r="B40871" t="s">
        <v>57903</v>
      </c>
      <c r="C40871">
        <v>1</v>
      </c>
      <c r="D40871">
        <v>0</v>
      </c>
    </row>
    <row r="40872" spans="1:4" x14ac:dyDescent="0.25">
      <c r="A40872" t="s">
        <v>57901</v>
      </c>
      <c r="B40872" t="s">
        <v>57904</v>
      </c>
      <c r="C40872">
        <v>0</v>
      </c>
      <c r="D40872">
        <v>0</v>
      </c>
    </row>
    <row r="40873" spans="1:4" x14ac:dyDescent="0.25">
      <c r="A40873" t="s">
        <v>57905</v>
      </c>
      <c r="B40873" t="s">
        <v>57906</v>
      </c>
      <c r="C40873">
        <v>0</v>
      </c>
      <c r="D40873">
        <v>0</v>
      </c>
    </row>
    <row r="40874" spans="1:4" x14ac:dyDescent="0.25">
      <c r="A40874" t="s">
        <v>57905</v>
      </c>
      <c r="B40874" t="s">
        <v>57907</v>
      </c>
      <c r="C40874">
        <v>2</v>
      </c>
      <c r="D40874">
        <v>0</v>
      </c>
    </row>
    <row r="40875" spans="1:4" x14ac:dyDescent="0.25">
      <c r="A40875" t="s">
        <v>57905</v>
      </c>
      <c r="B40875" t="s">
        <v>57908</v>
      </c>
      <c r="C40875">
        <v>1</v>
      </c>
      <c r="D40875">
        <v>0</v>
      </c>
    </row>
    <row r="40876" spans="1:4" x14ac:dyDescent="0.25">
      <c r="A40876" t="s">
        <v>57905</v>
      </c>
      <c r="B40876" t="s">
        <v>57909</v>
      </c>
      <c r="C40876">
        <v>1</v>
      </c>
      <c r="D40876">
        <v>0</v>
      </c>
    </row>
    <row r="40877" spans="1:4" x14ac:dyDescent="0.25">
      <c r="A40877" t="s">
        <v>57910</v>
      </c>
      <c r="B40877" t="s">
        <v>57911</v>
      </c>
      <c r="C40877">
        <v>1</v>
      </c>
      <c r="D40877">
        <v>0</v>
      </c>
    </row>
    <row r="40878" spans="1:4" x14ac:dyDescent="0.25">
      <c r="A40878" t="s">
        <v>57910</v>
      </c>
      <c r="B40878" t="s">
        <v>57912</v>
      </c>
      <c r="C40878">
        <v>0</v>
      </c>
      <c r="D40878">
        <v>0</v>
      </c>
    </row>
    <row r="40879" spans="1:4" x14ac:dyDescent="0.25">
      <c r="A40879" t="s">
        <v>57910</v>
      </c>
      <c r="B40879" t="s">
        <v>57913</v>
      </c>
      <c r="C40879">
        <v>2</v>
      </c>
      <c r="D40879">
        <v>0</v>
      </c>
    </row>
    <row r="40880" spans="1:4" x14ac:dyDescent="0.25">
      <c r="A40880" t="s">
        <v>57910</v>
      </c>
      <c r="B40880" t="s">
        <v>57914</v>
      </c>
      <c r="C40880">
        <v>1</v>
      </c>
      <c r="D40880">
        <v>0</v>
      </c>
    </row>
    <row r="40881" spans="1:4" x14ac:dyDescent="0.25">
      <c r="A40881" t="s">
        <v>57910</v>
      </c>
      <c r="B40881" t="s">
        <v>57915</v>
      </c>
      <c r="C40881">
        <v>0</v>
      </c>
      <c r="D40881">
        <v>0</v>
      </c>
    </row>
    <row r="40882" spans="1:4" x14ac:dyDescent="0.25">
      <c r="A40882" t="s">
        <v>57910</v>
      </c>
      <c r="B40882" t="s">
        <v>57916</v>
      </c>
      <c r="C40882">
        <v>1</v>
      </c>
      <c r="D40882">
        <v>0</v>
      </c>
    </row>
    <row r="40883" spans="1:4" x14ac:dyDescent="0.25">
      <c r="A40883" t="s">
        <v>57917</v>
      </c>
      <c r="B40883" t="s">
        <v>57918</v>
      </c>
      <c r="C40883">
        <v>1</v>
      </c>
      <c r="D40883">
        <v>0</v>
      </c>
    </row>
    <row r="40884" spans="1:4" x14ac:dyDescent="0.25">
      <c r="A40884" t="s">
        <v>57917</v>
      </c>
      <c r="B40884" t="s">
        <v>57919</v>
      </c>
      <c r="C40884">
        <v>1</v>
      </c>
      <c r="D40884">
        <v>0</v>
      </c>
    </row>
    <row r="40885" spans="1:4" x14ac:dyDescent="0.25">
      <c r="A40885" t="s">
        <v>57917</v>
      </c>
      <c r="B40885" t="s">
        <v>57920</v>
      </c>
      <c r="C40885">
        <v>2</v>
      </c>
      <c r="D40885">
        <v>0</v>
      </c>
    </row>
    <row r="40886" spans="1:4" x14ac:dyDescent="0.25">
      <c r="A40886" t="s">
        <v>57917</v>
      </c>
      <c r="B40886" t="s">
        <v>27701</v>
      </c>
      <c r="C40886">
        <v>1</v>
      </c>
      <c r="D40886">
        <v>0</v>
      </c>
    </row>
    <row r="40887" spans="1:4" x14ac:dyDescent="0.25">
      <c r="A40887" t="s">
        <v>57921</v>
      </c>
      <c r="B40887" t="s">
        <v>57922</v>
      </c>
      <c r="C40887">
        <v>1</v>
      </c>
      <c r="D40887">
        <v>0</v>
      </c>
    </row>
    <row r="40888" spans="1:4" x14ac:dyDescent="0.25">
      <c r="A40888" t="s">
        <v>57921</v>
      </c>
      <c r="B40888" t="s">
        <v>12472</v>
      </c>
      <c r="C40888">
        <v>1</v>
      </c>
      <c r="D40888">
        <v>0</v>
      </c>
    </row>
    <row r="40889" spans="1:4" x14ac:dyDescent="0.25">
      <c r="A40889" t="s">
        <v>57921</v>
      </c>
      <c r="B40889" t="s">
        <v>57923</v>
      </c>
      <c r="C40889">
        <v>1</v>
      </c>
      <c r="D40889">
        <v>0</v>
      </c>
    </row>
    <row r="40890" spans="1:4" x14ac:dyDescent="0.25">
      <c r="A40890" t="s">
        <v>57921</v>
      </c>
      <c r="B40890" t="s">
        <v>57924</v>
      </c>
      <c r="C40890">
        <v>1</v>
      </c>
      <c r="D40890">
        <v>0</v>
      </c>
    </row>
    <row r="40891" spans="1:4" x14ac:dyDescent="0.25">
      <c r="A40891" t="s">
        <v>57921</v>
      </c>
      <c r="B40891" t="s">
        <v>57925</v>
      </c>
      <c r="C40891">
        <v>1</v>
      </c>
      <c r="D40891">
        <v>0</v>
      </c>
    </row>
    <row r="40892" spans="1:4" x14ac:dyDescent="0.25">
      <c r="A40892" t="s">
        <v>57921</v>
      </c>
      <c r="B40892" t="s">
        <v>57926</v>
      </c>
      <c r="C40892">
        <v>1</v>
      </c>
      <c r="D40892">
        <v>0</v>
      </c>
    </row>
    <row r="40893" spans="1:4" x14ac:dyDescent="0.25">
      <c r="A40893" t="s">
        <v>57927</v>
      </c>
      <c r="B40893" t="s">
        <v>57928</v>
      </c>
      <c r="C40893">
        <v>0</v>
      </c>
      <c r="D40893">
        <v>0</v>
      </c>
    </row>
    <row r="40894" spans="1:4" x14ac:dyDescent="0.25">
      <c r="A40894" t="s">
        <v>57927</v>
      </c>
      <c r="B40894" t="s">
        <v>57929</v>
      </c>
      <c r="C40894">
        <v>0</v>
      </c>
      <c r="D40894">
        <v>0</v>
      </c>
    </row>
    <row r="40895" spans="1:4" x14ac:dyDescent="0.25">
      <c r="A40895" t="s">
        <v>57927</v>
      </c>
      <c r="B40895" t="s">
        <v>57930</v>
      </c>
      <c r="C40895">
        <v>1</v>
      </c>
      <c r="D40895">
        <v>0</v>
      </c>
    </row>
    <row r="40896" spans="1:4" x14ac:dyDescent="0.25">
      <c r="A40896" t="s">
        <v>57927</v>
      </c>
      <c r="B40896" t="s">
        <v>5434</v>
      </c>
      <c r="C40896">
        <v>1</v>
      </c>
      <c r="D40896">
        <v>0</v>
      </c>
    </row>
    <row r="40897" spans="1:4" x14ac:dyDescent="0.25">
      <c r="A40897" t="s">
        <v>57927</v>
      </c>
      <c r="B40897" t="s">
        <v>57931</v>
      </c>
      <c r="C40897">
        <v>1</v>
      </c>
      <c r="D40897">
        <v>0</v>
      </c>
    </row>
    <row r="40898" spans="1:4" x14ac:dyDescent="0.25">
      <c r="A40898" t="s">
        <v>57932</v>
      </c>
      <c r="B40898" t="s">
        <v>57933</v>
      </c>
      <c r="C40898">
        <v>1</v>
      </c>
      <c r="D40898">
        <v>0</v>
      </c>
    </row>
    <row r="40899" spans="1:4" x14ac:dyDescent="0.25">
      <c r="A40899" t="s">
        <v>57932</v>
      </c>
      <c r="B40899" t="s">
        <v>57934</v>
      </c>
      <c r="C40899">
        <v>0</v>
      </c>
      <c r="D40899">
        <v>0</v>
      </c>
    </row>
    <row r="40900" spans="1:4" x14ac:dyDescent="0.25">
      <c r="A40900" t="s">
        <v>57932</v>
      </c>
      <c r="B40900" t="s">
        <v>57935</v>
      </c>
      <c r="C40900">
        <v>2</v>
      </c>
      <c r="D40900">
        <v>0</v>
      </c>
    </row>
    <row r="40901" spans="1:4" x14ac:dyDescent="0.25">
      <c r="A40901" t="s">
        <v>57932</v>
      </c>
      <c r="B40901" t="s">
        <v>57936</v>
      </c>
      <c r="C40901">
        <v>0</v>
      </c>
      <c r="D40901">
        <v>0</v>
      </c>
    </row>
    <row r="40902" spans="1:4" x14ac:dyDescent="0.25">
      <c r="A40902" t="s">
        <v>57932</v>
      </c>
      <c r="B40902" t="s">
        <v>57937</v>
      </c>
      <c r="C40902">
        <v>0</v>
      </c>
      <c r="D40902">
        <v>0</v>
      </c>
    </row>
    <row r="40903" spans="1:4" x14ac:dyDescent="0.25">
      <c r="A40903" t="s">
        <v>57932</v>
      </c>
      <c r="B40903" t="s">
        <v>57938</v>
      </c>
      <c r="C40903">
        <v>0</v>
      </c>
      <c r="D40903">
        <v>0</v>
      </c>
    </row>
    <row r="40904" spans="1:4" x14ac:dyDescent="0.25">
      <c r="A40904" t="s">
        <v>57932</v>
      </c>
      <c r="B40904" t="s">
        <v>57939</v>
      </c>
      <c r="C40904">
        <v>1</v>
      </c>
      <c r="D40904">
        <v>0</v>
      </c>
    </row>
    <row r="40905" spans="1:4" x14ac:dyDescent="0.25">
      <c r="A40905" t="s">
        <v>57940</v>
      </c>
      <c r="B40905" t="s">
        <v>57941</v>
      </c>
      <c r="C40905">
        <v>2</v>
      </c>
      <c r="D40905">
        <v>0</v>
      </c>
    </row>
    <row r="40906" spans="1:4" x14ac:dyDescent="0.25">
      <c r="A40906" t="s">
        <v>57940</v>
      </c>
      <c r="B40906" t="s">
        <v>57942</v>
      </c>
      <c r="C40906">
        <v>1</v>
      </c>
      <c r="D40906">
        <v>0</v>
      </c>
    </row>
    <row r="40907" spans="1:4" x14ac:dyDescent="0.25">
      <c r="A40907" t="s">
        <v>57943</v>
      </c>
      <c r="B40907" t="s">
        <v>57944</v>
      </c>
      <c r="C40907">
        <v>1</v>
      </c>
      <c r="D40907">
        <v>0</v>
      </c>
    </row>
    <row r="40908" spans="1:4" x14ac:dyDescent="0.25">
      <c r="A40908" t="s">
        <v>57943</v>
      </c>
      <c r="B40908" t="s">
        <v>57945</v>
      </c>
      <c r="C40908">
        <v>2</v>
      </c>
      <c r="D40908">
        <v>0</v>
      </c>
    </row>
    <row r="40909" spans="1:4" x14ac:dyDescent="0.25">
      <c r="A40909" t="s">
        <v>57943</v>
      </c>
      <c r="B40909" t="s">
        <v>57946</v>
      </c>
      <c r="C40909">
        <v>2</v>
      </c>
      <c r="D40909">
        <v>0</v>
      </c>
    </row>
    <row r="40910" spans="1:4" x14ac:dyDescent="0.25">
      <c r="A40910" t="s">
        <v>57943</v>
      </c>
      <c r="B40910" t="s">
        <v>57947</v>
      </c>
      <c r="C40910">
        <v>1</v>
      </c>
      <c r="D40910">
        <v>0</v>
      </c>
    </row>
    <row r="40911" spans="1:4" x14ac:dyDescent="0.25">
      <c r="A40911" t="s">
        <v>57948</v>
      </c>
      <c r="B40911" t="s">
        <v>57949</v>
      </c>
      <c r="C40911">
        <v>0</v>
      </c>
      <c r="D40911">
        <v>0</v>
      </c>
    </row>
    <row r="40912" spans="1:4" x14ac:dyDescent="0.25">
      <c r="A40912" t="s">
        <v>57948</v>
      </c>
      <c r="B40912" t="s">
        <v>57950</v>
      </c>
      <c r="C40912">
        <v>2</v>
      </c>
      <c r="D40912">
        <v>0</v>
      </c>
    </row>
    <row r="40913" spans="1:4" x14ac:dyDescent="0.25">
      <c r="A40913" t="s">
        <v>57948</v>
      </c>
      <c r="B40913" t="s">
        <v>57951</v>
      </c>
      <c r="C40913">
        <v>1</v>
      </c>
      <c r="D40913">
        <v>0</v>
      </c>
    </row>
    <row r="40914" spans="1:4" x14ac:dyDescent="0.25">
      <c r="A40914" t="s">
        <v>57948</v>
      </c>
      <c r="B40914" t="s">
        <v>57952</v>
      </c>
      <c r="C40914">
        <v>2</v>
      </c>
      <c r="D40914">
        <v>0</v>
      </c>
    </row>
    <row r="40915" spans="1:4" x14ac:dyDescent="0.25">
      <c r="A40915" t="s">
        <v>57948</v>
      </c>
      <c r="B40915" t="s">
        <v>57953</v>
      </c>
      <c r="C40915">
        <v>1</v>
      </c>
      <c r="D40915">
        <v>0</v>
      </c>
    </row>
    <row r="40916" spans="1:4" x14ac:dyDescent="0.25">
      <c r="A40916" t="s">
        <v>57954</v>
      </c>
      <c r="B40916" t="s">
        <v>57955</v>
      </c>
      <c r="C40916">
        <v>0</v>
      </c>
      <c r="D40916">
        <v>0</v>
      </c>
    </row>
    <row r="40917" spans="1:4" x14ac:dyDescent="0.25">
      <c r="A40917" t="s">
        <v>57954</v>
      </c>
      <c r="B40917" t="s">
        <v>57956</v>
      </c>
      <c r="C40917">
        <v>0</v>
      </c>
      <c r="D40917">
        <v>0</v>
      </c>
    </row>
    <row r="40918" spans="1:4" x14ac:dyDescent="0.25">
      <c r="A40918" t="s">
        <v>57954</v>
      </c>
      <c r="B40918" t="s">
        <v>57957</v>
      </c>
      <c r="C40918">
        <v>0</v>
      </c>
      <c r="D40918">
        <v>0</v>
      </c>
    </row>
    <row r="40919" spans="1:4" x14ac:dyDescent="0.25">
      <c r="A40919" t="s">
        <v>57954</v>
      </c>
      <c r="B40919" t="s">
        <v>57958</v>
      </c>
      <c r="C40919">
        <v>0</v>
      </c>
      <c r="D40919">
        <v>0</v>
      </c>
    </row>
    <row r="40920" spans="1:4" x14ac:dyDescent="0.25">
      <c r="A40920" t="s">
        <v>57959</v>
      </c>
      <c r="B40920" t="s">
        <v>57960</v>
      </c>
      <c r="C40920">
        <v>0</v>
      </c>
      <c r="D40920">
        <v>0</v>
      </c>
    </row>
    <row r="40921" spans="1:4" x14ac:dyDescent="0.25">
      <c r="A40921" t="s">
        <v>57959</v>
      </c>
      <c r="B40921" t="s">
        <v>57961</v>
      </c>
      <c r="C40921">
        <v>1</v>
      </c>
      <c r="D40921">
        <v>0</v>
      </c>
    </row>
    <row r="40922" spans="1:4" x14ac:dyDescent="0.25">
      <c r="A40922" t="s">
        <v>57959</v>
      </c>
      <c r="B40922" t="s">
        <v>57962</v>
      </c>
      <c r="C40922">
        <v>1</v>
      </c>
      <c r="D40922">
        <v>0</v>
      </c>
    </row>
    <row r="40923" spans="1:4" x14ac:dyDescent="0.25">
      <c r="A40923" t="s">
        <v>57959</v>
      </c>
      <c r="B40923" t="s">
        <v>57963</v>
      </c>
      <c r="C40923">
        <v>1</v>
      </c>
      <c r="D40923">
        <v>0</v>
      </c>
    </row>
    <row r="40924" spans="1:4" x14ac:dyDescent="0.25">
      <c r="A40924" t="s">
        <v>57959</v>
      </c>
      <c r="B40924" t="s">
        <v>57964</v>
      </c>
      <c r="C40924">
        <v>1</v>
      </c>
      <c r="D40924">
        <v>0</v>
      </c>
    </row>
    <row r="40925" spans="1:4" x14ac:dyDescent="0.25">
      <c r="A40925" t="s">
        <v>57965</v>
      </c>
      <c r="B40925" t="s">
        <v>57966</v>
      </c>
      <c r="C40925">
        <v>0</v>
      </c>
      <c r="D40925">
        <v>0</v>
      </c>
    </row>
    <row r="40926" spans="1:4" x14ac:dyDescent="0.25">
      <c r="A40926" t="s">
        <v>57965</v>
      </c>
      <c r="B40926" t="s">
        <v>57967</v>
      </c>
      <c r="C40926">
        <v>0</v>
      </c>
      <c r="D40926">
        <v>0</v>
      </c>
    </row>
    <row r="40927" spans="1:4" x14ac:dyDescent="0.25">
      <c r="A40927" t="s">
        <v>57965</v>
      </c>
      <c r="B40927" t="s">
        <v>57968</v>
      </c>
      <c r="C40927">
        <v>0</v>
      </c>
      <c r="D40927">
        <v>0</v>
      </c>
    </row>
    <row r="40928" spans="1:4" x14ac:dyDescent="0.25">
      <c r="A40928" t="s">
        <v>57965</v>
      </c>
      <c r="B40928" t="s">
        <v>57969</v>
      </c>
      <c r="C40928">
        <v>1</v>
      </c>
      <c r="D40928">
        <v>0</v>
      </c>
    </row>
    <row r="40929" spans="1:4" x14ac:dyDescent="0.25">
      <c r="A40929" t="s">
        <v>57965</v>
      </c>
      <c r="B40929" t="s">
        <v>57970</v>
      </c>
      <c r="C40929">
        <v>1</v>
      </c>
      <c r="D40929">
        <v>0</v>
      </c>
    </row>
    <row r="40930" spans="1:4" x14ac:dyDescent="0.25">
      <c r="A40930" t="s">
        <v>57965</v>
      </c>
      <c r="B40930" t="s">
        <v>57971</v>
      </c>
      <c r="C40930">
        <v>0</v>
      </c>
      <c r="D40930">
        <v>0</v>
      </c>
    </row>
    <row r="40931" spans="1:4" x14ac:dyDescent="0.25">
      <c r="A40931" t="s">
        <v>57972</v>
      </c>
      <c r="B40931" t="s">
        <v>57973</v>
      </c>
      <c r="C40931">
        <v>1</v>
      </c>
      <c r="D40931">
        <v>0</v>
      </c>
    </row>
    <row r="40932" spans="1:4" x14ac:dyDescent="0.25">
      <c r="A40932" t="s">
        <v>57972</v>
      </c>
      <c r="B40932" t="s">
        <v>57974</v>
      </c>
      <c r="C40932">
        <v>1</v>
      </c>
      <c r="D40932">
        <v>0</v>
      </c>
    </row>
    <row r="40933" spans="1:4" x14ac:dyDescent="0.25">
      <c r="A40933" t="s">
        <v>57972</v>
      </c>
      <c r="B40933" t="s">
        <v>50411</v>
      </c>
      <c r="C40933">
        <v>1</v>
      </c>
      <c r="D40933">
        <v>0</v>
      </c>
    </row>
    <row r="40934" spans="1:4" x14ac:dyDescent="0.25">
      <c r="A40934" t="s">
        <v>57972</v>
      </c>
      <c r="B40934" t="s">
        <v>50411</v>
      </c>
      <c r="C40934">
        <v>1</v>
      </c>
      <c r="D40934">
        <v>0</v>
      </c>
    </row>
    <row r="40935" spans="1:4" x14ac:dyDescent="0.25">
      <c r="A40935" t="s">
        <v>57975</v>
      </c>
      <c r="B40935" t="s">
        <v>57976</v>
      </c>
      <c r="C40935">
        <v>2</v>
      </c>
      <c r="D40935">
        <v>0</v>
      </c>
    </row>
    <row r="40936" spans="1:4" x14ac:dyDescent="0.25">
      <c r="A40936" t="s">
        <v>57975</v>
      </c>
      <c r="B40936" t="s">
        <v>57977</v>
      </c>
      <c r="C40936">
        <v>2</v>
      </c>
      <c r="D40936">
        <v>0</v>
      </c>
    </row>
    <row r="40937" spans="1:4" x14ac:dyDescent="0.25">
      <c r="A40937" t="s">
        <v>57975</v>
      </c>
      <c r="B40937" t="s">
        <v>57978</v>
      </c>
      <c r="C40937">
        <v>2</v>
      </c>
      <c r="D40937">
        <v>0</v>
      </c>
    </row>
    <row r="40938" spans="1:4" x14ac:dyDescent="0.25">
      <c r="A40938" t="s">
        <v>57975</v>
      </c>
      <c r="B40938" t="s">
        <v>57979</v>
      </c>
      <c r="C40938">
        <v>2</v>
      </c>
      <c r="D40938">
        <v>0</v>
      </c>
    </row>
    <row r="40939" spans="1:4" x14ac:dyDescent="0.25">
      <c r="A40939" t="s">
        <v>57975</v>
      </c>
      <c r="B40939" t="s">
        <v>57980</v>
      </c>
      <c r="C40939">
        <v>2</v>
      </c>
      <c r="D40939">
        <v>0</v>
      </c>
    </row>
    <row r="40940" spans="1:4" x14ac:dyDescent="0.25">
      <c r="A40940" t="s">
        <v>57975</v>
      </c>
      <c r="B40940" t="s">
        <v>57981</v>
      </c>
      <c r="C40940">
        <v>0</v>
      </c>
      <c r="D40940">
        <v>0</v>
      </c>
    </row>
    <row r="40941" spans="1:4" x14ac:dyDescent="0.25">
      <c r="A40941" t="s">
        <v>57982</v>
      </c>
      <c r="B40941" t="s">
        <v>57983</v>
      </c>
      <c r="C40941">
        <v>1</v>
      </c>
      <c r="D40941">
        <v>0</v>
      </c>
    </row>
    <row r="40942" spans="1:4" x14ac:dyDescent="0.25">
      <c r="A40942" t="s">
        <v>57984</v>
      </c>
      <c r="B40942" t="s">
        <v>47194</v>
      </c>
      <c r="C40942">
        <v>1</v>
      </c>
      <c r="D40942">
        <v>0</v>
      </c>
    </row>
    <row r="40943" spans="1:4" x14ac:dyDescent="0.25">
      <c r="A40943" t="s">
        <v>57984</v>
      </c>
      <c r="B40943" t="s">
        <v>57985</v>
      </c>
      <c r="C40943">
        <v>2</v>
      </c>
      <c r="D40943">
        <v>0</v>
      </c>
    </row>
    <row r="40944" spans="1:4" x14ac:dyDescent="0.25">
      <c r="A40944" t="s">
        <v>57984</v>
      </c>
      <c r="B40944" t="s">
        <v>57986</v>
      </c>
      <c r="C40944">
        <v>1</v>
      </c>
      <c r="D40944">
        <v>0</v>
      </c>
    </row>
    <row r="40945" spans="1:4" x14ac:dyDescent="0.25">
      <c r="A40945" t="s">
        <v>57984</v>
      </c>
      <c r="B40945" t="s">
        <v>57987</v>
      </c>
      <c r="C40945">
        <v>2</v>
      </c>
      <c r="D40945">
        <v>0</v>
      </c>
    </row>
    <row r="40946" spans="1:4" x14ac:dyDescent="0.25">
      <c r="A40946" t="s">
        <v>57984</v>
      </c>
      <c r="B40946" t="s">
        <v>21395</v>
      </c>
      <c r="C40946">
        <v>1</v>
      </c>
      <c r="D40946">
        <v>0</v>
      </c>
    </row>
    <row r="40947" spans="1:4" x14ac:dyDescent="0.25">
      <c r="A40947" t="s">
        <v>57984</v>
      </c>
      <c r="B40947" t="s">
        <v>57988</v>
      </c>
      <c r="C40947">
        <v>0</v>
      </c>
      <c r="D40947">
        <v>0</v>
      </c>
    </row>
    <row r="40948" spans="1:4" x14ac:dyDescent="0.25">
      <c r="A40948" t="s">
        <v>57989</v>
      </c>
      <c r="B40948" t="s">
        <v>57990</v>
      </c>
      <c r="C40948">
        <v>2</v>
      </c>
      <c r="D40948">
        <v>0</v>
      </c>
    </row>
    <row r="40949" spans="1:4" x14ac:dyDescent="0.25">
      <c r="A40949" t="s">
        <v>57991</v>
      </c>
      <c r="B40949" t="s">
        <v>57992</v>
      </c>
      <c r="C40949">
        <v>1</v>
      </c>
      <c r="D40949">
        <v>0</v>
      </c>
    </row>
    <row r="40950" spans="1:4" x14ac:dyDescent="0.25">
      <c r="A40950" t="s">
        <v>57991</v>
      </c>
      <c r="B40950" t="s">
        <v>57993</v>
      </c>
      <c r="C40950">
        <v>1</v>
      </c>
      <c r="D40950">
        <v>0</v>
      </c>
    </row>
    <row r="40951" spans="1:4" x14ac:dyDescent="0.25">
      <c r="A40951" t="s">
        <v>57991</v>
      </c>
      <c r="B40951" t="s">
        <v>57994</v>
      </c>
      <c r="C40951">
        <v>1</v>
      </c>
      <c r="D40951">
        <v>0</v>
      </c>
    </row>
    <row r="40952" spans="1:4" x14ac:dyDescent="0.25">
      <c r="A40952" t="s">
        <v>57991</v>
      </c>
      <c r="B40952" t="s">
        <v>5434</v>
      </c>
      <c r="C40952">
        <v>1</v>
      </c>
      <c r="D40952">
        <v>0</v>
      </c>
    </row>
    <row r="40953" spans="1:4" x14ac:dyDescent="0.25">
      <c r="A40953" t="s">
        <v>57991</v>
      </c>
      <c r="B40953" t="s">
        <v>57995</v>
      </c>
      <c r="C40953">
        <v>0</v>
      </c>
      <c r="D40953">
        <v>0</v>
      </c>
    </row>
    <row r="40954" spans="1:4" x14ac:dyDescent="0.25">
      <c r="A40954" t="s">
        <v>57996</v>
      </c>
      <c r="B40954" t="s">
        <v>57997</v>
      </c>
      <c r="C40954">
        <v>1</v>
      </c>
      <c r="D40954">
        <v>0</v>
      </c>
    </row>
    <row r="40955" spans="1:4" x14ac:dyDescent="0.25">
      <c r="A40955" t="s">
        <v>57996</v>
      </c>
      <c r="B40955" t="s">
        <v>57998</v>
      </c>
      <c r="C40955">
        <v>1</v>
      </c>
      <c r="D40955">
        <v>0</v>
      </c>
    </row>
    <row r="40956" spans="1:4" x14ac:dyDescent="0.25">
      <c r="A40956" t="s">
        <v>57996</v>
      </c>
      <c r="B40956" t="s">
        <v>57999</v>
      </c>
      <c r="C40956">
        <v>1</v>
      </c>
      <c r="D40956">
        <v>0</v>
      </c>
    </row>
    <row r="40957" spans="1:4" x14ac:dyDescent="0.25">
      <c r="A40957" t="s">
        <v>57996</v>
      </c>
      <c r="B40957" t="s">
        <v>58000</v>
      </c>
      <c r="C40957">
        <v>0</v>
      </c>
      <c r="D40957">
        <v>0</v>
      </c>
    </row>
    <row r="40958" spans="1:4" x14ac:dyDescent="0.25">
      <c r="A40958" t="s">
        <v>57996</v>
      </c>
      <c r="B40958" t="s">
        <v>58001</v>
      </c>
      <c r="C40958">
        <v>1</v>
      </c>
      <c r="D40958">
        <v>0</v>
      </c>
    </row>
    <row r="40959" spans="1:4" x14ac:dyDescent="0.25">
      <c r="A40959" t="s">
        <v>58002</v>
      </c>
      <c r="B40959" t="s">
        <v>58003</v>
      </c>
      <c r="C40959">
        <v>1</v>
      </c>
      <c r="D40959">
        <v>0</v>
      </c>
    </row>
    <row r="40960" spans="1:4" x14ac:dyDescent="0.25">
      <c r="A40960" t="s">
        <v>58002</v>
      </c>
      <c r="B40960" t="s">
        <v>58004</v>
      </c>
      <c r="C40960">
        <v>1</v>
      </c>
      <c r="D40960">
        <v>0</v>
      </c>
    </row>
    <row r="40961" spans="1:4" x14ac:dyDescent="0.25">
      <c r="A40961" t="s">
        <v>58005</v>
      </c>
      <c r="B40961" t="s">
        <v>58006</v>
      </c>
      <c r="C40961">
        <v>0</v>
      </c>
      <c r="D40961">
        <v>0</v>
      </c>
    </row>
    <row r="40962" spans="1:4" x14ac:dyDescent="0.25">
      <c r="A40962" t="s">
        <v>58005</v>
      </c>
      <c r="B40962" t="s">
        <v>58007</v>
      </c>
      <c r="C40962">
        <v>1</v>
      </c>
      <c r="D40962">
        <v>0</v>
      </c>
    </row>
    <row r="40963" spans="1:4" x14ac:dyDescent="0.25">
      <c r="A40963" t="s">
        <v>58005</v>
      </c>
      <c r="B40963" t="s">
        <v>58008</v>
      </c>
      <c r="C40963">
        <v>2</v>
      </c>
      <c r="D40963">
        <v>0</v>
      </c>
    </row>
    <row r="40964" spans="1:4" x14ac:dyDescent="0.25">
      <c r="A40964" t="s">
        <v>58009</v>
      </c>
      <c r="B40964" t="s">
        <v>58010</v>
      </c>
      <c r="C40964">
        <v>1</v>
      </c>
      <c r="D40964">
        <v>0</v>
      </c>
    </row>
    <row r="40965" spans="1:4" x14ac:dyDescent="0.25">
      <c r="A40965" t="s">
        <v>58009</v>
      </c>
      <c r="B40965" t="s">
        <v>5537</v>
      </c>
      <c r="C40965">
        <v>1</v>
      </c>
      <c r="D40965">
        <v>0</v>
      </c>
    </row>
    <row r="40966" spans="1:4" x14ac:dyDescent="0.25">
      <c r="A40966" t="s">
        <v>58009</v>
      </c>
      <c r="B40966" t="s">
        <v>58011</v>
      </c>
      <c r="C40966">
        <v>1</v>
      </c>
      <c r="D40966">
        <v>0</v>
      </c>
    </row>
    <row r="40967" spans="1:4" x14ac:dyDescent="0.25">
      <c r="A40967" t="s">
        <v>58009</v>
      </c>
      <c r="B40967" t="s">
        <v>58012</v>
      </c>
      <c r="C40967">
        <v>0</v>
      </c>
      <c r="D40967">
        <v>0</v>
      </c>
    </row>
    <row r="40968" spans="1:4" x14ac:dyDescent="0.25">
      <c r="A40968" t="s">
        <v>58013</v>
      </c>
      <c r="B40968" t="s">
        <v>58014</v>
      </c>
      <c r="C40968">
        <v>2</v>
      </c>
      <c r="D40968">
        <v>0</v>
      </c>
    </row>
    <row r="40969" spans="1:4" x14ac:dyDescent="0.25">
      <c r="A40969" t="s">
        <v>58013</v>
      </c>
      <c r="B40969" t="s">
        <v>58015</v>
      </c>
      <c r="C40969">
        <v>1</v>
      </c>
      <c r="D40969">
        <v>0</v>
      </c>
    </row>
    <row r="40970" spans="1:4" x14ac:dyDescent="0.25">
      <c r="A40970" t="s">
        <v>58016</v>
      </c>
      <c r="B40970" t="s">
        <v>58017</v>
      </c>
      <c r="C40970">
        <v>1</v>
      </c>
      <c r="D40970">
        <v>0</v>
      </c>
    </row>
    <row r="40971" spans="1:4" x14ac:dyDescent="0.25">
      <c r="A40971" t="s">
        <v>58016</v>
      </c>
      <c r="B40971" t="s">
        <v>46567</v>
      </c>
      <c r="C40971">
        <v>1</v>
      </c>
      <c r="D40971">
        <v>0</v>
      </c>
    </row>
    <row r="40972" spans="1:4" x14ac:dyDescent="0.25">
      <c r="A40972" t="s">
        <v>58016</v>
      </c>
      <c r="B40972" t="s">
        <v>58018</v>
      </c>
      <c r="C40972">
        <v>0</v>
      </c>
      <c r="D40972">
        <v>0</v>
      </c>
    </row>
    <row r="40973" spans="1:4" x14ac:dyDescent="0.25">
      <c r="A40973" t="s">
        <v>58016</v>
      </c>
      <c r="B40973" t="s">
        <v>58019</v>
      </c>
      <c r="C40973">
        <v>0</v>
      </c>
      <c r="D40973">
        <v>0</v>
      </c>
    </row>
    <row r="40974" spans="1:4" x14ac:dyDescent="0.25">
      <c r="A40974" t="s">
        <v>58016</v>
      </c>
      <c r="B40974" t="s">
        <v>58020</v>
      </c>
      <c r="C40974">
        <v>0</v>
      </c>
      <c r="D40974">
        <v>0</v>
      </c>
    </row>
    <row r="40975" spans="1:4" x14ac:dyDescent="0.25">
      <c r="A40975" t="s">
        <v>58016</v>
      </c>
      <c r="B40975" t="s">
        <v>58021</v>
      </c>
      <c r="C40975">
        <v>2</v>
      </c>
      <c r="D40975">
        <v>0</v>
      </c>
    </row>
    <row r="40976" spans="1:4" x14ac:dyDescent="0.25">
      <c r="A40976" t="s">
        <v>58016</v>
      </c>
      <c r="B40976" t="s">
        <v>58022</v>
      </c>
      <c r="C40976">
        <v>1</v>
      </c>
      <c r="D40976">
        <v>0</v>
      </c>
    </row>
    <row r="40977" spans="1:4" x14ac:dyDescent="0.25">
      <c r="A40977" t="s">
        <v>58016</v>
      </c>
      <c r="B40977" t="s">
        <v>58023</v>
      </c>
      <c r="C40977">
        <v>1</v>
      </c>
      <c r="D40977">
        <v>0</v>
      </c>
    </row>
    <row r="40978" spans="1:4" x14ac:dyDescent="0.25">
      <c r="A40978" t="s">
        <v>58016</v>
      </c>
      <c r="B40978" t="s">
        <v>58024</v>
      </c>
      <c r="C40978">
        <v>2</v>
      </c>
      <c r="D40978">
        <v>0</v>
      </c>
    </row>
    <row r="40979" spans="1:4" x14ac:dyDescent="0.25">
      <c r="A40979" t="s">
        <v>58016</v>
      </c>
      <c r="B40979" t="s">
        <v>58025</v>
      </c>
      <c r="C40979">
        <v>1</v>
      </c>
      <c r="D40979">
        <v>0</v>
      </c>
    </row>
    <row r="40980" spans="1:4" x14ac:dyDescent="0.25">
      <c r="A40980" t="s">
        <v>58016</v>
      </c>
      <c r="B40980" t="s">
        <v>58026</v>
      </c>
      <c r="C40980">
        <v>1</v>
      </c>
      <c r="D40980">
        <v>0</v>
      </c>
    </row>
    <row r="40981" spans="1:4" x14ac:dyDescent="0.25">
      <c r="A40981" t="s">
        <v>58016</v>
      </c>
      <c r="B40981" t="s">
        <v>58027</v>
      </c>
      <c r="C40981">
        <v>1</v>
      </c>
      <c r="D40981">
        <v>0</v>
      </c>
    </row>
    <row r="40982" spans="1:4" x14ac:dyDescent="0.25">
      <c r="A40982" t="s">
        <v>58028</v>
      </c>
      <c r="B40982" t="s">
        <v>58029</v>
      </c>
      <c r="C40982">
        <v>2</v>
      </c>
      <c r="D40982">
        <v>0</v>
      </c>
    </row>
    <row r="40983" spans="1:4" x14ac:dyDescent="0.25">
      <c r="A40983" t="s">
        <v>58028</v>
      </c>
      <c r="B40983" t="s">
        <v>58030</v>
      </c>
      <c r="C40983">
        <v>2</v>
      </c>
      <c r="D40983">
        <v>0</v>
      </c>
    </row>
    <row r="40984" spans="1:4" x14ac:dyDescent="0.25">
      <c r="A40984" t="s">
        <v>58028</v>
      </c>
      <c r="B40984" t="s">
        <v>58031</v>
      </c>
      <c r="C40984">
        <v>2</v>
      </c>
      <c r="D40984">
        <v>0</v>
      </c>
    </row>
    <row r="40985" spans="1:4" x14ac:dyDescent="0.25">
      <c r="A40985" t="s">
        <v>58028</v>
      </c>
      <c r="B40985" t="s">
        <v>58032</v>
      </c>
      <c r="C40985">
        <v>2</v>
      </c>
      <c r="D40985">
        <v>0</v>
      </c>
    </row>
    <row r="40986" spans="1:4" x14ac:dyDescent="0.25">
      <c r="A40986" t="s">
        <v>58028</v>
      </c>
      <c r="B40986" t="s">
        <v>58033</v>
      </c>
      <c r="C40986">
        <v>1</v>
      </c>
      <c r="D40986">
        <v>0</v>
      </c>
    </row>
    <row r="40987" spans="1:4" x14ac:dyDescent="0.25">
      <c r="A40987" t="s">
        <v>58034</v>
      </c>
      <c r="B40987" t="s">
        <v>58035</v>
      </c>
      <c r="C40987">
        <v>1</v>
      </c>
      <c r="D40987">
        <v>0</v>
      </c>
    </row>
    <row r="40988" spans="1:4" x14ac:dyDescent="0.25">
      <c r="A40988" t="s">
        <v>58034</v>
      </c>
      <c r="B40988" t="s">
        <v>58036</v>
      </c>
      <c r="C40988">
        <v>1</v>
      </c>
      <c r="D40988">
        <v>0</v>
      </c>
    </row>
    <row r="40989" spans="1:4" x14ac:dyDescent="0.25">
      <c r="A40989" t="s">
        <v>58034</v>
      </c>
      <c r="B40989" t="s">
        <v>58037</v>
      </c>
      <c r="C40989">
        <v>2</v>
      </c>
      <c r="D40989">
        <v>0</v>
      </c>
    </row>
    <row r="40990" spans="1:4" x14ac:dyDescent="0.25">
      <c r="A40990" t="s">
        <v>58034</v>
      </c>
      <c r="B40990" t="s">
        <v>58038</v>
      </c>
      <c r="C40990">
        <v>2</v>
      </c>
      <c r="D40990">
        <v>0</v>
      </c>
    </row>
    <row r="40991" spans="1:4" x14ac:dyDescent="0.25">
      <c r="A40991" t="s">
        <v>58034</v>
      </c>
      <c r="B40991" t="s">
        <v>58039</v>
      </c>
      <c r="C40991">
        <v>1</v>
      </c>
      <c r="D40991">
        <v>0</v>
      </c>
    </row>
    <row r="40992" spans="1:4" x14ac:dyDescent="0.25">
      <c r="A40992" t="s">
        <v>58034</v>
      </c>
      <c r="B40992" t="s">
        <v>58040</v>
      </c>
      <c r="C40992">
        <v>2</v>
      </c>
      <c r="D40992">
        <v>0</v>
      </c>
    </row>
    <row r="40993" spans="1:4" x14ac:dyDescent="0.25">
      <c r="A40993" t="s">
        <v>58034</v>
      </c>
      <c r="B40993" t="s">
        <v>58041</v>
      </c>
      <c r="C40993">
        <v>2</v>
      </c>
      <c r="D40993">
        <v>0</v>
      </c>
    </row>
    <row r="40994" spans="1:4" x14ac:dyDescent="0.25">
      <c r="A40994" t="s">
        <v>58042</v>
      </c>
      <c r="B40994" t="s">
        <v>5047</v>
      </c>
      <c r="C40994">
        <v>1</v>
      </c>
      <c r="D40994">
        <v>0</v>
      </c>
    </row>
    <row r="40995" spans="1:4" x14ac:dyDescent="0.25">
      <c r="A40995" t="s">
        <v>58042</v>
      </c>
      <c r="B40995" t="s">
        <v>58043</v>
      </c>
      <c r="C40995">
        <v>0</v>
      </c>
      <c r="D40995">
        <v>0</v>
      </c>
    </row>
    <row r="40996" spans="1:4" x14ac:dyDescent="0.25">
      <c r="A40996" t="s">
        <v>58042</v>
      </c>
      <c r="B40996" t="s">
        <v>58044</v>
      </c>
      <c r="C40996">
        <v>1</v>
      </c>
      <c r="D40996">
        <v>0</v>
      </c>
    </row>
    <row r="40997" spans="1:4" x14ac:dyDescent="0.25">
      <c r="A40997" t="s">
        <v>58045</v>
      </c>
      <c r="B40997" t="s">
        <v>58046</v>
      </c>
      <c r="C40997">
        <v>0</v>
      </c>
      <c r="D40997">
        <v>0</v>
      </c>
    </row>
    <row r="40998" spans="1:4" x14ac:dyDescent="0.25">
      <c r="A40998" t="s">
        <v>58045</v>
      </c>
      <c r="B40998" t="s">
        <v>58047</v>
      </c>
      <c r="C40998">
        <v>0</v>
      </c>
      <c r="D40998">
        <v>0</v>
      </c>
    </row>
    <row r="40999" spans="1:4" x14ac:dyDescent="0.25">
      <c r="A40999" t="s">
        <v>58045</v>
      </c>
      <c r="B40999" t="s">
        <v>58048</v>
      </c>
      <c r="C40999">
        <v>0</v>
      </c>
      <c r="D40999">
        <v>0</v>
      </c>
    </row>
    <row r="41000" spans="1:4" x14ac:dyDescent="0.25">
      <c r="A41000" t="s">
        <v>58045</v>
      </c>
      <c r="B41000" t="s">
        <v>58049</v>
      </c>
      <c r="C41000">
        <v>0</v>
      </c>
      <c r="D41000">
        <v>0</v>
      </c>
    </row>
    <row r="41001" spans="1:4" x14ac:dyDescent="0.25">
      <c r="A41001" t="s">
        <v>58050</v>
      </c>
      <c r="B41001" t="s">
        <v>58051</v>
      </c>
      <c r="C41001">
        <v>0</v>
      </c>
      <c r="D41001">
        <v>0</v>
      </c>
    </row>
    <row r="41002" spans="1:4" x14ac:dyDescent="0.25">
      <c r="A41002" t="s">
        <v>58050</v>
      </c>
      <c r="B41002" t="s">
        <v>58052</v>
      </c>
      <c r="C41002">
        <v>2</v>
      </c>
      <c r="D41002">
        <v>0</v>
      </c>
    </row>
    <row r="41003" spans="1:4" x14ac:dyDescent="0.25">
      <c r="A41003" t="s">
        <v>58050</v>
      </c>
      <c r="B41003" t="s">
        <v>58053</v>
      </c>
      <c r="C41003">
        <v>0</v>
      </c>
      <c r="D41003">
        <v>0</v>
      </c>
    </row>
    <row r="41004" spans="1:4" x14ac:dyDescent="0.25">
      <c r="A41004" t="s">
        <v>58050</v>
      </c>
      <c r="B41004" t="s">
        <v>58054</v>
      </c>
      <c r="C41004">
        <v>0</v>
      </c>
      <c r="D41004">
        <v>0</v>
      </c>
    </row>
    <row r="41005" spans="1:4" x14ac:dyDescent="0.25">
      <c r="A41005" t="s">
        <v>58055</v>
      </c>
      <c r="B41005" t="s">
        <v>58056</v>
      </c>
      <c r="C41005">
        <v>1</v>
      </c>
      <c r="D41005">
        <v>0</v>
      </c>
    </row>
    <row r="41006" spans="1:4" x14ac:dyDescent="0.25">
      <c r="A41006" t="s">
        <v>58055</v>
      </c>
      <c r="B41006" t="s">
        <v>58057</v>
      </c>
      <c r="C41006">
        <v>0</v>
      </c>
      <c r="D41006">
        <v>0</v>
      </c>
    </row>
    <row r="41007" spans="1:4" x14ac:dyDescent="0.25">
      <c r="A41007" t="s">
        <v>58055</v>
      </c>
      <c r="B41007" t="s">
        <v>58058</v>
      </c>
      <c r="C41007">
        <v>1</v>
      </c>
      <c r="D41007">
        <v>0</v>
      </c>
    </row>
    <row r="41008" spans="1:4" x14ac:dyDescent="0.25">
      <c r="A41008" t="s">
        <v>58055</v>
      </c>
      <c r="B41008" t="s">
        <v>58059</v>
      </c>
      <c r="C41008">
        <v>1</v>
      </c>
      <c r="D41008">
        <v>0</v>
      </c>
    </row>
    <row r="41009" spans="1:4" x14ac:dyDescent="0.25">
      <c r="A41009" t="s">
        <v>58055</v>
      </c>
      <c r="B41009" t="s">
        <v>843</v>
      </c>
      <c r="C41009">
        <v>1</v>
      </c>
      <c r="D41009">
        <v>0</v>
      </c>
    </row>
    <row r="41010" spans="1:4" x14ac:dyDescent="0.25">
      <c r="A41010" t="s">
        <v>58055</v>
      </c>
      <c r="B41010" t="s">
        <v>12472</v>
      </c>
      <c r="C41010">
        <v>1</v>
      </c>
      <c r="D41010">
        <v>0</v>
      </c>
    </row>
    <row r="41011" spans="1:4" x14ac:dyDescent="0.25">
      <c r="A41011" t="s">
        <v>58055</v>
      </c>
      <c r="B41011" t="s">
        <v>1861</v>
      </c>
      <c r="C41011">
        <v>1</v>
      </c>
      <c r="D41011">
        <v>0</v>
      </c>
    </row>
    <row r="41012" spans="1:4" x14ac:dyDescent="0.25">
      <c r="A41012" t="s">
        <v>58060</v>
      </c>
      <c r="B41012" t="s">
        <v>58061</v>
      </c>
      <c r="C41012">
        <v>1</v>
      </c>
      <c r="D41012">
        <v>0</v>
      </c>
    </row>
    <row r="41013" spans="1:4" x14ac:dyDescent="0.25">
      <c r="A41013" t="s">
        <v>58060</v>
      </c>
      <c r="B41013" t="s">
        <v>5809</v>
      </c>
      <c r="C41013">
        <v>0</v>
      </c>
      <c r="D41013">
        <v>0</v>
      </c>
    </row>
    <row r="41014" spans="1:4" x14ac:dyDescent="0.25">
      <c r="A41014" t="s">
        <v>58060</v>
      </c>
      <c r="B41014" t="s">
        <v>58062</v>
      </c>
      <c r="C41014">
        <v>2</v>
      </c>
      <c r="D41014">
        <v>0</v>
      </c>
    </row>
    <row r="41015" spans="1:4" x14ac:dyDescent="0.25">
      <c r="A41015" t="s">
        <v>58060</v>
      </c>
      <c r="B41015" t="s">
        <v>58063</v>
      </c>
      <c r="C41015">
        <v>0</v>
      </c>
      <c r="D41015">
        <v>0</v>
      </c>
    </row>
    <row r="41016" spans="1:4" x14ac:dyDescent="0.25">
      <c r="A41016" t="s">
        <v>58060</v>
      </c>
      <c r="B41016" t="s">
        <v>58064</v>
      </c>
      <c r="C41016">
        <v>1</v>
      </c>
      <c r="D41016">
        <v>0</v>
      </c>
    </row>
    <row r="41017" spans="1:4" x14ac:dyDescent="0.25">
      <c r="A41017" t="s">
        <v>58060</v>
      </c>
      <c r="B41017" t="s">
        <v>58065</v>
      </c>
      <c r="C41017">
        <v>0</v>
      </c>
      <c r="D41017">
        <v>0</v>
      </c>
    </row>
    <row r="41018" spans="1:4" x14ac:dyDescent="0.25">
      <c r="A41018" t="s">
        <v>58060</v>
      </c>
      <c r="B41018" t="s">
        <v>5713</v>
      </c>
      <c r="C41018">
        <v>1</v>
      </c>
      <c r="D41018">
        <v>0</v>
      </c>
    </row>
    <row r="41019" spans="1:4" x14ac:dyDescent="0.25">
      <c r="A41019" t="s">
        <v>58066</v>
      </c>
      <c r="B41019" t="s">
        <v>58067</v>
      </c>
      <c r="C41019">
        <v>2</v>
      </c>
      <c r="D41019">
        <v>0</v>
      </c>
    </row>
    <row r="41020" spans="1:4" x14ac:dyDescent="0.25">
      <c r="A41020" t="s">
        <v>58068</v>
      </c>
      <c r="B41020" t="s">
        <v>58069</v>
      </c>
      <c r="C41020">
        <v>1</v>
      </c>
      <c r="D41020">
        <v>0</v>
      </c>
    </row>
    <row r="41021" spans="1:4" x14ac:dyDescent="0.25">
      <c r="A41021" t="s">
        <v>58068</v>
      </c>
      <c r="B41021" t="s">
        <v>58070</v>
      </c>
      <c r="C41021">
        <v>1</v>
      </c>
      <c r="D41021">
        <v>0</v>
      </c>
    </row>
    <row r="41022" spans="1:4" x14ac:dyDescent="0.25">
      <c r="A41022" t="s">
        <v>58068</v>
      </c>
      <c r="B41022" t="s">
        <v>58071</v>
      </c>
      <c r="C41022">
        <v>2</v>
      </c>
      <c r="D41022">
        <v>0</v>
      </c>
    </row>
    <row r="41023" spans="1:4" x14ac:dyDescent="0.25">
      <c r="A41023" t="s">
        <v>58068</v>
      </c>
      <c r="B41023" t="s">
        <v>58072</v>
      </c>
      <c r="C41023">
        <v>1</v>
      </c>
      <c r="D41023">
        <v>0</v>
      </c>
    </row>
    <row r="41024" spans="1:4" x14ac:dyDescent="0.25">
      <c r="A41024" t="s">
        <v>58073</v>
      </c>
      <c r="B41024" t="s">
        <v>58074</v>
      </c>
      <c r="C41024">
        <v>0</v>
      </c>
      <c r="D41024">
        <v>0</v>
      </c>
    </row>
    <row r="41025" spans="1:4" x14ac:dyDescent="0.25">
      <c r="A41025" t="s">
        <v>58075</v>
      </c>
      <c r="B41025" t="s">
        <v>58076</v>
      </c>
      <c r="C41025">
        <v>0</v>
      </c>
      <c r="D41025">
        <v>0</v>
      </c>
    </row>
    <row r="41026" spans="1:4" x14ac:dyDescent="0.25">
      <c r="A41026" t="s">
        <v>58075</v>
      </c>
      <c r="B41026" t="s">
        <v>58077</v>
      </c>
      <c r="C41026">
        <v>2</v>
      </c>
      <c r="D41026">
        <v>0</v>
      </c>
    </row>
    <row r="41027" spans="1:4" x14ac:dyDescent="0.25">
      <c r="A41027" t="s">
        <v>58075</v>
      </c>
      <c r="B41027" t="s">
        <v>58078</v>
      </c>
      <c r="C41027">
        <v>1</v>
      </c>
      <c r="D41027">
        <v>0</v>
      </c>
    </row>
    <row r="41028" spans="1:4" x14ac:dyDescent="0.25">
      <c r="A41028" t="s">
        <v>58075</v>
      </c>
      <c r="B41028" t="s">
        <v>58079</v>
      </c>
      <c r="C41028">
        <v>2</v>
      </c>
      <c r="D41028">
        <v>0</v>
      </c>
    </row>
    <row r="41029" spans="1:4" x14ac:dyDescent="0.25">
      <c r="A41029" t="s">
        <v>58075</v>
      </c>
      <c r="B41029" t="s">
        <v>58080</v>
      </c>
      <c r="C41029">
        <v>1</v>
      </c>
      <c r="D41029">
        <v>0</v>
      </c>
    </row>
    <row r="41030" spans="1:4" x14ac:dyDescent="0.25">
      <c r="A41030" t="s">
        <v>58075</v>
      </c>
      <c r="B41030" t="s">
        <v>58081</v>
      </c>
      <c r="C41030">
        <v>1</v>
      </c>
      <c r="D41030">
        <v>0</v>
      </c>
    </row>
    <row r="41031" spans="1:4" x14ac:dyDescent="0.25">
      <c r="A41031" t="s">
        <v>58075</v>
      </c>
      <c r="B41031" t="s">
        <v>58082</v>
      </c>
      <c r="C41031">
        <v>1</v>
      </c>
      <c r="D41031">
        <v>0</v>
      </c>
    </row>
    <row r="41032" spans="1:4" x14ac:dyDescent="0.25">
      <c r="A41032" t="s">
        <v>58083</v>
      </c>
      <c r="B41032" t="s">
        <v>58084</v>
      </c>
      <c r="C41032">
        <v>1</v>
      </c>
      <c r="D41032">
        <v>0</v>
      </c>
    </row>
    <row r="41033" spans="1:4" x14ac:dyDescent="0.25">
      <c r="A41033" t="s">
        <v>58083</v>
      </c>
      <c r="B41033" t="s">
        <v>58085</v>
      </c>
      <c r="C41033">
        <v>1</v>
      </c>
      <c r="D41033">
        <v>0</v>
      </c>
    </row>
    <row r="41034" spans="1:4" x14ac:dyDescent="0.25">
      <c r="A41034" t="s">
        <v>58083</v>
      </c>
      <c r="B41034" t="s">
        <v>58086</v>
      </c>
      <c r="C41034">
        <v>1</v>
      </c>
      <c r="D41034">
        <v>0</v>
      </c>
    </row>
    <row r="41035" spans="1:4" x14ac:dyDescent="0.25">
      <c r="A41035" t="s">
        <v>58083</v>
      </c>
      <c r="B41035" t="s">
        <v>58087</v>
      </c>
      <c r="C41035">
        <v>0</v>
      </c>
      <c r="D41035">
        <v>0</v>
      </c>
    </row>
    <row r="41036" spans="1:4" x14ac:dyDescent="0.25">
      <c r="A41036" t="s">
        <v>58083</v>
      </c>
      <c r="B41036" t="s">
        <v>58088</v>
      </c>
      <c r="C41036">
        <v>1</v>
      </c>
      <c r="D41036">
        <v>0</v>
      </c>
    </row>
    <row r="41037" spans="1:4" x14ac:dyDescent="0.25">
      <c r="A41037" t="s">
        <v>58089</v>
      </c>
      <c r="B41037" t="s">
        <v>58090</v>
      </c>
      <c r="C41037">
        <v>1</v>
      </c>
      <c r="D41037">
        <v>0</v>
      </c>
    </row>
    <row r="41038" spans="1:4" x14ac:dyDescent="0.25">
      <c r="A41038" t="s">
        <v>58089</v>
      </c>
      <c r="B41038" t="s">
        <v>58091</v>
      </c>
      <c r="C41038">
        <v>2</v>
      </c>
      <c r="D41038">
        <v>0</v>
      </c>
    </row>
    <row r="41039" spans="1:4" x14ac:dyDescent="0.25">
      <c r="A41039" t="s">
        <v>58089</v>
      </c>
      <c r="B41039" t="s">
        <v>58092</v>
      </c>
      <c r="C41039">
        <v>1</v>
      </c>
      <c r="D41039">
        <v>0</v>
      </c>
    </row>
    <row r="41040" spans="1:4" x14ac:dyDescent="0.25">
      <c r="A41040" t="s">
        <v>58093</v>
      </c>
      <c r="B41040" t="s">
        <v>58094</v>
      </c>
      <c r="C41040">
        <v>1</v>
      </c>
      <c r="D41040">
        <v>0</v>
      </c>
    </row>
    <row r="41041" spans="1:4" x14ac:dyDescent="0.25">
      <c r="A41041" t="s">
        <v>58093</v>
      </c>
      <c r="B41041" t="s">
        <v>58095</v>
      </c>
      <c r="C41041">
        <v>1</v>
      </c>
      <c r="D41041">
        <v>0</v>
      </c>
    </row>
    <row r="41042" spans="1:4" x14ac:dyDescent="0.25">
      <c r="A41042" t="s">
        <v>58093</v>
      </c>
      <c r="B41042" t="s">
        <v>4637</v>
      </c>
      <c r="C41042">
        <v>1</v>
      </c>
      <c r="D41042">
        <v>0</v>
      </c>
    </row>
    <row r="41043" spans="1:4" x14ac:dyDescent="0.25">
      <c r="A41043" t="s">
        <v>58093</v>
      </c>
      <c r="B41043" t="s">
        <v>58096</v>
      </c>
      <c r="C41043">
        <v>0</v>
      </c>
      <c r="D41043">
        <v>0</v>
      </c>
    </row>
    <row r="41044" spans="1:4" x14ac:dyDescent="0.25">
      <c r="A41044" t="s">
        <v>58093</v>
      </c>
      <c r="B41044" t="s">
        <v>58097</v>
      </c>
      <c r="C41044">
        <v>1</v>
      </c>
      <c r="D41044">
        <v>0</v>
      </c>
    </row>
    <row r="41045" spans="1:4" x14ac:dyDescent="0.25">
      <c r="A41045" t="s">
        <v>58093</v>
      </c>
      <c r="B41045" t="s">
        <v>58098</v>
      </c>
      <c r="C41045">
        <v>1</v>
      </c>
      <c r="D41045">
        <v>0</v>
      </c>
    </row>
    <row r="41046" spans="1:4" x14ac:dyDescent="0.25">
      <c r="A41046" t="s">
        <v>58093</v>
      </c>
      <c r="B41046" t="s">
        <v>58099</v>
      </c>
      <c r="C41046">
        <v>1</v>
      </c>
      <c r="D41046">
        <v>0</v>
      </c>
    </row>
    <row r="41047" spans="1:4" x14ac:dyDescent="0.25">
      <c r="A41047" t="s">
        <v>58100</v>
      </c>
      <c r="B41047" t="s">
        <v>58101</v>
      </c>
      <c r="C41047">
        <v>0</v>
      </c>
      <c r="D41047">
        <v>0</v>
      </c>
    </row>
    <row r="41048" spans="1:4" x14ac:dyDescent="0.25">
      <c r="A41048" t="s">
        <v>58100</v>
      </c>
      <c r="B41048" t="s">
        <v>58102</v>
      </c>
      <c r="C41048">
        <v>0</v>
      </c>
      <c r="D41048">
        <v>0</v>
      </c>
    </row>
    <row r="41049" spans="1:4" x14ac:dyDescent="0.25">
      <c r="A41049" t="s">
        <v>58100</v>
      </c>
      <c r="B41049" t="s">
        <v>58103</v>
      </c>
      <c r="C41049">
        <v>0</v>
      </c>
      <c r="D41049">
        <v>0</v>
      </c>
    </row>
    <row r="41050" spans="1:4" x14ac:dyDescent="0.25">
      <c r="A41050" t="s">
        <v>58104</v>
      </c>
      <c r="B41050" t="s">
        <v>58105</v>
      </c>
      <c r="C41050">
        <v>1</v>
      </c>
      <c r="D41050">
        <v>0</v>
      </c>
    </row>
    <row r="41051" spans="1:4" x14ac:dyDescent="0.25">
      <c r="A41051" t="s">
        <v>58104</v>
      </c>
      <c r="B41051" t="s">
        <v>58106</v>
      </c>
      <c r="C41051">
        <v>1</v>
      </c>
      <c r="D41051">
        <v>0</v>
      </c>
    </row>
    <row r="41052" spans="1:4" x14ac:dyDescent="0.25">
      <c r="A41052" t="s">
        <v>58104</v>
      </c>
      <c r="B41052" t="s">
        <v>58107</v>
      </c>
      <c r="C41052">
        <v>1</v>
      </c>
      <c r="D41052">
        <v>0</v>
      </c>
    </row>
    <row r="41053" spans="1:4" x14ac:dyDescent="0.25">
      <c r="A41053" t="s">
        <v>58104</v>
      </c>
      <c r="B41053" t="s">
        <v>58108</v>
      </c>
      <c r="C41053">
        <v>1</v>
      </c>
      <c r="D41053">
        <v>0</v>
      </c>
    </row>
    <row r="41054" spans="1:4" x14ac:dyDescent="0.25">
      <c r="A41054" t="s">
        <v>58104</v>
      </c>
      <c r="B41054" t="s">
        <v>58109</v>
      </c>
      <c r="C41054">
        <v>1</v>
      </c>
      <c r="D41054">
        <v>0</v>
      </c>
    </row>
    <row r="41055" spans="1:4" x14ac:dyDescent="0.25">
      <c r="A41055" t="s">
        <v>58104</v>
      </c>
      <c r="B41055" t="s">
        <v>58110</v>
      </c>
      <c r="C41055">
        <v>1</v>
      </c>
      <c r="D41055">
        <v>0</v>
      </c>
    </row>
    <row r="41056" spans="1:4" x14ac:dyDescent="0.25">
      <c r="A41056" t="s">
        <v>58104</v>
      </c>
      <c r="B41056" t="s">
        <v>58111</v>
      </c>
      <c r="C41056">
        <v>1</v>
      </c>
      <c r="D41056">
        <v>0</v>
      </c>
    </row>
    <row r="41057" spans="1:4" x14ac:dyDescent="0.25">
      <c r="A41057" t="s">
        <v>58104</v>
      </c>
      <c r="B41057" t="s">
        <v>58112</v>
      </c>
      <c r="C41057">
        <v>1</v>
      </c>
      <c r="D41057">
        <v>0</v>
      </c>
    </row>
    <row r="41058" spans="1:4" x14ac:dyDescent="0.25">
      <c r="A41058" t="s">
        <v>58113</v>
      </c>
      <c r="B41058" t="s">
        <v>58114</v>
      </c>
      <c r="C41058">
        <v>1</v>
      </c>
      <c r="D41058">
        <v>0</v>
      </c>
    </row>
    <row r="41059" spans="1:4" x14ac:dyDescent="0.25">
      <c r="A41059" t="s">
        <v>58113</v>
      </c>
      <c r="B41059" t="s">
        <v>58115</v>
      </c>
      <c r="C41059">
        <v>2</v>
      </c>
      <c r="D41059">
        <v>0</v>
      </c>
    </row>
    <row r="41060" spans="1:4" x14ac:dyDescent="0.25">
      <c r="A41060" t="s">
        <v>58113</v>
      </c>
      <c r="B41060" t="s">
        <v>58116</v>
      </c>
      <c r="C41060">
        <v>0</v>
      </c>
      <c r="D41060">
        <v>0</v>
      </c>
    </row>
    <row r="41061" spans="1:4" x14ac:dyDescent="0.25">
      <c r="A41061" t="s">
        <v>58113</v>
      </c>
      <c r="B41061" t="s">
        <v>58117</v>
      </c>
      <c r="C41061">
        <v>1</v>
      </c>
      <c r="D41061">
        <v>0</v>
      </c>
    </row>
    <row r="41062" spans="1:4" x14ac:dyDescent="0.25">
      <c r="A41062" t="s">
        <v>58118</v>
      </c>
      <c r="B41062" t="s">
        <v>58119</v>
      </c>
      <c r="C41062">
        <v>2</v>
      </c>
      <c r="D41062">
        <v>0</v>
      </c>
    </row>
    <row r="41063" spans="1:4" x14ac:dyDescent="0.25">
      <c r="A41063" t="s">
        <v>58118</v>
      </c>
      <c r="B41063" t="s">
        <v>58120</v>
      </c>
      <c r="C41063">
        <v>1</v>
      </c>
      <c r="D41063">
        <v>0</v>
      </c>
    </row>
    <row r="41064" spans="1:4" x14ac:dyDescent="0.25">
      <c r="A41064" t="s">
        <v>58118</v>
      </c>
      <c r="B41064" t="s">
        <v>58121</v>
      </c>
      <c r="C41064">
        <v>2</v>
      </c>
      <c r="D41064">
        <v>0</v>
      </c>
    </row>
    <row r="41065" spans="1:4" x14ac:dyDescent="0.25">
      <c r="A41065" t="s">
        <v>58122</v>
      </c>
      <c r="B41065" t="s">
        <v>58123</v>
      </c>
      <c r="C41065">
        <v>2</v>
      </c>
      <c r="D41065">
        <v>0</v>
      </c>
    </row>
    <row r="41066" spans="1:4" x14ac:dyDescent="0.25">
      <c r="A41066" t="s">
        <v>58122</v>
      </c>
      <c r="B41066" t="s">
        <v>58124</v>
      </c>
      <c r="C41066">
        <v>1</v>
      </c>
      <c r="D41066">
        <v>0</v>
      </c>
    </row>
    <row r="41067" spans="1:4" x14ac:dyDescent="0.25">
      <c r="A41067" t="s">
        <v>58122</v>
      </c>
      <c r="B41067" t="s">
        <v>58125</v>
      </c>
      <c r="C41067">
        <v>1</v>
      </c>
      <c r="D41067">
        <v>0</v>
      </c>
    </row>
    <row r="41068" spans="1:4" x14ac:dyDescent="0.25">
      <c r="A41068" t="s">
        <v>58126</v>
      </c>
      <c r="B41068" t="s">
        <v>55415</v>
      </c>
      <c r="C41068">
        <v>1</v>
      </c>
      <c r="D41068">
        <v>0</v>
      </c>
    </row>
    <row r="41069" spans="1:4" x14ac:dyDescent="0.25">
      <c r="A41069" t="s">
        <v>58126</v>
      </c>
      <c r="B41069" t="s">
        <v>23996</v>
      </c>
      <c r="C41069">
        <v>0</v>
      </c>
      <c r="D41069">
        <v>0</v>
      </c>
    </row>
    <row r="41070" spans="1:4" x14ac:dyDescent="0.25">
      <c r="A41070" t="s">
        <v>58126</v>
      </c>
      <c r="B41070" t="s">
        <v>58127</v>
      </c>
      <c r="C41070">
        <v>0</v>
      </c>
      <c r="D41070">
        <v>0</v>
      </c>
    </row>
    <row r="41071" spans="1:4" x14ac:dyDescent="0.25">
      <c r="A41071" t="s">
        <v>58126</v>
      </c>
      <c r="B41071" t="s">
        <v>58128</v>
      </c>
      <c r="C41071">
        <v>0</v>
      </c>
      <c r="D41071">
        <v>0</v>
      </c>
    </row>
    <row r="41072" spans="1:4" x14ac:dyDescent="0.25">
      <c r="A41072" t="s">
        <v>58129</v>
      </c>
      <c r="B41072" t="s">
        <v>58130</v>
      </c>
      <c r="C41072">
        <v>1</v>
      </c>
      <c r="D41072">
        <v>0</v>
      </c>
    </row>
    <row r="41073" spans="1:4" x14ac:dyDescent="0.25">
      <c r="A41073" t="s">
        <v>58129</v>
      </c>
      <c r="B41073" t="s">
        <v>58131</v>
      </c>
      <c r="C41073">
        <v>1</v>
      </c>
      <c r="D41073">
        <v>0</v>
      </c>
    </row>
    <row r="41074" spans="1:4" x14ac:dyDescent="0.25">
      <c r="A41074" t="s">
        <v>58129</v>
      </c>
      <c r="B41074" t="s">
        <v>58132</v>
      </c>
      <c r="C41074">
        <v>2</v>
      </c>
      <c r="D41074">
        <v>0</v>
      </c>
    </row>
    <row r="41075" spans="1:4" x14ac:dyDescent="0.25">
      <c r="A41075" t="s">
        <v>58129</v>
      </c>
      <c r="B41075" t="s">
        <v>58133</v>
      </c>
      <c r="C41075">
        <v>1</v>
      </c>
      <c r="D41075">
        <v>0</v>
      </c>
    </row>
    <row r="41076" spans="1:4" x14ac:dyDescent="0.25">
      <c r="A41076" t="s">
        <v>58134</v>
      </c>
      <c r="B41076" t="s">
        <v>58135</v>
      </c>
      <c r="C41076">
        <v>1</v>
      </c>
      <c r="D41076">
        <v>0</v>
      </c>
    </row>
    <row r="41077" spans="1:4" x14ac:dyDescent="0.25">
      <c r="A41077" t="s">
        <v>58134</v>
      </c>
      <c r="B41077" t="s">
        <v>58136</v>
      </c>
      <c r="C41077">
        <v>1</v>
      </c>
      <c r="D41077">
        <v>0</v>
      </c>
    </row>
    <row r="41078" spans="1:4" x14ac:dyDescent="0.25">
      <c r="A41078" t="s">
        <v>58134</v>
      </c>
      <c r="B41078" t="s">
        <v>58137</v>
      </c>
      <c r="C41078">
        <v>1</v>
      </c>
      <c r="D41078">
        <v>0</v>
      </c>
    </row>
    <row r="41079" spans="1:4" x14ac:dyDescent="0.25">
      <c r="A41079" t="s">
        <v>58138</v>
      </c>
      <c r="B41079" t="s">
        <v>58139</v>
      </c>
      <c r="C41079">
        <v>0</v>
      </c>
      <c r="D41079">
        <v>0</v>
      </c>
    </row>
    <row r="41080" spans="1:4" x14ac:dyDescent="0.25">
      <c r="A41080" t="s">
        <v>58138</v>
      </c>
      <c r="B41080" t="s">
        <v>58140</v>
      </c>
      <c r="C41080">
        <v>1</v>
      </c>
      <c r="D41080">
        <v>0</v>
      </c>
    </row>
    <row r="41081" spans="1:4" x14ac:dyDescent="0.25">
      <c r="A41081" t="s">
        <v>58138</v>
      </c>
      <c r="B41081" t="s">
        <v>58141</v>
      </c>
      <c r="C41081">
        <v>0</v>
      </c>
      <c r="D41081">
        <v>0</v>
      </c>
    </row>
    <row r="41082" spans="1:4" x14ac:dyDescent="0.25">
      <c r="A41082" t="s">
        <v>58142</v>
      </c>
      <c r="B41082" t="s">
        <v>58143</v>
      </c>
      <c r="C41082">
        <v>1</v>
      </c>
      <c r="D41082">
        <v>0</v>
      </c>
    </row>
    <row r="41083" spans="1:4" x14ac:dyDescent="0.25">
      <c r="A41083" t="s">
        <v>58142</v>
      </c>
      <c r="B41083" t="s">
        <v>58144</v>
      </c>
      <c r="C41083">
        <v>0</v>
      </c>
      <c r="D41083">
        <v>0</v>
      </c>
    </row>
    <row r="41084" spans="1:4" x14ac:dyDescent="0.25">
      <c r="A41084" t="s">
        <v>58142</v>
      </c>
      <c r="B41084" t="s">
        <v>58145</v>
      </c>
      <c r="C41084">
        <v>0</v>
      </c>
      <c r="D41084">
        <v>0</v>
      </c>
    </row>
    <row r="41085" spans="1:4" x14ac:dyDescent="0.25">
      <c r="A41085" t="s">
        <v>58142</v>
      </c>
      <c r="B41085" t="s">
        <v>58146</v>
      </c>
      <c r="C41085">
        <v>1</v>
      </c>
      <c r="D41085">
        <v>0</v>
      </c>
    </row>
    <row r="41086" spans="1:4" x14ac:dyDescent="0.25">
      <c r="A41086" t="s">
        <v>58142</v>
      </c>
      <c r="B41086" t="s">
        <v>58147</v>
      </c>
      <c r="C41086">
        <v>1</v>
      </c>
      <c r="D41086">
        <v>0</v>
      </c>
    </row>
    <row r="41087" spans="1:4" x14ac:dyDescent="0.25">
      <c r="A41087" t="s">
        <v>58142</v>
      </c>
      <c r="B41087" t="s">
        <v>58148</v>
      </c>
      <c r="C41087">
        <v>0</v>
      </c>
      <c r="D41087">
        <v>0</v>
      </c>
    </row>
    <row r="41088" spans="1:4" x14ac:dyDescent="0.25">
      <c r="A41088" t="s">
        <v>58149</v>
      </c>
      <c r="B41088" t="s">
        <v>58150</v>
      </c>
      <c r="C41088">
        <v>2</v>
      </c>
      <c r="D41088">
        <v>0</v>
      </c>
    </row>
    <row r="41089" spans="1:4" x14ac:dyDescent="0.25">
      <c r="A41089" t="s">
        <v>58149</v>
      </c>
      <c r="B41089" t="s">
        <v>58151</v>
      </c>
      <c r="C41089">
        <v>2</v>
      </c>
      <c r="D41089">
        <v>0</v>
      </c>
    </row>
    <row r="41090" spans="1:4" x14ac:dyDescent="0.25">
      <c r="A41090" t="s">
        <v>58149</v>
      </c>
      <c r="B41090" t="s">
        <v>58152</v>
      </c>
      <c r="C41090">
        <v>2</v>
      </c>
      <c r="D41090">
        <v>0</v>
      </c>
    </row>
    <row r="41091" spans="1:4" x14ac:dyDescent="0.25">
      <c r="A41091" t="s">
        <v>58149</v>
      </c>
      <c r="B41091" t="s">
        <v>58153</v>
      </c>
      <c r="C41091">
        <v>0</v>
      </c>
      <c r="D41091">
        <v>0</v>
      </c>
    </row>
    <row r="41092" spans="1:4" x14ac:dyDescent="0.25">
      <c r="A41092" t="s">
        <v>58149</v>
      </c>
      <c r="B41092" t="s">
        <v>58154</v>
      </c>
      <c r="C41092">
        <v>0</v>
      </c>
      <c r="D41092">
        <v>0</v>
      </c>
    </row>
    <row r="41093" spans="1:4" x14ac:dyDescent="0.25">
      <c r="A41093" t="s">
        <v>58149</v>
      </c>
      <c r="B41093" t="s">
        <v>58155</v>
      </c>
      <c r="C41093">
        <v>2</v>
      </c>
      <c r="D41093">
        <v>0</v>
      </c>
    </row>
    <row r="41094" spans="1:4" x14ac:dyDescent="0.25">
      <c r="A41094" t="s">
        <v>58149</v>
      </c>
      <c r="B41094" t="s">
        <v>58156</v>
      </c>
      <c r="C41094">
        <v>1</v>
      </c>
      <c r="D41094">
        <v>0</v>
      </c>
    </row>
    <row r="41095" spans="1:4" x14ac:dyDescent="0.25">
      <c r="A41095" t="s">
        <v>58149</v>
      </c>
      <c r="B41095" t="s">
        <v>58157</v>
      </c>
      <c r="C41095">
        <v>1</v>
      </c>
      <c r="D41095">
        <v>0</v>
      </c>
    </row>
    <row r="41096" spans="1:4" x14ac:dyDescent="0.25">
      <c r="A41096" t="s">
        <v>58149</v>
      </c>
      <c r="B41096" t="s">
        <v>58158</v>
      </c>
      <c r="C41096">
        <v>0</v>
      </c>
      <c r="D41096">
        <v>0</v>
      </c>
    </row>
    <row r="41097" spans="1:4" x14ac:dyDescent="0.25">
      <c r="A41097" t="s">
        <v>58159</v>
      </c>
      <c r="B41097" t="s">
        <v>58160</v>
      </c>
      <c r="C41097">
        <v>1</v>
      </c>
      <c r="D41097">
        <v>0</v>
      </c>
    </row>
    <row r="41098" spans="1:4" x14ac:dyDescent="0.25">
      <c r="A41098" t="s">
        <v>58161</v>
      </c>
      <c r="B41098" t="s">
        <v>58162</v>
      </c>
      <c r="C41098">
        <v>1</v>
      </c>
      <c r="D41098">
        <v>0</v>
      </c>
    </row>
    <row r="41099" spans="1:4" x14ac:dyDescent="0.25">
      <c r="A41099" t="s">
        <v>58161</v>
      </c>
      <c r="B41099" t="s">
        <v>58163</v>
      </c>
      <c r="C41099">
        <v>1</v>
      </c>
      <c r="D41099">
        <v>0</v>
      </c>
    </row>
    <row r="41100" spans="1:4" x14ac:dyDescent="0.25">
      <c r="A41100" t="s">
        <v>58161</v>
      </c>
      <c r="B41100" t="s">
        <v>58164</v>
      </c>
      <c r="C41100">
        <v>1</v>
      </c>
      <c r="D41100">
        <v>0</v>
      </c>
    </row>
    <row r="41101" spans="1:4" x14ac:dyDescent="0.25">
      <c r="A41101" t="s">
        <v>58161</v>
      </c>
      <c r="B41101" t="s">
        <v>5864</v>
      </c>
      <c r="C41101">
        <v>1</v>
      </c>
      <c r="D41101">
        <v>0</v>
      </c>
    </row>
    <row r="41102" spans="1:4" x14ac:dyDescent="0.25">
      <c r="A41102" t="s">
        <v>58165</v>
      </c>
      <c r="B41102" t="s">
        <v>58166</v>
      </c>
      <c r="C41102">
        <v>2</v>
      </c>
      <c r="D41102">
        <v>0</v>
      </c>
    </row>
    <row r="41103" spans="1:4" x14ac:dyDescent="0.25">
      <c r="A41103" t="s">
        <v>58167</v>
      </c>
      <c r="B41103" t="s">
        <v>58168</v>
      </c>
      <c r="C41103">
        <v>1</v>
      </c>
      <c r="D41103">
        <v>0</v>
      </c>
    </row>
    <row r="41104" spans="1:4" x14ac:dyDescent="0.25">
      <c r="A41104" t="s">
        <v>58167</v>
      </c>
      <c r="B41104" t="s">
        <v>48504</v>
      </c>
      <c r="C41104">
        <v>1</v>
      </c>
      <c r="D41104">
        <v>0</v>
      </c>
    </row>
    <row r="41105" spans="1:4" x14ac:dyDescent="0.25">
      <c r="A41105" t="s">
        <v>58167</v>
      </c>
      <c r="B41105" t="s">
        <v>58169</v>
      </c>
      <c r="C41105">
        <v>0</v>
      </c>
      <c r="D41105">
        <v>0</v>
      </c>
    </row>
    <row r="41106" spans="1:4" x14ac:dyDescent="0.25">
      <c r="A41106" t="s">
        <v>58167</v>
      </c>
      <c r="B41106" t="s">
        <v>58170</v>
      </c>
      <c r="C41106">
        <v>2</v>
      </c>
      <c r="D41106">
        <v>0</v>
      </c>
    </row>
    <row r="41107" spans="1:4" x14ac:dyDescent="0.25">
      <c r="A41107" t="s">
        <v>58167</v>
      </c>
      <c r="B41107" t="s">
        <v>48504</v>
      </c>
      <c r="C41107">
        <v>1</v>
      </c>
      <c r="D41107">
        <v>0</v>
      </c>
    </row>
    <row r="41108" spans="1:4" x14ac:dyDescent="0.25">
      <c r="A41108" t="s">
        <v>58167</v>
      </c>
      <c r="B41108" t="s">
        <v>58171</v>
      </c>
      <c r="C41108">
        <v>2</v>
      </c>
      <c r="D41108">
        <v>0</v>
      </c>
    </row>
    <row r="41109" spans="1:4" x14ac:dyDescent="0.25">
      <c r="A41109" t="s">
        <v>58172</v>
      </c>
      <c r="B41109" t="s">
        <v>30486</v>
      </c>
      <c r="C41109">
        <v>0</v>
      </c>
      <c r="D41109">
        <v>0</v>
      </c>
    </row>
    <row r="41110" spans="1:4" x14ac:dyDescent="0.25">
      <c r="A41110" t="s">
        <v>58172</v>
      </c>
      <c r="B41110" t="s">
        <v>2061</v>
      </c>
      <c r="C41110">
        <v>0</v>
      </c>
      <c r="D41110">
        <v>0</v>
      </c>
    </row>
    <row r="41111" spans="1:4" x14ac:dyDescent="0.25">
      <c r="A41111" t="s">
        <v>58172</v>
      </c>
      <c r="B41111" t="s">
        <v>23312</v>
      </c>
      <c r="C41111">
        <v>1</v>
      </c>
      <c r="D41111">
        <v>0</v>
      </c>
    </row>
    <row r="41112" spans="1:4" x14ac:dyDescent="0.25">
      <c r="A41112" t="s">
        <v>58172</v>
      </c>
      <c r="B41112" t="s">
        <v>2061</v>
      </c>
      <c r="C41112">
        <v>0</v>
      </c>
      <c r="D41112">
        <v>0</v>
      </c>
    </row>
    <row r="41113" spans="1:4" x14ac:dyDescent="0.25">
      <c r="A41113" t="s">
        <v>58172</v>
      </c>
      <c r="B41113" t="s">
        <v>58173</v>
      </c>
      <c r="C41113">
        <v>0</v>
      </c>
      <c r="D41113">
        <v>0</v>
      </c>
    </row>
    <row r="41114" spans="1:4" x14ac:dyDescent="0.25">
      <c r="A41114" t="s">
        <v>58172</v>
      </c>
      <c r="B41114" t="s">
        <v>2865</v>
      </c>
      <c r="C41114">
        <v>1</v>
      </c>
      <c r="D41114">
        <v>0</v>
      </c>
    </row>
    <row r="41115" spans="1:4" x14ac:dyDescent="0.25">
      <c r="A41115" t="s">
        <v>58172</v>
      </c>
      <c r="B41115" t="s">
        <v>58174</v>
      </c>
      <c r="C41115">
        <v>1</v>
      </c>
      <c r="D41115">
        <v>0</v>
      </c>
    </row>
    <row r="41116" spans="1:4" x14ac:dyDescent="0.25">
      <c r="A41116" t="s">
        <v>58172</v>
      </c>
      <c r="B41116" t="s">
        <v>58175</v>
      </c>
      <c r="C41116">
        <v>0</v>
      </c>
      <c r="D41116">
        <v>0</v>
      </c>
    </row>
    <row r="41117" spans="1:4" x14ac:dyDescent="0.25">
      <c r="A41117" t="s">
        <v>58176</v>
      </c>
      <c r="B41117" t="s">
        <v>58177</v>
      </c>
      <c r="C41117">
        <v>1</v>
      </c>
      <c r="D41117">
        <v>0</v>
      </c>
    </row>
    <row r="41118" spans="1:4" x14ac:dyDescent="0.25">
      <c r="A41118" t="s">
        <v>58176</v>
      </c>
      <c r="B41118" t="s">
        <v>58178</v>
      </c>
      <c r="C41118">
        <v>2</v>
      </c>
      <c r="D41118">
        <v>0</v>
      </c>
    </row>
    <row r="41119" spans="1:4" x14ac:dyDescent="0.25">
      <c r="A41119" t="s">
        <v>58176</v>
      </c>
      <c r="B41119" t="s">
        <v>58179</v>
      </c>
      <c r="C41119">
        <v>1</v>
      </c>
      <c r="D41119">
        <v>0</v>
      </c>
    </row>
    <row r="41120" spans="1:4" x14ac:dyDescent="0.25">
      <c r="A41120" t="s">
        <v>58176</v>
      </c>
      <c r="B41120" t="s">
        <v>58180</v>
      </c>
      <c r="C41120">
        <v>0</v>
      </c>
      <c r="D41120">
        <v>0</v>
      </c>
    </row>
    <row r="41121" spans="1:4" x14ac:dyDescent="0.25">
      <c r="A41121" t="s">
        <v>58176</v>
      </c>
      <c r="B41121" t="s">
        <v>58181</v>
      </c>
      <c r="C41121">
        <v>1</v>
      </c>
      <c r="D41121">
        <v>0</v>
      </c>
    </row>
    <row r="41122" spans="1:4" x14ac:dyDescent="0.25">
      <c r="A41122" t="s">
        <v>58182</v>
      </c>
      <c r="B41122" t="s">
        <v>58183</v>
      </c>
      <c r="C41122">
        <v>1</v>
      </c>
      <c r="D41122">
        <v>0</v>
      </c>
    </row>
    <row r="41123" spans="1:4" x14ac:dyDescent="0.25">
      <c r="A41123" t="s">
        <v>58182</v>
      </c>
      <c r="B41123" t="s">
        <v>58184</v>
      </c>
      <c r="C41123">
        <v>0</v>
      </c>
      <c r="D41123">
        <v>0</v>
      </c>
    </row>
    <row r="41124" spans="1:4" x14ac:dyDescent="0.25">
      <c r="A41124" t="s">
        <v>58182</v>
      </c>
      <c r="B41124" t="s">
        <v>58185</v>
      </c>
      <c r="C41124">
        <v>2</v>
      </c>
      <c r="D41124">
        <v>0</v>
      </c>
    </row>
    <row r="41125" spans="1:4" x14ac:dyDescent="0.25">
      <c r="A41125" t="s">
        <v>58182</v>
      </c>
      <c r="B41125" t="s">
        <v>58186</v>
      </c>
      <c r="C41125">
        <v>1</v>
      </c>
      <c r="D41125">
        <v>0</v>
      </c>
    </row>
    <row r="41126" spans="1:4" x14ac:dyDescent="0.25">
      <c r="A41126" t="s">
        <v>58182</v>
      </c>
      <c r="B41126" t="s">
        <v>58187</v>
      </c>
      <c r="C41126">
        <v>1</v>
      </c>
      <c r="D41126">
        <v>0</v>
      </c>
    </row>
    <row r="41127" spans="1:4" x14ac:dyDescent="0.25">
      <c r="A41127" t="s">
        <v>58182</v>
      </c>
      <c r="B41127" t="s">
        <v>17479</v>
      </c>
      <c r="C41127">
        <v>0</v>
      </c>
      <c r="D41127">
        <v>0</v>
      </c>
    </row>
    <row r="41128" spans="1:4" x14ac:dyDescent="0.25">
      <c r="A41128" t="s">
        <v>58182</v>
      </c>
      <c r="B41128" t="s">
        <v>58188</v>
      </c>
      <c r="C41128">
        <v>1</v>
      </c>
      <c r="D41128">
        <v>0</v>
      </c>
    </row>
    <row r="41129" spans="1:4" x14ac:dyDescent="0.25">
      <c r="A41129" t="s">
        <v>58189</v>
      </c>
      <c r="B41129" t="s">
        <v>58190</v>
      </c>
      <c r="C41129">
        <v>1</v>
      </c>
      <c r="D41129">
        <v>0</v>
      </c>
    </row>
    <row r="41130" spans="1:4" x14ac:dyDescent="0.25">
      <c r="A41130" t="s">
        <v>58189</v>
      </c>
      <c r="B41130" t="s">
        <v>58191</v>
      </c>
      <c r="C41130">
        <v>1</v>
      </c>
      <c r="D41130">
        <v>0</v>
      </c>
    </row>
    <row r="41131" spans="1:4" x14ac:dyDescent="0.25">
      <c r="A41131" t="s">
        <v>58189</v>
      </c>
      <c r="B41131" t="s">
        <v>58192</v>
      </c>
      <c r="C41131">
        <v>1</v>
      </c>
      <c r="D41131">
        <v>0</v>
      </c>
    </row>
    <row r="41132" spans="1:4" x14ac:dyDescent="0.25">
      <c r="A41132" t="s">
        <v>58189</v>
      </c>
      <c r="B41132" t="s">
        <v>58193</v>
      </c>
      <c r="C41132">
        <v>1</v>
      </c>
      <c r="D41132">
        <v>0</v>
      </c>
    </row>
    <row r="41133" spans="1:4" x14ac:dyDescent="0.25">
      <c r="A41133" t="s">
        <v>58189</v>
      </c>
      <c r="B41133" t="s">
        <v>58194</v>
      </c>
      <c r="C41133">
        <v>1</v>
      </c>
      <c r="D41133">
        <v>0</v>
      </c>
    </row>
    <row r="41134" spans="1:4" x14ac:dyDescent="0.25">
      <c r="A41134" t="s">
        <v>58195</v>
      </c>
      <c r="B41134" t="s">
        <v>58196</v>
      </c>
      <c r="C41134">
        <v>2</v>
      </c>
      <c r="D41134">
        <v>0</v>
      </c>
    </row>
    <row r="41135" spans="1:4" x14ac:dyDescent="0.25">
      <c r="A41135" t="s">
        <v>58197</v>
      </c>
      <c r="B41135" t="s">
        <v>58198</v>
      </c>
      <c r="C41135">
        <v>1</v>
      </c>
      <c r="D41135">
        <v>0</v>
      </c>
    </row>
    <row r="41136" spans="1:4" x14ac:dyDescent="0.25">
      <c r="A41136" t="s">
        <v>58197</v>
      </c>
      <c r="B41136" t="s">
        <v>58199</v>
      </c>
      <c r="C41136">
        <v>1</v>
      </c>
      <c r="D41136">
        <v>0</v>
      </c>
    </row>
    <row r="41137" spans="1:4" x14ac:dyDescent="0.25">
      <c r="A41137" t="s">
        <v>58197</v>
      </c>
      <c r="B41137" t="s">
        <v>58200</v>
      </c>
      <c r="C41137">
        <v>1</v>
      </c>
      <c r="D41137">
        <v>0</v>
      </c>
    </row>
    <row r="41138" spans="1:4" x14ac:dyDescent="0.25">
      <c r="A41138" t="s">
        <v>58197</v>
      </c>
      <c r="B41138" t="s">
        <v>58201</v>
      </c>
      <c r="C41138">
        <v>1</v>
      </c>
      <c r="D41138">
        <v>0</v>
      </c>
    </row>
    <row r="41139" spans="1:4" x14ac:dyDescent="0.25">
      <c r="A41139" t="s">
        <v>58197</v>
      </c>
      <c r="B41139" t="s">
        <v>58202</v>
      </c>
      <c r="C41139">
        <v>2</v>
      </c>
      <c r="D41139">
        <v>0</v>
      </c>
    </row>
    <row r="41140" spans="1:4" x14ac:dyDescent="0.25">
      <c r="A41140" t="s">
        <v>58203</v>
      </c>
      <c r="B41140" t="s">
        <v>58204</v>
      </c>
      <c r="C41140">
        <v>2</v>
      </c>
      <c r="D41140">
        <v>0</v>
      </c>
    </row>
    <row r="41141" spans="1:4" x14ac:dyDescent="0.25">
      <c r="A41141" t="s">
        <v>58203</v>
      </c>
      <c r="B41141" t="s">
        <v>58205</v>
      </c>
      <c r="C41141">
        <v>1</v>
      </c>
      <c r="D41141">
        <v>0</v>
      </c>
    </row>
    <row r="41142" spans="1:4" x14ac:dyDescent="0.25">
      <c r="A41142" t="s">
        <v>58203</v>
      </c>
      <c r="B41142" t="s">
        <v>58206</v>
      </c>
      <c r="C41142">
        <v>1</v>
      </c>
      <c r="D41142">
        <v>0</v>
      </c>
    </row>
    <row r="41143" spans="1:4" x14ac:dyDescent="0.25">
      <c r="A41143" t="s">
        <v>58203</v>
      </c>
      <c r="B41143" t="s">
        <v>58207</v>
      </c>
      <c r="C41143">
        <v>1</v>
      </c>
      <c r="D41143">
        <v>0</v>
      </c>
    </row>
    <row r="41144" spans="1:4" x14ac:dyDescent="0.25">
      <c r="A41144" t="s">
        <v>58203</v>
      </c>
      <c r="B41144" t="s">
        <v>58208</v>
      </c>
      <c r="C41144">
        <v>1</v>
      </c>
      <c r="D41144">
        <v>0</v>
      </c>
    </row>
    <row r="41145" spans="1:4" x14ac:dyDescent="0.25">
      <c r="A41145" t="s">
        <v>58209</v>
      </c>
      <c r="B41145" t="s">
        <v>58210</v>
      </c>
      <c r="C41145">
        <v>1</v>
      </c>
      <c r="D41145">
        <v>0</v>
      </c>
    </row>
    <row r="41146" spans="1:4" x14ac:dyDescent="0.25">
      <c r="A41146" t="s">
        <v>58211</v>
      </c>
      <c r="B41146" t="s">
        <v>58212</v>
      </c>
      <c r="C41146">
        <v>1</v>
      </c>
      <c r="D41146">
        <v>0</v>
      </c>
    </row>
    <row r="41147" spans="1:4" x14ac:dyDescent="0.25">
      <c r="A41147" t="s">
        <v>58211</v>
      </c>
      <c r="B41147" t="s">
        <v>58213</v>
      </c>
      <c r="C41147">
        <v>0</v>
      </c>
      <c r="D41147">
        <v>0</v>
      </c>
    </row>
    <row r="41148" spans="1:4" x14ac:dyDescent="0.25">
      <c r="A41148" t="s">
        <v>58211</v>
      </c>
      <c r="B41148" t="s">
        <v>58214</v>
      </c>
      <c r="C41148">
        <v>1</v>
      </c>
      <c r="D41148">
        <v>0</v>
      </c>
    </row>
    <row r="41149" spans="1:4" x14ac:dyDescent="0.25">
      <c r="A41149" t="s">
        <v>58211</v>
      </c>
      <c r="B41149" t="s">
        <v>58215</v>
      </c>
      <c r="C41149">
        <v>1</v>
      </c>
      <c r="D41149">
        <v>0</v>
      </c>
    </row>
    <row r="41150" spans="1:4" x14ac:dyDescent="0.25">
      <c r="A41150" t="s">
        <v>58211</v>
      </c>
      <c r="B41150" t="s">
        <v>58216</v>
      </c>
      <c r="C41150">
        <v>0</v>
      </c>
      <c r="D41150">
        <v>0</v>
      </c>
    </row>
    <row r="41151" spans="1:4" x14ac:dyDescent="0.25">
      <c r="A41151" t="s">
        <v>58217</v>
      </c>
      <c r="B41151" t="s">
        <v>58218</v>
      </c>
      <c r="C41151">
        <v>1</v>
      </c>
      <c r="D41151">
        <v>0</v>
      </c>
    </row>
    <row r="41152" spans="1:4" x14ac:dyDescent="0.25">
      <c r="A41152" t="s">
        <v>58217</v>
      </c>
      <c r="B41152" t="s">
        <v>58219</v>
      </c>
      <c r="C41152">
        <v>1</v>
      </c>
      <c r="D41152">
        <v>0</v>
      </c>
    </row>
    <row r="41153" spans="1:4" x14ac:dyDescent="0.25">
      <c r="A41153" t="s">
        <v>58220</v>
      </c>
      <c r="B41153" t="s">
        <v>58221</v>
      </c>
      <c r="C41153">
        <v>1</v>
      </c>
      <c r="D41153">
        <v>0</v>
      </c>
    </row>
    <row r="41154" spans="1:4" x14ac:dyDescent="0.25">
      <c r="A41154" t="s">
        <v>58220</v>
      </c>
      <c r="B41154" t="s">
        <v>58222</v>
      </c>
      <c r="C41154">
        <v>1</v>
      </c>
      <c r="D41154">
        <v>0</v>
      </c>
    </row>
    <row r="41155" spans="1:4" x14ac:dyDescent="0.25">
      <c r="A41155" t="s">
        <v>58220</v>
      </c>
      <c r="B41155" t="s">
        <v>58223</v>
      </c>
      <c r="C41155">
        <v>1</v>
      </c>
      <c r="D41155">
        <v>0</v>
      </c>
    </row>
    <row r="41156" spans="1:4" x14ac:dyDescent="0.25">
      <c r="A41156" t="s">
        <v>58220</v>
      </c>
      <c r="B41156" t="s">
        <v>58224</v>
      </c>
      <c r="C41156">
        <v>1</v>
      </c>
      <c r="D41156">
        <v>0</v>
      </c>
    </row>
    <row r="41157" spans="1:4" x14ac:dyDescent="0.25">
      <c r="A41157" t="s">
        <v>58225</v>
      </c>
      <c r="B41157" t="s">
        <v>58226</v>
      </c>
      <c r="C41157">
        <v>1</v>
      </c>
      <c r="D41157">
        <v>0</v>
      </c>
    </row>
    <row r="41158" spans="1:4" x14ac:dyDescent="0.25">
      <c r="A41158" t="s">
        <v>58225</v>
      </c>
      <c r="B41158" t="s">
        <v>58227</v>
      </c>
      <c r="C41158">
        <v>1</v>
      </c>
      <c r="D41158">
        <v>0</v>
      </c>
    </row>
    <row r="41159" spans="1:4" x14ac:dyDescent="0.25">
      <c r="A41159" t="s">
        <v>58225</v>
      </c>
      <c r="B41159" t="s">
        <v>58228</v>
      </c>
      <c r="C41159">
        <v>1</v>
      </c>
      <c r="D41159">
        <v>0</v>
      </c>
    </row>
    <row r="41160" spans="1:4" x14ac:dyDescent="0.25">
      <c r="A41160" t="s">
        <v>58225</v>
      </c>
      <c r="B41160" t="s">
        <v>58229</v>
      </c>
      <c r="C41160">
        <v>1</v>
      </c>
      <c r="D41160">
        <v>0</v>
      </c>
    </row>
    <row r="41161" spans="1:4" x14ac:dyDescent="0.25">
      <c r="A41161" t="s">
        <v>58225</v>
      </c>
      <c r="B41161" t="s">
        <v>58230</v>
      </c>
      <c r="C41161">
        <v>1</v>
      </c>
      <c r="D41161">
        <v>0</v>
      </c>
    </row>
    <row r="41162" spans="1:4" x14ac:dyDescent="0.25">
      <c r="A41162" t="s">
        <v>58225</v>
      </c>
      <c r="B41162" t="s">
        <v>58231</v>
      </c>
      <c r="C41162">
        <v>1</v>
      </c>
      <c r="D41162">
        <v>0</v>
      </c>
    </row>
    <row r="41163" spans="1:4" x14ac:dyDescent="0.25">
      <c r="A41163" t="s">
        <v>58232</v>
      </c>
      <c r="B41163" t="s">
        <v>58233</v>
      </c>
      <c r="C41163">
        <v>1</v>
      </c>
      <c r="D41163">
        <v>0</v>
      </c>
    </row>
    <row r="41164" spans="1:4" x14ac:dyDescent="0.25">
      <c r="A41164" t="s">
        <v>58232</v>
      </c>
      <c r="B41164" t="s">
        <v>58234</v>
      </c>
      <c r="C41164">
        <v>2</v>
      </c>
      <c r="D41164">
        <v>0</v>
      </c>
    </row>
    <row r="41165" spans="1:4" x14ac:dyDescent="0.25">
      <c r="A41165" t="s">
        <v>58235</v>
      </c>
      <c r="B41165" t="s">
        <v>58236</v>
      </c>
      <c r="C41165">
        <v>1</v>
      </c>
      <c r="D41165">
        <v>0</v>
      </c>
    </row>
    <row r="41166" spans="1:4" x14ac:dyDescent="0.25">
      <c r="A41166" t="s">
        <v>58237</v>
      </c>
      <c r="B41166" t="s">
        <v>58238</v>
      </c>
      <c r="C41166">
        <v>0</v>
      </c>
      <c r="D41166">
        <v>0</v>
      </c>
    </row>
    <row r="41167" spans="1:4" x14ac:dyDescent="0.25">
      <c r="A41167" t="s">
        <v>58237</v>
      </c>
      <c r="B41167" t="s">
        <v>58239</v>
      </c>
      <c r="C41167">
        <v>0</v>
      </c>
      <c r="D41167">
        <v>0</v>
      </c>
    </row>
    <row r="41168" spans="1:4" x14ac:dyDescent="0.25">
      <c r="A41168" t="s">
        <v>58237</v>
      </c>
      <c r="B41168" t="s">
        <v>58240</v>
      </c>
      <c r="C41168">
        <v>2</v>
      </c>
      <c r="D41168">
        <v>0</v>
      </c>
    </row>
    <row r="41169" spans="1:4" x14ac:dyDescent="0.25">
      <c r="A41169" t="s">
        <v>58241</v>
      </c>
      <c r="B41169" t="s">
        <v>58242</v>
      </c>
      <c r="C41169">
        <v>1</v>
      </c>
      <c r="D41169">
        <v>0</v>
      </c>
    </row>
    <row r="41170" spans="1:4" x14ac:dyDescent="0.25">
      <c r="A41170" t="s">
        <v>58241</v>
      </c>
      <c r="B41170" t="s">
        <v>58243</v>
      </c>
      <c r="C41170">
        <v>0</v>
      </c>
      <c r="D41170">
        <v>0</v>
      </c>
    </row>
    <row r="41171" spans="1:4" x14ac:dyDescent="0.25">
      <c r="A41171" t="s">
        <v>58241</v>
      </c>
      <c r="B41171" t="s">
        <v>58244</v>
      </c>
      <c r="C41171">
        <v>0</v>
      </c>
      <c r="D41171">
        <v>0</v>
      </c>
    </row>
    <row r="41172" spans="1:4" x14ac:dyDescent="0.25">
      <c r="A41172" t="s">
        <v>58241</v>
      </c>
      <c r="B41172" t="s">
        <v>2651</v>
      </c>
      <c r="C41172">
        <v>0</v>
      </c>
      <c r="D41172">
        <v>0</v>
      </c>
    </row>
    <row r="41173" spans="1:4" x14ac:dyDescent="0.25">
      <c r="A41173" t="s">
        <v>58245</v>
      </c>
      <c r="B41173" t="s">
        <v>58246</v>
      </c>
      <c r="C41173">
        <v>1</v>
      </c>
      <c r="D41173">
        <v>0</v>
      </c>
    </row>
    <row r="41174" spans="1:4" x14ac:dyDescent="0.25">
      <c r="A41174" t="s">
        <v>58245</v>
      </c>
      <c r="B41174" t="s">
        <v>58247</v>
      </c>
      <c r="C41174">
        <v>1</v>
      </c>
      <c r="D41174">
        <v>0</v>
      </c>
    </row>
    <row r="41175" spans="1:4" x14ac:dyDescent="0.25">
      <c r="A41175" t="s">
        <v>58245</v>
      </c>
      <c r="B41175" t="s">
        <v>58248</v>
      </c>
      <c r="C41175">
        <v>0</v>
      </c>
      <c r="D41175">
        <v>0</v>
      </c>
    </row>
    <row r="41176" spans="1:4" x14ac:dyDescent="0.25">
      <c r="A41176" t="s">
        <v>58245</v>
      </c>
      <c r="B41176" t="s">
        <v>58249</v>
      </c>
      <c r="C41176">
        <v>2</v>
      </c>
      <c r="D41176">
        <v>0</v>
      </c>
    </row>
    <row r="41177" spans="1:4" x14ac:dyDescent="0.25">
      <c r="A41177" t="s">
        <v>58245</v>
      </c>
      <c r="B41177" t="s">
        <v>58250</v>
      </c>
      <c r="C41177">
        <v>2</v>
      </c>
      <c r="D41177">
        <v>0</v>
      </c>
    </row>
    <row r="41178" spans="1:4" x14ac:dyDescent="0.25">
      <c r="A41178" t="s">
        <v>58251</v>
      </c>
      <c r="B41178" t="s">
        <v>58252</v>
      </c>
      <c r="C41178">
        <v>1</v>
      </c>
      <c r="D41178">
        <v>0</v>
      </c>
    </row>
    <row r="41179" spans="1:4" x14ac:dyDescent="0.25">
      <c r="A41179" t="s">
        <v>58251</v>
      </c>
      <c r="B41179" t="s">
        <v>58253</v>
      </c>
      <c r="C41179">
        <v>1</v>
      </c>
      <c r="D41179">
        <v>0</v>
      </c>
    </row>
    <row r="41180" spans="1:4" x14ac:dyDescent="0.25">
      <c r="A41180" t="s">
        <v>58251</v>
      </c>
      <c r="B41180" t="s">
        <v>58254</v>
      </c>
      <c r="C41180">
        <v>1</v>
      </c>
      <c r="D41180">
        <v>0</v>
      </c>
    </row>
    <row r="41181" spans="1:4" x14ac:dyDescent="0.25">
      <c r="A41181" t="s">
        <v>58251</v>
      </c>
      <c r="B41181" t="s">
        <v>58255</v>
      </c>
      <c r="C41181">
        <v>1</v>
      </c>
      <c r="D41181">
        <v>0</v>
      </c>
    </row>
    <row r="41182" spans="1:4" x14ac:dyDescent="0.25">
      <c r="A41182" t="s">
        <v>58256</v>
      </c>
      <c r="B41182" t="s">
        <v>58257</v>
      </c>
      <c r="C41182">
        <v>0</v>
      </c>
      <c r="D41182">
        <v>0</v>
      </c>
    </row>
    <row r="41183" spans="1:4" x14ac:dyDescent="0.25">
      <c r="A41183" t="s">
        <v>58258</v>
      </c>
      <c r="B41183" t="s">
        <v>58259</v>
      </c>
      <c r="C41183">
        <v>1</v>
      </c>
      <c r="D41183">
        <v>0</v>
      </c>
    </row>
    <row r="41184" spans="1:4" x14ac:dyDescent="0.25">
      <c r="A41184" t="s">
        <v>58258</v>
      </c>
      <c r="B41184" t="s">
        <v>58260</v>
      </c>
      <c r="C41184">
        <v>1</v>
      </c>
      <c r="D41184">
        <v>0</v>
      </c>
    </row>
    <row r="41185" spans="1:4" x14ac:dyDescent="0.25">
      <c r="A41185" t="s">
        <v>58258</v>
      </c>
      <c r="B41185" t="s">
        <v>58261</v>
      </c>
      <c r="C41185">
        <v>1</v>
      </c>
      <c r="D41185">
        <v>0</v>
      </c>
    </row>
    <row r="41186" spans="1:4" x14ac:dyDescent="0.25">
      <c r="A41186" t="s">
        <v>58258</v>
      </c>
      <c r="B41186" t="s">
        <v>23996</v>
      </c>
      <c r="C41186">
        <v>0</v>
      </c>
      <c r="D41186">
        <v>0</v>
      </c>
    </row>
    <row r="41187" spans="1:4" x14ac:dyDescent="0.25">
      <c r="A41187" t="s">
        <v>58258</v>
      </c>
      <c r="B41187" t="s">
        <v>58262</v>
      </c>
      <c r="C41187">
        <v>1</v>
      </c>
      <c r="D41187">
        <v>0</v>
      </c>
    </row>
    <row r="41188" spans="1:4" x14ac:dyDescent="0.25">
      <c r="A41188" t="s">
        <v>58258</v>
      </c>
      <c r="B41188" t="s">
        <v>58263</v>
      </c>
      <c r="C41188">
        <v>1</v>
      </c>
      <c r="D41188">
        <v>0</v>
      </c>
    </row>
    <row r="41189" spans="1:4" x14ac:dyDescent="0.25">
      <c r="A41189" t="s">
        <v>58264</v>
      </c>
      <c r="B41189" t="s">
        <v>58265</v>
      </c>
      <c r="C41189">
        <v>1</v>
      </c>
      <c r="D41189">
        <v>0</v>
      </c>
    </row>
    <row r="41190" spans="1:4" x14ac:dyDescent="0.25">
      <c r="A41190" t="s">
        <v>58264</v>
      </c>
      <c r="B41190" t="s">
        <v>58266</v>
      </c>
      <c r="C41190">
        <v>1</v>
      </c>
      <c r="D41190">
        <v>0</v>
      </c>
    </row>
    <row r="41191" spans="1:4" x14ac:dyDescent="0.25">
      <c r="A41191" t="s">
        <v>58264</v>
      </c>
      <c r="B41191" t="s">
        <v>9614</v>
      </c>
      <c r="C41191">
        <v>1</v>
      </c>
      <c r="D41191">
        <v>0</v>
      </c>
    </row>
    <row r="41192" spans="1:4" x14ac:dyDescent="0.25">
      <c r="A41192" t="s">
        <v>58264</v>
      </c>
      <c r="B41192" t="s">
        <v>5713</v>
      </c>
      <c r="C41192">
        <v>1</v>
      </c>
      <c r="D41192">
        <v>0</v>
      </c>
    </row>
    <row r="41193" spans="1:4" x14ac:dyDescent="0.25">
      <c r="A41193" t="s">
        <v>58264</v>
      </c>
      <c r="B41193" t="s">
        <v>6336</v>
      </c>
      <c r="C41193">
        <v>0</v>
      </c>
      <c r="D41193">
        <v>0</v>
      </c>
    </row>
    <row r="41194" spans="1:4" x14ac:dyDescent="0.25">
      <c r="A41194" t="s">
        <v>58267</v>
      </c>
      <c r="B41194" t="s">
        <v>58268</v>
      </c>
      <c r="C41194">
        <v>1</v>
      </c>
      <c r="D41194">
        <v>0</v>
      </c>
    </row>
    <row r="41195" spans="1:4" x14ac:dyDescent="0.25">
      <c r="A41195" t="s">
        <v>58267</v>
      </c>
      <c r="B41195" t="s">
        <v>58269</v>
      </c>
      <c r="C41195">
        <v>0</v>
      </c>
      <c r="D41195">
        <v>0</v>
      </c>
    </row>
    <row r="41196" spans="1:4" x14ac:dyDescent="0.25">
      <c r="A41196" t="s">
        <v>58267</v>
      </c>
      <c r="B41196" t="s">
        <v>58270</v>
      </c>
      <c r="C41196">
        <v>1</v>
      </c>
      <c r="D41196">
        <v>0</v>
      </c>
    </row>
    <row r="41197" spans="1:4" x14ac:dyDescent="0.25">
      <c r="A41197" t="s">
        <v>58267</v>
      </c>
      <c r="B41197" t="s">
        <v>35545</v>
      </c>
      <c r="C41197">
        <v>1</v>
      </c>
      <c r="D41197">
        <v>0</v>
      </c>
    </row>
    <row r="41198" spans="1:4" x14ac:dyDescent="0.25">
      <c r="A41198" t="s">
        <v>58267</v>
      </c>
      <c r="B41198" t="s">
        <v>58271</v>
      </c>
      <c r="C41198">
        <v>0</v>
      </c>
      <c r="D41198">
        <v>0</v>
      </c>
    </row>
    <row r="41199" spans="1:4" x14ac:dyDescent="0.25">
      <c r="A41199" t="s">
        <v>58272</v>
      </c>
      <c r="B41199" t="s">
        <v>58273</v>
      </c>
      <c r="C41199">
        <v>0</v>
      </c>
      <c r="D41199">
        <v>0</v>
      </c>
    </row>
    <row r="41200" spans="1:4" x14ac:dyDescent="0.25">
      <c r="A41200" t="s">
        <v>58272</v>
      </c>
      <c r="B41200" t="s">
        <v>58274</v>
      </c>
      <c r="C41200">
        <v>2</v>
      </c>
      <c r="D41200">
        <v>0</v>
      </c>
    </row>
    <row r="41201" spans="1:4" x14ac:dyDescent="0.25">
      <c r="A41201" t="s">
        <v>58272</v>
      </c>
      <c r="B41201" t="s">
        <v>58275</v>
      </c>
      <c r="C41201">
        <v>2</v>
      </c>
      <c r="D41201">
        <v>0</v>
      </c>
    </row>
    <row r="41202" spans="1:4" x14ac:dyDescent="0.25">
      <c r="A41202" t="s">
        <v>58272</v>
      </c>
      <c r="B41202" t="s">
        <v>11075</v>
      </c>
      <c r="C41202">
        <v>1</v>
      </c>
      <c r="D41202">
        <v>0</v>
      </c>
    </row>
    <row r="41203" spans="1:4" x14ac:dyDescent="0.25">
      <c r="A41203" t="s">
        <v>58272</v>
      </c>
      <c r="B41203" t="s">
        <v>2865</v>
      </c>
      <c r="C41203">
        <v>0</v>
      </c>
      <c r="D41203">
        <v>0</v>
      </c>
    </row>
    <row r="41204" spans="1:4" x14ac:dyDescent="0.25">
      <c r="A41204" t="s">
        <v>58272</v>
      </c>
      <c r="B41204" t="s">
        <v>58276</v>
      </c>
      <c r="C41204">
        <v>0</v>
      </c>
      <c r="D41204">
        <v>0</v>
      </c>
    </row>
    <row r="41205" spans="1:4" x14ac:dyDescent="0.25">
      <c r="A41205" t="s">
        <v>58272</v>
      </c>
      <c r="B41205" t="s">
        <v>2651</v>
      </c>
      <c r="C41205">
        <v>0</v>
      </c>
      <c r="D41205">
        <v>0</v>
      </c>
    </row>
    <row r="41206" spans="1:4" x14ac:dyDescent="0.25">
      <c r="A41206" t="s">
        <v>58277</v>
      </c>
      <c r="B41206" t="s">
        <v>816</v>
      </c>
      <c r="C41206">
        <v>1</v>
      </c>
      <c r="D41206">
        <v>0</v>
      </c>
    </row>
    <row r="41207" spans="1:4" x14ac:dyDescent="0.25">
      <c r="A41207" t="s">
        <v>58277</v>
      </c>
      <c r="B41207" t="s">
        <v>58278</v>
      </c>
      <c r="C41207">
        <v>1</v>
      </c>
      <c r="D41207">
        <v>0</v>
      </c>
    </row>
    <row r="41208" spans="1:4" x14ac:dyDescent="0.25">
      <c r="A41208" t="s">
        <v>58277</v>
      </c>
      <c r="B41208" t="s">
        <v>2499</v>
      </c>
      <c r="C41208">
        <v>1</v>
      </c>
      <c r="D41208">
        <v>0</v>
      </c>
    </row>
    <row r="41209" spans="1:4" x14ac:dyDescent="0.25">
      <c r="A41209" t="s">
        <v>58277</v>
      </c>
      <c r="B41209" t="s">
        <v>58279</v>
      </c>
      <c r="C41209">
        <v>0</v>
      </c>
      <c r="D41209">
        <v>0</v>
      </c>
    </row>
    <row r="41210" spans="1:4" x14ac:dyDescent="0.25">
      <c r="A41210" t="s">
        <v>58277</v>
      </c>
      <c r="B41210" t="s">
        <v>58280</v>
      </c>
      <c r="C41210">
        <v>1</v>
      </c>
      <c r="D41210">
        <v>0</v>
      </c>
    </row>
    <row r="41211" spans="1:4" x14ac:dyDescent="0.25">
      <c r="A41211" t="s">
        <v>58277</v>
      </c>
      <c r="B41211" t="s">
        <v>58281</v>
      </c>
      <c r="C41211">
        <v>0</v>
      </c>
      <c r="D41211">
        <v>0</v>
      </c>
    </row>
    <row r="41212" spans="1:4" x14ac:dyDescent="0.25">
      <c r="A41212" t="s">
        <v>58282</v>
      </c>
      <c r="B41212" t="s">
        <v>58283</v>
      </c>
      <c r="C41212">
        <v>1</v>
      </c>
      <c r="D41212">
        <v>0</v>
      </c>
    </row>
    <row r="41213" spans="1:4" x14ac:dyDescent="0.25">
      <c r="A41213" t="s">
        <v>58282</v>
      </c>
      <c r="B41213" t="s">
        <v>58284</v>
      </c>
      <c r="C41213">
        <v>1</v>
      </c>
      <c r="D41213">
        <v>0</v>
      </c>
    </row>
    <row r="41214" spans="1:4" x14ac:dyDescent="0.25">
      <c r="A41214" t="s">
        <v>58285</v>
      </c>
      <c r="B41214" t="s">
        <v>9520</v>
      </c>
      <c r="C41214">
        <v>1</v>
      </c>
      <c r="D41214">
        <v>0</v>
      </c>
    </row>
    <row r="41215" spans="1:4" x14ac:dyDescent="0.25">
      <c r="A41215" t="s">
        <v>58285</v>
      </c>
      <c r="B41215" t="s">
        <v>58286</v>
      </c>
      <c r="C41215">
        <v>0</v>
      </c>
      <c r="D41215">
        <v>0</v>
      </c>
    </row>
    <row r="41216" spans="1:4" x14ac:dyDescent="0.25">
      <c r="A41216" t="s">
        <v>58285</v>
      </c>
      <c r="B41216" t="s">
        <v>58286</v>
      </c>
      <c r="C41216">
        <v>0</v>
      </c>
      <c r="D41216">
        <v>0</v>
      </c>
    </row>
    <row r="41217" spans="1:4" x14ac:dyDescent="0.25">
      <c r="A41217" t="s">
        <v>58285</v>
      </c>
      <c r="B41217" t="s">
        <v>58287</v>
      </c>
      <c r="C41217">
        <v>2</v>
      </c>
      <c r="D41217">
        <v>0</v>
      </c>
    </row>
    <row r="41218" spans="1:4" x14ac:dyDescent="0.25">
      <c r="A41218" t="s">
        <v>58285</v>
      </c>
      <c r="B41218" t="s">
        <v>58288</v>
      </c>
      <c r="C41218">
        <v>0</v>
      </c>
      <c r="D41218">
        <v>0</v>
      </c>
    </row>
    <row r="41219" spans="1:4" x14ac:dyDescent="0.25">
      <c r="A41219" t="s">
        <v>58289</v>
      </c>
      <c r="B41219" t="s">
        <v>58290</v>
      </c>
      <c r="C41219">
        <v>1</v>
      </c>
      <c r="D41219">
        <v>0</v>
      </c>
    </row>
    <row r="41220" spans="1:4" x14ac:dyDescent="0.25">
      <c r="A41220" t="s">
        <v>58289</v>
      </c>
      <c r="B41220" t="s">
        <v>58291</v>
      </c>
      <c r="C41220">
        <v>2</v>
      </c>
      <c r="D41220">
        <v>0</v>
      </c>
    </row>
    <row r="41221" spans="1:4" x14ac:dyDescent="0.25">
      <c r="A41221" t="s">
        <v>58289</v>
      </c>
      <c r="B41221" t="s">
        <v>58292</v>
      </c>
      <c r="C41221">
        <v>1</v>
      </c>
      <c r="D41221">
        <v>0</v>
      </c>
    </row>
    <row r="41222" spans="1:4" x14ac:dyDescent="0.25">
      <c r="A41222" t="s">
        <v>58289</v>
      </c>
      <c r="B41222" t="s">
        <v>58293</v>
      </c>
      <c r="C41222">
        <v>1</v>
      </c>
      <c r="D41222">
        <v>0</v>
      </c>
    </row>
    <row r="41223" spans="1:4" x14ac:dyDescent="0.25">
      <c r="A41223" t="s">
        <v>58289</v>
      </c>
      <c r="B41223" t="s">
        <v>58294</v>
      </c>
      <c r="C41223">
        <v>1</v>
      </c>
      <c r="D41223">
        <v>0</v>
      </c>
    </row>
    <row r="41224" spans="1:4" x14ac:dyDescent="0.25">
      <c r="A41224" t="s">
        <v>58289</v>
      </c>
      <c r="B41224" t="s">
        <v>58295</v>
      </c>
      <c r="C41224">
        <v>1</v>
      </c>
      <c r="D41224">
        <v>0</v>
      </c>
    </row>
    <row r="41225" spans="1:4" x14ac:dyDescent="0.25">
      <c r="A41225" t="s">
        <v>58289</v>
      </c>
      <c r="B41225" t="s">
        <v>58296</v>
      </c>
      <c r="C41225">
        <v>0</v>
      </c>
      <c r="D41225">
        <v>0</v>
      </c>
    </row>
    <row r="41226" spans="1:4" x14ac:dyDescent="0.25">
      <c r="A41226" t="s">
        <v>58289</v>
      </c>
      <c r="B41226" t="s">
        <v>58297</v>
      </c>
      <c r="C41226">
        <v>2</v>
      </c>
      <c r="D41226">
        <v>0</v>
      </c>
    </row>
    <row r="41227" spans="1:4" x14ac:dyDescent="0.25">
      <c r="A41227" t="s">
        <v>58298</v>
      </c>
      <c r="B41227" t="s">
        <v>58299</v>
      </c>
      <c r="C41227">
        <v>1</v>
      </c>
      <c r="D41227">
        <v>0</v>
      </c>
    </row>
    <row r="41228" spans="1:4" x14ac:dyDescent="0.25">
      <c r="A41228" t="s">
        <v>58298</v>
      </c>
      <c r="B41228" t="s">
        <v>58300</v>
      </c>
      <c r="C41228">
        <v>0</v>
      </c>
      <c r="D41228">
        <v>0</v>
      </c>
    </row>
    <row r="41229" spans="1:4" x14ac:dyDescent="0.25">
      <c r="A41229" t="s">
        <v>58298</v>
      </c>
      <c r="B41229" t="s">
        <v>58301</v>
      </c>
      <c r="C41229">
        <v>1</v>
      </c>
      <c r="D41229">
        <v>0</v>
      </c>
    </row>
    <row r="41230" spans="1:4" x14ac:dyDescent="0.25">
      <c r="A41230" t="s">
        <v>58298</v>
      </c>
      <c r="B41230" t="s">
        <v>58302</v>
      </c>
      <c r="C41230">
        <v>2</v>
      </c>
      <c r="D41230">
        <v>0</v>
      </c>
    </row>
    <row r="41231" spans="1:4" x14ac:dyDescent="0.25">
      <c r="A41231" t="s">
        <v>58298</v>
      </c>
      <c r="B41231" t="s">
        <v>58303</v>
      </c>
      <c r="C41231">
        <v>2</v>
      </c>
      <c r="D41231">
        <v>0</v>
      </c>
    </row>
    <row r="41232" spans="1:4" x14ac:dyDescent="0.25">
      <c r="A41232" t="s">
        <v>58298</v>
      </c>
      <c r="B41232" t="s">
        <v>58304</v>
      </c>
      <c r="C41232">
        <v>2</v>
      </c>
      <c r="D41232">
        <v>0</v>
      </c>
    </row>
    <row r="41233" spans="1:4" x14ac:dyDescent="0.25">
      <c r="A41233" t="s">
        <v>58298</v>
      </c>
      <c r="B41233" t="s">
        <v>58305</v>
      </c>
      <c r="C41233">
        <v>1</v>
      </c>
      <c r="D41233">
        <v>0</v>
      </c>
    </row>
    <row r="41234" spans="1:4" x14ac:dyDescent="0.25">
      <c r="A41234" t="s">
        <v>58298</v>
      </c>
      <c r="B41234" t="s">
        <v>58306</v>
      </c>
      <c r="C41234">
        <v>1</v>
      </c>
      <c r="D41234">
        <v>0</v>
      </c>
    </row>
    <row r="41235" spans="1:4" x14ac:dyDescent="0.25">
      <c r="A41235" t="s">
        <v>58298</v>
      </c>
      <c r="B41235" t="s">
        <v>58307</v>
      </c>
      <c r="C41235">
        <v>0</v>
      </c>
      <c r="D41235">
        <v>0</v>
      </c>
    </row>
    <row r="41236" spans="1:4" x14ac:dyDescent="0.25">
      <c r="A41236" t="s">
        <v>58308</v>
      </c>
      <c r="B41236" t="s">
        <v>58309</v>
      </c>
      <c r="C41236">
        <v>0</v>
      </c>
      <c r="D41236">
        <v>0</v>
      </c>
    </row>
    <row r="41237" spans="1:4" x14ac:dyDescent="0.25">
      <c r="A41237" t="s">
        <v>58308</v>
      </c>
      <c r="B41237" t="s">
        <v>58310</v>
      </c>
      <c r="C41237">
        <v>1</v>
      </c>
      <c r="D41237">
        <v>0</v>
      </c>
    </row>
    <row r="41238" spans="1:4" x14ac:dyDescent="0.25">
      <c r="A41238" t="s">
        <v>58311</v>
      </c>
      <c r="B41238" t="s">
        <v>58312</v>
      </c>
      <c r="C41238">
        <v>1</v>
      </c>
      <c r="D41238">
        <v>0</v>
      </c>
    </row>
    <row r="41239" spans="1:4" x14ac:dyDescent="0.25">
      <c r="A41239" t="s">
        <v>58311</v>
      </c>
      <c r="B41239" t="s">
        <v>58313</v>
      </c>
      <c r="C41239">
        <v>1</v>
      </c>
      <c r="D41239">
        <v>0</v>
      </c>
    </row>
    <row r="41240" spans="1:4" x14ac:dyDescent="0.25">
      <c r="A41240" t="s">
        <v>58311</v>
      </c>
      <c r="B41240" t="s">
        <v>58314</v>
      </c>
      <c r="C41240">
        <v>1</v>
      </c>
      <c r="D41240">
        <v>0</v>
      </c>
    </row>
    <row r="41241" spans="1:4" x14ac:dyDescent="0.25">
      <c r="A41241" t="s">
        <v>58311</v>
      </c>
      <c r="B41241" t="s">
        <v>58315</v>
      </c>
      <c r="C41241">
        <v>1</v>
      </c>
      <c r="D41241">
        <v>0</v>
      </c>
    </row>
    <row r="41242" spans="1:4" x14ac:dyDescent="0.25">
      <c r="A41242" t="s">
        <v>58311</v>
      </c>
      <c r="B41242" t="s">
        <v>58316</v>
      </c>
      <c r="C41242">
        <v>1</v>
      </c>
      <c r="D41242">
        <v>0</v>
      </c>
    </row>
    <row r="41243" spans="1:4" x14ac:dyDescent="0.25">
      <c r="A41243" t="s">
        <v>58311</v>
      </c>
      <c r="B41243" t="s">
        <v>58317</v>
      </c>
      <c r="C41243">
        <v>1</v>
      </c>
      <c r="D41243">
        <v>0</v>
      </c>
    </row>
    <row r="41244" spans="1:4" x14ac:dyDescent="0.25">
      <c r="A41244" t="s">
        <v>58311</v>
      </c>
      <c r="B41244" t="s">
        <v>58318</v>
      </c>
      <c r="C41244">
        <v>1</v>
      </c>
      <c r="D41244">
        <v>0</v>
      </c>
    </row>
    <row r="41245" spans="1:4" x14ac:dyDescent="0.25">
      <c r="A41245" t="s">
        <v>58311</v>
      </c>
      <c r="B41245" t="s">
        <v>58319</v>
      </c>
      <c r="C41245">
        <v>2</v>
      </c>
      <c r="D41245">
        <v>0</v>
      </c>
    </row>
    <row r="41246" spans="1:4" x14ac:dyDescent="0.25">
      <c r="A41246" t="s">
        <v>58320</v>
      </c>
      <c r="B41246" t="s">
        <v>58321</v>
      </c>
      <c r="C41246">
        <v>2</v>
      </c>
      <c r="D41246">
        <v>0</v>
      </c>
    </row>
    <row r="41247" spans="1:4" x14ac:dyDescent="0.25">
      <c r="A41247" t="s">
        <v>58320</v>
      </c>
      <c r="B41247" t="s">
        <v>58322</v>
      </c>
      <c r="C41247">
        <v>1</v>
      </c>
      <c r="D41247">
        <v>0</v>
      </c>
    </row>
    <row r="41248" spans="1:4" x14ac:dyDescent="0.25">
      <c r="A41248" t="s">
        <v>58320</v>
      </c>
      <c r="B41248" t="s">
        <v>58323</v>
      </c>
      <c r="C41248">
        <v>2</v>
      </c>
      <c r="D41248">
        <v>0</v>
      </c>
    </row>
    <row r="41249" spans="1:4" x14ac:dyDescent="0.25">
      <c r="A41249" t="s">
        <v>58320</v>
      </c>
      <c r="B41249" t="s">
        <v>58324</v>
      </c>
      <c r="C41249">
        <v>2</v>
      </c>
      <c r="D41249">
        <v>0</v>
      </c>
    </row>
    <row r="41250" spans="1:4" x14ac:dyDescent="0.25">
      <c r="A41250" t="s">
        <v>58325</v>
      </c>
      <c r="B41250" t="s">
        <v>58326</v>
      </c>
      <c r="C41250">
        <v>1</v>
      </c>
      <c r="D41250">
        <v>0</v>
      </c>
    </row>
    <row r="41251" spans="1:4" x14ac:dyDescent="0.25">
      <c r="A41251" t="s">
        <v>58325</v>
      </c>
      <c r="B41251" t="s">
        <v>58327</v>
      </c>
      <c r="C41251">
        <v>2</v>
      </c>
      <c r="D41251">
        <v>0</v>
      </c>
    </row>
    <row r="41252" spans="1:4" x14ac:dyDescent="0.25">
      <c r="A41252" t="s">
        <v>58325</v>
      </c>
      <c r="B41252" t="s">
        <v>58328</v>
      </c>
      <c r="C41252">
        <v>2</v>
      </c>
      <c r="D41252">
        <v>0</v>
      </c>
    </row>
    <row r="41253" spans="1:4" x14ac:dyDescent="0.25">
      <c r="A41253" t="s">
        <v>58325</v>
      </c>
      <c r="B41253" t="s">
        <v>58329</v>
      </c>
      <c r="C41253">
        <v>1</v>
      </c>
      <c r="D41253">
        <v>0</v>
      </c>
    </row>
    <row r="41254" spans="1:4" x14ac:dyDescent="0.25">
      <c r="A41254" t="s">
        <v>58325</v>
      </c>
      <c r="B41254" t="s">
        <v>58330</v>
      </c>
      <c r="C41254">
        <v>1</v>
      </c>
      <c r="D41254">
        <v>0</v>
      </c>
    </row>
    <row r="41255" spans="1:4" x14ac:dyDescent="0.25">
      <c r="A41255" t="s">
        <v>58331</v>
      </c>
      <c r="B41255" t="s">
        <v>58332</v>
      </c>
      <c r="C41255">
        <v>0</v>
      </c>
      <c r="D41255">
        <v>0</v>
      </c>
    </row>
    <row r="41256" spans="1:4" x14ac:dyDescent="0.25">
      <c r="A41256" t="s">
        <v>58331</v>
      </c>
      <c r="B41256" t="s">
        <v>58333</v>
      </c>
      <c r="C41256">
        <v>1</v>
      </c>
      <c r="D41256">
        <v>0</v>
      </c>
    </row>
    <row r="41257" spans="1:4" x14ac:dyDescent="0.25">
      <c r="A41257" t="s">
        <v>58331</v>
      </c>
      <c r="B41257" t="s">
        <v>58334</v>
      </c>
      <c r="C41257">
        <v>0</v>
      </c>
      <c r="D41257">
        <v>0</v>
      </c>
    </row>
    <row r="41258" spans="1:4" x14ac:dyDescent="0.25">
      <c r="A41258" t="s">
        <v>58331</v>
      </c>
      <c r="B41258" t="s">
        <v>58335</v>
      </c>
      <c r="C41258">
        <v>1</v>
      </c>
      <c r="D41258">
        <v>0</v>
      </c>
    </row>
    <row r="41259" spans="1:4" x14ac:dyDescent="0.25">
      <c r="A41259" t="s">
        <v>58336</v>
      </c>
      <c r="B41259" t="s">
        <v>58337</v>
      </c>
      <c r="C41259">
        <v>0</v>
      </c>
      <c r="D41259">
        <v>0</v>
      </c>
    </row>
    <row r="41260" spans="1:4" x14ac:dyDescent="0.25">
      <c r="A41260" t="s">
        <v>58336</v>
      </c>
      <c r="B41260" t="s">
        <v>58338</v>
      </c>
      <c r="C41260">
        <v>0</v>
      </c>
      <c r="D41260">
        <v>0</v>
      </c>
    </row>
    <row r="41261" spans="1:4" x14ac:dyDescent="0.25">
      <c r="A41261" t="s">
        <v>58336</v>
      </c>
      <c r="B41261" t="s">
        <v>58339</v>
      </c>
      <c r="C41261">
        <v>0</v>
      </c>
      <c r="D41261">
        <v>0</v>
      </c>
    </row>
    <row r="41262" spans="1:4" x14ac:dyDescent="0.25">
      <c r="A41262" t="s">
        <v>58336</v>
      </c>
      <c r="B41262" t="s">
        <v>58340</v>
      </c>
      <c r="C41262">
        <v>0</v>
      </c>
      <c r="D41262">
        <v>0</v>
      </c>
    </row>
    <row r="41263" spans="1:4" x14ac:dyDescent="0.25">
      <c r="A41263" t="s">
        <v>58336</v>
      </c>
      <c r="B41263" t="s">
        <v>58341</v>
      </c>
      <c r="C41263">
        <v>1</v>
      </c>
      <c r="D41263">
        <v>0</v>
      </c>
    </row>
    <row r="41264" spans="1:4" x14ac:dyDescent="0.25">
      <c r="A41264" t="s">
        <v>58336</v>
      </c>
      <c r="B41264" t="s">
        <v>58342</v>
      </c>
      <c r="C41264">
        <v>1</v>
      </c>
      <c r="D41264">
        <v>0</v>
      </c>
    </row>
    <row r="41265" spans="1:4" x14ac:dyDescent="0.25">
      <c r="A41265" t="s">
        <v>58336</v>
      </c>
      <c r="B41265" t="s">
        <v>58343</v>
      </c>
      <c r="C41265">
        <v>0</v>
      </c>
      <c r="D41265">
        <v>0</v>
      </c>
    </row>
    <row r="41266" spans="1:4" x14ac:dyDescent="0.25">
      <c r="A41266" t="s">
        <v>58344</v>
      </c>
      <c r="B41266" t="s">
        <v>58345</v>
      </c>
      <c r="C41266">
        <v>1</v>
      </c>
      <c r="D41266">
        <v>0</v>
      </c>
    </row>
    <row r="41267" spans="1:4" x14ac:dyDescent="0.25">
      <c r="A41267" t="s">
        <v>58344</v>
      </c>
      <c r="B41267" t="s">
        <v>58346</v>
      </c>
      <c r="C41267">
        <v>1</v>
      </c>
      <c r="D41267">
        <v>0</v>
      </c>
    </row>
    <row r="41268" spans="1:4" x14ac:dyDescent="0.25">
      <c r="A41268" t="s">
        <v>58344</v>
      </c>
      <c r="B41268" t="s">
        <v>58347</v>
      </c>
      <c r="C41268">
        <v>0</v>
      </c>
      <c r="D41268">
        <v>0</v>
      </c>
    </row>
    <row r="41269" spans="1:4" x14ac:dyDescent="0.25">
      <c r="A41269" t="s">
        <v>58344</v>
      </c>
      <c r="B41269" t="s">
        <v>58348</v>
      </c>
      <c r="C41269">
        <v>1</v>
      </c>
      <c r="D41269">
        <v>0</v>
      </c>
    </row>
    <row r="41270" spans="1:4" x14ac:dyDescent="0.25">
      <c r="A41270" t="s">
        <v>58344</v>
      </c>
      <c r="B41270" t="s">
        <v>58349</v>
      </c>
      <c r="C41270">
        <v>1</v>
      </c>
      <c r="D41270">
        <v>0</v>
      </c>
    </row>
    <row r="41271" spans="1:4" x14ac:dyDescent="0.25">
      <c r="A41271" t="s">
        <v>58344</v>
      </c>
      <c r="B41271" t="s">
        <v>58350</v>
      </c>
      <c r="C41271">
        <v>0</v>
      </c>
      <c r="D41271">
        <v>0</v>
      </c>
    </row>
    <row r="41272" spans="1:4" x14ac:dyDescent="0.25">
      <c r="A41272" t="s">
        <v>58351</v>
      </c>
      <c r="B41272" t="s">
        <v>58352</v>
      </c>
      <c r="C41272">
        <v>1</v>
      </c>
      <c r="D41272">
        <v>0</v>
      </c>
    </row>
    <row r="41273" spans="1:4" x14ac:dyDescent="0.25">
      <c r="A41273" t="s">
        <v>58351</v>
      </c>
      <c r="B41273" t="s">
        <v>58353</v>
      </c>
      <c r="C41273">
        <v>1</v>
      </c>
      <c r="D41273">
        <v>0</v>
      </c>
    </row>
    <row r="41274" spans="1:4" x14ac:dyDescent="0.25">
      <c r="A41274" t="s">
        <v>58351</v>
      </c>
      <c r="B41274" t="s">
        <v>58354</v>
      </c>
      <c r="C41274">
        <v>1</v>
      </c>
      <c r="D41274">
        <v>0</v>
      </c>
    </row>
    <row r="41275" spans="1:4" x14ac:dyDescent="0.25">
      <c r="A41275" t="s">
        <v>58351</v>
      </c>
      <c r="B41275" t="s">
        <v>58355</v>
      </c>
      <c r="C41275">
        <v>1</v>
      </c>
      <c r="D41275">
        <v>0</v>
      </c>
    </row>
    <row r="41276" spans="1:4" x14ac:dyDescent="0.25">
      <c r="A41276" t="s">
        <v>58351</v>
      </c>
      <c r="B41276" t="s">
        <v>58356</v>
      </c>
      <c r="C41276">
        <v>1</v>
      </c>
      <c r="D41276">
        <v>0</v>
      </c>
    </row>
    <row r="41277" spans="1:4" x14ac:dyDescent="0.25">
      <c r="A41277" t="s">
        <v>58351</v>
      </c>
      <c r="B41277" t="s">
        <v>58357</v>
      </c>
      <c r="C41277">
        <v>1</v>
      </c>
      <c r="D41277">
        <v>0</v>
      </c>
    </row>
    <row r="41278" spans="1:4" x14ac:dyDescent="0.25">
      <c r="A41278" t="s">
        <v>58351</v>
      </c>
      <c r="B41278" t="s">
        <v>58358</v>
      </c>
      <c r="C41278">
        <v>0</v>
      </c>
      <c r="D41278">
        <v>0</v>
      </c>
    </row>
    <row r="41279" spans="1:4" x14ac:dyDescent="0.25">
      <c r="A41279" t="s">
        <v>58359</v>
      </c>
      <c r="B41279" t="s">
        <v>58360</v>
      </c>
      <c r="C41279">
        <v>1</v>
      </c>
      <c r="D41279">
        <v>0</v>
      </c>
    </row>
    <row r="41280" spans="1:4" x14ac:dyDescent="0.25">
      <c r="A41280" t="s">
        <v>58359</v>
      </c>
      <c r="B41280" t="s">
        <v>58361</v>
      </c>
      <c r="C41280">
        <v>1</v>
      </c>
      <c r="D41280">
        <v>0</v>
      </c>
    </row>
    <row r="41281" spans="1:4" x14ac:dyDescent="0.25">
      <c r="A41281" t="s">
        <v>58359</v>
      </c>
      <c r="B41281" t="s">
        <v>58362</v>
      </c>
      <c r="C41281">
        <v>2</v>
      </c>
      <c r="D41281">
        <v>0</v>
      </c>
    </row>
    <row r="41282" spans="1:4" x14ac:dyDescent="0.25">
      <c r="A41282" t="s">
        <v>58359</v>
      </c>
      <c r="B41282" t="s">
        <v>58363</v>
      </c>
      <c r="C41282">
        <v>2</v>
      </c>
      <c r="D41282">
        <v>0</v>
      </c>
    </row>
    <row r="41283" spans="1:4" x14ac:dyDescent="0.25">
      <c r="A41283" t="s">
        <v>58359</v>
      </c>
      <c r="B41283" t="s">
        <v>58364</v>
      </c>
      <c r="C41283">
        <v>2</v>
      </c>
      <c r="D41283">
        <v>0</v>
      </c>
    </row>
    <row r="41284" spans="1:4" x14ac:dyDescent="0.25">
      <c r="A41284" t="s">
        <v>58359</v>
      </c>
      <c r="B41284" t="s">
        <v>58365</v>
      </c>
      <c r="C41284">
        <v>1</v>
      </c>
      <c r="D41284">
        <v>0</v>
      </c>
    </row>
    <row r="41285" spans="1:4" x14ac:dyDescent="0.25">
      <c r="A41285" t="s">
        <v>58366</v>
      </c>
      <c r="B41285" t="s">
        <v>58367</v>
      </c>
      <c r="C41285">
        <v>0</v>
      </c>
      <c r="D41285">
        <v>0</v>
      </c>
    </row>
    <row r="41286" spans="1:4" x14ac:dyDescent="0.25">
      <c r="A41286" t="s">
        <v>58368</v>
      </c>
      <c r="B41286" t="s">
        <v>58369</v>
      </c>
      <c r="C41286">
        <v>1</v>
      </c>
      <c r="D41286">
        <v>0</v>
      </c>
    </row>
    <row r="41287" spans="1:4" x14ac:dyDescent="0.25">
      <c r="A41287" t="s">
        <v>58368</v>
      </c>
      <c r="B41287" t="s">
        <v>58370</v>
      </c>
      <c r="C41287">
        <v>0</v>
      </c>
      <c r="D41287">
        <v>0</v>
      </c>
    </row>
    <row r="41288" spans="1:4" x14ac:dyDescent="0.25">
      <c r="A41288" t="s">
        <v>58368</v>
      </c>
      <c r="B41288" t="s">
        <v>58371</v>
      </c>
      <c r="C41288">
        <v>1</v>
      </c>
      <c r="D41288">
        <v>0</v>
      </c>
    </row>
    <row r="41289" spans="1:4" x14ac:dyDescent="0.25">
      <c r="A41289" t="s">
        <v>58368</v>
      </c>
      <c r="B41289" t="s">
        <v>58372</v>
      </c>
      <c r="C41289">
        <v>0</v>
      </c>
      <c r="D41289">
        <v>0</v>
      </c>
    </row>
    <row r="41290" spans="1:4" x14ac:dyDescent="0.25">
      <c r="A41290" t="s">
        <v>58368</v>
      </c>
      <c r="B41290" t="s">
        <v>58373</v>
      </c>
      <c r="C41290">
        <v>0</v>
      </c>
      <c r="D41290">
        <v>0</v>
      </c>
    </row>
    <row r="41291" spans="1:4" x14ac:dyDescent="0.25">
      <c r="A41291" t="s">
        <v>58368</v>
      </c>
      <c r="B41291" t="s">
        <v>58374</v>
      </c>
      <c r="C41291">
        <v>1</v>
      </c>
      <c r="D41291">
        <v>0</v>
      </c>
    </row>
    <row r="41292" spans="1:4" x14ac:dyDescent="0.25">
      <c r="A41292" t="s">
        <v>58375</v>
      </c>
      <c r="B41292" t="s">
        <v>58376</v>
      </c>
      <c r="C41292">
        <v>1</v>
      </c>
      <c r="D41292">
        <v>0</v>
      </c>
    </row>
    <row r="41293" spans="1:4" x14ac:dyDescent="0.25">
      <c r="A41293" t="s">
        <v>58375</v>
      </c>
      <c r="B41293" t="s">
        <v>58377</v>
      </c>
      <c r="C41293">
        <v>1</v>
      </c>
      <c r="D41293">
        <v>0</v>
      </c>
    </row>
    <row r="41294" spans="1:4" x14ac:dyDescent="0.25">
      <c r="A41294" t="s">
        <v>58375</v>
      </c>
      <c r="B41294" t="s">
        <v>58378</v>
      </c>
      <c r="C41294">
        <v>1</v>
      </c>
      <c r="D41294">
        <v>0</v>
      </c>
    </row>
    <row r="41295" spans="1:4" x14ac:dyDescent="0.25">
      <c r="A41295" t="s">
        <v>58375</v>
      </c>
      <c r="B41295" t="s">
        <v>58379</v>
      </c>
      <c r="C41295">
        <v>0</v>
      </c>
      <c r="D41295">
        <v>0</v>
      </c>
    </row>
    <row r="41296" spans="1:4" x14ac:dyDescent="0.25">
      <c r="A41296" t="s">
        <v>58375</v>
      </c>
      <c r="B41296" t="s">
        <v>58380</v>
      </c>
      <c r="C41296">
        <v>0</v>
      </c>
      <c r="D41296">
        <v>0</v>
      </c>
    </row>
    <row r="41297" spans="1:4" x14ac:dyDescent="0.25">
      <c r="A41297" t="s">
        <v>58381</v>
      </c>
      <c r="B41297" t="s">
        <v>58382</v>
      </c>
      <c r="C41297">
        <v>1</v>
      </c>
      <c r="D41297">
        <v>0</v>
      </c>
    </row>
    <row r="41298" spans="1:4" x14ac:dyDescent="0.25">
      <c r="A41298" t="s">
        <v>58381</v>
      </c>
      <c r="B41298" t="s">
        <v>58383</v>
      </c>
      <c r="C41298">
        <v>1</v>
      </c>
      <c r="D41298">
        <v>0</v>
      </c>
    </row>
    <row r="41299" spans="1:4" x14ac:dyDescent="0.25">
      <c r="A41299" t="s">
        <v>58381</v>
      </c>
      <c r="B41299" t="s">
        <v>58384</v>
      </c>
      <c r="C41299">
        <v>0</v>
      </c>
      <c r="D41299">
        <v>0</v>
      </c>
    </row>
    <row r="41300" spans="1:4" x14ac:dyDescent="0.25">
      <c r="A41300" t="s">
        <v>58385</v>
      </c>
      <c r="B41300" t="s">
        <v>58386</v>
      </c>
      <c r="C41300">
        <v>1</v>
      </c>
      <c r="D41300">
        <v>0</v>
      </c>
    </row>
    <row r="41301" spans="1:4" x14ac:dyDescent="0.25">
      <c r="A41301" t="s">
        <v>58385</v>
      </c>
      <c r="B41301" t="s">
        <v>58387</v>
      </c>
      <c r="C41301">
        <v>1</v>
      </c>
      <c r="D41301">
        <v>0</v>
      </c>
    </row>
    <row r="41302" spans="1:4" x14ac:dyDescent="0.25">
      <c r="A41302" t="s">
        <v>58385</v>
      </c>
      <c r="B41302" t="s">
        <v>58388</v>
      </c>
      <c r="C41302">
        <v>1</v>
      </c>
      <c r="D41302">
        <v>0</v>
      </c>
    </row>
    <row r="41303" spans="1:4" x14ac:dyDescent="0.25">
      <c r="A41303" t="s">
        <v>58385</v>
      </c>
      <c r="B41303" t="s">
        <v>58389</v>
      </c>
      <c r="C41303">
        <v>1</v>
      </c>
      <c r="D41303">
        <v>0</v>
      </c>
    </row>
    <row r="41304" spans="1:4" x14ac:dyDescent="0.25">
      <c r="A41304" t="s">
        <v>58385</v>
      </c>
      <c r="B41304" t="s">
        <v>58390</v>
      </c>
      <c r="C41304">
        <v>0</v>
      </c>
      <c r="D41304">
        <v>0</v>
      </c>
    </row>
    <row r="41305" spans="1:4" x14ac:dyDescent="0.25">
      <c r="A41305" t="s">
        <v>58385</v>
      </c>
      <c r="B41305" t="s">
        <v>58391</v>
      </c>
      <c r="C41305">
        <v>1</v>
      </c>
      <c r="D41305">
        <v>0</v>
      </c>
    </row>
    <row r="41306" spans="1:4" x14ac:dyDescent="0.25">
      <c r="A41306" t="s">
        <v>58392</v>
      </c>
      <c r="B41306" t="s">
        <v>58393</v>
      </c>
      <c r="C41306">
        <v>1</v>
      </c>
      <c r="D41306">
        <v>0</v>
      </c>
    </row>
    <row r="41307" spans="1:4" x14ac:dyDescent="0.25">
      <c r="A41307" t="s">
        <v>58392</v>
      </c>
      <c r="B41307" t="s">
        <v>58394</v>
      </c>
      <c r="C41307">
        <v>0</v>
      </c>
      <c r="D41307">
        <v>0</v>
      </c>
    </row>
    <row r="41308" spans="1:4" x14ac:dyDescent="0.25">
      <c r="A41308" t="s">
        <v>58392</v>
      </c>
      <c r="B41308" t="s">
        <v>58395</v>
      </c>
      <c r="C41308">
        <v>0</v>
      </c>
      <c r="D41308">
        <v>0</v>
      </c>
    </row>
    <row r="41309" spans="1:4" x14ac:dyDescent="0.25">
      <c r="A41309" t="s">
        <v>58392</v>
      </c>
      <c r="B41309" t="s">
        <v>58396</v>
      </c>
      <c r="C41309">
        <v>0</v>
      </c>
      <c r="D41309">
        <v>0</v>
      </c>
    </row>
    <row r="41310" spans="1:4" x14ac:dyDescent="0.25">
      <c r="A41310" t="s">
        <v>58392</v>
      </c>
      <c r="B41310" t="s">
        <v>58397</v>
      </c>
      <c r="C41310">
        <v>2</v>
      </c>
      <c r="D41310">
        <v>0</v>
      </c>
    </row>
    <row r="41311" spans="1:4" x14ac:dyDescent="0.25">
      <c r="A41311" t="s">
        <v>58392</v>
      </c>
      <c r="B41311" t="s">
        <v>58398</v>
      </c>
      <c r="C41311">
        <v>0</v>
      </c>
      <c r="D41311">
        <v>0</v>
      </c>
    </row>
    <row r="41312" spans="1:4" x14ac:dyDescent="0.25">
      <c r="A41312" t="s">
        <v>58399</v>
      </c>
      <c r="B41312" t="s">
        <v>58400</v>
      </c>
      <c r="C41312">
        <v>1</v>
      </c>
      <c r="D41312">
        <v>0</v>
      </c>
    </row>
    <row r="41313" spans="1:4" x14ac:dyDescent="0.25">
      <c r="A41313" t="s">
        <v>58401</v>
      </c>
      <c r="B41313" t="s">
        <v>58402</v>
      </c>
      <c r="C41313">
        <v>0</v>
      </c>
      <c r="D41313">
        <v>0</v>
      </c>
    </row>
    <row r="41314" spans="1:4" x14ac:dyDescent="0.25">
      <c r="A41314" t="s">
        <v>58401</v>
      </c>
      <c r="B41314" t="s">
        <v>58403</v>
      </c>
      <c r="C41314">
        <v>1</v>
      </c>
      <c r="D41314">
        <v>0</v>
      </c>
    </row>
    <row r="41315" spans="1:4" x14ac:dyDescent="0.25">
      <c r="A41315" t="s">
        <v>58401</v>
      </c>
      <c r="B41315" t="s">
        <v>58404</v>
      </c>
      <c r="C41315">
        <v>1</v>
      </c>
      <c r="D41315">
        <v>0</v>
      </c>
    </row>
    <row r="41316" spans="1:4" x14ac:dyDescent="0.25">
      <c r="A41316" t="s">
        <v>58401</v>
      </c>
      <c r="B41316" t="s">
        <v>58405</v>
      </c>
      <c r="C41316">
        <v>0</v>
      </c>
      <c r="D41316">
        <v>0</v>
      </c>
    </row>
    <row r="41317" spans="1:4" x14ac:dyDescent="0.25">
      <c r="A41317" t="s">
        <v>58401</v>
      </c>
      <c r="B41317" t="s">
        <v>58406</v>
      </c>
      <c r="C41317">
        <v>1</v>
      </c>
      <c r="D41317">
        <v>0</v>
      </c>
    </row>
    <row r="41318" spans="1:4" x14ac:dyDescent="0.25">
      <c r="A41318" t="s">
        <v>58401</v>
      </c>
      <c r="B41318" t="s">
        <v>58407</v>
      </c>
      <c r="C41318">
        <v>2</v>
      </c>
      <c r="D41318">
        <v>0</v>
      </c>
    </row>
    <row r="41319" spans="1:4" x14ac:dyDescent="0.25">
      <c r="A41319" t="s">
        <v>58401</v>
      </c>
      <c r="B41319" t="s">
        <v>58408</v>
      </c>
      <c r="C41319">
        <v>1</v>
      </c>
      <c r="D41319">
        <v>0</v>
      </c>
    </row>
    <row r="41320" spans="1:4" x14ac:dyDescent="0.25">
      <c r="A41320" t="s">
        <v>58401</v>
      </c>
      <c r="B41320" t="s">
        <v>58409</v>
      </c>
      <c r="C41320">
        <v>1</v>
      </c>
      <c r="D41320">
        <v>0</v>
      </c>
    </row>
    <row r="41321" spans="1:4" x14ac:dyDescent="0.25">
      <c r="A41321" t="s">
        <v>58401</v>
      </c>
      <c r="B41321" t="s">
        <v>58410</v>
      </c>
      <c r="C41321">
        <v>0</v>
      </c>
      <c r="D41321">
        <v>0</v>
      </c>
    </row>
    <row r="41322" spans="1:4" x14ac:dyDescent="0.25">
      <c r="A41322" t="s">
        <v>58411</v>
      </c>
      <c r="B41322" t="s">
        <v>58412</v>
      </c>
      <c r="C41322">
        <v>1</v>
      </c>
      <c r="D41322">
        <v>0</v>
      </c>
    </row>
    <row r="41323" spans="1:4" x14ac:dyDescent="0.25">
      <c r="A41323" t="s">
        <v>58411</v>
      </c>
      <c r="B41323" t="s">
        <v>58413</v>
      </c>
      <c r="C41323">
        <v>2</v>
      </c>
      <c r="D41323">
        <v>0</v>
      </c>
    </row>
    <row r="41324" spans="1:4" x14ac:dyDescent="0.25">
      <c r="A41324" t="s">
        <v>58414</v>
      </c>
      <c r="B41324" t="s">
        <v>58415</v>
      </c>
      <c r="C41324">
        <v>1</v>
      </c>
      <c r="D41324">
        <v>0</v>
      </c>
    </row>
    <row r="41325" spans="1:4" x14ac:dyDescent="0.25">
      <c r="A41325" t="s">
        <v>58414</v>
      </c>
      <c r="B41325" t="s">
        <v>58416</v>
      </c>
      <c r="C41325">
        <v>1</v>
      </c>
      <c r="D41325">
        <v>0</v>
      </c>
    </row>
    <row r="41326" spans="1:4" x14ac:dyDescent="0.25">
      <c r="A41326" t="s">
        <v>58417</v>
      </c>
      <c r="B41326" t="s">
        <v>58418</v>
      </c>
      <c r="C41326">
        <v>0</v>
      </c>
      <c r="D41326">
        <v>0</v>
      </c>
    </row>
    <row r="41327" spans="1:4" x14ac:dyDescent="0.25">
      <c r="A41327" t="s">
        <v>58417</v>
      </c>
      <c r="B41327" t="s">
        <v>58419</v>
      </c>
      <c r="C41327">
        <v>1</v>
      </c>
      <c r="D41327">
        <v>0</v>
      </c>
    </row>
    <row r="41328" spans="1:4" x14ac:dyDescent="0.25">
      <c r="A41328" t="s">
        <v>58417</v>
      </c>
      <c r="B41328" t="s">
        <v>58420</v>
      </c>
      <c r="C41328">
        <v>1</v>
      </c>
      <c r="D41328">
        <v>0</v>
      </c>
    </row>
    <row r="41329" spans="1:4" x14ac:dyDescent="0.25">
      <c r="A41329" t="s">
        <v>58417</v>
      </c>
      <c r="B41329" t="s">
        <v>58421</v>
      </c>
      <c r="C41329">
        <v>0</v>
      </c>
      <c r="D41329">
        <v>0</v>
      </c>
    </row>
    <row r="41330" spans="1:4" x14ac:dyDescent="0.25">
      <c r="A41330" t="s">
        <v>58417</v>
      </c>
      <c r="B41330" t="s">
        <v>58422</v>
      </c>
      <c r="C41330">
        <v>2</v>
      </c>
      <c r="D41330">
        <v>0</v>
      </c>
    </row>
    <row r="41331" spans="1:4" x14ac:dyDescent="0.25">
      <c r="A41331" t="s">
        <v>58423</v>
      </c>
      <c r="B41331" t="s">
        <v>58424</v>
      </c>
      <c r="C41331">
        <v>0</v>
      </c>
      <c r="D41331">
        <v>0</v>
      </c>
    </row>
    <row r="41332" spans="1:4" x14ac:dyDescent="0.25">
      <c r="A41332" t="s">
        <v>58423</v>
      </c>
      <c r="B41332" t="s">
        <v>58425</v>
      </c>
      <c r="C41332">
        <v>2</v>
      </c>
      <c r="D41332">
        <v>0</v>
      </c>
    </row>
    <row r="41333" spans="1:4" x14ac:dyDescent="0.25">
      <c r="A41333" t="s">
        <v>58423</v>
      </c>
      <c r="B41333" t="s">
        <v>58426</v>
      </c>
      <c r="C41333">
        <v>2</v>
      </c>
      <c r="D41333">
        <v>0</v>
      </c>
    </row>
    <row r="41334" spans="1:4" x14ac:dyDescent="0.25">
      <c r="A41334" t="s">
        <v>58423</v>
      </c>
      <c r="B41334" t="s">
        <v>58427</v>
      </c>
      <c r="C41334">
        <v>0</v>
      </c>
      <c r="D41334">
        <v>0</v>
      </c>
    </row>
    <row r="41335" spans="1:4" x14ac:dyDescent="0.25">
      <c r="A41335" t="s">
        <v>58428</v>
      </c>
      <c r="B41335" t="s">
        <v>1001</v>
      </c>
      <c r="C41335">
        <v>1</v>
      </c>
      <c r="D41335">
        <v>0</v>
      </c>
    </row>
    <row r="41336" spans="1:4" x14ac:dyDescent="0.25">
      <c r="A41336" t="s">
        <v>58428</v>
      </c>
      <c r="B41336" t="s">
        <v>58429</v>
      </c>
      <c r="C41336">
        <v>1</v>
      </c>
      <c r="D41336">
        <v>0</v>
      </c>
    </row>
    <row r="41337" spans="1:4" x14ac:dyDescent="0.25">
      <c r="A41337" t="s">
        <v>58428</v>
      </c>
      <c r="B41337" t="s">
        <v>58430</v>
      </c>
      <c r="C41337">
        <v>2</v>
      </c>
      <c r="D41337">
        <v>0</v>
      </c>
    </row>
    <row r="41338" spans="1:4" x14ac:dyDescent="0.25">
      <c r="A41338" t="s">
        <v>58428</v>
      </c>
      <c r="B41338" t="s">
        <v>58431</v>
      </c>
      <c r="C41338">
        <v>2</v>
      </c>
      <c r="D41338">
        <v>0</v>
      </c>
    </row>
    <row r="41339" spans="1:4" x14ac:dyDescent="0.25">
      <c r="A41339" t="s">
        <v>58428</v>
      </c>
      <c r="B41339" t="s">
        <v>58432</v>
      </c>
      <c r="C41339">
        <v>1</v>
      </c>
      <c r="D41339">
        <v>0</v>
      </c>
    </row>
    <row r="41340" spans="1:4" x14ac:dyDescent="0.25">
      <c r="A41340" t="s">
        <v>58433</v>
      </c>
      <c r="B41340" t="s">
        <v>58434</v>
      </c>
      <c r="C41340">
        <v>0</v>
      </c>
      <c r="D41340">
        <v>0</v>
      </c>
    </row>
    <row r="41341" spans="1:4" x14ac:dyDescent="0.25">
      <c r="A41341" t="s">
        <v>58433</v>
      </c>
      <c r="B41341" t="s">
        <v>58435</v>
      </c>
      <c r="C41341">
        <v>1</v>
      </c>
      <c r="D41341">
        <v>0</v>
      </c>
    </row>
    <row r="41342" spans="1:4" x14ac:dyDescent="0.25">
      <c r="A41342" t="s">
        <v>58433</v>
      </c>
      <c r="B41342" t="s">
        <v>5713</v>
      </c>
      <c r="C41342">
        <v>1</v>
      </c>
      <c r="D41342">
        <v>0</v>
      </c>
    </row>
    <row r="41343" spans="1:4" x14ac:dyDescent="0.25">
      <c r="A41343" t="s">
        <v>58436</v>
      </c>
      <c r="B41343" t="s">
        <v>58437</v>
      </c>
      <c r="C41343">
        <v>0</v>
      </c>
      <c r="D41343">
        <v>0</v>
      </c>
    </row>
    <row r="41344" spans="1:4" x14ac:dyDescent="0.25">
      <c r="A41344" t="s">
        <v>58436</v>
      </c>
      <c r="B41344" t="s">
        <v>58438</v>
      </c>
      <c r="C41344">
        <v>1</v>
      </c>
      <c r="D41344">
        <v>0</v>
      </c>
    </row>
    <row r="41345" spans="1:4" x14ac:dyDescent="0.25">
      <c r="A41345" t="s">
        <v>58436</v>
      </c>
      <c r="B41345" t="s">
        <v>58439</v>
      </c>
      <c r="C41345">
        <v>1</v>
      </c>
      <c r="D41345">
        <v>0</v>
      </c>
    </row>
    <row r="41346" spans="1:4" x14ac:dyDescent="0.25">
      <c r="A41346" t="s">
        <v>58436</v>
      </c>
      <c r="B41346" t="s">
        <v>58440</v>
      </c>
      <c r="C41346">
        <v>2</v>
      </c>
      <c r="D41346">
        <v>0</v>
      </c>
    </row>
    <row r="41347" spans="1:4" x14ac:dyDescent="0.25">
      <c r="A41347" t="s">
        <v>58441</v>
      </c>
      <c r="B41347" t="s">
        <v>5434</v>
      </c>
      <c r="C41347">
        <v>1</v>
      </c>
      <c r="D41347">
        <v>0</v>
      </c>
    </row>
    <row r="41348" spans="1:4" x14ac:dyDescent="0.25">
      <c r="A41348" t="s">
        <v>58441</v>
      </c>
      <c r="B41348" t="s">
        <v>58442</v>
      </c>
      <c r="C41348">
        <v>1</v>
      </c>
      <c r="D41348">
        <v>0</v>
      </c>
    </row>
    <row r="41349" spans="1:4" x14ac:dyDescent="0.25">
      <c r="A41349" t="s">
        <v>58441</v>
      </c>
      <c r="B41349" t="s">
        <v>58443</v>
      </c>
      <c r="C41349">
        <v>2</v>
      </c>
      <c r="D41349">
        <v>0</v>
      </c>
    </row>
    <row r="41350" spans="1:4" x14ac:dyDescent="0.25">
      <c r="A41350" t="s">
        <v>58441</v>
      </c>
      <c r="B41350" t="s">
        <v>58444</v>
      </c>
      <c r="C41350">
        <v>1</v>
      </c>
      <c r="D41350">
        <v>0</v>
      </c>
    </row>
    <row r="41351" spans="1:4" x14ac:dyDescent="0.25">
      <c r="A41351" t="s">
        <v>58441</v>
      </c>
      <c r="B41351" t="s">
        <v>58445</v>
      </c>
      <c r="C41351">
        <v>1</v>
      </c>
      <c r="D41351">
        <v>0</v>
      </c>
    </row>
    <row r="41352" spans="1:4" x14ac:dyDescent="0.25">
      <c r="A41352" t="s">
        <v>58441</v>
      </c>
      <c r="B41352" t="s">
        <v>58446</v>
      </c>
      <c r="C41352">
        <v>2</v>
      </c>
      <c r="D41352">
        <v>0</v>
      </c>
    </row>
    <row r="41353" spans="1:4" x14ac:dyDescent="0.25">
      <c r="A41353" t="s">
        <v>58447</v>
      </c>
      <c r="B41353" t="s">
        <v>58448</v>
      </c>
      <c r="C41353">
        <v>1</v>
      </c>
      <c r="D41353">
        <v>0</v>
      </c>
    </row>
    <row r="41354" spans="1:4" x14ac:dyDescent="0.25">
      <c r="A41354" t="s">
        <v>58447</v>
      </c>
      <c r="B41354" t="s">
        <v>58449</v>
      </c>
      <c r="C41354">
        <v>1</v>
      </c>
      <c r="D41354">
        <v>0</v>
      </c>
    </row>
    <row r="41355" spans="1:4" x14ac:dyDescent="0.25">
      <c r="A41355" t="s">
        <v>58447</v>
      </c>
      <c r="B41355" t="s">
        <v>58450</v>
      </c>
      <c r="C41355">
        <v>1</v>
      </c>
      <c r="D41355">
        <v>0</v>
      </c>
    </row>
    <row r="41356" spans="1:4" x14ac:dyDescent="0.25">
      <c r="A41356" t="s">
        <v>58447</v>
      </c>
      <c r="B41356" t="s">
        <v>58451</v>
      </c>
      <c r="C41356">
        <v>1</v>
      </c>
      <c r="D41356">
        <v>0</v>
      </c>
    </row>
    <row r="41357" spans="1:4" x14ac:dyDescent="0.25">
      <c r="A41357" t="s">
        <v>58452</v>
      </c>
      <c r="B41357" t="s">
        <v>58453</v>
      </c>
      <c r="C41357">
        <v>1</v>
      </c>
      <c r="D41357">
        <v>0</v>
      </c>
    </row>
    <row r="41358" spans="1:4" x14ac:dyDescent="0.25">
      <c r="A41358" t="s">
        <v>58452</v>
      </c>
      <c r="B41358" t="s">
        <v>58454</v>
      </c>
      <c r="C41358">
        <v>1</v>
      </c>
      <c r="D41358">
        <v>0</v>
      </c>
    </row>
    <row r="41359" spans="1:4" x14ac:dyDescent="0.25">
      <c r="A41359" t="s">
        <v>58452</v>
      </c>
      <c r="B41359" t="s">
        <v>58455</v>
      </c>
      <c r="C41359">
        <v>1</v>
      </c>
      <c r="D41359">
        <v>0</v>
      </c>
    </row>
    <row r="41360" spans="1:4" x14ac:dyDescent="0.25">
      <c r="A41360" t="s">
        <v>58452</v>
      </c>
      <c r="B41360" t="s">
        <v>58456</v>
      </c>
      <c r="C41360">
        <v>1</v>
      </c>
      <c r="D41360">
        <v>0</v>
      </c>
    </row>
    <row r="41361" spans="1:4" x14ac:dyDescent="0.25">
      <c r="A41361" t="s">
        <v>58457</v>
      </c>
      <c r="B41361" t="s">
        <v>58458</v>
      </c>
      <c r="C41361">
        <v>2</v>
      </c>
      <c r="D41361">
        <v>0</v>
      </c>
    </row>
    <row r="41362" spans="1:4" x14ac:dyDescent="0.25">
      <c r="A41362" t="s">
        <v>58457</v>
      </c>
      <c r="B41362" t="s">
        <v>58459</v>
      </c>
      <c r="C41362">
        <v>1</v>
      </c>
      <c r="D41362">
        <v>0</v>
      </c>
    </row>
    <row r="41363" spans="1:4" x14ac:dyDescent="0.25">
      <c r="A41363" t="s">
        <v>58457</v>
      </c>
      <c r="B41363" t="s">
        <v>58460</v>
      </c>
      <c r="C41363">
        <v>2</v>
      </c>
      <c r="D41363">
        <v>0</v>
      </c>
    </row>
    <row r="41364" spans="1:4" x14ac:dyDescent="0.25">
      <c r="A41364" t="s">
        <v>58457</v>
      </c>
      <c r="B41364" t="s">
        <v>58461</v>
      </c>
      <c r="C41364">
        <v>2</v>
      </c>
      <c r="D41364">
        <v>0</v>
      </c>
    </row>
    <row r="41365" spans="1:4" x14ac:dyDescent="0.25">
      <c r="A41365" t="s">
        <v>58457</v>
      </c>
      <c r="B41365" t="s">
        <v>58462</v>
      </c>
      <c r="C41365">
        <v>1</v>
      </c>
      <c r="D41365">
        <v>0</v>
      </c>
    </row>
    <row r="41366" spans="1:4" x14ac:dyDescent="0.25">
      <c r="A41366" t="s">
        <v>58457</v>
      </c>
      <c r="B41366" t="s">
        <v>58463</v>
      </c>
      <c r="C41366">
        <v>2</v>
      </c>
      <c r="D41366">
        <v>0</v>
      </c>
    </row>
    <row r="41367" spans="1:4" x14ac:dyDescent="0.25">
      <c r="A41367" t="s">
        <v>58464</v>
      </c>
      <c r="B41367" t="s">
        <v>58465</v>
      </c>
      <c r="C41367">
        <v>0</v>
      </c>
      <c r="D41367">
        <v>0</v>
      </c>
    </row>
    <row r="41368" spans="1:4" x14ac:dyDescent="0.25">
      <c r="A41368" t="s">
        <v>58464</v>
      </c>
      <c r="B41368" t="s">
        <v>58466</v>
      </c>
      <c r="C41368">
        <v>1</v>
      </c>
      <c r="D41368">
        <v>0</v>
      </c>
    </row>
    <row r="41369" spans="1:4" x14ac:dyDescent="0.25">
      <c r="A41369" t="s">
        <v>58464</v>
      </c>
      <c r="B41369" t="s">
        <v>58467</v>
      </c>
      <c r="C41369">
        <v>1</v>
      </c>
      <c r="D41369">
        <v>0</v>
      </c>
    </row>
    <row r="41370" spans="1:4" x14ac:dyDescent="0.25">
      <c r="A41370" t="s">
        <v>58464</v>
      </c>
      <c r="B41370" t="s">
        <v>58468</v>
      </c>
      <c r="C41370">
        <v>1</v>
      </c>
      <c r="D41370">
        <v>0</v>
      </c>
    </row>
    <row r="41371" spans="1:4" x14ac:dyDescent="0.25">
      <c r="A41371" t="s">
        <v>58464</v>
      </c>
      <c r="B41371" t="s">
        <v>2865</v>
      </c>
      <c r="C41371">
        <v>0</v>
      </c>
      <c r="D41371">
        <v>0</v>
      </c>
    </row>
    <row r="41372" spans="1:4" x14ac:dyDescent="0.25">
      <c r="A41372" t="s">
        <v>58464</v>
      </c>
      <c r="B41372" t="s">
        <v>58469</v>
      </c>
      <c r="C41372">
        <v>1</v>
      </c>
      <c r="D41372">
        <v>0</v>
      </c>
    </row>
    <row r="41373" spans="1:4" x14ac:dyDescent="0.25">
      <c r="A41373" t="s">
        <v>58464</v>
      </c>
      <c r="B41373" t="s">
        <v>58470</v>
      </c>
      <c r="C41373">
        <v>1</v>
      </c>
      <c r="D41373">
        <v>0</v>
      </c>
    </row>
    <row r="41374" spans="1:4" x14ac:dyDescent="0.25">
      <c r="A41374" t="s">
        <v>58464</v>
      </c>
      <c r="B41374" t="s">
        <v>58471</v>
      </c>
      <c r="C41374">
        <v>0</v>
      </c>
      <c r="D41374">
        <v>0</v>
      </c>
    </row>
    <row r="41375" spans="1:4" x14ac:dyDescent="0.25">
      <c r="A41375" t="s">
        <v>58472</v>
      </c>
      <c r="B41375" t="s">
        <v>35546</v>
      </c>
      <c r="C41375">
        <v>1</v>
      </c>
      <c r="D41375">
        <v>0</v>
      </c>
    </row>
    <row r="41376" spans="1:4" x14ac:dyDescent="0.25">
      <c r="A41376" t="s">
        <v>58472</v>
      </c>
      <c r="B41376" t="s">
        <v>11948</v>
      </c>
      <c r="C41376">
        <v>0</v>
      </c>
      <c r="D41376">
        <v>0</v>
      </c>
    </row>
    <row r="41377" spans="1:4" x14ac:dyDescent="0.25">
      <c r="A41377" t="s">
        <v>58472</v>
      </c>
      <c r="B41377" t="s">
        <v>58473</v>
      </c>
      <c r="C41377">
        <v>1</v>
      </c>
      <c r="D41377">
        <v>0</v>
      </c>
    </row>
    <row r="41378" spans="1:4" x14ac:dyDescent="0.25">
      <c r="A41378" t="s">
        <v>58472</v>
      </c>
      <c r="B41378" t="s">
        <v>58474</v>
      </c>
      <c r="C41378">
        <v>1</v>
      </c>
      <c r="D41378">
        <v>0</v>
      </c>
    </row>
    <row r="41379" spans="1:4" x14ac:dyDescent="0.25">
      <c r="A41379" t="s">
        <v>58472</v>
      </c>
      <c r="B41379" t="s">
        <v>58475</v>
      </c>
      <c r="C41379">
        <v>0</v>
      </c>
      <c r="D41379">
        <v>0</v>
      </c>
    </row>
    <row r="41380" spans="1:4" x14ac:dyDescent="0.25">
      <c r="A41380" t="s">
        <v>58476</v>
      </c>
      <c r="B41380" t="s">
        <v>58477</v>
      </c>
      <c r="C41380">
        <v>1</v>
      </c>
      <c r="D41380">
        <v>0</v>
      </c>
    </row>
    <row r="41381" spans="1:4" x14ac:dyDescent="0.25">
      <c r="A41381" t="s">
        <v>58478</v>
      </c>
      <c r="B41381" t="s">
        <v>58479</v>
      </c>
      <c r="C41381">
        <v>2</v>
      </c>
      <c r="D41381">
        <v>0</v>
      </c>
    </row>
    <row r="41382" spans="1:4" x14ac:dyDescent="0.25">
      <c r="A41382" t="s">
        <v>58478</v>
      </c>
      <c r="B41382" t="s">
        <v>58480</v>
      </c>
      <c r="C41382">
        <v>1</v>
      </c>
      <c r="D41382">
        <v>0</v>
      </c>
    </row>
    <row r="41383" spans="1:4" x14ac:dyDescent="0.25">
      <c r="A41383" t="s">
        <v>58478</v>
      </c>
      <c r="B41383" t="s">
        <v>58481</v>
      </c>
      <c r="C41383">
        <v>0</v>
      </c>
      <c r="D41383">
        <v>0</v>
      </c>
    </row>
    <row r="41384" spans="1:4" x14ac:dyDescent="0.25">
      <c r="A41384" t="s">
        <v>58478</v>
      </c>
      <c r="B41384" t="s">
        <v>58482</v>
      </c>
      <c r="C41384">
        <v>1</v>
      </c>
      <c r="D41384">
        <v>0</v>
      </c>
    </row>
    <row r="41385" spans="1:4" x14ac:dyDescent="0.25">
      <c r="A41385" t="s">
        <v>58478</v>
      </c>
      <c r="B41385" t="s">
        <v>58483</v>
      </c>
      <c r="C41385">
        <v>1</v>
      </c>
      <c r="D41385">
        <v>0</v>
      </c>
    </row>
    <row r="41386" spans="1:4" x14ac:dyDescent="0.25">
      <c r="A41386" t="s">
        <v>58484</v>
      </c>
      <c r="B41386" t="s">
        <v>1555</v>
      </c>
      <c r="C41386">
        <v>1</v>
      </c>
      <c r="D41386">
        <v>0</v>
      </c>
    </row>
    <row r="41387" spans="1:4" x14ac:dyDescent="0.25">
      <c r="A41387" t="s">
        <v>58484</v>
      </c>
      <c r="B41387" t="s">
        <v>58485</v>
      </c>
      <c r="C41387">
        <v>2</v>
      </c>
      <c r="D41387">
        <v>0</v>
      </c>
    </row>
    <row r="41388" spans="1:4" x14ac:dyDescent="0.25">
      <c r="A41388" t="s">
        <v>58484</v>
      </c>
      <c r="B41388" t="s">
        <v>58486</v>
      </c>
      <c r="C41388">
        <v>2</v>
      </c>
      <c r="D41388">
        <v>0</v>
      </c>
    </row>
    <row r="41389" spans="1:4" x14ac:dyDescent="0.25">
      <c r="A41389" t="s">
        <v>58484</v>
      </c>
      <c r="B41389" t="s">
        <v>58487</v>
      </c>
      <c r="C41389">
        <v>2</v>
      </c>
      <c r="D41389">
        <v>0</v>
      </c>
    </row>
    <row r="41390" spans="1:4" x14ac:dyDescent="0.25">
      <c r="A41390" t="s">
        <v>58488</v>
      </c>
      <c r="B41390" t="s">
        <v>58489</v>
      </c>
      <c r="C41390">
        <v>0</v>
      </c>
      <c r="D41390">
        <v>0</v>
      </c>
    </row>
    <row r="41391" spans="1:4" x14ac:dyDescent="0.25">
      <c r="A41391" t="s">
        <v>58488</v>
      </c>
      <c r="B41391" t="s">
        <v>58490</v>
      </c>
      <c r="C41391">
        <v>0</v>
      </c>
      <c r="D41391">
        <v>0</v>
      </c>
    </row>
    <row r="41392" spans="1:4" x14ac:dyDescent="0.25">
      <c r="A41392" t="s">
        <v>58488</v>
      </c>
      <c r="B41392" t="s">
        <v>58491</v>
      </c>
      <c r="C41392">
        <v>0</v>
      </c>
      <c r="D41392">
        <v>0</v>
      </c>
    </row>
    <row r="41393" spans="1:4" x14ac:dyDescent="0.25">
      <c r="A41393" t="s">
        <v>58488</v>
      </c>
      <c r="B41393" t="s">
        <v>58492</v>
      </c>
      <c r="C41393">
        <v>0</v>
      </c>
      <c r="D41393">
        <v>0</v>
      </c>
    </row>
    <row r="41394" spans="1:4" x14ac:dyDescent="0.25">
      <c r="A41394" t="s">
        <v>58488</v>
      </c>
      <c r="B41394" t="s">
        <v>58493</v>
      </c>
      <c r="C41394">
        <v>1</v>
      </c>
      <c r="D41394">
        <v>0</v>
      </c>
    </row>
    <row r="41395" spans="1:4" x14ac:dyDescent="0.25">
      <c r="A41395" t="s">
        <v>58488</v>
      </c>
      <c r="B41395" t="s">
        <v>58494</v>
      </c>
      <c r="C41395">
        <v>0</v>
      </c>
      <c r="D41395">
        <v>0</v>
      </c>
    </row>
    <row r="41396" spans="1:4" x14ac:dyDescent="0.25">
      <c r="A41396" t="s">
        <v>58495</v>
      </c>
      <c r="B41396" t="s">
        <v>58496</v>
      </c>
      <c r="C41396">
        <v>1</v>
      </c>
      <c r="D41396">
        <v>0</v>
      </c>
    </row>
    <row r="41397" spans="1:4" x14ac:dyDescent="0.25">
      <c r="A41397" t="s">
        <v>58495</v>
      </c>
      <c r="B41397" t="s">
        <v>58497</v>
      </c>
      <c r="C41397">
        <v>0</v>
      </c>
      <c r="D41397">
        <v>0</v>
      </c>
    </row>
    <row r="41398" spans="1:4" x14ac:dyDescent="0.25">
      <c r="A41398" t="s">
        <v>58495</v>
      </c>
      <c r="B41398" t="s">
        <v>58498</v>
      </c>
      <c r="C41398">
        <v>0</v>
      </c>
      <c r="D41398">
        <v>0</v>
      </c>
    </row>
    <row r="41399" spans="1:4" x14ac:dyDescent="0.25">
      <c r="A41399" t="s">
        <v>58495</v>
      </c>
      <c r="B41399" t="s">
        <v>58499</v>
      </c>
      <c r="C41399">
        <v>0</v>
      </c>
      <c r="D41399">
        <v>0</v>
      </c>
    </row>
    <row r="41400" spans="1:4" x14ac:dyDescent="0.25">
      <c r="A41400" t="s">
        <v>58500</v>
      </c>
      <c r="B41400" t="s">
        <v>58501</v>
      </c>
      <c r="C41400">
        <v>0</v>
      </c>
      <c r="D41400">
        <v>0</v>
      </c>
    </row>
    <row r="41401" spans="1:4" x14ac:dyDescent="0.25">
      <c r="A41401" t="s">
        <v>58500</v>
      </c>
      <c r="B41401" t="s">
        <v>58502</v>
      </c>
      <c r="C41401">
        <v>1</v>
      </c>
      <c r="D41401">
        <v>0</v>
      </c>
    </row>
    <row r="41402" spans="1:4" x14ac:dyDescent="0.25">
      <c r="A41402" t="s">
        <v>58503</v>
      </c>
      <c r="B41402" t="s">
        <v>58504</v>
      </c>
      <c r="C41402">
        <v>1</v>
      </c>
      <c r="D41402">
        <v>0</v>
      </c>
    </row>
    <row r="41403" spans="1:4" x14ac:dyDescent="0.25">
      <c r="A41403" t="s">
        <v>58503</v>
      </c>
      <c r="B41403" t="s">
        <v>58505</v>
      </c>
      <c r="C41403">
        <v>0</v>
      </c>
      <c r="D41403">
        <v>0</v>
      </c>
    </row>
    <row r="41404" spans="1:4" x14ac:dyDescent="0.25">
      <c r="A41404" t="s">
        <v>58503</v>
      </c>
      <c r="B41404" t="s">
        <v>58506</v>
      </c>
      <c r="C41404">
        <v>2</v>
      </c>
      <c r="D41404">
        <v>0</v>
      </c>
    </row>
    <row r="41405" spans="1:4" x14ac:dyDescent="0.25">
      <c r="A41405" t="s">
        <v>58503</v>
      </c>
      <c r="B41405" t="s">
        <v>58507</v>
      </c>
      <c r="C41405">
        <v>2</v>
      </c>
      <c r="D41405">
        <v>0</v>
      </c>
    </row>
    <row r="41406" spans="1:4" x14ac:dyDescent="0.25">
      <c r="A41406" t="s">
        <v>58503</v>
      </c>
      <c r="B41406" t="s">
        <v>58508</v>
      </c>
      <c r="C41406">
        <v>1</v>
      </c>
      <c r="D41406">
        <v>0</v>
      </c>
    </row>
    <row r="41407" spans="1:4" x14ac:dyDescent="0.25">
      <c r="A41407" t="s">
        <v>58509</v>
      </c>
      <c r="B41407" t="s">
        <v>58510</v>
      </c>
      <c r="C41407">
        <v>2</v>
      </c>
      <c r="D41407">
        <v>0</v>
      </c>
    </row>
    <row r="41408" spans="1:4" x14ac:dyDescent="0.25">
      <c r="A41408" t="s">
        <v>58509</v>
      </c>
      <c r="B41408" t="s">
        <v>58511</v>
      </c>
      <c r="C41408">
        <v>1</v>
      </c>
      <c r="D41408">
        <v>0</v>
      </c>
    </row>
    <row r="41409" spans="1:4" x14ac:dyDescent="0.25">
      <c r="A41409" t="s">
        <v>58509</v>
      </c>
      <c r="B41409" t="s">
        <v>58512</v>
      </c>
      <c r="C41409">
        <v>1</v>
      </c>
      <c r="D41409">
        <v>0</v>
      </c>
    </row>
    <row r="41410" spans="1:4" x14ac:dyDescent="0.25">
      <c r="A41410" t="s">
        <v>58509</v>
      </c>
      <c r="B41410" t="s">
        <v>58513</v>
      </c>
      <c r="C41410">
        <v>1</v>
      </c>
      <c r="D41410">
        <v>0</v>
      </c>
    </row>
    <row r="41411" spans="1:4" x14ac:dyDescent="0.25">
      <c r="A41411" t="s">
        <v>58514</v>
      </c>
      <c r="B41411" t="s">
        <v>58515</v>
      </c>
      <c r="C41411">
        <v>0</v>
      </c>
      <c r="D41411">
        <v>0</v>
      </c>
    </row>
    <row r="41412" spans="1:4" x14ac:dyDescent="0.25">
      <c r="A41412" t="s">
        <v>58514</v>
      </c>
      <c r="B41412" t="s">
        <v>58516</v>
      </c>
      <c r="C41412">
        <v>0</v>
      </c>
      <c r="D41412">
        <v>0</v>
      </c>
    </row>
    <row r="41413" spans="1:4" x14ac:dyDescent="0.25">
      <c r="A41413" t="s">
        <v>58514</v>
      </c>
      <c r="B41413" t="s">
        <v>58517</v>
      </c>
      <c r="C41413">
        <v>0</v>
      </c>
      <c r="D41413">
        <v>0</v>
      </c>
    </row>
    <row r="41414" spans="1:4" x14ac:dyDescent="0.25">
      <c r="A41414" t="s">
        <v>58514</v>
      </c>
      <c r="B41414" t="s">
        <v>58518</v>
      </c>
      <c r="C41414">
        <v>0</v>
      </c>
      <c r="D41414">
        <v>0</v>
      </c>
    </row>
    <row r="41415" spans="1:4" x14ac:dyDescent="0.25">
      <c r="A41415" t="s">
        <v>58514</v>
      </c>
      <c r="B41415" t="s">
        <v>58519</v>
      </c>
      <c r="C41415">
        <v>2</v>
      </c>
      <c r="D41415">
        <v>0</v>
      </c>
    </row>
    <row r="41416" spans="1:4" x14ac:dyDescent="0.25">
      <c r="A41416" t="s">
        <v>58520</v>
      </c>
      <c r="B41416" t="s">
        <v>58521</v>
      </c>
      <c r="C41416">
        <v>1</v>
      </c>
      <c r="D41416">
        <v>0</v>
      </c>
    </row>
    <row r="41417" spans="1:4" x14ac:dyDescent="0.25">
      <c r="A41417" t="s">
        <v>58520</v>
      </c>
      <c r="B41417" t="s">
        <v>58522</v>
      </c>
      <c r="C41417">
        <v>1</v>
      </c>
      <c r="D41417">
        <v>0</v>
      </c>
    </row>
    <row r="41418" spans="1:4" x14ac:dyDescent="0.25">
      <c r="A41418" t="s">
        <v>58520</v>
      </c>
      <c r="B41418" t="s">
        <v>58523</v>
      </c>
      <c r="C41418">
        <v>1</v>
      </c>
      <c r="D41418">
        <v>0</v>
      </c>
    </row>
    <row r="41419" spans="1:4" x14ac:dyDescent="0.25">
      <c r="A41419" t="s">
        <v>58524</v>
      </c>
      <c r="B41419" t="s">
        <v>58525</v>
      </c>
      <c r="C41419">
        <v>1</v>
      </c>
      <c r="D41419">
        <v>0</v>
      </c>
    </row>
    <row r="41420" spans="1:4" x14ac:dyDescent="0.25">
      <c r="A41420" t="s">
        <v>58524</v>
      </c>
      <c r="B41420" t="s">
        <v>58526</v>
      </c>
      <c r="C41420">
        <v>1</v>
      </c>
      <c r="D41420">
        <v>0</v>
      </c>
    </row>
    <row r="41421" spans="1:4" x14ac:dyDescent="0.25">
      <c r="A41421" t="s">
        <v>58524</v>
      </c>
      <c r="B41421" t="s">
        <v>58527</v>
      </c>
      <c r="C41421">
        <v>1</v>
      </c>
      <c r="D41421">
        <v>0</v>
      </c>
    </row>
    <row r="41422" spans="1:4" x14ac:dyDescent="0.25">
      <c r="A41422" t="s">
        <v>58524</v>
      </c>
      <c r="B41422" t="s">
        <v>58528</v>
      </c>
      <c r="C41422">
        <v>1</v>
      </c>
      <c r="D41422">
        <v>0</v>
      </c>
    </row>
    <row r="41423" spans="1:4" x14ac:dyDescent="0.25">
      <c r="A41423" t="s">
        <v>58524</v>
      </c>
      <c r="B41423" t="s">
        <v>58529</v>
      </c>
      <c r="C41423">
        <v>2</v>
      </c>
      <c r="D41423">
        <v>0</v>
      </c>
    </row>
    <row r="41424" spans="1:4" x14ac:dyDescent="0.25">
      <c r="A41424" t="s">
        <v>58530</v>
      </c>
      <c r="B41424" t="s">
        <v>58531</v>
      </c>
      <c r="C41424">
        <v>0</v>
      </c>
      <c r="D41424">
        <v>0</v>
      </c>
    </row>
    <row r="41425" spans="1:4" x14ac:dyDescent="0.25">
      <c r="A41425" t="s">
        <v>58530</v>
      </c>
      <c r="B41425" t="s">
        <v>5047</v>
      </c>
      <c r="C41425">
        <v>0</v>
      </c>
      <c r="D41425">
        <v>0</v>
      </c>
    </row>
    <row r="41426" spans="1:4" x14ac:dyDescent="0.25">
      <c r="A41426" t="s">
        <v>58530</v>
      </c>
      <c r="B41426" t="s">
        <v>58532</v>
      </c>
      <c r="C41426">
        <v>0</v>
      </c>
      <c r="D41426">
        <v>0</v>
      </c>
    </row>
    <row r="41427" spans="1:4" x14ac:dyDescent="0.25">
      <c r="A41427" t="s">
        <v>58533</v>
      </c>
      <c r="B41427" t="s">
        <v>58534</v>
      </c>
      <c r="C41427">
        <v>1</v>
      </c>
      <c r="D41427">
        <v>0</v>
      </c>
    </row>
    <row r="41428" spans="1:4" x14ac:dyDescent="0.25">
      <c r="A41428" t="s">
        <v>58533</v>
      </c>
      <c r="B41428" t="s">
        <v>58535</v>
      </c>
      <c r="C41428">
        <v>2</v>
      </c>
      <c r="D41428">
        <v>0</v>
      </c>
    </row>
    <row r="41429" spans="1:4" x14ac:dyDescent="0.25">
      <c r="A41429" t="s">
        <v>58533</v>
      </c>
      <c r="B41429" t="s">
        <v>58536</v>
      </c>
      <c r="C41429">
        <v>1</v>
      </c>
      <c r="D41429">
        <v>0</v>
      </c>
    </row>
    <row r="41430" spans="1:4" x14ac:dyDescent="0.25">
      <c r="A41430" t="s">
        <v>58533</v>
      </c>
      <c r="B41430" t="s">
        <v>58537</v>
      </c>
      <c r="C41430">
        <v>0</v>
      </c>
      <c r="D41430">
        <v>0</v>
      </c>
    </row>
    <row r="41431" spans="1:4" x14ac:dyDescent="0.25">
      <c r="A41431" t="s">
        <v>58533</v>
      </c>
      <c r="B41431" t="s">
        <v>58538</v>
      </c>
      <c r="C41431">
        <v>2</v>
      </c>
      <c r="D41431">
        <v>0</v>
      </c>
    </row>
    <row r="41432" spans="1:4" x14ac:dyDescent="0.25">
      <c r="A41432" t="s">
        <v>58533</v>
      </c>
      <c r="B41432" t="s">
        <v>58539</v>
      </c>
      <c r="C41432">
        <v>1</v>
      </c>
      <c r="D41432">
        <v>0</v>
      </c>
    </row>
    <row r="41433" spans="1:4" x14ac:dyDescent="0.25">
      <c r="A41433" t="s">
        <v>58533</v>
      </c>
      <c r="B41433" t="s">
        <v>58540</v>
      </c>
      <c r="C41433">
        <v>1</v>
      </c>
      <c r="D41433">
        <v>0</v>
      </c>
    </row>
    <row r="41434" spans="1:4" x14ac:dyDescent="0.25">
      <c r="A41434" t="s">
        <v>58533</v>
      </c>
      <c r="B41434" t="s">
        <v>58541</v>
      </c>
      <c r="C41434">
        <v>1</v>
      </c>
      <c r="D41434">
        <v>0</v>
      </c>
    </row>
    <row r="41435" spans="1:4" x14ac:dyDescent="0.25">
      <c r="A41435" t="s">
        <v>58533</v>
      </c>
      <c r="B41435" t="s">
        <v>58542</v>
      </c>
      <c r="C41435">
        <v>1</v>
      </c>
      <c r="D41435">
        <v>0</v>
      </c>
    </row>
    <row r="41436" spans="1:4" x14ac:dyDescent="0.25">
      <c r="A41436" t="s">
        <v>58533</v>
      </c>
      <c r="B41436" t="s">
        <v>58543</v>
      </c>
      <c r="C41436">
        <v>0</v>
      </c>
      <c r="D41436">
        <v>0</v>
      </c>
    </row>
    <row r="41437" spans="1:4" x14ac:dyDescent="0.25">
      <c r="A41437" t="s">
        <v>58544</v>
      </c>
      <c r="B41437" t="s">
        <v>58545</v>
      </c>
      <c r="C41437">
        <v>1</v>
      </c>
      <c r="D41437">
        <v>0</v>
      </c>
    </row>
    <row r="41438" spans="1:4" x14ac:dyDescent="0.25">
      <c r="A41438" t="s">
        <v>58544</v>
      </c>
      <c r="B41438" t="s">
        <v>58546</v>
      </c>
      <c r="C41438">
        <v>2</v>
      </c>
      <c r="D41438">
        <v>0</v>
      </c>
    </row>
    <row r="41439" spans="1:4" x14ac:dyDescent="0.25">
      <c r="A41439" t="s">
        <v>58544</v>
      </c>
      <c r="B41439" t="s">
        <v>58547</v>
      </c>
      <c r="C41439">
        <v>2</v>
      </c>
      <c r="D41439">
        <v>0</v>
      </c>
    </row>
    <row r="41440" spans="1:4" x14ac:dyDescent="0.25">
      <c r="A41440" t="s">
        <v>58544</v>
      </c>
      <c r="B41440" t="s">
        <v>58548</v>
      </c>
      <c r="C41440">
        <v>2</v>
      </c>
      <c r="D41440">
        <v>0</v>
      </c>
    </row>
    <row r="41441" spans="1:4" x14ac:dyDescent="0.25">
      <c r="A41441" t="s">
        <v>58544</v>
      </c>
      <c r="B41441" t="s">
        <v>58549</v>
      </c>
      <c r="C41441">
        <v>1</v>
      </c>
      <c r="D41441">
        <v>0</v>
      </c>
    </row>
    <row r="41442" spans="1:4" x14ac:dyDescent="0.25">
      <c r="A41442" t="s">
        <v>58544</v>
      </c>
      <c r="B41442" t="s">
        <v>58550</v>
      </c>
      <c r="C41442">
        <v>1</v>
      </c>
      <c r="D41442">
        <v>0</v>
      </c>
    </row>
    <row r="41443" spans="1:4" x14ac:dyDescent="0.25">
      <c r="A41443" t="s">
        <v>58551</v>
      </c>
      <c r="B41443" t="s">
        <v>58552</v>
      </c>
      <c r="C41443">
        <v>1</v>
      </c>
      <c r="D41443">
        <v>0</v>
      </c>
    </row>
    <row r="41444" spans="1:4" x14ac:dyDescent="0.25">
      <c r="A41444" t="s">
        <v>58551</v>
      </c>
      <c r="B41444" t="s">
        <v>58553</v>
      </c>
      <c r="C41444">
        <v>1</v>
      </c>
      <c r="D41444">
        <v>0</v>
      </c>
    </row>
    <row r="41445" spans="1:4" x14ac:dyDescent="0.25">
      <c r="A41445" t="s">
        <v>58551</v>
      </c>
      <c r="B41445" t="s">
        <v>58554</v>
      </c>
      <c r="C41445">
        <v>1</v>
      </c>
      <c r="D41445">
        <v>0</v>
      </c>
    </row>
    <row r="41446" spans="1:4" x14ac:dyDescent="0.25">
      <c r="A41446" t="s">
        <v>58551</v>
      </c>
      <c r="B41446" t="s">
        <v>58555</v>
      </c>
      <c r="C41446">
        <v>1</v>
      </c>
      <c r="D41446">
        <v>0</v>
      </c>
    </row>
    <row r="41447" spans="1:4" x14ac:dyDescent="0.25">
      <c r="A41447" t="s">
        <v>58556</v>
      </c>
      <c r="B41447" t="s">
        <v>58557</v>
      </c>
      <c r="C41447">
        <v>1</v>
      </c>
      <c r="D41447">
        <v>0</v>
      </c>
    </row>
    <row r="41448" spans="1:4" x14ac:dyDescent="0.25">
      <c r="A41448" t="s">
        <v>58558</v>
      </c>
      <c r="B41448" t="s">
        <v>58559</v>
      </c>
      <c r="C41448">
        <v>0</v>
      </c>
      <c r="D41448">
        <v>0</v>
      </c>
    </row>
    <row r="41449" spans="1:4" x14ac:dyDescent="0.25">
      <c r="A41449" t="s">
        <v>58558</v>
      </c>
      <c r="B41449" t="s">
        <v>58560</v>
      </c>
      <c r="C41449">
        <v>1</v>
      </c>
      <c r="D41449">
        <v>0</v>
      </c>
    </row>
    <row r="41450" spans="1:4" x14ac:dyDescent="0.25">
      <c r="A41450" t="s">
        <v>58558</v>
      </c>
      <c r="B41450" t="s">
        <v>58561</v>
      </c>
      <c r="C41450">
        <v>0</v>
      </c>
      <c r="D41450">
        <v>0</v>
      </c>
    </row>
    <row r="41451" spans="1:4" x14ac:dyDescent="0.25">
      <c r="A41451" t="s">
        <v>58558</v>
      </c>
      <c r="B41451" t="s">
        <v>58562</v>
      </c>
      <c r="C41451">
        <v>2</v>
      </c>
      <c r="D41451">
        <v>0</v>
      </c>
    </row>
    <row r="41452" spans="1:4" x14ac:dyDescent="0.25">
      <c r="A41452" t="s">
        <v>58558</v>
      </c>
      <c r="B41452" t="s">
        <v>58563</v>
      </c>
      <c r="C41452">
        <v>2</v>
      </c>
      <c r="D41452">
        <v>0</v>
      </c>
    </row>
    <row r="41453" spans="1:4" x14ac:dyDescent="0.25">
      <c r="A41453" t="s">
        <v>58564</v>
      </c>
      <c r="B41453" t="s">
        <v>58565</v>
      </c>
      <c r="C41453">
        <v>1</v>
      </c>
      <c r="D41453">
        <v>0</v>
      </c>
    </row>
    <row r="41454" spans="1:4" x14ac:dyDescent="0.25">
      <c r="A41454" t="s">
        <v>58564</v>
      </c>
      <c r="B41454" t="s">
        <v>58566</v>
      </c>
      <c r="C41454">
        <v>1</v>
      </c>
      <c r="D41454">
        <v>0</v>
      </c>
    </row>
    <row r="41455" spans="1:4" x14ac:dyDescent="0.25">
      <c r="A41455" t="s">
        <v>58564</v>
      </c>
      <c r="B41455" t="s">
        <v>58567</v>
      </c>
      <c r="C41455">
        <v>2</v>
      </c>
      <c r="D41455">
        <v>0</v>
      </c>
    </row>
    <row r="41456" spans="1:4" x14ac:dyDescent="0.25">
      <c r="A41456" t="s">
        <v>58564</v>
      </c>
      <c r="B41456" t="s">
        <v>58568</v>
      </c>
      <c r="C41456">
        <v>1</v>
      </c>
      <c r="D41456">
        <v>0</v>
      </c>
    </row>
    <row r="41457" spans="1:4" x14ac:dyDescent="0.25">
      <c r="A41457" t="s">
        <v>58569</v>
      </c>
      <c r="B41457" t="s">
        <v>58570</v>
      </c>
      <c r="C41457">
        <v>1</v>
      </c>
      <c r="D41457">
        <v>0</v>
      </c>
    </row>
    <row r="41458" spans="1:4" x14ac:dyDescent="0.25">
      <c r="A41458" t="s">
        <v>58569</v>
      </c>
      <c r="B41458" t="s">
        <v>58571</v>
      </c>
      <c r="C41458">
        <v>1</v>
      </c>
      <c r="D41458">
        <v>0</v>
      </c>
    </row>
    <row r="41459" spans="1:4" x14ac:dyDescent="0.25">
      <c r="A41459" t="s">
        <v>58569</v>
      </c>
      <c r="B41459" t="s">
        <v>58572</v>
      </c>
      <c r="C41459">
        <v>0</v>
      </c>
      <c r="D41459">
        <v>0</v>
      </c>
    </row>
    <row r="41460" spans="1:4" x14ac:dyDescent="0.25">
      <c r="A41460" t="s">
        <v>58569</v>
      </c>
      <c r="B41460" t="s">
        <v>58573</v>
      </c>
      <c r="C41460">
        <v>1</v>
      </c>
      <c r="D41460">
        <v>0</v>
      </c>
    </row>
    <row r="41461" spans="1:4" x14ac:dyDescent="0.25">
      <c r="A41461" t="s">
        <v>58569</v>
      </c>
      <c r="B41461" t="s">
        <v>58574</v>
      </c>
      <c r="C41461">
        <v>1</v>
      </c>
      <c r="D41461">
        <v>0</v>
      </c>
    </row>
    <row r="41462" spans="1:4" x14ac:dyDescent="0.25">
      <c r="A41462" t="s">
        <v>58575</v>
      </c>
      <c r="B41462" t="s">
        <v>58576</v>
      </c>
      <c r="C41462">
        <v>1</v>
      </c>
      <c r="D41462">
        <v>0</v>
      </c>
    </row>
    <row r="41463" spans="1:4" x14ac:dyDescent="0.25">
      <c r="A41463" t="s">
        <v>58575</v>
      </c>
      <c r="B41463" t="s">
        <v>58577</v>
      </c>
      <c r="C41463">
        <v>2</v>
      </c>
      <c r="D41463">
        <v>0</v>
      </c>
    </row>
    <row r="41464" spans="1:4" x14ac:dyDescent="0.25">
      <c r="A41464" t="s">
        <v>58575</v>
      </c>
      <c r="B41464" t="s">
        <v>58578</v>
      </c>
      <c r="C41464">
        <v>1</v>
      </c>
      <c r="D41464">
        <v>0</v>
      </c>
    </row>
    <row r="41465" spans="1:4" x14ac:dyDescent="0.25">
      <c r="A41465" t="s">
        <v>58575</v>
      </c>
      <c r="B41465" t="s">
        <v>58579</v>
      </c>
      <c r="C41465">
        <v>1</v>
      </c>
      <c r="D41465">
        <v>0</v>
      </c>
    </row>
    <row r="41466" spans="1:4" x14ac:dyDescent="0.25">
      <c r="A41466" t="s">
        <v>58575</v>
      </c>
      <c r="B41466" t="s">
        <v>58580</v>
      </c>
      <c r="C41466">
        <v>2</v>
      </c>
      <c r="D41466">
        <v>0</v>
      </c>
    </row>
    <row r="41467" spans="1:4" x14ac:dyDescent="0.25">
      <c r="A41467" t="s">
        <v>58575</v>
      </c>
      <c r="B41467" t="s">
        <v>58581</v>
      </c>
      <c r="C41467">
        <v>1</v>
      </c>
      <c r="D41467">
        <v>0</v>
      </c>
    </row>
    <row r="41468" spans="1:4" x14ac:dyDescent="0.25">
      <c r="A41468" t="s">
        <v>58575</v>
      </c>
      <c r="B41468" t="s">
        <v>58582</v>
      </c>
      <c r="C41468">
        <v>2</v>
      </c>
      <c r="D41468">
        <v>0</v>
      </c>
    </row>
    <row r="41469" spans="1:4" x14ac:dyDescent="0.25">
      <c r="A41469" t="s">
        <v>58583</v>
      </c>
      <c r="B41469" t="s">
        <v>58584</v>
      </c>
      <c r="C41469">
        <v>1</v>
      </c>
      <c r="D41469">
        <v>0</v>
      </c>
    </row>
    <row r="41470" spans="1:4" x14ac:dyDescent="0.25">
      <c r="A41470" t="s">
        <v>58583</v>
      </c>
      <c r="B41470" t="s">
        <v>58585</v>
      </c>
      <c r="C41470">
        <v>1</v>
      </c>
      <c r="D41470">
        <v>0</v>
      </c>
    </row>
    <row r="41471" spans="1:4" x14ac:dyDescent="0.25">
      <c r="A41471" t="s">
        <v>58586</v>
      </c>
      <c r="B41471" t="s">
        <v>58587</v>
      </c>
      <c r="C41471">
        <v>0</v>
      </c>
      <c r="D41471">
        <v>0</v>
      </c>
    </row>
    <row r="41472" spans="1:4" x14ac:dyDescent="0.25">
      <c r="A41472" t="s">
        <v>58586</v>
      </c>
      <c r="B41472" t="s">
        <v>5713</v>
      </c>
      <c r="C41472">
        <v>1</v>
      </c>
      <c r="D41472">
        <v>0</v>
      </c>
    </row>
    <row r="41473" spans="1:4" x14ac:dyDescent="0.25">
      <c r="A41473" t="s">
        <v>58586</v>
      </c>
      <c r="B41473" t="s">
        <v>58588</v>
      </c>
      <c r="C41473">
        <v>0</v>
      </c>
      <c r="D41473">
        <v>0</v>
      </c>
    </row>
    <row r="41474" spans="1:4" x14ac:dyDescent="0.25">
      <c r="A41474" t="s">
        <v>58589</v>
      </c>
      <c r="B41474" t="s">
        <v>58590</v>
      </c>
      <c r="C41474">
        <v>1</v>
      </c>
      <c r="D41474">
        <v>0</v>
      </c>
    </row>
    <row r="41475" spans="1:4" x14ac:dyDescent="0.25">
      <c r="A41475" t="s">
        <v>58589</v>
      </c>
      <c r="B41475" t="s">
        <v>58591</v>
      </c>
      <c r="C41475">
        <v>1</v>
      </c>
      <c r="D41475">
        <v>0</v>
      </c>
    </row>
    <row r="41476" spans="1:4" x14ac:dyDescent="0.25">
      <c r="A41476" t="s">
        <v>58589</v>
      </c>
      <c r="B41476" t="s">
        <v>58592</v>
      </c>
      <c r="C41476">
        <v>1</v>
      </c>
      <c r="D41476">
        <v>0</v>
      </c>
    </row>
    <row r="41477" spans="1:4" x14ac:dyDescent="0.25">
      <c r="A41477" t="s">
        <v>58593</v>
      </c>
      <c r="B41477" t="s">
        <v>58594</v>
      </c>
      <c r="C41477">
        <v>1</v>
      </c>
      <c r="D41477">
        <v>0</v>
      </c>
    </row>
    <row r="41478" spans="1:4" x14ac:dyDescent="0.25">
      <c r="A41478" t="s">
        <v>58595</v>
      </c>
      <c r="B41478" t="s">
        <v>58596</v>
      </c>
      <c r="C41478">
        <v>1</v>
      </c>
      <c r="D41478">
        <v>0</v>
      </c>
    </row>
    <row r="41479" spans="1:4" x14ac:dyDescent="0.25">
      <c r="A41479" t="s">
        <v>58595</v>
      </c>
      <c r="B41479" t="s">
        <v>58597</v>
      </c>
      <c r="C41479">
        <v>0</v>
      </c>
      <c r="D41479">
        <v>0</v>
      </c>
    </row>
    <row r="41480" spans="1:4" x14ac:dyDescent="0.25">
      <c r="A41480" t="s">
        <v>58595</v>
      </c>
      <c r="B41480" t="s">
        <v>58598</v>
      </c>
      <c r="C41480">
        <v>1</v>
      </c>
      <c r="D41480">
        <v>0</v>
      </c>
    </row>
    <row r="41481" spans="1:4" x14ac:dyDescent="0.25">
      <c r="A41481" t="s">
        <v>58595</v>
      </c>
      <c r="B41481" t="s">
        <v>58599</v>
      </c>
      <c r="C41481">
        <v>1</v>
      </c>
      <c r="D41481">
        <v>0</v>
      </c>
    </row>
    <row r="41482" spans="1:4" x14ac:dyDescent="0.25">
      <c r="A41482" t="s">
        <v>58595</v>
      </c>
      <c r="B41482" t="s">
        <v>58600</v>
      </c>
      <c r="C41482">
        <v>1</v>
      </c>
      <c r="D41482">
        <v>0</v>
      </c>
    </row>
    <row r="41483" spans="1:4" x14ac:dyDescent="0.25">
      <c r="A41483" t="s">
        <v>58595</v>
      </c>
      <c r="B41483" t="s">
        <v>58601</v>
      </c>
      <c r="C41483">
        <v>1</v>
      </c>
      <c r="D41483">
        <v>0</v>
      </c>
    </row>
    <row r="41484" spans="1:4" x14ac:dyDescent="0.25">
      <c r="A41484" t="s">
        <v>58602</v>
      </c>
      <c r="B41484" t="s">
        <v>58603</v>
      </c>
      <c r="C41484">
        <v>0</v>
      </c>
      <c r="D41484">
        <v>0</v>
      </c>
    </row>
    <row r="41485" spans="1:4" x14ac:dyDescent="0.25">
      <c r="A41485" t="s">
        <v>58602</v>
      </c>
      <c r="B41485" t="s">
        <v>58604</v>
      </c>
      <c r="C41485">
        <v>1</v>
      </c>
      <c r="D41485">
        <v>0</v>
      </c>
    </row>
    <row r="41486" spans="1:4" x14ac:dyDescent="0.25">
      <c r="A41486" t="s">
        <v>58602</v>
      </c>
      <c r="B41486" t="s">
        <v>58605</v>
      </c>
      <c r="C41486">
        <v>0</v>
      </c>
      <c r="D41486">
        <v>0</v>
      </c>
    </row>
    <row r="41487" spans="1:4" x14ac:dyDescent="0.25">
      <c r="A41487" t="s">
        <v>58602</v>
      </c>
      <c r="B41487" t="s">
        <v>58606</v>
      </c>
      <c r="C41487">
        <v>1</v>
      </c>
      <c r="D41487">
        <v>0</v>
      </c>
    </row>
    <row r="41488" spans="1:4" x14ac:dyDescent="0.25">
      <c r="A41488" t="s">
        <v>58602</v>
      </c>
      <c r="B41488" t="s">
        <v>58607</v>
      </c>
      <c r="C41488">
        <v>1</v>
      </c>
      <c r="D41488">
        <v>0</v>
      </c>
    </row>
    <row r="41489" spans="1:4" x14ac:dyDescent="0.25">
      <c r="A41489" t="s">
        <v>58602</v>
      </c>
      <c r="B41489" t="s">
        <v>58608</v>
      </c>
      <c r="C41489">
        <v>2</v>
      </c>
      <c r="D41489">
        <v>0</v>
      </c>
    </row>
    <row r="41490" spans="1:4" x14ac:dyDescent="0.25">
      <c r="A41490" t="s">
        <v>58602</v>
      </c>
      <c r="B41490" t="s">
        <v>58609</v>
      </c>
      <c r="C41490">
        <v>2</v>
      </c>
      <c r="D41490">
        <v>0</v>
      </c>
    </row>
    <row r="41491" spans="1:4" x14ac:dyDescent="0.25">
      <c r="A41491" t="s">
        <v>58610</v>
      </c>
      <c r="B41491" t="s">
        <v>58611</v>
      </c>
      <c r="C41491">
        <v>0</v>
      </c>
      <c r="D41491">
        <v>0</v>
      </c>
    </row>
    <row r="41492" spans="1:4" x14ac:dyDescent="0.25">
      <c r="A41492" t="s">
        <v>58612</v>
      </c>
      <c r="B41492" t="s">
        <v>58613</v>
      </c>
      <c r="C41492">
        <v>2</v>
      </c>
      <c r="D41492">
        <v>0</v>
      </c>
    </row>
    <row r="41493" spans="1:4" x14ac:dyDescent="0.25">
      <c r="A41493" t="s">
        <v>58612</v>
      </c>
      <c r="B41493" t="s">
        <v>58614</v>
      </c>
      <c r="C41493">
        <v>2</v>
      </c>
      <c r="D41493">
        <v>0</v>
      </c>
    </row>
    <row r="41494" spans="1:4" x14ac:dyDescent="0.25">
      <c r="A41494" t="s">
        <v>58612</v>
      </c>
      <c r="B41494" t="s">
        <v>58615</v>
      </c>
      <c r="C41494">
        <v>1</v>
      </c>
      <c r="D41494">
        <v>0</v>
      </c>
    </row>
    <row r="41495" spans="1:4" x14ac:dyDescent="0.25">
      <c r="A41495" t="s">
        <v>58616</v>
      </c>
      <c r="B41495" t="s">
        <v>58617</v>
      </c>
      <c r="C41495">
        <v>0</v>
      </c>
      <c r="D41495">
        <v>0</v>
      </c>
    </row>
    <row r="41496" spans="1:4" x14ac:dyDescent="0.25">
      <c r="A41496" t="s">
        <v>58616</v>
      </c>
      <c r="B41496" t="s">
        <v>58618</v>
      </c>
      <c r="C41496">
        <v>2</v>
      </c>
      <c r="D41496">
        <v>0</v>
      </c>
    </row>
    <row r="41497" spans="1:4" x14ac:dyDescent="0.25">
      <c r="A41497" t="s">
        <v>58616</v>
      </c>
      <c r="B41497" t="s">
        <v>58619</v>
      </c>
      <c r="C41497">
        <v>1</v>
      </c>
      <c r="D41497">
        <v>0</v>
      </c>
    </row>
    <row r="41498" spans="1:4" x14ac:dyDescent="0.25">
      <c r="A41498" t="s">
        <v>58616</v>
      </c>
      <c r="B41498" t="s">
        <v>58620</v>
      </c>
      <c r="C41498">
        <v>1</v>
      </c>
      <c r="D41498">
        <v>0</v>
      </c>
    </row>
    <row r="41499" spans="1:4" x14ac:dyDescent="0.25">
      <c r="A41499" t="s">
        <v>58616</v>
      </c>
      <c r="B41499" t="s">
        <v>58621</v>
      </c>
      <c r="C41499">
        <v>1</v>
      </c>
      <c r="D41499">
        <v>0</v>
      </c>
    </row>
    <row r="41500" spans="1:4" x14ac:dyDescent="0.25">
      <c r="A41500" t="s">
        <v>58616</v>
      </c>
      <c r="B41500" t="s">
        <v>58622</v>
      </c>
      <c r="C41500">
        <v>1</v>
      </c>
      <c r="D41500">
        <v>0</v>
      </c>
    </row>
    <row r="41501" spans="1:4" x14ac:dyDescent="0.25">
      <c r="A41501" t="s">
        <v>58623</v>
      </c>
      <c r="B41501" t="s">
        <v>58624</v>
      </c>
      <c r="C41501">
        <v>1</v>
      </c>
      <c r="D41501">
        <v>0</v>
      </c>
    </row>
    <row r="41502" spans="1:4" x14ac:dyDescent="0.25">
      <c r="A41502" t="s">
        <v>58623</v>
      </c>
      <c r="B41502" t="s">
        <v>3703</v>
      </c>
      <c r="C41502">
        <v>1</v>
      </c>
      <c r="D41502">
        <v>0</v>
      </c>
    </row>
    <row r="41503" spans="1:4" x14ac:dyDescent="0.25">
      <c r="A41503" t="s">
        <v>58623</v>
      </c>
      <c r="B41503" t="s">
        <v>5713</v>
      </c>
      <c r="C41503">
        <v>1</v>
      </c>
      <c r="D41503">
        <v>0</v>
      </c>
    </row>
    <row r="41504" spans="1:4" x14ac:dyDescent="0.25">
      <c r="A41504" t="s">
        <v>58623</v>
      </c>
      <c r="B41504" t="s">
        <v>58625</v>
      </c>
      <c r="C41504">
        <v>1</v>
      </c>
      <c r="D41504">
        <v>0</v>
      </c>
    </row>
    <row r="41505" spans="1:4" x14ac:dyDescent="0.25">
      <c r="A41505" t="s">
        <v>58626</v>
      </c>
      <c r="B41505" t="s">
        <v>58627</v>
      </c>
      <c r="C41505">
        <v>1</v>
      </c>
      <c r="D41505">
        <v>0</v>
      </c>
    </row>
    <row r="41506" spans="1:4" x14ac:dyDescent="0.25">
      <c r="A41506" t="s">
        <v>58626</v>
      </c>
      <c r="B41506" t="s">
        <v>58628</v>
      </c>
      <c r="C41506">
        <v>1</v>
      </c>
      <c r="D41506">
        <v>0</v>
      </c>
    </row>
    <row r="41507" spans="1:4" x14ac:dyDescent="0.25">
      <c r="A41507" t="s">
        <v>58626</v>
      </c>
      <c r="B41507" t="s">
        <v>58629</v>
      </c>
      <c r="C41507">
        <v>1</v>
      </c>
      <c r="D41507">
        <v>0</v>
      </c>
    </row>
    <row r="41508" spans="1:4" x14ac:dyDescent="0.25">
      <c r="A41508" t="s">
        <v>58626</v>
      </c>
      <c r="B41508" t="s">
        <v>58630</v>
      </c>
      <c r="C41508">
        <v>1</v>
      </c>
      <c r="D41508">
        <v>0</v>
      </c>
    </row>
    <row r="41509" spans="1:4" x14ac:dyDescent="0.25">
      <c r="A41509" t="s">
        <v>58626</v>
      </c>
      <c r="B41509" t="s">
        <v>58631</v>
      </c>
      <c r="C41509">
        <v>1</v>
      </c>
      <c r="D41509">
        <v>0</v>
      </c>
    </row>
    <row r="41510" spans="1:4" x14ac:dyDescent="0.25">
      <c r="A41510" t="s">
        <v>58632</v>
      </c>
      <c r="B41510" t="s">
        <v>58633</v>
      </c>
      <c r="C41510">
        <v>1</v>
      </c>
      <c r="D41510">
        <v>0</v>
      </c>
    </row>
    <row r="41511" spans="1:4" x14ac:dyDescent="0.25">
      <c r="A41511" t="s">
        <v>58632</v>
      </c>
      <c r="B41511" t="s">
        <v>58634</v>
      </c>
      <c r="C41511">
        <v>1</v>
      </c>
      <c r="D41511">
        <v>0</v>
      </c>
    </row>
    <row r="41512" spans="1:4" x14ac:dyDescent="0.25">
      <c r="A41512" t="s">
        <v>58632</v>
      </c>
      <c r="B41512" t="s">
        <v>58635</v>
      </c>
      <c r="C41512">
        <v>1</v>
      </c>
      <c r="D41512">
        <v>0</v>
      </c>
    </row>
    <row r="41513" spans="1:4" x14ac:dyDescent="0.25">
      <c r="A41513" t="s">
        <v>58632</v>
      </c>
      <c r="B41513" t="s">
        <v>58636</v>
      </c>
      <c r="C41513">
        <v>1</v>
      </c>
      <c r="D41513">
        <v>0</v>
      </c>
    </row>
    <row r="41514" spans="1:4" x14ac:dyDescent="0.25">
      <c r="A41514" t="s">
        <v>58632</v>
      </c>
      <c r="B41514" t="s">
        <v>58637</v>
      </c>
      <c r="C41514">
        <v>1</v>
      </c>
      <c r="D41514">
        <v>0</v>
      </c>
    </row>
    <row r="41515" spans="1:4" x14ac:dyDescent="0.25">
      <c r="A41515" t="s">
        <v>58638</v>
      </c>
      <c r="B41515" t="s">
        <v>58639</v>
      </c>
      <c r="C41515">
        <v>1</v>
      </c>
      <c r="D41515">
        <v>0</v>
      </c>
    </row>
    <row r="41516" spans="1:4" x14ac:dyDescent="0.25">
      <c r="A41516" t="s">
        <v>58638</v>
      </c>
      <c r="B41516" t="s">
        <v>58640</v>
      </c>
      <c r="C41516">
        <v>1</v>
      </c>
      <c r="D41516">
        <v>0</v>
      </c>
    </row>
    <row r="41517" spans="1:4" x14ac:dyDescent="0.25">
      <c r="A41517" t="s">
        <v>58638</v>
      </c>
      <c r="B41517" t="s">
        <v>58641</v>
      </c>
      <c r="C41517">
        <v>1</v>
      </c>
      <c r="D41517">
        <v>0</v>
      </c>
    </row>
    <row r="41518" spans="1:4" x14ac:dyDescent="0.25">
      <c r="A41518" t="s">
        <v>58642</v>
      </c>
      <c r="B41518" t="s">
        <v>58643</v>
      </c>
      <c r="C41518">
        <v>1</v>
      </c>
      <c r="D41518">
        <v>0</v>
      </c>
    </row>
    <row r="41519" spans="1:4" x14ac:dyDescent="0.25">
      <c r="A41519" t="s">
        <v>58642</v>
      </c>
      <c r="B41519" t="s">
        <v>58644</v>
      </c>
      <c r="C41519">
        <v>0</v>
      </c>
      <c r="D41519">
        <v>0</v>
      </c>
    </row>
    <row r="41520" spans="1:4" x14ac:dyDescent="0.25">
      <c r="A41520" t="s">
        <v>58642</v>
      </c>
      <c r="B41520" t="s">
        <v>58645</v>
      </c>
      <c r="C41520">
        <v>0</v>
      </c>
      <c r="D41520">
        <v>0</v>
      </c>
    </row>
    <row r="41521" spans="1:4" x14ac:dyDescent="0.25">
      <c r="A41521" t="s">
        <v>58642</v>
      </c>
      <c r="B41521" t="s">
        <v>58646</v>
      </c>
      <c r="C41521">
        <v>2</v>
      </c>
      <c r="D41521">
        <v>0</v>
      </c>
    </row>
    <row r="41522" spans="1:4" x14ac:dyDescent="0.25">
      <c r="A41522" t="s">
        <v>58642</v>
      </c>
      <c r="B41522" t="s">
        <v>58647</v>
      </c>
      <c r="C41522">
        <v>1</v>
      </c>
      <c r="D41522">
        <v>0</v>
      </c>
    </row>
    <row r="41523" spans="1:4" x14ac:dyDescent="0.25">
      <c r="A41523" t="s">
        <v>58642</v>
      </c>
      <c r="B41523" t="s">
        <v>58648</v>
      </c>
      <c r="C41523">
        <v>1</v>
      </c>
      <c r="D41523">
        <v>0</v>
      </c>
    </row>
    <row r="41524" spans="1:4" x14ac:dyDescent="0.25">
      <c r="A41524" t="s">
        <v>58642</v>
      </c>
      <c r="B41524" t="s">
        <v>58649</v>
      </c>
      <c r="C41524">
        <v>1</v>
      </c>
      <c r="D41524">
        <v>0</v>
      </c>
    </row>
    <row r="41525" spans="1:4" x14ac:dyDescent="0.25">
      <c r="A41525" t="s">
        <v>58642</v>
      </c>
      <c r="B41525" t="s">
        <v>58650</v>
      </c>
      <c r="C41525">
        <v>1</v>
      </c>
      <c r="D41525">
        <v>0</v>
      </c>
    </row>
    <row r="41526" spans="1:4" x14ac:dyDescent="0.25">
      <c r="A41526" t="s">
        <v>58642</v>
      </c>
      <c r="B41526" t="s">
        <v>58651</v>
      </c>
      <c r="C41526">
        <v>1</v>
      </c>
      <c r="D41526">
        <v>0</v>
      </c>
    </row>
    <row r="41527" spans="1:4" x14ac:dyDescent="0.25">
      <c r="A41527" t="s">
        <v>58652</v>
      </c>
      <c r="B41527" t="s">
        <v>58653</v>
      </c>
      <c r="C41527">
        <v>1</v>
      </c>
      <c r="D41527">
        <v>0</v>
      </c>
    </row>
    <row r="41528" spans="1:4" x14ac:dyDescent="0.25">
      <c r="A41528" t="s">
        <v>58652</v>
      </c>
      <c r="B41528" t="s">
        <v>58654</v>
      </c>
      <c r="C41528">
        <v>1</v>
      </c>
      <c r="D41528">
        <v>0</v>
      </c>
    </row>
    <row r="41529" spans="1:4" x14ac:dyDescent="0.25">
      <c r="A41529" t="s">
        <v>58652</v>
      </c>
      <c r="B41529" t="s">
        <v>58655</v>
      </c>
      <c r="C41529">
        <v>1</v>
      </c>
      <c r="D41529">
        <v>0</v>
      </c>
    </row>
    <row r="41530" spans="1:4" x14ac:dyDescent="0.25">
      <c r="A41530" t="s">
        <v>58652</v>
      </c>
      <c r="B41530" t="s">
        <v>58656</v>
      </c>
      <c r="C41530">
        <v>0</v>
      </c>
      <c r="D41530">
        <v>0</v>
      </c>
    </row>
    <row r="41531" spans="1:4" x14ac:dyDescent="0.25">
      <c r="A41531" t="s">
        <v>58652</v>
      </c>
      <c r="B41531" t="s">
        <v>58657</v>
      </c>
      <c r="C41531">
        <v>2</v>
      </c>
      <c r="D41531">
        <v>0</v>
      </c>
    </row>
    <row r="41532" spans="1:4" x14ac:dyDescent="0.25">
      <c r="A41532" t="s">
        <v>58652</v>
      </c>
      <c r="B41532" t="s">
        <v>58658</v>
      </c>
      <c r="C41532">
        <v>0</v>
      </c>
      <c r="D41532">
        <v>0</v>
      </c>
    </row>
    <row r="41533" spans="1:4" x14ac:dyDescent="0.25">
      <c r="A41533" t="s">
        <v>58659</v>
      </c>
      <c r="B41533" t="s">
        <v>58660</v>
      </c>
      <c r="C41533">
        <v>1</v>
      </c>
      <c r="D41533">
        <v>0</v>
      </c>
    </row>
    <row r="41534" spans="1:4" x14ac:dyDescent="0.25">
      <c r="A41534" t="s">
        <v>58659</v>
      </c>
      <c r="B41534" t="s">
        <v>58661</v>
      </c>
      <c r="C41534">
        <v>0</v>
      </c>
      <c r="D41534">
        <v>0</v>
      </c>
    </row>
    <row r="41535" spans="1:4" x14ac:dyDescent="0.25">
      <c r="A41535" t="s">
        <v>58659</v>
      </c>
      <c r="B41535" t="s">
        <v>58662</v>
      </c>
      <c r="C41535">
        <v>1</v>
      </c>
      <c r="D41535">
        <v>0</v>
      </c>
    </row>
    <row r="41536" spans="1:4" x14ac:dyDescent="0.25">
      <c r="A41536" t="s">
        <v>58659</v>
      </c>
      <c r="B41536" t="s">
        <v>17313</v>
      </c>
      <c r="C41536">
        <v>1</v>
      </c>
      <c r="D41536">
        <v>0</v>
      </c>
    </row>
    <row r="41537" spans="1:4" x14ac:dyDescent="0.25">
      <c r="A41537" t="s">
        <v>58659</v>
      </c>
      <c r="B41537" t="s">
        <v>58663</v>
      </c>
      <c r="C41537">
        <v>1</v>
      </c>
      <c r="D41537">
        <v>0</v>
      </c>
    </row>
    <row r="41538" spans="1:4" x14ac:dyDescent="0.25">
      <c r="A41538" t="s">
        <v>58664</v>
      </c>
      <c r="B41538" t="s">
        <v>58665</v>
      </c>
      <c r="C41538">
        <v>1</v>
      </c>
      <c r="D41538">
        <v>0</v>
      </c>
    </row>
    <row r="41539" spans="1:4" x14ac:dyDescent="0.25">
      <c r="A41539" t="s">
        <v>58664</v>
      </c>
      <c r="B41539" t="s">
        <v>58666</v>
      </c>
      <c r="C41539">
        <v>1</v>
      </c>
      <c r="D41539">
        <v>0</v>
      </c>
    </row>
    <row r="41540" spans="1:4" x14ac:dyDescent="0.25">
      <c r="A41540" t="s">
        <v>58664</v>
      </c>
      <c r="B41540" t="s">
        <v>58667</v>
      </c>
      <c r="C41540">
        <v>1</v>
      </c>
      <c r="D41540">
        <v>0</v>
      </c>
    </row>
    <row r="41541" spans="1:4" x14ac:dyDescent="0.25">
      <c r="A41541" t="s">
        <v>58668</v>
      </c>
      <c r="B41541" t="s">
        <v>58669</v>
      </c>
      <c r="C41541">
        <v>1</v>
      </c>
      <c r="D41541">
        <v>0</v>
      </c>
    </row>
    <row r="41542" spans="1:4" x14ac:dyDescent="0.25">
      <c r="A41542" t="s">
        <v>58668</v>
      </c>
      <c r="B41542" t="s">
        <v>58670</v>
      </c>
      <c r="C41542">
        <v>1</v>
      </c>
      <c r="D41542">
        <v>0</v>
      </c>
    </row>
    <row r="41543" spans="1:4" x14ac:dyDescent="0.25">
      <c r="A41543" t="s">
        <v>58668</v>
      </c>
      <c r="B41543" t="s">
        <v>58671</v>
      </c>
      <c r="C41543">
        <v>1</v>
      </c>
      <c r="D41543">
        <v>0</v>
      </c>
    </row>
    <row r="41544" spans="1:4" x14ac:dyDescent="0.25">
      <c r="A41544" t="s">
        <v>58668</v>
      </c>
      <c r="B41544" t="s">
        <v>58672</v>
      </c>
      <c r="C41544">
        <v>1</v>
      </c>
      <c r="D41544">
        <v>0</v>
      </c>
    </row>
    <row r="41545" spans="1:4" x14ac:dyDescent="0.25">
      <c r="A41545" t="s">
        <v>58673</v>
      </c>
      <c r="B41545" t="s">
        <v>58674</v>
      </c>
      <c r="C41545">
        <v>1</v>
      </c>
      <c r="D41545">
        <v>0</v>
      </c>
    </row>
    <row r="41546" spans="1:4" x14ac:dyDescent="0.25">
      <c r="A41546" t="s">
        <v>58675</v>
      </c>
      <c r="B41546" t="s">
        <v>58676</v>
      </c>
      <c r="C41546">
        <v>0</v>
      </c>
      <c r="D41546">
        <v>0</v>
      </c>
    </row>
    <row r="41547" spans="1:4" x14ac:dyDescent="0.25">
      <c r="A41547" t="s">
        <v>58675</v>
      </c>
      <c r="B41547" t="s">
        <v>58677</v>
      </c>
      <c r="C41547">
        <v>0</v>
      </c>
      <c r="D41547">
        <v>0</v>
      </c>
    </row>
    <row r="41548" spans="1:4" x14ac:dyDescent="0.25">
      <c r="A41548" t="s">
        <v>58675</v>
      </c>
      <c r="B41548" t="s">
        <v>58678</v>
      </c>
      <c r="C41548">
        <v>0</v>
      </c>
      <c r="D41548">
        <v>0</v>
      </c>
    </row>
    <row r="41549" spans="1:4" x14ac:dyDescent="0.25">
      <c r="A41549" t="s">
        <v>58675</v>
      </c>
      <c r="B41549" t="s">
        <v>58679</v>
      </c>
      <c r="C41549">
        <v>2</v>
      </c>
      <c r="D41549">
        <v>0</v>
      </c>
    </row>
    <row r="41550" spans="1:4" x14ac:dyDescent="0.25">
      <c r="A41550" t="s">
        <v>58675</v>
      </c>
      <c r="B41550" t="s">
        <v>58680</v>
      </c>
      <c r="C41550">
        <v>0</v>
      </c>
      <c r="D41550">
        <v>0</v>
      </c>
    </row>
    <row r="41551" spans="1:4" x14ac:dyDescent="0.25">
      <c r="A41551" t="s">
        <v>58681</v>
      </c>
      <c r="B41551" t="s">
        <v>58682</v>
      </c>
      <c r="C41551">
        <v>1</v>
      </c>
      <c r="D41551">
        <v>0</v>
      </c>
    </row>
    <row r="41552" spans="1:4" x14ac:dyDescent="0.25">
      <c r="A41552" t="s">
        <v>58681</v>
      </c>
      <c r="B41552" t="s">
        <v>58683</v>
      </c>
      <c r="C41552">
        <v>1</v>
      </c>
      <c r="D41552">
        <v>0</v>
      </c>
    </row>
    <row r="41553" spans="1:4" x14ac:dyDescent="0.25">
      <c r="A41553" t="s">
        <v>58681</v>
      </c>
      <c r="B41553" t="s">
        <v>58684</v>
      </c>
      <c r="C41553">
        <v>1</v>
      </c>
      <c r="D41553">
        <v>0</v>
      </c>
    </row>
    <row r="41554" spans="1:4" x14ac:dyDescent="0.25">
      <c r="A41554" t="s">
        <v>58681</v>
      </c>
      <c r="B41554" t="s">
        <v>58685</v>
      </c>
      <c r="C41554">
        <v>1</v>
      </c>
      <c r="D41554">
        <v>0</v>
      </c>
    </row>
    <row r="41555" spans="1:4" x14ac:dyDescent="0.25">
      <c r="A41555" t="s">
        <v>58681</v>
      </c>
      <c r="B41555" t="s">
        <v>58686</v>
      </c>
      <c r="C41555">
        <v>1</v>
      </c>
      <c r="D41555">
        <v>0</v>
      </c>
    </row>
    <row r="41556" spans="1:4" x14ac:dyDescent="0.25">
      <c r="A41556" t="s">
        <v>58681</v>
      </c>
      <c r="B41556" t="s">
        <v>58687</v>
      </c>
      <c r="C41556">
        <v>2</v>
      </c>
      <c r="D41556">
        <v>0</v>
      </c>
    </row>
    <row r="41557" spans="1:4" x14ac:dyDescent="0.25">
      <c r="A41557" t="s">
        <v>58681</v>
      </c>
      <c r="B41557" t="s">
        <v>58688</v>
      </c>
      <c r="C41557">
        <v>2</v>
      </c>
      <c r="D41557">
        <v>0</v>
      </c>
    </row>
    <row r="41558" spans="1:4" x14ac:dyDescent="0.25">
      <c r="A41558" t="s">
        <v>58681</v>
      </c>
      <c r="B41558" t="s">
        <v>58689</v>
      </c>
      <c r="C41558">
        <v>2</v>
      </c>
      <c r="D41558">
        <v>0</v>
      </c>
    </row>
    <row r="41559" spans="1:4" x14ac:dyDescent="0.25">
      <c r="A41559" t="s">
        <v>58681</v>
      </c>
      <c r="B41559" t="s">
        <v>58690</v>
      </c>
      <c r="C41559">
        <v>2</v>
      </c>
      <c r="D41559">
        <v>0</v>
      </c>
    </row>
    <row r="41560" spans="1:4" x14ac:dyDescent="0.25">
      <c r="A41560" t="s">
        <v>58691</v>
      </c>
      <c r="B41560" t="s">
        <v>58692</v>
      </c>
      <c r="C41560">
        <v>0</v>
      </c>
      <c r="D41560">
        <v>0</v>
      </c>
    </row>
    <row r="41561" spans="1:4" x14ac:dyDescent="0.25">
      <c r="A41561" t="s">
        <v>58691</v>
      </c>
      <c r="B41561" t="s">
        <v>58693</v>
      </c>
      <c r="C41561">
        <v>0</v>
      </c>
      <c r="D41561">
        <v>0</v>
      </c>
    </row>
    <row r="41562" spans="1:4" x14ac:dyDescent="0.25">
      <c r="A41562" t="s">
        <v>58691</v>
      </c>
      <c r="B41562" t="s">
        <v>58694</v>
      </c>
      <c r="C41562">
        <v>0</v>
      </c>
      <c r="D41562">
        <v>0</v>
      </c>
    </row>
    <row r="41563" spans="1:4" x14ac:dyDescent="0.25">
      <c r="A41563" t="s">
        <v>58691</v>
      </c>
      <c r="B41563" t="s">
        <v>58695</v>
      </c>
      <c r="C41563">
        <v>2</v>
      </c>
      <c r="D41563">
        <v>0</v>
      </c>
    </row>
    <row r="41564" spans="1:4" x14ac:dyDescent="0.25">
      <c r="A41564" t="s">
        <v>58696</v>
      </c>
      <c r="B41564" t="s">
        <v>58697</v>
      </c>
      <c r="C41564">
        <v>1</v>
      </c>
      <c r="D41564">
        <v>0</v>
      </c>
    </row>
    <row r="41565" spans="1:4" x14ac:dyDescent="0.25">
      <c r="A41565" t="s">
        <v>58696</v>
      </c>
      <c r="B41565" t="s">
        <v>58698</v>
      </c>
      <c r="C41565">
        <v>2</v>
      </c>
      <c r="D41565">
        <v>0</v>
      </c>
    </row>
    <row r="41566" spans="1:4" x14ac:dyDescent="0.25">
      <c r="A41566" t="s">
        <v>58696</v>
      </c>
      <c r="B41566" t="s">
        <v>58699</v>
      </c>
      <c r="C41566">
        <v>1</v>
      </c>
      <c r="D41566">
        <v>0</v>
      </c>
    </row>
    <row r="41567" spans="1:4" x14ac:dyDescent="0.25">
      <c r="A41567" t="s">
        <v>58700</v>
      </c>
      <c r="B41567" t="s">
        <v>58701</v>
      </c>
      <c r="C41567">
        <v>1</v>
      </c>
      <c r="D41567">
        <v>0</v>
      </c>
    </row>
    <row r="41568" spans="1:4" x14ac:dyDescent="0.25">
      <c r="A41568" t="s">
        <v>58700</v>
      </c>
      <c r="B41568" t="s">
        <v>58702</v>
      </c>
      <c r="C41568">
        <v>1</v>
      </c>
      <c r="D41568">
        <v>0</v>
      </c>
    </row>
    <row r="41569" spans="1:4" x14ac:dyDescent="0.25">
      <c r="A41569" t="s">
        <v>58700</v>
      </c>
      <c r="B41569" t="s">
        <v>58703</v>
      </c>
      <c r="C41569">
        <v>1</v>
      </c>
      <c r="D41569">
        <v>0</v>
      </c>
    </row>
    <row r="41570" spans="1:4" x14ac:dyDescent="0.25">
      <c r="A41570" t="s">
        <v>58700</v>
      </c>
      <c r="B41570" t="s">
        <v>58704</v>
      </c>
      <c r="C41570">
        <v>0</v>
      </c>
      <c r="D41570">
        <v>0</v>
      </c>
    </row>
    <row r="41571" spans="1:4" x14ac:dyDescent="0.25">
      <c r="A41571" t="s">
        <v>58700</v>
      </c>
      <c r="B41571" t="s">
        <v>58705</v>
      </c>
      <c r="C41571">
        <v>1</v>
      </c>
      <c r="D41571">
        <v>0</v>
      </c>
    </row>
    <row r="41572" spans="1:4" x14ac:dyDescent="0.25">
      <c r="A41572" t="s">
        <v>58700</v>
      </c>
      <c r="B41572" t="s">
        <v>58706</v>
      </c>
      <c r="C41572">
        <v>1</v>
      </c>
      <c r="D41572">
        <v>0</v>
      </c>
    </row>
    <row r="41573" spans="1:4" x14ac:dyDescent="0.25">
      <c r="A41573" t="s">
        <v>58707</v>
      </c>
      <c r="B41573" t="s">
        <v>58708</v>
      </c>
      <c r="C41573">
        <v>2</v>
      </c>
      <c r="D41573">
        <v>0</v>
      </c>
    </row>
    <row r="41574" spans="1:4" x14ac:dyDescent="0.25">
      <c r="A41574" t="s">
        <v>58709</v>
      </c>
      <c r="B41574" t="s">
        <v>58710</v>
      </c>
      <c r="C41574">
        <v>1</v>
      </c>
      <c r="D41574">
        <v>0</v>
      </c>
    </row>
    <row r="41575" spans="1:4" x14ac:dyDescent="0.25">
      <c r="A41575" t="s">
        <v>58709</v>
      </c>
      <c r="B41575" t="s">
        <v>58711</v>
      </c>
      <c r="C41575">
        <v>1</v>
      </c>
      <c r="D41575">
        <v>0</v>
      </c>
    </row>
    <row r="41576" spans="1:4" x14ac:dyDescent="0.25">
      <c r="A41576" t="s">
        <v>58709</v>
      </c>
      <c r="B41576" t="s">
        <v>58712</v>
      </c>
      <c r="C41576">
        <v>0</v>
      </c>
      <c r="D41576">
        <v>0</v>
      </c>
    </row>
    <row r="41577" spans="1:4" x14ac:dyDescent="0.25">
      <c r="A41577" t="s">
        <v>58709</v>
      </c>
      <c r="B41577" t="s">
        <v>58713</v>
      </c>
      <c r="C41577">
        <v>1</v>
      </c>
      <c r="D41577">
        <v>0</v>
      </c>
    </row>
    <row r="41578" spans="1:4" x14ac:dyDescent="0.25">
      <c r="A41578" t="s">
        <v>58714</v>
      </c>
      <c r="B41578" t="s">
        <v>58715</v>
      </c>
      <c r="C41578">
        <v>2</v>
      </c>
      <c r="D41578">
        <v>0</v>
      </c>
    </row>
    <row r="41579" spans="1:4" x14ac:dyDescent="0.25">
      <c r="A41579" t="s">
        <v>58714</v>
      </c>
      <c r="B41579" t="s">
        <v>58716</v>
      </c>
      <c r="C41579">
        <v>1</v>
      </c>
      <c r="D41579">
        <v>0</v>
      </c>
    </row>
    <row r="41580" spans="1:4" x14ac:dyDescent="0.25">
      <c r="A41580" t="s">
        <v>58717</v>
      </c>
      <c r="B41580" t="s">
        <v>58718</v>
      </c>
      <c r="C41580">
        <v>1</v>
      </c>
      <c r="D41580">
        <v>0</v>
      </c>
    </row>
    <row r="41581" spans="1:4" x14ac:dyDescent="0.25">
      <c r="A41581" t="s">
        <v>58717</v>
      </c>
      <c r="B41581" t="s">
        <v>58719</v>
      </c>
      <c r="C41581">
        <v>1</v>
      </c>
      <c r="D41581">
        <v>0</v>
      </c>
    </row>
    <row r="41582" spans="1:4" x14ac:dyDescent="0.25">
      <c r="A41582" t="s">
        <v>58717</v>
      </c>
      <c r="B41582" t="s">
        <v>58720</v>
      </c>
      <c r="C41582">
        <v>1</v>
      </c>
      <c r="D41582">
        <v>0</v>
      </c>
    </row>
    <row r="41583" spans="1:4" x14ac:dyDescent="0.25">
      <c r="A41583" t="s">
        <v>58717</v>
      </c>
      <c r="B41583" t="s">
        <v>58721</v>
      </c>
      <c r="C41583">
        <v>1</v>
      </c>
      <c r="D41583">
        <v>0</v>
      </c>
    </row>
    <row r="41584" spans="1:4" x14ac:dyDescent="0.25">
      <c r="A41584" t="s">
        <v>58717</v>
      </c>
      <c r="B41584" t="s">
        <v>58722</v>
      </c>
      <c r="C41584">
        <v>1</v>
      </c>
      <c r="D41584">
        <v>0</v>
      </c>
    </row>
    <row r="41585" spans="1:4" x14ac:dyDescent="0.25">
      <c r="A41585" t="s">
        <v>58723</v>
      </c>
      <c r="B41585" t="s">
        <v>58724</v>
      </c>
      <c r="C41585">
        <v>0</v>
      </c>
      <c r="D41585">
        <v>0</v>
      </c>
    </row>
    <row r="41586" spans="1:4" x14ac:dyDescent="0.25">
      <c r="A41586" t="s">
        <v>58723</v>
      </c>
      <c r="B41586" t="s">
        <v>58725</v>
      </c>
      <c r="C41586">
        <v>0</v>
      </c>
      <c r="D41586">
        <v>0</v>
      </c>
    </row>
    <row r="41587" spans="1:4" x14ac:dyDescent="0.25">
      <c r="A41587" t="s">
        <v>58723</v>
      </c>
      <c r="B41587" t="s">
        <v>58726</v>
      </c>
      <c r="C41587">
        <v>0</v>
      </c>
      <c r="D41587">
        <v>0</v>
      </c>
    </row>
    <row r="41588" spans="1:4" x14ac:dyDescent="0.25">
      <c r="A41588" t="s">
        <v>58723</v>
      </c>
      <c r="B41588" t="s">
        <v>58727</v>
      </c>
      <c r="C41588">
        <v>0</v>
      </c>
      <c r="D41588">
        <v>0</v>
      </c>
    </row>
    <row r="41589" spans="1:4" x14ac:dyDescent="0.25">
      <c r="A41589" t="s">
        <v>58723</v>
      </c>
      <c r="B41589" t="s">
        <v>58725</v>
      </c>
      <c r="C41589">
        <v>0</v>
      </c>
      <c r="D41589">
        <v>0</v>
      </c>
    </row>
    <row r="41590" spans="1:4" x14ac:dyDescent="0.25">
      <c r="A41590" t="s">
        <v>58723</v>
      </c>
      <c r="B41590" t="s">
        <v>58728</v>
      </c>
      <c r="C41590">
        <v>0</v>
      </c>
      <c r="D41590">
        <v>0</v>
      </c>
    </row>
    <row r="41591" spans="1:4" x14ac:dyDescent="0.25">
      <c r="A41591" t="s">
        <v>58723</v>
      </c>
      <c r="B41591" t="s">
        <v>58729</v>
      </c>
      <c r="C41591">
        <v>0</v>
      </c>
      <c r="D41591">
        <v>0</v>
      </c>
    </row>
    <row r="41592" spans="1:4" x14ac:dyDescent="0.25">
      <c r="A41592" t="s">
        <v>58723</v>
      </c>
      <c r="B41592" t="s">
        <v>58730</v>
      </c>
      <c r="C41592">
        <v>0</v>
      </c>
      <c r="D41592">
        <v>0</v>
      </c>
    </row>
    <row r="41593" spans="1:4" x14ac:dyDescent="0.25">
      <c r="A41593" t="s">
        <v>58723</v>
      </c>
      <c r="B41593" t="s">
        <v>58731</v>
      </c>
      <c r="C41593">
        <v>0</v>
      </c>
      <c r="D41593">
        <v>0</v>
      </c>
    </row>
    <row r="41594" spans="1:4" x14ac:dyDescent="0.25">
      <c r="A41594" t="s">
        <v>58732</v>
      </c>
      <c r="B41594" t="s">
        <v>58733</v>
      </c>
      <c r="C41594">
        <v>1</v>
      </c>
      <c r="D41594">
        <v>0</v>
      </c>
    </row>
    <row r="41595" spans="1:4" x14ac:dyDescent="0.25">
      <c r="A41595" t="s">
        <v>58732</v>
      </c>
      <c r="B41595" t="s">
        <v>58734</v>
      </c>
      <c r="C41595">
        <v>1</v>
      </c>
      <c r="D41595">
        <v>0</v>
      </c>
    </row>
    <row r="41596" spans="1:4" x14ac:dyDescent="0.25">
      <c r="A41596" t="s">
        <v>58732</v>
      </c>
      <c r="B41596" t="s">
        <v>58735</v>
      </c>
      <c r="C41596">
        <v>1</v>
      </c>
      <c r="D41596">
        <v>0</v>
      </c>
    </row>
    <row r="41597" spans="1:4" x14ac:dyDescent="0.25">
      <c r="A41597" t="s">
        <v>58732</v>
      </c>
      <c r="B41597" t="s">
        <v>58736</v>
      </c>
      <c r="C41597">
        <v>2</v>
      </c>
      <c r="D41597">
        <v>0</v>
      </c>
    </row>
    <row r="41598" spans="1:4" x14ac:dyDescent="0.25">
      <c r="A41598" t="s">
        <v>58732</v>
      </c>
      <c r="B41598" t="s">
        <v>58737</v>
      </c>
      <c r="C41598">
        <v>0</v>
      </c>
      <c r="D41598">
        <v>0</v>
      </c>
    </row>
    <row r="41599" spans="1:4" x14ac:dyDescent="0.25">
      <c r="A41599" t="s">
        <v>58732</v>
      </c>
      <c r="B41599" t="s">
        <v>58738</v>
      </c>
      <c r="C41599">
        <v>2</v>
      </c>
      <c r="D41599">
        <v>0</v>
      </c>
    </row>
    <row r="41600" spans="1:4" x14ac:dyDescent="0.25">
      <c r="A41600" t="s">
        <v>58739</v>
      </c>
      <c r="B41600" t="s">
        <v>58740</v>
      </c>
      <c r="C41600">
        <v>2</v>
      </c>
      <c r="D41600">
        <v>0</v>
      </c>
    </row>
    <row r="41601" spans="1:4" x14ac:dyDescent="0.25">
      <c r="A41601" t="s">
        <v>58739</v>
      </c>
      <c r="B41601" t="s">
        <v>58741</v>
      </c>
      <c r="C41601">
        <v>0</v>
      </c>
      <c r="D41601">
        <v>0</v>
      </c>
    </row>
    <row r="41602" spans="1:4" x14ac:dyDescent="0.25">
      <c r="A41602" t="s">
        <v>58742</v>
      </c>
      <c r="B41602" t="s">
        <v>58743</v>
      </c>
      <c r="C41602">
        <v>1</v>
      </c>
      <c r="D41602">
        <v>0</v>
      </c>
    </row>
    <row r="41603" spans="1:4" x14ac:dyDescent="0.25">
      <c r="A41603" t="s">
        <v>58742</v>
      </c>
      <c r="B41603" t="s">
        <v>58744</v>
      </c>
      <c r="C41603">
        <v>1</v>
      </c>
      <c r="D41603">
        <v>0</v>
      </c>
    </row>
    <row r="41604" spans="1:4" x14ac:dyDescent="0.25">
      <c r="A41604" t="s">
        <v>58742</v>
      </c>
      <c r="B41604" t="s">
        <v>5434</v>
      </c>
      <c r="C41604">
        <v>1</v>
      </c>
      <c r="D41604">
        <v>0</v>
      </c>
    </row>
    <row r="41605" spans="1:4" x14ac:dyDescent="0.25">
      <c r="A41605" t="s">
        <v>58745</v>
      </c>
      <c r="B41605" t="s">
        <v>58746</v>
      </c>
      <c r="C41605">
        <v>0</v>
      </c>
      <c r="D41605">
        <v>0</v>
      </c>
    </row>
    <row r="41606" spans="1:4" x14ac:dyDescent="0.25">
      <c r="A41606" t="s">
        <v>58745</v>
      </c>
      <c r="B41606" t="s">
        <v>58747</v>
      </c>
      <c r="C41606">
        <v>0</v>
      </c>
      <c r="D41606">
        <v>0</v>
      </c>
    </row>
    <row r="41607" spans="1:4" x14ac:dyDescent="0.25">
      <c r="A41607" t="s">
        <v>58745</v>
      </c>
      <c r="B41607" t="s">
        <v>58748</v>
      </c>
      <c r="C41607">
        <v>0</v>
      </c>
      <c r="D41607">
        <v>0</v>
      </c>
    </row>
    <row r="41608" spans="1:4" x14ac:dyDescent="0.25">
      <c r="A41608" t="s">
        <v>58745</v>
      </c>
      <c r="B41608" t="s">
        <v>58749</v>
      </c>
      <c r="C41608">
        <v>0</v>
      </c>
      <c r="D41608">
        <v>0</v>
      </c>
    </row>
    <row r="41609" spans="1:4" x14ac:dyDescent="0.25">
      <c r="A41609" t="s">
        <v>58750</v>
      </c>
      <c r="B41609" t="s">
        <v>58751</v>
      </c>
      <c r="C41609">
        <v>1</v>
      </c>
      <c r="D41609">
        <v>0</v>
      </c>
    </row>
    <row r="41610" spans="1:4" x14ac:dyDescent="0.25">
      <c r="A41610" t="s">
        <v>58750</v>
      </c>
      <c r="B41610" t="s">
        <v>58752</v>
      </c>
      <c r="C41610">
        <v>1</v>
      </c>
      <c r="D41610">
        <v>0</v>
      </c>
    </row>
    <row r="41611" spans="1:4" x14ac:dyDescent="0.25">
      <c r="A41611" t="s">
        <v>58750</v>
      </c>
      <c r="B41611" t="s">
        <v>58753</v>
      </c>
      <c r="C41611">
        <v>1</v>
      </c>
      <c r="D41611">
        <v>0</v>
      </c>
    </row>
    <row r="41612" spans="1:4" x14ac:dyDescent="0.25">
      <c r="A41612" t="s">
        <v>58754</v>
      </c>
      <c r="B41612" t="s">
        <v>58755</v>
      </c>
      <c r="C41612">
        <v>0</v>
      </c>
      <c r="D41612">
        <v>0</v>
      </c>
    </row>
    <row r="41613" spans="1:4" x14ac:dyDescent="0.25">
      <c r="A41613" t="s">
        <v>58754</v>
      </c>
      <c r="B41613" t="s">
        <v>58756</v>
      </c>
      <c r="C41613">
        <v>1</v>
      </c>
      <c r="D41613">
        <v>0</v>
      </c>
    </row>
    <row r="41614" spans="1:4" x14ac:dyDescent="0.25">
      <c r="A41614" t="s">
        <v>58757</v>
      </c>
      <c r="B41614" t="s">
        <v>58758</v>
      </c>
      <c r="C41614">
        <v>1</v>
      </c>
      <c r="D41614">
        <v>0</v>
      </c>
    </row>
    <row r="41615" spans="1:4" x14ac:dyDescent="0.25">
      <c r="A41615" t="s">
        <v>58757</v>
      </c>
      <c r="B41615" t="s">
        <v>58759</v>
      </c>
      <c r="C41615">
        <v>1</v>
      </c>
      <c r="D41615">
        <v>0</v>
      </c>
    </row>
    <row r="41616" spans="1:4" x14ac:dyDescent="0.25">
      <c r="A41616" t="s">
        <v>58757</v>
      </c>
      <c r="B41616" t="s">
        <v>58760</v>
      </c>
      <c r="C41616">
        <v>1</v>
      </c>
      <c r="D41616">
        <v>0</v>
      </c>
    </row>
    <row r="41617" spans="1:4" x14ac:dyDescent="0.25">
      <c r="A41617" t="s">
        <v>58757</v>
      </c>
      <c r="B41617" t="s">
        <v>58761</v>
      </c>
      <c r="C41617">
        <v>1</v>
      </c>
      <c r="D41617">
        <v>0</v>
      </c>
    </row>
    <row r="41618" spans="1:4" x14ac:dyDescent="0.25">
      <c r="A41618" t="s">
        <v>58762</v>
      </c>
      <c r="B41618" t="s">
        <v>58763</v>
      </c>
      <c r="C41618">
        <v>1</v>
      </c>
      <c r="D41618">
        <v>0</v>
      </c>
    </row>
    <row r="41619" spans="1:4" x14ac:dyDescent="0.25">
      <c r="A41619" t="s">
        <v>58762</v>
      </c>
      <c r="B41619" t="s">
        <v>58764</v>
      </c>
      <c r="C41619">
        <v>0</v>
      </c>
      <c r="D41619">
        <v>0</v>
      </c>
    </row>
    <row r="41620" spans="1:4" x14ac:dyDescent="0.25">
      <c r="A41620" t="s">
        <v>58762</v>
      </c>
      <c r="B41620" t="s">
        <v>58765</v>
      </c>
      <c r="C41620">
        <v>0</v>
      </c>
      <c r="D41620">
        <v>0</v>
      </c>
    </row>
    <row r="41621" spans="1:4" x14ac:dyDescent="0.25">
      <c r="A41621" t="s">
        <v>58766</v>
      </c>
      <c r="B41621" t="s">
        <v>58767</v>
      </c>
      <c r="C41621">
        <v>2</v>
      </c>
      <c r="D41621">
        <v>0</v>
      </c>
    </row>
    <row r="41622" spans="1:4" x14ac:dyDescent="0.25">
      <c r="A41622" t="s">
        <v>58766</v>
      </c>
      <c r="B41622" t="s">
        <v>58768</v>
      </c>
      <c r="C41622">
        <v>1</v>
      </c>
      <c r="D41622">
        <v>0</v>
      </c>
    </row>
    <row r="41623" spans="1:4" x14ac:dyDescent="0.25">
      <c r="A41623" t="s">
        <v>58766</v>
      </c>
      <c r="B41623" t="s">
        <v>58769</v>
      </c>
      <c r="C41623">
        <v>2</v>
      </c>
      <c r="D41623">
        <v>0</v>
      </c>
    </row>
    <row r="41624" spans="1:4" x14ac:dyDescent="0.25">
      <c r="A41624" t="s">
        <v>58770</v>
      </c>
      <c r="B41624" t="s">
        <v>58771</v>
      </c>
      <c r="C41624">
        <v>1</v>
      </c>
      <c r="D41624">
        <v>0</v>
      </c>
    </row>
    <row r="41625" spans="1:4" x14ac:dyDescent="0.25">
      <c r="A41625" t="s">
        <v>58770</v>
      </c>
      <c r="B41625" t="s">
        <v>58772</v>
      </c>
      <c r="C41625">
        <v>1</v>
      </c>
      <c r="D41625">
        <v>0</v>
      </c>
    </row>
    <row r="41626" spans="1:4" x14ac:dyDescent="0.25">
      <c r="A41626" t="s">
        <v>58773</v>
      </c>
      <c r="B41626" t="s">
        <v>58774</v>
      </c>
      <c r="C41626">
        <v>1</v>
      </c>
      <c r="D41626">
        <v>0</v>
      </c>
    </row>
    <row r="41627" spans="1:4" x14ac:dyDescent="0.25">
      <c r="A41627" t="s">
        <v>58773</v>
      </c>
      <c r="B41627" t="s">
        <v>58775</v>
      </c>
      <c r="C41627">
        <v>2</v>
      </c>
      <c r="D41627">
        <v>0</v>
      </c>
    </row>
    <row r="41628" spans="1:4" x14ac:dyDescent="0.25">
      <c r="A41628" t="s">
        <v>58773</v>
      </c>
      <c r="B41628" t="s">
        <v>58776</v>
      </c>
      <c r="C41628">
        <v>1</v>
      </c>
      <c r="D41628">
        <v>0</v>
      </c>
    </row>
    <row r="41629" spans="1:4" x14ac:dyDescent="0.25">
      <c r="A41629" t="s">
        <v>58777</v>
      </c>
      <c r="B41629" t="s">
        <v>5434</v>
      </c>
      <c r="C41629">
        <v>1</v>
      </c>
      <c r="D41629">
        <v>0</v>
      </c>
    </row>
    <row r="41630" spans="1:4" x14ac:dyDescent="0.25">
      <c r="A41630" t="s">
        <v>58777</v>
      </c>
      <c r="B41630" t="s">
        <v>5434</v>
      </c>
      <c r="C41630">
        <v>1</v>
      </c>
      <c r="D41630">
        <v>0</v>
      </c>
    </row>
    <row r="41631" spans="1:4" x14ac:dyDescent="0.25">
      <c r="A41631" t="s">
        <v>58777</v>
      </c>
      <c r="B41631" t="s">
        <v>58778</v>
      </c>
      <c r="C41631">
        <v>1</v>
      </c>
      <c r="D41631">
        <v>0</v>
      </c>
    </row>
    <row r="41632" spans="1:4" x14ac:dyDescent="0.25">
      <c r="A41632" t="s">
        <v>58777</v>
      </c>
      <c r="B41632" t="s">
        <v>5713</v>
      </c>
      <c r="C41632">
        <v>1</v>
      </c>
      <c r="D41632">
        <v>0</v>
      </c>
    </row>
    <row r="41633" spans="1:4" x14ac:dyDescent="0.25">
      <c r="A41633" t="s">
        <v>58779</v>
      </c>
      <c r="B41633" t="s">
        <v>58780</v>
      </c>
      <c r="C41633">
        <v>1</v>
      </c>
      <c r="D41633">
        <v>0</v>
      </c>
    </row>
    <row r="41634" spans="1:4" x14ac:dyDescent="0.25">
      <c r="A41634" t="s">
        <v>58779</v>
      </c>
      <c r="B41634" t="s">
        <v>58781</v>
      </c>
      <c r="C41634">
        <v>2</v>
      </c>
      <c r="D41634">
        <v>0</v>
      </c>
    </row>
    <row r="41635" spans="1:4" x14ac:dyDescent="0.25">
      <c r="A41635" t="s">
        <v>58779</v>
      </c>
      <c r="B41635" t="s">
        <v>58782</v>
      </c>
      <c r="C41635">
        <v>2</v>
      </c>
      <c r="D41635">
        <v>0</v>
      </c>
    </row>
    <row r="41636" spans="1:4" x14ac:dyDescent="0.25">
      <c r="A41636" t="s">
        <v>58779</v>
      </c>
      <c r="B41636" t="s">
        <v>58783</v>
      </c>
      <c r="C41636">
        <v>1</v>
      </c>
      <c r="D41636">
        <v>0</v>
      </c>
    </row>
    <row r="41637" spans="1:4" x14ac:dyDescent="0.25">
      <c r="A41637" t="s">
        <v>58779</v>
      </c>
      <c r="B41637" t="s">
        <v>58784</v>
      </c>
      <c r="C41637">
        <v>1</v>
      </c>
      <c r="D41637">
        <v>0</v>
      </c>
    </row>
    <row r="41638" spans="1:4" x14ac:dyDescent="0.25">
      <c r="A41638" t="s">
        <v>58779</v>
      </c>
      <c r="B41638" t="s">
        <v>58785</v>
      </c>
      <c r="C41638">
        <v>0</v>
      </c>
      <c r="D41638">
        <v>0</v>
      </c>
    </row>
    <row r="41639" spans="1:4" x14ac:dyDescent="0.25">
      <c r="A41639" t="s">
        <v>58786</v>
      </c>
      <c r="B41639" t="s">
        <v>58787</v>
      </c>
      <c r="C41639">
        <v>0</v>
      </c>
      <c r="D41639">
        <v>0</v>
      </c>
    </row>
    <row r="41640" spans="1:4" x14ac:dyDescent="0.25">
      <c r="A41640" t="s">
        <v>58786</v>
      </c>
      <c r="B41640" t="s">
        <v>58788</v>
      </c>
      <c r="C41640">
        <v>2</v>
      </c>
      <c r="D41640">
        <v>0</v>
      </c>
    </row>
    <row r="41641" spans="1:4" x14ac:dyDescent="0.25">
      <c r="A41641" t="s">
        <v>58786</v>
      </c>
      <c r="B41641" t="s">
        <v>58789</v>
      </c>
      <c r="C41641">
        <v>0</v>
      </c>
      <c r="D41641">
        <v>0</v>
      </c>
    </row>
    <row r="41642" spans="1:4" x14ac:dyDescent="0.25">
      <c r="A41642" t="s">
        <v>58786</v>
      </c>
      <c r="B41642" t="s">
        <v>58790</v>
      </c>
      <c r="C41642">
        <v>0</v>
      </c>
      <c r="D41642">
        <v>0</v>
      </c>
    </row>
    <row r="41643" spans="1:4" x14ac:dyDescent="0.25">
      <c r="A41643" t="s">
        <v>58791</v>
      </c>
      <c r="B41643" t="s">
        <v>58792</v>
      </c>
      <c r="C41643">
        <v>1</v>
      </c>
      <c r="D41643">
        <v>0</v>
      </c>
    </row>
    <row r="41644" spans="1:4" x14ac:dyDescent="0.25">
      <c r="A41644" t="s">
        <v>58791</v>
      </c>
      <c r="B41644" t="s">
        <v>58793</v>
      </c>
      <c r="C41644">
        <v>0</v>
      </c>
      <c r="D41644">
        <v>0</v>
      </c>
    </row>
    <row r="41645" spans="1:4" x14ac:dyDescent="0.25">
      <c r="A41645" t="s">
        <v>58791</v>
      </c>
      <c r="B41645" t="s">
        <v>58794</v>
      </c>
      <c r="C41645">
        <v>1</v>
      </c>
      <c r="D41645">
        <v>0</v>
      </c>
    </row>
    <row r="41646" spans="1:4" x14ac:dyDescent="0.25">
      <c r="A41646" t="s">
        <v>58791</v>
      </c>
      <c r="B41646" t="s">
        <v>58795</v>
      </c>
      <c r="C41646">
        <v>1</v>
      </c>
      <c r="D41646">
        <v>0</v>
      </c>
    </row>
    <row r="41647" spans="1:4" x14ac:dyDescent="0.25">
      <c r="A41647" t="s">
        <v>58791</v>
      </c>
      <c r="B41647" t="s">
        <v>58796</v>
      </c>
      <c r="C41647">
        <v>1</v>
      </c>
      <c r="D41647">
        <v>0</v>
      </c>
    </row>
    <row r="41648" spans="1:4" x14ac:dyDescent="0.25">
      <c r="A41648" t="s">
        <v>58797</v>
      </c>
      <c r="B41648" t="s">
        <v>58798</v>
      </c>
      <c r="C41648">
        <v>1</v>
      </c>
      <c r="D41648">
        <v>0</v>
      </c>
    </row>
    <row r="41649" spans="1:4" x14ac:dyDescent="0.25">
      <c r="A41649" t="s">
        <v>58797</v>
      </c>
      <c r="B41649" t="s">
        <v>58799</v>
      </c>
      <c r="C41649">
        <v>0</v>
      </c>
      <c r="D41649">
        <v>0</v>
      </c>
    </row>
    <row r="41650" spans="1:4" x14ac:dyDescent="0.25">
      <c r="A41650" t="s">
        <v>58797</v>
      </c>
      <c r="B41650" t="s">
        <v>58800</v>
      </c>
      <c r="C41650">
        <v>1</v>
      </c>
      <c r="D41650">
        <v>0</v>
      </c>
    </row>
    <row r="41651" spans="1:4" x14ac:dyDescent="0.25">
      <c r="A41651" t="s">
        <v>58797</v>
      </c>
      <c r="B41651" t="s">
        <v>58801</v>
      </c>
      <c r="C41651">
        <v>2</v>
      </c>
      <c r="D41651">
        <v>0</v>
      </c>
    </row>
    <row r="41652" spans="1:4" x14ac:dyDescent="0.25">
      <c r="A41652" t="s">
        <v>58797</v>
      </c>
      <c r="B41652" t="s">
        <v>58802</v>
      </c>
      <c r="C41652">
        <v>1</v>
      </c>
      <c r="D41652">
        <v>0</v>
      </c>
    </row>
    <row r="41653" spans="1:4" x14ac:dyDescent="0.25">
      <c r="A41653" t="s">
        <v>58797</v>
      </c>
      <c r="B41653" t="s">
        <v>58803</v>
      </c>
      <c r="C41653">
        <v>1</v>
      </c>
      <c r="D41653">
        <v>0</v>
      </c>
    </row>
    <row r="41654" spans="1:4" x14ac:dyDescent="0.25">
      <c r="A41654" t="s">
        <v>58804</v>
      </c>
      <c r="B41654" t="s">
        <v>58805</v>
      </c>
      <c r="C41654">
        <v>2</v>
      </c>
      <c r="D41654">
        <v>0</v>
      </c>
    </row>
    <row r="41655" spans="1:4" x14ac:dyDescent="0.25">
      <c r="A41655" t="s">
        <v>58804</v>
      </c>
      <c r="B41655" t="s">
        <v>58806</v>
      </c>
      <c r="C41655">
        <v>2</v>
      </c>
      <c r="D41655">
        <v>0</v>
      </c>
    </row>
    <row r="41656" spans="1:4" x14ac:dyDescent="0.25">
      <c r="A41656" t="s">
        <v>58804</v>
      </c>
      <c r="B41656" t="s">
        <v>38221</v>
      </c>
      <c r="C41656">
        <v>1</v>
      </c>
      <c r="D41656">
        <v>0</v>
      </c>
    </row>
    <row r="41657" spans="1:4" x14ac:dyDescent="0.25">
      <c r="A41657" t="s">
        <v>58804</v>
      </c>
      <c r="B41657" t="s">
        <v>58807</v>
      </c>
      <c r="C41657">
        <v>2</v>
      </c>
      <c r="D41657">
        <v>0</v>
      </c>
    </row>
    <row r="41658" spans="1:4" x14ac:dyDescent="0.25">
      <c r="A41658" t="s">
        <v>58804</v>
      </c>
      <c r="B41658" t="s">
        <v>58808</v>
      </c>
      <c r="C41658">
        <v>1</v>
      </c>
      <c r="D41658">
        <v>0</v>
      </c>
    </row>
    <row r="41659" spans="1:4" x14ac:dyDescent="0.25">
      <c r="A41659" t="s">
        <v>58804</v>
      </c>
      <c r="B41659" t="s">
        <v>58809</v>
      </c>
      <c r="C41659">
        <v>1</v>
      </c>
      <c r="D41659">
        <v>0</v>
      </c>
    </row>
    <row r="41660" spans="1:4" x14ac:dyDescent="0.25">
      <c r="A41660" t="s">
        <v>58810</v>
      </c>
      <c r="B41660" t="s">
        <v>58811</v>
      </c>
      <c r="C41660">
        <v>1</v>
      </c>
      <c r="D41660">
        <v>0</v>
      </c>
    </row>
    <row r="41661" spans="1:4" x14ac:dyDescent="0.25">
      <c r="A41661" t="s">
        <v>58810</v>
      </c>
      <c r="B41661" t="s">
        <v>58812</v>
      </c>
      <c r="C41661">
        <v>0</v>
      </c>
      <c r="D41661">
        <v>0</v>
      </c>
    </row>
    <row r="41662" spans="1:4" x14ac:dyDescent="0.25">
      <c r="A41662" t="s">
        <v>58810</v>
      </c>
      <c r="B41662" t="s">
        <v>58813</v>
      </c>
      <c r="C41662">
        <v>1</v>
      </c>
      <c r="D41662">
        <v>0</v>
      </c>
    </row>
    <row r="41663" spans="1:4" x14ac:dyDescent="0.25">
      <c r="A41663" t="s">
        <v>58814</v>
      </c>
      <c r="B41663" t="s">
        <v>58815</v>
      </c>
      <c r="C41663">
        <v>1</v>
      </c>
      <c r="D41663">
        <v>0</v>
      </c>
    </row>
    <row r="41664" spans="1:4" x14ac:dyDescent="0.25">
      <c r="A41664" t="s">
        <v>58814</v>
      </c>
      <c r="B41664" t="s">
        <v>58816</v>
      </c>
      <c r="C41664">
        <v>1</v>
      </c>
      <c r="D41664">
        <v>0</v>
      </c>
    </row>
    <row r="41665" spans="1:4" x14ac:dyDescent="0.25">
      <c r="A41665" t="s">
        <v>58814</v>
      </c>
      <c r="B41665" t="s">
        <v>58817</v>
      </c>
      <c r="C41665">
        <v>1</v>
      </c>
      <c r="D41665">
        <v>0</v>
      </c>
    </row>
    <row r="41666" spans="1:4" x14ac:dyDescent="0.25">
      <c r="A41666" t="s">
        <v>58814</v>
      </c>
      <c r="B41666" t="s">
        <v>48798</v>
      </c>
      <c r="C41666">
        <v>1</v>
      </c>
      <c r="D41666">
        <v>0</v>
      </c>
    </row>
    <row r="41667" spans="1:4" x14ac:dyDescent="0.25">
      <c r="A41667" t="s">
        <v>58814</v>
      </c>
      <c r="B41667" t="s">
        <v>58818</v>
      </c>
      <c r="C41667">
        <v>1</v>
      </c>
      <c r="D41667">
        <v>0</v>
      </c>
    </row>
    <row r="41668" spans="1:4" x14ac:dyDescent="0.25">
      <c r="A41668" t="s">
        <v>58819</v>
      </c>
      <c r="B41668" t="s">
        <v>58820</v>
      </c>
      <c r="C41668">
        <v>2</v>
      </c>
      <c r="D41668">
        <v>0</v>
      </c>
    </row>
    <row r="41669" spans="1:4" x14ac:dyDescent="0.25">
      <c r="A41669" t="s">
        <v>58819</v>
      </c>
      <c r="B41669" t="s">
        <v>58821</v>
      </c>
      <c r="C41669">
        <v>1</v>
      </c>
      <c r="D41669">
        <v>0</v>
      </c>
    </row>
    <row r="41670" spans="1:4" x14ac:dyDescent="0.25">
      <c r="A41670" t="s">
        <v>58819</v>
      </c>
      <c r="B41670" t="s">
        <v>58822</v>
      </c>
      <c r="C41670">
        <v>1</v>
      </c>
      <c r="D41670">
        <v>0</v>
      </c>
    </row>
    <row r="41671" spans="1:4" x14ac:dyDescent="0.25">
      <c r="A41671" t="s">
        <v>58819</v>
      </c>
      <c r="B41671" t="s">
        <v>58823</v>
      </c>
      <c r="C41671">
        <v>1</v>
      </c>
      <c r="D41671">
        <v>0</v>
      </c>
    </row>
    <row r="41672" spans="1:4" x14ac:dyDescent="0.25">
      <c r="A41672" t="s">
        <v>58819</v>
      </c>
      <c r="B41672" t="s">
        <v>58824</v>
      </c>
      <c r="C41672">
        <v>1</v>
      </c>
      <c r="D41672">
        <v>0</v>
      </c>
    </row>
    <row r="41673" spans="1:4" x14ac:dyDescent="0.25">
      <c r="A41673" t="s">
        <v>58825</v>
      </c>
      <c r="B41673" t="s">
        <v>58826</v>
      </c>
      <c r="C41673">
        <v>1</v>
      </c>
      <c r="D41673">
        <v>0</v>
      </c>
    </row>
    <row r="41674" spans="1:4" x14ac:dyDescent="0.25">
      <c r="A41674" t="s">
        <v>58825</v>
      </c>
      <c r="B41674" t="s">
        <v>58827</v>
      </c>
      <c r="C41674">
        <v>2</v>
      </c>
      <c r="D41674">
        <v>0</v>
      </c>
    </row>
    <row r="41675" spans="1:4" x14ac:dyDescent="0.25">
      <c r="A41675" t="s">
        <v>58825</v>
      </c>
      <c r="B41675" t="s">
        <v>58828</v>
      </c>
      <c r="C41675">
        <v>1</v>
      </c>
      <c r="D41675">
        <v>0</v>
      </c>
    </row>
    <row r="41676" spans="1:4" x14ac:dyDescent="0.25">
      <c r="A41676" t="s">
        <v>58825</v>
      </c>
      <c r="B41676" t="s">
        <v>58829</v>
      </c>
      <c r="C41676">
        <v>1</v>
      </c>
      <c r="D41676">
        <v>0</v>
      </c>
    </row>
    <row r="41677" spans="1:4" x14ac:dyDescent="0.25">
      <c r="A41677" t="s">
        <v>58825</v>
      </c>
      <c r="B41677" t="s">
        <v>58830</v>
      </c>
      <c r="C41677">
        <v>2</v>
      </c>
      <c r="D41677">
        <v>0</v>
      </c>
    </row>
    <row r="41678" spans="1:4" x14ac:dyDescent="0.25">
      <c r="A41678" t="s">
        <v>58825</v>
      </c>
      <c r="B41678" t="s">
        <v>58831</v>
      </c>
      <c r="C41678">
        <v>1</v>
      </c>
      <c r="D41678">
        <v>0</v>
      </c>
    </row>
    <row r="41679" spans="1:4" x14ac:dyDescent="0.25">
      <c r="A41679" t="s">
        <v>58825</v>
      </c>
      <c r="B41679" t="s">
        <v>58832</v>
      </c>
      <c r="C41679">
        <v>1</v>
      </c>
      <c r="D41679">
        <v>0</v>
      </c>
    </row>
    <row r="41680" spans="1:4" x14ac:dyDescent="0.25">
      <c r="A41680" t="s">
        <v>58825</v>
      </c>
      <c r="B41680" t="s">
        <v>58833</v>
      </c>
      <c r="C41680">
        <v>2</v>
      </c>
      <c r="D41680">
        <v>0</v>
      </c>
    </row>
    <row r="41681" spans="1:4" x14ac:dyDescent="0.25">
      <c r="A41681" t="s">
        <v>58825</v>
      </c>
      <c r="B41681" t="s">
        <v>58834</v>
      </c>
      <c r="C41681">
        <v>1</v>
      </c>
      <c r="D41681">
        <v>0</v>
      </c>
    </row>
    <row r="41682" spans="1:4" x14ac:dyDescent="0.25">
      <c r="A41682" t="s">
        <v>58835</v>
      </c>
      <c r="B41682" t="s">
        <v>58836</v>
      </c>
      <c r="C41682">
        <v>1</v>
      </c>
      <c r="D41682">
        <v>0</v>
      </c>
    </row>
    <row r="41683" spans="1:4" x14ac:dyDescent="0.25">
      <c r="A41683" t="s">
        <v>58835</v>
      </c>
      <c r="B41683" t="s">
        <v>58837</v>
      </c>
      <c r="C41683">
        <v>1</v>
      </c>
      <c r="D41683">
        <v>0</v>
      </c>
    </row>
    <row r="41684" spans="1:4" x14ac:dyDescent="0.25">
      <c r="A41684" t="s">
        <v>58835</v>
      </c>
      <c r="B41684" t="s">
        <v>58838</v>
      </c>
      <c r="C41684">
        <v>1</v>
      </c>
      <c r="D41684">
        <v>0</v>
      </c>
    </row>
    <row r="41685" spans="1:4" x14ac:dyDescent="0.25">
      <c r="A41685" t="s">
        <v>58835</v>
      </c>
      <c r="B41685" t="s">
        <v>58839</v>
      </c>
      <c r="C41685">
        <v>0</v>
      </c>
      <c r="D41685">
        <v>0</v>
      </c>
    </row>
    <row r="41686" spans="1:4" x14ac:dyDescent="0.25">
      <c r="A41686" t="s">
        <v>58835</v>
      </c>
      <c r="B41686" t="s">
        <v>58840</v>
      </c>
      <c r="C41686">
        <v>2</v>
      </c>
      <c r="D41686">
        <v>0</v>
      </c>
    </row>
    <row r="41687" spans="1:4" x14ac:dyDescent="0.25">
      <c r="A41687" t="s">
        <v>58835</v>
      </c>
      <c r="B41687" t="s">
        <v>58841</v>
      </c>
      <c r="C41687">
        <v>2</v>
      </c>
      <c r="D41687">
        <v>0</v>
      </c>
    </row>
    <row r="41688" spans="1:4" x14ac:dyDescent="0.25">
      <c r="A41688" t="s">
        <v>58835</v>
      </c>
      <c r="B41688" t="s">
        <v>19284</v>
      </c>
      <c r="C41688">
        <v>0</v>
      </c>
      <c r="D41688">
        <v>0</v>
      </c>
    </row>
    <row r="41689" spans="1:4" x14ac:dyDescent="0.25">
      <c r="A41689" t="s">
        <v>58842</v>
      </c>
      <c r="B41689" t="s">
        <v>58843</v>
      </c>
      <c r="C41689">
        <v>1</v>
      </c>
      <c r="D41689">
        <v>0</v>
      </c>
    </row>
    <row r="41690" spans="1:4" x14ac:dyDescent="0.25">
      <c r="A41690" t="s">
        <v>58842</v>
      </c>
      <c r="B41690" t="s">
        <v>58844</v>
      </c>
      <c r="C41690">
        <v>1</v>
      </c>
      <c r="D41690">
        <v>0</v>
      </c>
    </row>
    <row r="41691" spans="1:4" x14ac:dyDescent="0.25">
      <c r="A41691" t="s">
        <v>58845</v>
      </c>
      <c r="B41691" t="s">
        <v>58846</v>
      </c>
      <c r="C41691">
        <v>0</v>
      </c>
      <c r="D41691">
        <v>0</v>
      </c>
    </row>
    <row r="41692" spans="1:4" x14ac:dyDescent="0.25">
      <c r="A41692" t="s">
        <v>58845</v>
      </c>
      <c r="B41692" t="s">
        <v>58847</v>
      </c>
      <c r="C41692">
        <v>0</v>
      </c>
      <c r="D41692">
        <v>0</v>
      </c>
    </row>
    <row r="41693" spans="1:4" x14ac:dyDescent="0.25">
      <c r="A41693" t="s">
        <v>58845</v>
      </c>
      <c r="B41693" t="s">
        <v>58848</v>
      </c>
      <c r="C41693">
        <v>0</v>
      </c>
      <c r="D41693">
        <v>0</v>
      </c>
    </row>
    <row r="41694" spans="1:4" x14ac:dyDescent="0.25">
      <c r="A41694" t="s">
        <v>58845</v>
      </c>
      <c r="B41694" t="s">
        <v>58849</v>
      </c>
      <c r="C41694">
        <v>1</v>
      </c>
      <c r="D41694">
        <v>0</v>
      </c>
    </row>
    <row r="41695" spans="1:4" x14ac:dyDescent="0.25">
      <c r="A41695" t="s">
        <v>58845</v>
      </c>
      <c r="B41695" t="s">
        <v>58850</v>
      </c>
      <c r="C41695">
        <v>0</v>
      </c>
      <c r="D41695">
        <v>0</v>
      </c>
    </row>
    <row r="41696" spans="1:4" x14ac:dyDescent="0.25">
      <c r="A41696" t="s">
        <v>58851</v>
      </c>
      <c r="B41696" t="s">
        <v>47872</v>
      </c>
      <c r="C41696">
        <v>0</v>
      </c>
      <c r="D41696">
        <v>0</v>
      </c>
    </row>
    <row r="41697" spans="1:4" x14ac:dyDescent="0.25">
      <c r="A41697" t="s">
        <v>58851</v>
      </c>
      <c r="B41697" t="s">
        <v>58852</v>
      </c>
      <c r="C41697">
        <v>2</v>
      </c>
      <c r="D41697">
        <v>0</v>
      </c>
    </row>
    <row r="41698" spans="1:4" x14ac:dyDescent="0.25">
      <c r="A41698" t="s">
        <v>58851</v>
      </c>
      <c r="B41698" t="s">
        <v>58853</v>
      </c>
      <c r="C41698">
        <v>1</v>
      </c>
      <c r="D41698">
        <v>0</v>
      </c>
    </row>
    <row r="41699" spans="1:4" x14ac:dyDescent="0.25">
      <c r="A41699" t="s">
        <v>58851</v>
      </c>
      <c r="B41699" t="s">
        <v>58854</v>
      </c>
      <c r="C41699">
        <v>1</v>
      </c>
      <c r="D41699">
        <v>0</v>
      </c>
    </row>
    <row r="41700" spans="1:4" x14ac:dyDescent="0.25">
      <c r="A41700" t="s">
        <v>58851</v>
      </c>
      <c r="B41700" t="s">
        <v>58855</v>
      </c>
      <c r="C41700">
        <v>1</v>
      </c>
      <c r="D41700">
        <v>0</v>
      </c>
    </row>
    <row r="41701" spans="1:4" x14ac:dyDescent="0.25">
      <c r="A41701" t="s">
        <v>58851</v>
      </c>
      <c r="B41701" t="s">
        <v>58856</v>
      </c>
      <c r="C41701">
        <v>1</v>
      </c>
      <c r="D41701">
        <v>0</v>
      </c>
    </row>
    <row r="41702" spans="1:4" x14ac:dyDescent="0.25">
      <c r="A41702" t="s">
        <v>58851</v>
      </c>
      <c r="B41702" t="s">
        <v>58857</v>
      </c>
      <c r="C41702">
        <v>1</v>
      </c>
      <c r="D41702">
        <v>0</v>
      </c>
    </row>
    <row r="41703" spans="1:4" x14ac:dyDescent="0.25">
      <c r="A41703" t="s">
        <v>58858</v>
      </c>
      <c r="B41703" t="s">
        <v>58859</v>
      </c>
      <c r="C41703">
        <v>2</v>
      </c>
      <c r="D41703">
        <v>0</v>
      </c>
    </row>
    <row r="41704" spans="1:4" x14ac:dyDescent="0.25">
      <c r="A41704" t="s">
        <v>58858</v>
      </c>
      <c r="B41704" t="s">
        <v>58860</v>
      </c>
      <c r="C41704">
        <v>1</v>
      </c>
      <c r="D41704">
        <v>0</v>
      </c>
    </row>
    <row r="41705" spans="1:4" x14ac:dyDescent="0.25">
      <c r="A41705" t="s">
        <v>58858</v>
      </c>
      <c r="B41705" t="s">
        <v>58861</v>
      </c>
      <c r="C41705">
        <v>0</v>
      </c>
      <c r="D41705">
        <v>0</v>
      </c>
    </row>
    <row r="41706" spans="1:4" x14ac:dyDescent="0.25">
      <c r="A41706" t="s">
        <v>58858</v>
      </c>
      <c r="B41706" t="s">
        <v>58862</v>
      </c>
      <c r="C41706">
        <v>0</v>
      </c>
      <c r="D41706">
        <v>0</v>
      </c>
    </row>
    <row r="41707" spans="1:4" x14ac:dyDescent="0.25">
      <c r="A41707" t="s">
        <v>58858</v>
      </c>
      <c r="B41707" t="s">
        <v>58863</v>
      </c>
      <c r="C41707">
        <v>0</v>
      </c>
      <c r="D41707">
        <v>0</v>
      </c>
    </row>
    <row r="41708" spans="1:4" x14ac:dyDescent="0.25">
      <c r="A41708" t="s">
        <v>58864</v>
      </c>
      <c r="B41708" t="s">
        <v>58865</v>
      </c>
      <c r="C41708">
        <v>2</v>
      </c>
      <c r="D41708">
        <v>0</v>
      </c>
    </row>
    <row r="41709" spans="1:4" x14ac:dyDescent="0.25">
      <c r="A41709" t="s">
        <v>58866</v>
      </c>
      <c r="B41709" t="s">
        <v>58867</v>
      </c>
      <c r="C41709">
        <v>1</v>
      </c>
      <c r="D41709">
        <v>0</v>
      </c>
    </row>
    <row r="41710" spans="1:4" x14ac:dyDescent="0.25">
      <c r="A41710" t="s">
        <v>58866</v>
      </c>
      <c r="B41710" t="s">
        <v>58868</v>
      </c>
      <c r="C41710">
        <v>0</v>
      </c>
      <c r="D41710">
        <v>0</v>
      </c>
    </row>
    <row r="41711" spans="1:4" x14ac:dyDescent="0.25">
      <c r="A41711" t="s">
        <v>58866</v>
      </c>
      <c r="B41711" t="s">
        <v>58869</v>
      </c>
      <c r="C41711">
        <v>1</v>
      </c>
      <c r="D41711">
        <v>0</v>
      </c>
    </row>
    <row r="41712" spans="1:4" x14ac:dyDescent="0.25">
      <c r="A41712" t="s">
        <v>58866</v>
      </c>
      <c r="B41712" t="s">
        <v>58870</v>
      </c>
      <c r="C41712">
        <v>2</v>
      </c>
      <c r="D41712">
        <v>0</v>
      </c>
    </row>
    <row r="41713" spans="1:4" x14ac:dyDescent="0.25">
      <c r="A41713" t="s">
        <v>58866</v>
      </c>
      <c r="B41713" t="s">
        <v>58871</v>
      </c>
      <c r="C41713">
        <v>1</v>
      </c>
      <c r="D41713">
        <v>0</v>
      </c>
    </row>
    <row r="41714" spans="1:4" x14ac:dyDescent="0.25">
      <c r="A41714" t="s">
        <v>58866</v>
      </c>
      <c r="B41714" t="s">
        <v>58872</v>
      </c>
      <c r="C41714">
        <v>1</v>
      </c>
      <c r="D41714">
        <v>0</v>
      </c>
    </row>
    <row r="41715" spans="1:4" x14ac:dyDescent="0.25">
      <c r="A41715" t="s">
        <v>58873</v>
      </c>
      <c r="B41715" t="s">
        <v>58874</v>
      </c>
      <c r="C41715">
        <v>0</v>
      </c>
      <c r="D41715">
        <v>0</v>
      </c>
    </row>
    <row r="41716" spans="1:4" x14ac:dyDescent="0.25">
      <c r="A41716" t="s">
        <v>58873</v>
      </c>
      <c r="B41716" t="s">
        <v>58875</v>
      </c>
      <c r="C41716">
        <v>1</v>
      </c>
      <c r="D41716">
        <v>0</v>
      </c>
    </row>
    <row r="41717" spans="1:4" x14ac:dyDescent="0.25">
      <c r="A41717" t="s">
        <v>58873</v>
      </c>
      <c r="B41717" t="s">
        <v>58876</v>
      </c>
      <c r="C41717">
        <v>1</v>
      </c>
      <c r="D41717">
        <v>0</v>
      </c>
    </row>
    <row r="41718" spans="1:4" x14ac:dyDescent="0.25">
      <c r="A41718" t="s">
        <v>58873</v>
      </c>
      <c r="B41718" t="s">
        <v>58877</v>
      </c>
      <c r="C41718">
        <v>1</v>
      </c>
      <c r="D41718">
        <v>0</v>
      </c>
    </row>
    <row r="41719" spans="1:4" x14ac:dyDescent="0.25">
      <c r="A41719" t="s">
        <v>58878</v>
      </c>
      <c r="B41719" t="s">
        <v>58879</v>
      </c>
      <c r="C41719">
        <v>2</v>
      </c>
      <c r="D41719">
        <v>0</v>
      </c>
    </row>
    <row r="41720" spans="1:4" x14ac:dyDescent="0.25">
      <c r="A41720" t="s">
        <v>58878</v>
      </c>
      <c r="B41720" t="s">
        <v>58880</v>
      </c>
      <c r="C41720">
        <v>1</v>
      </c>
      <c r="D41720">
        <v>0</v>
      </c>
    </row>
    <row r="41721" spans="1:4" x14ac:dyDescent="0.25">
      <c r="A41721" t="s">
        <v>58878</v>
      </c>
      <c r="B41721" t="s">
        <v>5713</v>
      </c>
      <c r="C41721">
        <v>1</v>
      </c>
      <c r="D41721">
        <v>0</v>
      </c>
    </row>
    <row r="41722" spans="1:4" x14ac:dyDescent="0.25">
      <c r="A41722" t="s">
        <v>58878</v>
      </c>
      <c r="B41722" t="s">
        <v>58881</v>
      </c>
      <c r="C41722">
        <v>1</v>
      </c>
      <c r="D41722">
        <v>0</v>
      </c>
    </row>
    <row r="41723" spans="1:4" x14ac:dyDescent="0.25">
      <c r="A41723" t="s">
        <v>58878</v>
      </c>
      <c r="B41723" t="s">
        <v>58882</v>
      </c>
      <c r="C41723">
        <v>2</v>
      </c>
      <c r="D41723">
        <v>0</v>
      </c>
    </row>
    <row r="41724" spans="1:4" x14ac:dyDescent="0.25">
      <c r="A41724" t="s">
        <v>58878</v>
      </c>
      <c r="B41724" t="s">
        <v>58883</v>
      </c>
      <c r="C41724">
        <v>2</v>
      </c>
      <c r="D41724">
        <v>0</v>
      </c>
    </row>
    <row r="41725" spans="1:4" x14ac:dyDescent="0.25">
      <c r="A41725" t="s">
        <v>58878</v>
      </c>
      <c r="B41725" t="s">
        <v>51939</v>
      </c>
      <c r="C41725">
        <v>1</v>
      </c>
      <c r="D41725">
        <v>0</v>
      </c>
    </row>
    <row r="41726" spans="1:4" x14ac:dyDescent="0.25">
      <c r="A41726" t="s">
        <v>58878</v>
      </c>
      <c r="B41726" t="s">
        <v>58884</v>
      </c>
      <c r="C41726">
        <v>1</v>
      </c>
      <c r="D41726">
        <v>0</v>
      </c>
    </row>
    <row r="41727" spans="1:4" x14ac:dyDescent="0.25">
      <c r="A41727" t="s">
        <v>58878</v>
      </c>
      <c r="B41727" t="s">
        <v>58885</v>
      </c>
      <c r="C41727">
        <v>2</v>
      </c>
      <c r="D41727">
        <v>0</v>
      </c>
    </row>
    <row r="41728" spans="1:4" x14ac:dyDescent="0.25">
      <c r="A41728" t="s">
        <v>58886</v>
      </c>
      <c r="B41728" t="s">
        <v>12472</v>
      </c>
      <c r="C41728">
        <v>1</v>
      </c>
      <c r="D41728">
        <v>0</v>
      </c>
    </row>
    <row r="41729" spans="1:4" x14ac:dyDescent="0.25">
      <c r="A41729" t="s">
        <v>58886</v>
      </c>
      <c r="B41729" t="s">
        <v>58887</v>
      </c>
      <c r="C41729">
        <v>1</v>
      </c>
      <c r="D41729">
        <v>0</v>
      </c>
    </row>
    <row r="41730" spans="1:4" x14ac:dyDescent="0.25">
      <c r="A41730" t="s">
        <v>58886</v>
      </c>
      <c r="B41730" t="s">
        <v>58888</v>
      </c>
      <c r="C41730">
        <v>1</v>
      </c>
      <c r="D41730">
        <v>0</v>
      </c>
    </row>
    <row r="41731" spans="1:4" x14ac:dyDescent="0.25">
      <c r="A41731" t="s">
        <v>58886</v>
      </c>
      <c r="B41731" t="s">
        <v>58889</v>
      </c>
      <c r="C41731">
        <v>1</v>
      </c>
      <c r="D41731">
        <v>0</v>
      </c>
    </row>
    <row r="41732" spans="1:4" x14ac:dyDescent="0.25">
      <c r="A41732" t="s">
        <v>58886</v>
      </c>
      <c r="B41732" t="s">
        <v>58890</v>
      </c>
      <c r="C41732">
        <v>1</v>
      </c>
      <c r="D41732">
        <v>0</v>
      </c>
    </row>
    <row r="41733" spans="1:4" x14ac:dyDescent="0.25">
      <c r="A41733" t="s">
        <v>58891</v>
      </c>
      <c r="B41733" t="s">
        <v>5713</v>
      </c>
      <c r="C41733">
        <v>1</v>
      </c>
      <c r="D41733">
        <v>0</v>
      </c>
    </row>
    <row r="41734" spans="1:4" x14ac:dyDescent="0.25">
      <c r="A41734" t="s">
        <v>58891</v>
      </c>
      <c r="B41734" t="s">
        <v>58892</v>
      </c>
      <c r="C41734">
        <v>0</v>
      </c>
      <c r="D41734">
        <v>0</v>
      </c>
    </row>
    <row r="41735" spans="1:4" x14ac:dyDescent="0.25">
      <c r="A41735" t="s">
        <v>58891</v>
      </c>
      <c r="B41735" t="s">
        <v>58893</v>
      </c>
      <c r="C41735">
        <v>1</v>
      </c>
      <c r="D41735">
        <v>0</v>
      </c>
    </row>
    <row r="41736" spans="1:4" x14ac:dyDescent="0.25">
      <c r="A41736" t="s">
        <v>58891</v>
      </c>
      <c r="B41736" t="s">
        <v>58894</v>
      </c>
      <c r="C41736">
        <v>1</v>
      </c>
      <c r="D41736">
        <v>0</v>
      </c>
    </row>
    <row r="41737" spans="1:4" x14ac:dyDescent="0.25">
      <c r="A41737" t="s">
        <v>58891</v>
      </c>
      <c r="B41737" t="s">
        <v>58895</v>
      </c>
      <c r="C41737">
        <v>0</v>
      </c>
      <c r="D41737">
        <v>0</v>
      </c>
    </row>
    <row r="41738" spans="1:4" x14ac:dyDescent="0.25">
      <c r="A41738" t="s">
        <v>58891</v>
      </c>
      <c r="B41738" t="s">
        <v>58892</v>
      </c>
      <c r="C41738">
        <v>0</v>
      </c>
      <c r="D41738">
        <v>0</v>
      </c>
    </row>
    <row r="41739" spans="1:4" x14ac:dyDescent="0.25">
      <c r="A41739" t="s">
        <v>58896</v>
      </c>
      <c r="B41739" t="s">
        <v>58897</v>
      </c>
      <c r="C41739">
        <v>1</v>
      </c>
      <c r="D41739">
        <v>0</v>
      </c>
    </row>
    <row r="41740" spans="1:4" x14ac:dyDescent="0.25">
      <c r="A41740" t="s">
        <v>58896</v>
      </c>
      <c r="B41740" t="s">
        <v>58898</v>
      </c>
      <c r="C41740">
        <v>0</v>
      </c>
      <c r="D41740">
        <v>0</v>
      </c>
    </row>
    <row r="41741" spans="1:4" x14ac:dyDescent="0.25">
      <c r="A41741" t="s">
        <v>58899</v>
      </c>
      <c r="B41741" t="s">
        <v>58900</v>
      </c>
      <c r="C41741">
        <v>0</v>
      </c>
      <c r="D41741">
        <v>0</v>
      </c>
    </row>
    <row r="41742" spans="1:4" x14ac:dyDescent="0.25">
      <c r="A41742" t="s">
        <v>58899</v>
      </c>
      <c r="B41742" t="s">
        <v>58901</v>
      </c>
      <c r="C41742">
        <v>0</v>
      </c>
      <c r="D41742">
        <v>0</v>
      </c>
    </row>
    <row r="41743" spans="1:4" x14ac:dyDescent="0.25">
      <c r="A41743" t="s">
        <v>58899</v>
      </c>
      <c r="B41743" t="s">
        <v>58902</v>
      </c>
      <c r="C41743">
        <v>1</v>
      </c>
      <c r="D41743">
        <v>0</v>
      </c>
    </row>
    <row r="41744" spans="1:4" x14ac:dyDescent="0.25">
      <c r="A41744" t="s">
        <v>58903</v>
      </c>
      <c r="B41744" t="s">
        <v>58904</v>
      </c>
      <c r="C41744">
        <v>1</v>
      </c>
      <c r="D41744">
        <v>0</v>
      </c>
    </row>
    <row r="41745" spans="1:4" x14ac:dyDescent="0.25">
      <c r="A41745" t="s">
        <v>58903</v>
      </c>
      <c r="B41745" t="s">
        <v>58905</v>
      </c>
      <c r="C41745">
        <v>2</v>
      </c>
      <c r="D41745">
        <v>0</v>
      </c>
    </row>
    <row r="41746" spans="1:4" x14ac:dyDescent="0.25">
      <c r="A41746" t="s">
        <v>58903</v>
      </c>
      <c r="B41746" t="s">
        <v>58906</v>
      </c>
      <c r="C41746">
        <v>1</v>
      </c>
      <c r="D41746">
        <v>0</v>
      </c>
    </row>
    <row r="41747" spans="1:4" x14ac:dyDescent="0.25">
      <c r="A41747" t="s">
        <v>58903</v>
      </c>
      <c r="B41747" t="s">
        <v>58907</v>
      </c>
      <c r="C41747">
        <v>1</v>
      </c>
      <c r="D41747">
        <v>0</v>
      </c>
    </row>
    <row r="41748" spans="1:4" x14ac:dyDescent="0.25">
      <c r="A41748" t="s">
        <v>58908</v>
      </c>
      <c r="B41748" t="s">
        <v>58909</v>
      </c>
      <c r="C41748">
        <v>0</v>
      </c>
      <c r="D41748">
        <v>0</v>
      </c>
    </row>
    <row r="41749" spans="1:4" x14ac:dyDescent="0.25">
      <c r="A41749" t="s">
        <v>58908</v>
      </c>
      <c r="B41749" t="s">
        <v>58910</v>
      </c>
      <c r="C41749">
        <v>1</v>
      </c>
      <c r="D41749">
        <v>0</v>
      </c>
    </row>
    <row r="41750" spans="1:4" x14ac:dyDescent="0.25">
      <c r="A41750" t="s">
        <v>58908</v>
      </c>
      <c r="B41750" t="s">
        <v>1567</v>
      </c>
      <c r="C41750">
        <v>0</v>
      </c>
      <c r="D41750">
        <v>0</v>
      </c>
    </row>
    <row r="41751" spans="1:4" x14ac:dyDescent="0.25">
      <c r="A41751" t="s">
        <v>58911</v>
      </c>
      <c r="B41751" t="s">
        <v>58912</v>
      </c>
      <c r="C41751">
        <v>1</v>
      </c>
      <c r="D41751">
        <v>0</v>
      </c>
    </row>
    <row r="41752" spans="1:4" x14ac:dyDescent="0.25">
      <c r="A41752" t="s">
        <v>58911</v>
      </c>
      <c r="B41752" t="s">
        <v>58913</v>
      </c>
      <c r="C41752">
        <v>2</v>
      </c>
      <c r="D41752">
        <v>0</v>
      </c>
    </row>
    <row r="41753" spans="1:4" x14ac:dyDescent="0.25">
      <c r="A41753" t="s">
        <v>58914</v>
      </c>
      <c r="B41753" t="s">
        <v>58915</v>
      </c>
      <c r="C41753">
        <v>1</v>
      </c>
      <c r="D41753">
        <v>0</v>
      </c>
    </row>
    <row r="41754" spans="1:4" x14ac:dyDescent="0.25">
      <c r="A41754" t="s">
        <v>58914</v>
      </c>
      <c r="B41754" t="s">
        <v>58916</v>
      </c>
      <c r="C41754">
        <v>0</v>
      </c>
      <c r="D41754">
        <v>0</v>
      </c>
    </row>
    <row r="41755" spans="1:4" x14ac:dyDescent="0.25">
      <c r="A41755" t="s">
        <v>58917</v>
      </c>
      <c r="B41755" t="s">
        <v>58918</v>
      </c>
      <c r="C41755">
        <v>1</v>
      </c>
      <c r="D41755">
        <v>0</v>
      </c>
    </row>
    <row r="41756" spans="1:4" x14ac:dyDescent="0.25">
      <c r="A41756" t="s">
        <v>58917</v>
      </c>
      <c r="B41756" t="s">
        <v>58919</v>
      </c>
      <c r="C41756">
        <v>1</v>
      </c>
      <c r="D41756">
        <v>0</v>
      </c>
    </row>
    <row r="41757" spans="1:4" x14ac:dyDescent="0.25">
      <c r="A41757" t="s">
        <v>58917</v>
      </c>
      <c r="B41757" t="s">
        <v>58920</v>
      </c>
      <c r="C41757">
        <v>1</v>
      </c>
      <c r="D41757">
        <v>0</v>
      </c>
    </row>
    <row r="41758" spans="1:4" x14ac:dyDescent="0.25">
      <c r="A41758" t="s">
        <v>58917</v>
      </c>
      <c r="B41758" t="s">
        <v>58921</v>
      </c>
      <c r="C41758">
        <v>1</v>
      </c>
      <c r="D41758">
        <v>0</v>
      </c>
    </row>
    <row r="41759" spans="1:4" x14ac:dyDescent="0.25">
      <c r="A41759" t="s">
        <v>58917</v>
      </c>
      <c r="B41759" t="s">
        <v>58922</v>
      </c>
      <c r="C41759">
        <v>1</v>
      </c>
      <c r="D41759">
        <v>0</v>
      </c>
    </row>
    <row r="41760" spans="1:4" x14ac:dyDescent="0.25">
      <c r="A41760" t="s">
        <v>58923</v>
      </c>
      <c r="B41760" t="s">
        <v>58924</v>
      </c>
      <c r="C41760">
        <v>1</v>
      </c>
      <c r="D41760">
        <v>0</v>
      </c>
    </row>
    <row r="41761" spans="1:4" x14ac:dyDescent="0.25">
      <c r="A41761" t="s">
        <v>58923</v>
      </c>
      <c r="B41761" t="s">
        <v>58925</v>
      </c>
      <c r="C41761">
        <v>2</v>
      </c>
      <c r="D41761">
        <v>0</v>
      </c>
    </row>
    <row r="41762" spans="1:4" x14ac:dyDescent="0.25">
      <c r="A41762" t="s">
        <v>58923</v>
      </c>
      <c r="B41762" t="s">
        <v>58926</v>
      </c>
      <c r="C41762">
        <v>1</v>
      </c>
      <c r="D41762">
        <v>0</v>
      </c>
    </row>
    <row r="41763" spans="1:4" x14ac:dyDescent="0.25">
      <c r="A41763" t="s">
        <v>58923</v>
      </c>
      <c r="B41763" t="s">
        <v>58927</v>
      </c>
      <c r="C41763">
        <v>1</v>
      </c>
      <c r="D41763">
        <v>0</v>
      </c>
    </row>
    <row r="41764" spans="1:4" x14ac:dyDescent="0.25">
      <c r="A41764" t="s">
        <v>58923</v>
      </c>
      <c r="B41764" t="s">
        <v>58928</v>
      </c>
      <c r="C41764">
        <v>1</v>
      </c>
      <c r="D41764">
        <v>0</v>
      </c>
    </row>
    <row r="41765" spans="1:4" x14ac:dyDescent="0.25">
      <c r="A41765" t="s">
        <v>58923</v>
      </c>
      <c r="B41765" t="s">
        <v>3173</v>
      </c>
      <c r="C41765">
        <v>1</v>
      </c>
      <c r="D41765">
        <v>0</v>
      </c>
    </row>
    <row r="41766" spans="1:4" x14ac:dyDescent="0.25">
      <c r="A41766" t="s">
        <v>58929</v>
      </c>
      <c r="B41766" t="s">
        <v>58930</v>
      </c>
      <c r="C41766">
        <v>2</v>
      </c>
      <c r="D41766">
        <v>0</v>
      </c>
    </row>
    <row r="41767" spans="1:4" x14ac:dyDescent="0.25">
      <c r="A41767" t="s">
        <v>58929</v>
      </c>
      <c r="B41767" t="s">
        <v>58931</v>
      </c>
      <c r="C41767">
        <v>2</v>
      </c>
      <c r="D41767">
        <v>0</v>
      </c>
    </row>
    <row r="41768" spans="1:4" x14ac:dyDescent="0.25">
      <c r="A41768" t="s">
        <v>58929</v>
      </c>
      <c r="B41768" t="s">
        <v>58932</v>
      </c>
      <c r="C41768">
        <v>2</v>
      </c>
      <c r="D41768">
        <v>0</v>
      </c>
    </row>
    <row r="41769" spans="1:4" x14ac:dyDescent="0.25">
      <c r="A41769" t="s">
        <v>58929</v>
      </c>
      <c r="B41769" t="s">
        <v>58933</v>
      </c>
      <c r="C41769">
        <v>2</v>
      </c>
      <c r="D41769">
        <v>0</v>
      </c>
    </row>
    <row r="41770" spans="1:4" x14ac:dyDescent="0.25">
      <c r="A41770" t="s">
        <v>58929</v>
      </c>
      <c r="B41770" t="s">
        <v>58934</v>
      </c>
      <c r="C41770">
        <v>2</v>
      </c>
      <c r="D41770">
        <v>0</v>
      </c>
    </row>
    <row r="41771" spans="1:4" x14ac:dyDescent="0.25">
      <c r="A41771" t="s">
        <v>58929</v>
      </c>
      <c r="B41771" t="s">
        <v>58935</v>
      </c>
      <c r="C41771">
        <v>2</v>
      </c>
      <c r="D41771">
        <v>0</v>
      </c>
    </row>
    <row r="41772" spans="1:4" x14ac:dyDescent="0.25">
      <c r="A41772" t="s">
        <v>58929</v>
      </c>
      <c r="B41772" t="s">
        <v>58936</v>
      </c>
      <c r="C41772">
        <v>2</v>
      </c>
      <c r="D41772">
        <v>0</v>
      </c>
    </row>
    <row r="41773" spans="1:4" x14ac:dyDescent="0.25">
      <c r="A41773" t="s">
        <v>58937</v>
      </c>
      <c r="B41773" t="s">
        <v>58938</v>
      </c>
      <c r="C41773">
        <v>1</v>
      </c>
      <c r="D41773">
        <v>0</v>
      </c>
    </row>
    <row r="41774" spans="1:4" x14ac:dyDescent="0.25">
      <c r="A41774" t="s">
        <v>58937</v>
      </c>
      <c r="B41774" t="s">
        <v>58939</v>
      </c>
      <c r="C41774">
        <v>0</v>
      </c>
      <c r="D41774">
        <v>0</v>
      </c>
    </row>
    <row r="41775" spans="1:4" x14ac:dyDescent="0.25">
      <c r="A41775" t="s">
        <v>58937</v>
      </c>
      <c r="B41775" t="s">
        <v>35545</v>
      </c>
      <c r="C41775">
        <v>1</v>
      </c>
      <c r="D41775">
        <v>0</v>
      </c>
    </row>
    <row r="41776" spans="1:4" x14ac:dyDescent="0.25">
      <c r="A41776" t="s">
        <v>58937</v>
      </c>
      <c r="B41776" t="s">
        <v>19309</v>
      </c>
      <c r="C41776">
        <v>0</v>
      </c>
      <c r="D41776">
        <v>0</v>
      </c>
    </row>
    <row r="41777" spans="1:4" x14ac:dyDescent="0.25">
      <c r="A41777" t="s">
        <v>58937</v>
      </c>
      <c r="B41777" t="s">
        <v>58940</v>
      </c>
      <c r="C41777">
        <v>1</v>
      </c>
      <c r="D41777">
        <v>0</v>
      </c>
    </row>
    <row r="41778" spans="1:4" x14ac:dyDescent="0.25">
      <c r="A41778" t="s">
        <v>58937</v>
      </c>
      <c r="B41778" t="s">
        <v>58941</v>
      </c>
      <c r="C41778">
        <v>1</v>
      </c>
      <c r="D41778">
        <v>0</v>
      </c>
    </row>
    <row r="41779" spans="1:4" x14ac:dyDescent="0.25">
      <c r="A41779" t="s">
        <v>58942</v>
      </c>
      <c r="B41779" t="s">
        <v>47001</v>
      </c>
      <c r="C41779">
        <v>0</v>
      </c>
      <c r="D41779">
        <v>0</v>
      </c>
    </row>
    <row r="41780" spans="1:4" x14ac:dyDescent="0.25">
      <c r="A41780" t="s">
        <v>58942</v>
      </c>
      <c r="B41780" t="s">
        <v>58943</v>
      </c>
      <c r="C41780">
        <v>0</v>
      </c>
      <c r="D41780">
        <v>0</v>
      </c>
    </row>
    <row r="41781" spans="1:4" x14ac:dyDescent="0.25">
      <c r="A41781" t="s">
        <v>58942</v>
      </c>
      <c r="B41781" t="s">
        <v>58944</v>
      </c>
      <c r="C41781">
        <v>2</v>
      </c>
      <c r="D41781">
        <v>0</v>
      </c>
    </row>
    <row r="41782" spans="1:4" x14ac:dyDescent="0.25">
      <c r="A41782" t="s">
        <v>58942</v>
      </c>
      <c r="B41782" t="s">
        <v>58945</v>
      </c>
      <c r="C41782">
        <v>2</v>
      </c>
      <c r="D41782">
        <v>0</v>
      </c>
    </row>
    <row r="41783" spans="1:4" x14ac:dyDescent="0.25">
      <c r="A41783" t="s">
        <v>58946</v>
      </c>
      <c r="B41783" t="s">
        <v>58947</v>
      </c>
      <c r="C41783">
        <v>2</v>
      </c>
      <c r="D41783">
        <v>0</v>
      </c>
    </row>
    <row r="41784" spans="1:4" x14ac:dyDescent="0.25">
      <c r="A41784" t="s">
        <v>58946</v>
      </c>
      <c r="B41784" t="s">
        <v>58948</v>
      </c>
      <c r="C41784">
        <v>2</v>
      </c>
      <c r="D41784">
        <v>0</v>
      </c>
    </row>
    <row r="41785" spans="1:4" x14ac:dyDescent="0.25">
      <c r="A41785" t="s">
        <v>58946</v>
      </c>
      <c r="B41785" t="s">
        <v>58949</v>
      </c>
      <c r="C41785">
        <v>2</v>
      </c>
      <c r="D41785">
        <v>0</v>
      </c>
    </row>
    <row r="41786" spans="1:4" x14ac:dyDescent="0.25">
      <c r="A41786" t="s">
        <v>58946</v>
      </c>
      <c r="B41786" t="s">
        <v>58950</v>
      </c>
      <c r="C41786">
        <v>1</v>
      </c>
      <c r="D41786">
        <v>0</v>
      </c>
    </row>
    <row r="41787" spans="1:4" x14ac:dyDescent="0.25">
      <c r="A41787" t="s">
        <v>58946</v>
      </c>
      <c r="B41787" t="s">
        <v>58951</v>
      </c>
      <c r="C41787">
        <v>2</v>
      </c>
      <c r="D41787">
        <v>0</v>
      </c>
    </row>
    <row r="41788" spans="1:4" x14ac:dyDescent="0.25">
      <c r="A41788" t="s">
        <v>58952</v>
      </c>
      <c r="B41788" t="s">
        <v>58953</v>
      </c>
      <c r="C41788">
        <v>1</v>
      </c>
      <c r="D41788">
        <v>0</v>
      </c>
    </row>
    <row r="41789" spans="1:4" x14ac:dyDescent="0.25">
      <c r="A41789" t="s">
        <v>58952</v>
      </c>
      <c r="B41789" t="s">
        <v>58954</v>
      </c>
      <c r="C41789">
        <v>0</v>
      </c>
      <c r="D41789">
        <v>0</v>
      </c>
    </row>
    <row r="41790" spans="1:4" x14ac:dyDescent="0.25">
      <c r="A41790" t="s">
        <v>58952</v>
      </c>
      <c r="B41790" t="s">
        <v>58955</v>
      </c>
      <c r="C41790">
        <v>1</v>
      </c>
      <c r="D41790">
        <v>0</v>
      </c>
    </row>
    <row r="41791" spans="1:4" x14ac:dyDescent="0.25">
      <c r="A41791" t="s">
        <v>58952</v>
      </c>
      <c r="B41791" t="s">
        <v>58956</v>
      </c>
      <c r="C41791">
        <v>0</v>
      </c>
      <c r="D41791">
        <v>0</v>
      </c>
    </row>
    <row r="41792" spans="1:4" x14ac:dyDescent="0.25">
      <c r="A41792" t="s">
        <v>58952</v>
      </c>
      <c r="B41792" t="s">
        <v>5713</v>
      </c>
      <c r="C41792">
        <v>1</v>
      </c>
      <c r="D41792">
        <v>0</v>
      </c>
    </row>
    <row r="41793" spans="1:4" x14ac:dyDescent="0.25">
      <c r="A41793" t="s">
        <v>58952</v>
      </c>
      <c r="B41793" t="s">
        <v>58957</v>
      </c>
      <c r="C41793">
        <v>0</v>
      </c>
      <c r="D41793">
        <v>0</v>
      </c>
    </row>
    <row r="41794" spans="1:4" x14ac:dyDescent="0.25">
      <c r="A41794" t="s">
        <v>58952</v>
      </c>
      <c r="B41794" t="s">
        <v>53340</v>
      </c>
      <c r="C41794">
        <v>1</v>
      </c>
      <c r="D41794">
        <v>0</v>
      </c>
    </row>
    <row r="41795" spans="1:4" x14ac:dyDescent="0.25">
      <c r="A41795" t="s">
        <v>58952</v>
      </c>
      <c r="B41795" t="s">
        <v>58958</v>
      </c>
      <c r="C41795">
        <v>0</v>
      </c>
      <c r="D41795">
        <v>0</v>
      </c>
    </row>
    <row r="41796" spans="1:4" x14ac:dyDescent="0.25">
      <c r="A41796" t="s">
        <v>58952</v>
      </c>
      <c r="B41796" t="s">
        <v>58959</v>
      </c>
      <c r="C41796">
        <v>1</v>
      </c>
      <c r="D41796">
        <v>0</v>
      </c>
    </row>
    <row r="41797" spans="1:4" x14ac:dyDescent="0.25">
      <c r="A41797" t="s">
        <v>58952</v>
      </c>
      <c r="B41797" t="s">
        <v>58960</v>
      </c>
      <c r="C41797">
        <v>0</v>
      </c>
      <c r="D41797">
        <v>0</v>
      </c>
    </row>
    <row r="41798" spans="1:4" x14ac:dyDescent="0.25">
      <c r="A41798" t="s">
        <v>58961</v>
      </c>
      <c r="B41798" t="s">
        <v>58962</v>
      </c>
      <c r="C41798">
        <v>0</v>
      </c>
      <c r="D41798">
        <v>0</v>
      </c>
    </row>
    <row r="41799" spans="1:4" x14ac:dyDescent="0.25">
      <c r="A41799" t="s">
        <v>58961</v>
      </c>
      <c r="B41799" t="s">
        <v>58963</v>
      </c>
      <c r="C41799">
        <v>0</v>
      </c>
      <c r="D41799">
        <v>0</v>
      </c>
    </row>
    <row r="41800" spans="1:4" x14ac:dyDescent="0.25">
      <c r="A41800" t="s">
        <v>58961</v>
      </c>
      <c r="B41800" t="s">
        <v>58964</v>
      </c>
      <c r="C41800">
        <v>1</v>
      </c>
      <c r="D41800">
        <v>0</v>
      </c>
    </row>
    <row r="41801" spans="1:4" x14ac:dyDescent="0.25">
      <c r="A41801" t="s">
        <v>58961</v>
      </c>
      <c r="B41801" t="s">
        <v>58965</v>
      </c>
      <c r="C41801">
        <v>2</v>
      </c>
      <c r="D41801">
        <v>0</v>
      </c>
    </row>
    <row r="41802" spans="1:4" x14ac:dyDescent="0.25">
      <c r="A41802" t="s">
        <v>58961</v>
      </c>
      <c r="B41802" t="s">
        <v>58966</v>
      </c>
      <c r="C41802">
        <v>1</v>
      </c>
      <c r="D41802">
        <v>0</v>
      </c>
    </row>
    <row r="41803" spans="1:4" x14ac:dyDescent="0.25">
      <c r="A41803" t="s">
        <v>58961</v>
      </c>
      <c r="B41803" t="s">
        <v>58967</v>
      </c>
      <c r="C41803">
        <v>1</v>
      </c>
      <c r="D41803">
        <v>0</v>
      </c>
    </row>
    <row r="41804" spans="1:4" x14ac:dyDescent="0.25">
      <c r="A41804" t="s">
        <v>58968</v>
      </c>
      <c r="B41804" t="s">
        <v>58969</v>
      </c>
      <c r="C41804">
        <v>1</v>
      </c>
      <c r="D41804">
        <v>0</v>
      </c>
    </row>
    <row r="41805" spans="1:4" x14ac:dyDescent="0.25">
      <c r="A41805" t="s">
        <v>58968</v>
      </c>
      <c r="B41805" t="s">
        <v>58970</v>
      </c>
      <c r="C41805">
        <v>0</v>
      </c>
      <c r="D41805">
        <v>0</v>
      </c>
    </row>
    <row r="41806" spans="1:4" x14ac:dyDescent="0.25">
      <c r="A41806" t="s">
        <v>58968</v>
      </c>
      <c r="B41806" t="s">
        <v>58971</v>
      </c>
      <c r="C41806">
        <v>2</v>
      </c>
      <c r="D41806">
        <v>0</v>
      </c>
    </row>
    <row r="41807" spans="1:4" x14ac:dyDescent="0.25">
      <c r="A41807" t="s">
        <v>58968</v>
      </c>
      <c r="B41807" t="s">
        <v>58972</v>
      </c>
      <c r="C41807">
        <v>1</v>
      </c>
      <c r="D41807">
        <v>0</v>
      </c>
    </row>
    <row r="41808" spans="1:4" x14ac:dyDescent="0.25">
      <c r="A41808" t="s">
        <v>58968</v>
      </c>
      <c r="B41808" t="s">
        <v>58973</v>
      </c>
      <c r="C41808">
        <v>2</v>
      </c>
      <c r="D41808">
        <v>0</v>
      </c>
    </row>
    <row r="41809" spans="1:4" x14ac:dyDescent="0.25">
      <c r="A41809" t="s">
        <v>58968</v>
      </c>
      <c r="B41809" t="s">
        <v>58974</v>
      </c>
      <c r="C41809">
        <v>1</v>
      </c>
      <c r="D41809">
        <v>0</v>
      </c>
    </row>
    <row r="41810" spans="1:4" x14ac:dyDescent="0.25">
      <c r="A41810" t="s">
        <v>58968</v>
      </c>
      <c r="B41810" t="s">
        <v>58975</v>
      </c>
      <c r="C41810">
        <v>1</v>
      </c>
      <c r="D41810">
        <v>0</v>
      </c>
    </row>
    <row r="41811" spans="1:4" x14ac:dyDescent="0.25">
      <c r="A41811" t="s">
        <v>58968</v>
      </c>
      <c r="B41811" t="s">
        <v>48587</v>
      </c>
      <c r="C41811">
        <v>1</v>
      </c>
      <c r="D41811">
        <v>0</v>
      </c>
    </row>
    <row r="41812" spans="1:4" x14ac:dyDescent="0.25">
      <c r="A41812" t="s">
        <v>58976</v>
      </c>
      <c r="B41812" t="s">
        <v>58977</v>
      </c>
      <c r="C41812">
        <v>1</v>
      </c>
      <c r="D41812">
        <v>0</v>
      </c>
    </row>
    <row r="41813" spans="1:4" x14ac:dyDescent="0.25">
      <c r="A41813" t="s">
        <v>58976</v>
      </c>
      <c r="B41813" t="s">
        <v>58978</v>
      </c>
      <c r="C41813">
        <v>0</v>
      </c>
      <c r="D41813">
        <v>0</v>
      </c>
    </row>
    <row r="41814" spans="1:4" x14ac:dyDescent="0.25">
      <c r="A41814" t="s">
        <v>58979</v>
      </c>
      <c r="B41814" t="s">
        <v>58980</v>
      </c>
      <c r="C41814">
        <v>1</v>
      </c>
      <c r="D41814">
        <v>0</v>
      </c>
    </row>
    <row r="41815" spans="1:4" x14ac:dyDescent="0.25">
      <c r="A41815" t="s">
        <v>58979</v>
      </c>
      <c r="B41815" t="s">
        <v>58981</v>
      </c>
      <c r="C41815">
        <v>1</v>
      </c>
      <c r="D41815">
        <v>0</v>
      </c>
    </row>
    <row r="41816" spans="1:4" x14ac:dyDescent="0.25">
      <c r="A41816" t="s">
        <v>58982</v>
      </c>
      <c r="B41816" t="s">
        <v>58983</v>
      </c>
      <c r="C41816">
        <v>1</v>
      </c>
      <c r="D41816">
        <v>0</v>
      </c>
    </row>
    <row r="41817" spans="1:4" x14ac:dyDescent="0.25">
      <c r="A41817" t="s">
        <v>58984</v>
      </c>
      <c r="B41817" t="s">
        <v>58985</v>
      </c>
      <c r="C41817">
        <v>0</v>
      </c>
      <c r="D41817">
        <v>0</v>
      </c>
    </row>
    <row r="41818" spans="1:4" x14ac:dyDescent="0.25">
      <c r="A41818" t="s">
        <v>58984</v>
      </c>
      <c r="B41818" t="s">
        <v>18689</v>
      </c>
      <c r="C41818">
        <v>0</v>
      </c>
      <c r="D41818">
        <v>0</v>
      </c>
    </row>
    <row r="41819" spans="1:4" x14ac:dyDescent="0.25">
      <c r="A41819" t="s">
        <v>58984</v>
      </c>
      <c r="B41819" t="s">
        <v>58986</v>
      </c>
      <c r="C41819">
        <v>0</v>
      </c>
      <c r="D41819">
        <v>0</v>
      </c>
    </row>
    <row r="41820" spans="1:4" x14ac:dyDescent="0.25">
      <c r="A41820" t="s">
        <v>58984</v>
      </c>
      <c r="B41820" t="s">
        <v>58987</v>
      </c>
      <c r="C41820">
        <v>2</v>
      </c>
      <c r="D41820">
        <v>0</v>
      </c>
    </row>
    <row r="41821" spans="1:4" x14ac:dyDescent="0.25">
      <c r="A41821" t="s">
        <v>58984</v>
      </c>
      <c r="B41821" t="s">
        <v>58988</v>
      </c>
      <c r="C41821">
        <v>2</v>
      </c>
      <c r="D41821">
        <v>0</v>
      </c>
    </row>
    <row r="41822" spans="1:4" x14ac:dyDescent="0.25">
      <c r="A41822" t="s">
        <v>58984</v>
      </c>
      <c r="B41822" t="s">
        <v>58989</v>
      </c>
      <c r="C41822">
        <v>0</v>
      </c>
      <c r="D41822">
        <v>0</v>
      </c>
    </row>
    <row r="41823" spans="1:4" x14ac:dyDescent="0.25">
      <c r="A41823" t="s">
        <v>58990</v>
      </c>
      <c r="B41823" t="s">
        <v>58991</v>
      </c>
      <c r="C41823">
        <v>1</v>
      </c>
      <c r="D41823">
        <v>0</v>
      </c>
    </row>
    <row r="41824" spans="1:4" x14ac:dyDescent="0.25">
      <c r="A41824" t="s">
        <v>58990</v>
      </c>
      <c r="B41824" t="s">
        <v>58992</v>
      </c>
      <c r="C41824">
        <v>1</v>
      </c>
      <c r="D41824">
        <v>0</v>
      </c>
    </row>
    <row r="41825" spans="1:4" x14ac:dyDescent="0.25">
      <c r="A41825" t="s">
        <v>58990</v>
      </c>
      <c r="B41825" t="s">
        <v>49794</v>
      </c>
      <c r="C41825">
        <v>1</v>
      </c>
      <c r="D41825">
        <v>0</v>
      </c>
    </row>
    <row r="41826" spans="1:4" x14ac:dyDescent="0.25">
      <c r="A41826" t="s">
        <v>58990</v>
      </c>
      <c r="B41826" t="s">
        <v>58993</v>
      </c>
      <c r="C41826">
        <v>1</v>
      </c>
      <c r="D41826">
        <v>0</v>
      </c>
    </row>
    <row r="41827" spans="1:4" x14ac:dyDescent="0.25">
      <c r="A41827" t="s">
        <v>58990</v>
      </c>
      <c r="B41827" t="s">
        <v>58994</v>
      </c>
      <c r="C41827">
        <v>1</v>
      </c>
      <c r="D41827">
        <v>0</v>
      </c>
    </row>
    <row r="41828" spans="1:4" x14ac:dyDescent="0.25">
      <c r="A41828" t="s">
        <v>58995</v>
      </c>
      <c r="B41828" t="s">
        <v>58996</v>
      </c>
      <c r="C41828">
        <v>1</v>
      </c>
      <c r="D41828">
        <v>0</v>
      </c>
    </row>
    <row r="41829" spans="1:4" x14ac:dyDescent="0.25">
      <c r="A41829" t="s">
        <v>58995</v>
      </c>
      <c r="B41829" t="s">
        <v>58997</v>
      </c>
      <c r="C41829">
        <v>1</v>
      </c>
      <c r="D41829">
        <v>0</v>
      </c>
    </row>
    <row r="41830" spans="1:4" x14ac:dyDescent="0.25">
      <c r="A41830" t="s">
        <v>58995</v>
      </c>
      <c r="B41830" t="s">
        <v>58998</v>
      </c>
      <c r="C41830">
        <v>0</v>
      </c>
      <c r="D41830">
        <v>0</v>
      </c>
    </row>
    <row r="41831" spans="1:4" x14ac:dyDescent="0.25">
      <c r="A41831" t="s">
        <v>58999</v>
      </c>
      <c r="B41831" t="s">
        <v>59000</v>
      </c>
      <c r="C41831">
        <v>1</v>
      </c>
      <c r="D41831">
        <v>0</v>
      </c>
    </row>
    <row r="41832" spans="1:4" x14ac:dyDescent="0.25">
      <c r="A41832" t="s">
        <v>58999</v>
      </c>
      <c r="B41832" t="s">
        <v>59001</v>
      </c>
      <c r="C41832">
        <v>0</v>
      </c>
      <c r="D41832">
        <v>0</v>
      </c>
    </row>
    <row r="41833" spans="1:4" x14ac:dyDescent="0.25">
      <c r="A41833" t="s">
        <v>59002</v>
      </c>
      <c r="B41833" t="s">
        <v>59003</v>
      </c>
      <c r="C41833">
        <v>1</v>
      </c>
      <c r="D41833">
        <v>0</v>
      </c>
    </row>
    <row r="41834" spans="1:4" x14ac:dyDescent="0.25">
      <c r="A41834" t="s">
        <v>59002</v>
      </c>
      <c r="B41834" t="s">
        <v>59004</v>
      </c>
      <c r="C41834">
        <v>1</v>
      </c>
      <c r="D41834">
        <v>0</v>
      </c>
    </row>
    <row r="41835" spans="1:4" x14ac:dyDescent="0.25">
      <c r="A41835" t="s">
        <v>59002</v>
      </c>
      <c r="B41835" t="s">
        <v>59005</v>
      </c>
      <c r="C41835">
        <v>1</v>
      </c>
      <c r="D41835">
        <v>0</v>
      </c>
    </row>
    <row r="41836" spans="1:4" x14ac:dyDescent="0.25">
      <c r="A41836" t="s">
        <v>59006</v>
      </c>
      <c r="B41836" t="s">
        <v>59007</v>
      </c>
      <c r="C41836">
        <v>1</v>
      </c>
      <c r="D41836">
        <v>0</v>
      </c>
    </row>
    <row r="41837" spans="1:4" x14ac:dyDescent="0.25">
      <c r="A41837" t="s">
        <v>59006</v>
      </c>
      <c r="B41837" t="s">
        <v>59008</v>
      </c>
      <c r="C41837">
        <v>2</v>
      </c>
      <c r="D41837">
        <v>0</v>
      </c>
    </row>
    <row r="41838" spans="1:4" x14ac:dyDescent="0.25">
      <c r="A41838" t="s">
        <v>59006</v>
      </c>
      <c r="B41838" t="s">
        <v>59009</v>
      </c>
      <c r="C41838">
        <v>0</v>
      </c>
      <c r="D41838">
        <v>0</v>
      </c>
    </row>
    <row r="41839" spans="1:4" x14ac:dyDescent="0.25">
      <c r="A41839" t="s">
        <v>59010</v>
      </c>
      <c r="B41839" t="s">
        <v>59011</v>
      </c>
      <c r="C41839">
        <v>2</v>
      </c>
      <c r="D41839">
        <v>0</v>
      </c>
    </row>
    <row r="41840" spans="1:4" x14ac:dyDescent="0.25">
      <c r="A41840" t="s">
        <v>59010</v>
      </c>
      <c r="B41840" t="s">
        <v>59012</v>
      </c>
      <c r="C41840">
        <v>1</v>
      </c>
      <c r="D41840">
        <v>0</v>
      </c>
    </row>
    <row r="41841" spans="1:4" x14ac:dyDescent="0.25">
      <c r="A41841" t="s">
        <v>59010</v>
      </c>
      <c r="B41841" t="s">
        <v>5047</v>
      </c>
      <c r="C41841">
        <v>0</v>
      </c>
      <c r="D41841">
        <v>0</v>
      </c>
    </row>
    <row r="41842" spans="1:4" x14ac:dyDescent="0.25">
      <c r="A41842" t="s">
        <v>59010</v>
      </c>
      <c r="B41842" t="s">
        <v>59013</v>
      </c>
      <c r="C41842">
        <v>0</v>
      </c>
      <c r="D41842">
        <v>0</v>
      </c>
    </row>
    <row r="41843" spans="1:4" x14ac:dyDescent="0.25">
      <c r="A41843" t="s">
        <v>59010</v>
      </c>
      <c r="B41843" t="s">
        <v>59014</v>
      </c>
      <c r="C41843">
        <v>0</v>
      </c>
      <c r="D41843">
        <v>0</v>
      </c>
    </row>
    <row r="41844" spans="1:4" x14ac:dyDescent="0.25">
      <c r="A41844" t="s">
        <v>59015</v>
      </c>
      <c r="B41844" t="s">
        <v>59016</v>
      </c>
      <c r="C41844">
        <v>0</v>
      </c>
      <c r="D41844">
        <v>0</v>
      </c>
    </row>
    <row r="41845" spans="1:4" x14ac:dyDescent="0.25">
      <c r="A41845" t="s">
        <v>59015</v>
      </c>
      <c r="B41845" t="s">
        <v>59017</v>
      </c>
      <c r="C41845">
        <v>0</v>
      </c>
      <c r="D41845">
        <v>0</v>
      </c>
    </row>
    <row r="41846" spans="1:4" x14ac:dyDescent="0.25">
      <c r="A41846" t="s">
        <v>59015</v>
      </c>
      <c r="B41846" t="s">
        <v>59018</v>
      </c>
      <c r="C41846">
        <v>0</v>
      </c>
      <c r="D41846">
        <v>0</v>
      </c>
    </row>
    <row r="41847" spans="1:4" x14ac:dyDescent="0.25">
      <c r="A41847" t="s">
        <v>59015</v>
      </c>
      <c r="B41847" t="s">
        <v>59019</v>
      </c>
      <c r="C41847">
        <v>0</v>
      </c>
      <c r="D41847">
        <v>0</v>
      </c>
    </row>
    <row r="41848" spans="1:4" x14ac:dyDescent="0.25">
      <c r="A41848" t="s">
        <v>59015</v>
      </c>
      <c r="B41848" t="s">
        <v>59020</v>
      </c>
      <c r="C41848">
        <v>0</v>
      </c>
      <c r="D41848">
        <v>0</v>
      </c>
    </row>
    <row r="41849" spans="1:4" x14ac:dyDescent="0.25">
      <c r="A41849" t="s">
        <v>59021</v>
      </c>
      <c r="B41849" t="s">
        <v>59022</v>
      </c>
      <c r="C41849">
        <v>1</v>
      </c>
      <c r="D41849">
        <v>0</v>
      </c>
    </row>
    <row r="41850" spans="1:4" x14ac:dyDescent="0.25">
      <c r="A41850" t="s">
        <v>59021</v>
      </c>
      <c r="B41850" t="s">
        <v>59023</v>
      </c>
      <c r="C41850">
        <v>1</v>
      </c>
      <c r="D41850">
        <v>0</v>
      </c>
    </row>
    <row r="41851" spans="1:4" x14ac:dyDescent="0.25">
      <c r="A41851" t="s">
        <v>59021</v>
      </c>
      <c r="B41851" t="s">
        <v>2651</v>
      </c>
      <c r="C41851">
        <v>0</v>
      </c>
      <c r="D41851">
        <v>0</v>
      </c>
    </row>
    <row r="41852" spans="1:4" x14ac:dyDescent="0.25">
      <c r="A41852" t="s">
        <v>59021</v>
      </c>
      <c r="B41852" t="s">
        <v>59024</v>
      </c>
      <c r="C41852">
        <v>0</v>
      </c>
      <c r="D41852">
        <v>0</v>
      </c>
    </row>
    <row r="41853" spans="1:4" x14ac:dyDescent="0.25">
      <c r="A41853" t="s">
        <v>59021</v>
      </c>
      <c r="B41853" t="s">
        <v>59025</v>
      </c>
      <c r="C41853">
        <v>1</v>
      </c>
      <c r="D41853">
        <v>0</v>
      </c>
    </row>
    <row r="41854" spans="1:4" x14ac:dyDescent="0.25">
      <c r="A41854" t="s">
        <v>59026</v>
      </c>
      <c r="B41854" t="s">
        <v>59027</v>
      </c>
      <c r="C41854">
        <v>1</v>
      </c>
      <c r="D41854">
        <v>0</v>
      </c>
    </row>
    <row r="41855" spans="1:4" x14ac:dyDescent="0.25">
      <c r="A41855" t="s">
        <v>59026</v>
      </c>
      <c r="B41855" t="s">
        <v>59028</v>
      </c>
      <c r="C41855">
        <v>1</v>
      </c>
      <c r="D41855">
        <v>0</v>
      </c>
    </row>
    <row r="41856" spans="1:4" x14ac:dyDescent="0.25">
      <c r="A41856" t="s">
        <v>59026</v>
      </c>
      <c r="B41856" t="s">
        <v>59029</v>
      </c>
      <c r="C41856">
        <v>1</v>
      </c>
      <c r="D41856">
        <v>0</v>
      </c>
    </row>
    <row r="41857" spans="1:4" x14ac:dyDescent="0.25">
      <c r="A41857" t="s">
        <v>59026</v>
      </c>
      <c r="B41857" t="s">
        <v>59030</v>
      </c>
      <c r="C41857">
        <v>2</v>
      </c>
      <c r="D41857">
        <v>0</v>
      </c>
    </row>
    <row r="41858" spans="1:4" x14ac:dyDescent="0.25">
      <c r="A41858" t="s">
        <v>59026</v>
      </c>
      <c r="B41858" t="s">
        <v>59031</v>
      </c>
      <c r="C41858">
        <v>1</v>
      </c>
      <c r="D41858">
        <v>0</v>
      </c>
    </row>
    <row r="41859" spans="1:4" x14ac:dyDescent="0.25">
      <c r="A41859" t="s">
        <v>59026</v>
      </c>
      <c r="B41859" t="s">
        <v>59032</v>
      </c>
      <c r="C41859">
        <v>1</v>
      </c>
      <c r="D41859">
        <v>0</v>
      </c>
    </row>
    <row r="41860" spans="1:4" x14ac:dyDescent="0.25">
      <c r="A41860" t="s">
        <v>59033</v>
      </c>
      <c r="B41860" t="s">
        <v>59034</v>
      </c>
      <c r="C41860">
        <v>0</v>
      </c>
      <c r="D41860">
        <v>0</v>
      </c>
    </row>
    <row r="41861" spans="1:4" x14ac:dyDescent="0.25">
      <c r="A41861" t="s">
        <v>59035</v>
      </c>
      <c r="B41861" t="s">
        <v>59036</v>
      </c>
      <c r="C41861">
        <v>2</v>
      </c>
      <c r="D41861">
        <v>0</v>
      </c>
    </row>
    <row r="41862" spans="1:4" x14ac:dyDescent="0.25">
      <c r="A41862" t="s">
        <v>59037</v>
      </c>
      <c r="B41862" t="s">
        <v>59038</v>
      </c>
      <c r="C41862">
        <v>0</v>
      </c>
      <c r="D41862">
        <v>0</v>
      </c>
    </row>
    <row r="41863" spans="1:4" x14ac:dyDescent="0.25">
      <c r="A41863" t="s">
        <v>59039</v>
      </c>
      <c r="B41863" t="s">
        <v>59040</v>
      </c>
      <c r="C41863">
        <v>1</v>
      </c>
      <c r="D41863">
        <v>0</v>
      </c>
    </row>
    <row r="41864" spans="1:4" x14ac:dyDescent="0.25">
      <c r="A41864" t="s">
        <v>59039</v>
      </c>
      <c r="B41864" t="s">
        <v>59041</v>
      </c>
      <c r="C41864">
        <v>1</v>
      </c>
      <c r="D41864">
        <v>0</v>
      </c>
    </row>
    <row r="41865" spans="1:4" x14ac:dyDescent="0.25">
      <c r="A41865" t="s">
        <v>59039</v>
      </c>
      <c r="B41865" t="s">
        <v>59042</v>
      </c>
      <c r="C41865">
        <v>0</v>
      </c>
      <c r="D41865">
        <v>0</v>
      </c>
    </row>
    <row r="41866" spans="1:4" x14ac:dyDescent="0.25">
      <c r="A41866" t="s">
        <v>59043</v>
      </c>
      <c r="B41866" t="s">
        <v>5434</v>
      </c>
      <c r="C41866">
        <v>1</v>
      </c>
      <c r="D41866">
        <v>0</v>
      </c>
    </row>
    <row r="41867" spans="1:4" x14ac:dyDescent="0.25">
      <c r="A41867" t="s">
        <v>59043</v>
      </c>
      <c r="B41867" t="s">
        <v>1001</v>
      </c>
      <c r="C41867">
        <v>1</v>
      </c>
      <c r="D41867">
        <v>0</v>
      </c>
    </row>
    <row r="41868" spans="1:4" x14ac:dyDescent="0.25">
      <c r="A41868" t="s">
        <v>59043</v>
      </c>
      <c r="B41868" t="s">
        <v>59044</v>
      </c>
      <c r="C41868">
        <v>1</v>
      </c>
      <c r="D41868">
        <v>0</v>
      </c>
    </row>
    <row r="41869" spans="1:4" x14ac:dyDescent="0.25">
      <c r="A41869" t="s">
        <v>59043</v>
      </c>
      <c r="B41869" t="s">
        <v>59045</v>
      </c>
      <c r="C41869">
        <v>1</v>
      </c>
      <c r="D41869">
        <v>0</v>
      </c>
    </row>
    <row r="41870" spans="1:4" x14ac:dyDescent="0.25">
      <c r="A41870" t="s">
        <v>59046</v>
      </c>
      <c r="B41870" t="s">
        <v>59047</v>
      </c>
      <c r="C41870">
        <v>1</v>
      </c>
      <c r="D41870">
        <v>0</v>
      </c>
    </row>
    <row r="41871" spans="1:4" x14ac:dyDescent="0.25">
      <c r="A41871" t="s">
        <v>59046</v>
      </c>
      <c r="B41871" t="s">
        <v>59048</v>
      </c>
      <c r="C41871">
        <v>1</v>
      </c>
      <c r="D41871">
        <v>0</v>
      </c>
    </row>
    <row r="41872" spans="1:4" x14ac:dyDescent="0.25">
      <c r="A41872" t="s">
        <v>59046</v>
      </c>
      <c r="B41872" t="s">
        <v>59049</v>
      </c>
      <c r="C41872">
        <v>1</v>
      </c>
      <c r="D41872">
        <v>0</v>
      </c>
    </row>
    <row r="41873" spans="1:4" x14ac:dyDescent="0.25">
      <c r="A41873" t="s">
        <v>59046</v>
      </c>
      <c r="B41873" t="s">
        <v>59050</v>
      </c>
      <c r="C41873">
        <v>1</v>
      </c>
      <c r="D41873">
        <v>0</v>
      </c>
    </row>
    <row r="41874" spans="1:4" x14ac:dyDescent="0.25">
      <c r="A41874" t="s">
        <v>59046</v>
      </c>
      <c r="B41874" t="s">
        <v>59051</v>
      </c>
      <c r="C41874">
        <v>1</v>
      </c>
      <c r="D41874">
        <v>0</v>
      </c>
    </row>
    <row r="41875" spans="1:4" x14ac:dyDescent="0.25">
      <c r="A41875" t="s">
        <v>59052</v>
      </c>
      <c r="B41875" t="s">
        <v>59053</v>
      </c>
      <c r="C41875">
        <v>1</v>
      </c>
      <c r="D41875">
        <v>0</v>
      </c>
    </row>
    <row r="41876" spans="1:4" x14ac:dyDescent="0.25">
      <c r="A41876" t="s">
        <v>59052</v>
      </c>
      <c r="B41876" t="s">
        <v>59054</v>
      </c>
      <c r="C41876">
        <v>0</v>
      </c>
      <c r="D41876">
        <v>0</v>
      </c>
    </row>
    <row r="41877" spans="1:4" x14ac:dyDescent="0.25">
      <c r="A41877" t="s">
        <v>59055</v>
      </c>
      <c r="B41877" t="s">
        <v>59056</v>
      </c>
      <c r="C41877">
        <v>1</v>
      </c>
      <c r="D41877">
        <v>0</v>
      </c>
    </row>
    <row r="41878" spans="1:4" x14ac:dyDescent="0.25">
      <c r="A41878" t="s">
        <v>59055</v>
      </c>
      <c r="B41878" t="s">
        <v>59057</v>
      </c>
      <c r="C41878">
        <v>0</v>
      </c>
      <c r="D41878">
        <v>0</v>
      </c>
    </row>
    <row r="41879" spans="1:4" x14ac:dyDescent="0.25">
      <c r="A41879" t="s">
        <v>59055</v>
      </c>
      <c r="B41879" t="s">
        <v>59058</v>
      </c>
      <c r="C41879">
        <v>1</v>
      </c>
      <c r="D41879">
        <v>0</v>
      </c>
    </row>
    <row r="41880" spans="1:4" x14ac:dyDescent="0.25">
      <c r="A41880" t="s">
        <v>59059</v>
      </c>
      <c r="B41880" t="s">
        <v>59060</v>
      </c>
      <c r="C41880">
        <v>1</v>
      </c>
      <c r="D41880">
        <v>0</v>
      </c>
    </row>
    <row r="41881" spans="1:4" x14ac:dyDescent="0.25">
      <c r="A41881" t="s">
        <v>59059</v>
      </c>
      <c r="B41881" t="s">
        <v>59061</v>
      </c>
      <c r="C41881">
        <v>0</v>
      </c>
      <c r="D41881">
        <v>0</v>
      </c>
    </row>
    <row r="41882" spans="1:4" x14ac:dyDescent="0.25">
      <c r="A41882" t="s">
        <v>59059</v>
      </c>
      <c r="B41882" t="s">
        <v>59062</v>
      </c>
      <c r="C41882">
        <v>0</v>
      </c>
      <c r="D41882">
        <v>0</v>
      </c>
    </row>
    <row r="41883" spans="1:4" x14ac:dyDescent="0.25">
      <c r="A41883" t="s">
        <v>59059</v>
      </c>
      <c r="B41883" t="s">
        <v>59063</v>
      </c>
      <c r="C41883">
        <v>0</v>
      </c>
      <c r="D41883">
        <v>0</v>
      </c>
    </row>
    <row r="41884" spans="1:4" x14ac:dyDescent="0.25">
      <c r="A41884" t="s">
        <v>59064</v>
      </c>
      <c r="B41884" t="s">
        <v>18079</v>
      </c>
      <c r="C41884">
        <v>0</v>
      </c>
      <c r="D41884">
        <v>0</v>
      </c>
    </row>
    <row r="41885" spans="1:4" x14ac:dyDescent="0.25">
      <c r="A41885" t="s">
        <v>59064</v>
      </c>
      <c r="B41885" t="s">
        <v>59065</v>
      </c>
      <c r="C41885">
        <v>0</v>
      </c>
      <c r="D41885">
        <v>0</v>
      </c>
    </row>
    <row r="41886" spans="1:4" x14ac:dyDescent="0.25">
      <c r="A41886" t="s">
        <v>59064</v>
      </c>
      <c r="B41886" t="s">
        <v>59066</v>
      </c>
      <c r="C41886">
        <v>0</v>
      </c>
      <c r="D41886">
        <v>0</v>
      </c>
    </row>
    <row r="41887" spans="1:4" x14ac:dyDescent="0.25">
      <c r="A41887" t="s">
        <v>59064</v>
      </c>
      <c r="B41887" t="s">
        <v>59067</v>
      </c>
      <c r="C41887">
        <v>0</v>
      </c>
      <c r="D41887">
        <v>0</v>
      </c>
    </row>
    <row r="41888" spans="1:4" x14ac:dyDescent="0.25">
      <c r="A41888" t="s">
        <v>59068</v>
      </c>
      <c r="B41888" t="s">
        <v>59069</v>
      </c>
      <c r="C41888">
        <v>1</v>
      </c>
      <c r="D41888">
        <v>0</v>
      </c>
    </row>
    <row r="41889" spans="1:4" x14ac:dyDescent="0.25">
      <c r="A41889" t="s">
        <v>59070</v>
      </c>
      <c r="B41889" t="s">
        <v>19747</v>
      </c>
      <c r="C41889">
        <v>0</v>
      </c>
      <c r="D41889">
        <v>0</v>
      </c>
    </row>
    <row r="41890" spans="1:4" x14ac:dyDescent="0.25">
      <c r="A41890" t="s">
        <v>59070</v>
      </c>
      <c r="B41890" t="s">
        <v>59071</v>
      </c>
      <c r="C41890">
        <v>0</v>
      </c>
      <c r="D41890">
        <v>0</v>
      </c>
    </row>
    <row r="41891" spans="1:4" x14ac:dyDescent="0.25">
      <c r="A41891" t="s">
        <v>59072</v>
      </c>
      <c r="B41891" t="s">
        <v>59073</v>
      </c>
      <c r="C41891">
        <v>1</v>
      </c>
      <c r="D41891">
        <v>0</v>
      </c>
    </row>
    <row r="41892" spans="1:4" x14ac:dyDescent="0.25">
      <c r="A41892" t="s">
        <v>59072</v>
      </c>
      <c r="B41892" t="s">
        <v>59074</v>
      </c>
      <c r="C41892">
        <v>0</v>
      </c>
      <c r="D41892">
        <v>0</v>
      </c>
    </row>
    <row r="41893" spans="1:4" x14ac:dyDescent="0.25">
      <c r="A41893" t="s">
        <v>59072</v>
      </c>
      <c r="B41893" t="s">
        <v>59075</v>
      </c>
      <c r="C41893">
        <v>1</v>
      </c>
      <c r="D41893">
        <v>0</v>
      </c>
    </row>
    <row r="41894" spans="1:4" x14ac:dyDescent="0.25">
      <c r="A41894" t="s">
        <v>59072</v>
      </c>
      <c r="B41894" t="s">
        <v>59076</v>
      </c>
      <c r="C41894">
        <v>0</v>
      </c>
      <c r="D41894">
        <v>0</v>
      </c>
    </row>
    <row r="41895" spans="1:4" x14ac:dyDescent="0.25">
      <c r="A41895" t="s">
        <v>59072</v>
      </c>
      <c r="B41895" t="s">
        <v>59077</v>
      </c>
      <c r="C41895">
        <v>0</v>
      </c>
      <c r="D41895">
        <v>0</v>
      </c>
    </row>
    <row r="41896" spans="1:4" x14ac:dyDescent="0.25">
      <c r="A41896" t="s">
        <v>59072</v>
      </c>
      <c r="B41896" t="s">
        <v>59078</v>
      </c>
      <c r="C41896">
        <v>1</v>
      </c>
      <c r="D41896">
        <v>0</v>
      </c>
    </row>
    <row r="41897" spans="1:4" x14ac:dyDescent="0.25">
      <c r="A41897" t="s">
        <v>59072</v>
      </c>
      <c r="B41897" t="s">
        <v>59079</v>
      </c>
      <c r="C41897">
        <v>0</v>
      </c>
      <c r="D41897">
        <v>0</v>
      </c>
    </row>
    <row r="41898" spans="1:4" x14ac:dyDescent="0.25">
      <c r="A41898" t="s">
        <v>59072</v>
      </c>
      <c r="B41898" t="s">
        <v>59080</v>
      </c>
      <c r="C41898">
        <v>2</v>
      </c>
      <c r="D41898">
        <v>0</v>
      </c>
    </row>
    <row r="41899" spans="1:4" x14ac:dyDescent="0.25">
      <c r="A41899" t="s">
        <v>59081</v>
      </c>
      <c r="B41899" t="s">
        <v>59082</v>
      </c>
      <c r="C41899">
        <v>1</v>
      </c>
      <c r="D41899">
        <v>0</v>
      </c>
    </row>
    <row r="41900" spans="1:4" x14ac:dyDescent="0.25">
      <c r="A41900" t="s">
        <v>59081</v>
      </c>
      <c r="B41900" t="s">
        <v>59083</v>
      </c>
      <c r="C41900">
        <v>1</v>
      </c>
      <c r="D41900">
        <v>0</v>
      </c>
    </row>
    <row r="41901" spans="1:4" x14ac:dyDescent="0.25">
      <c r="A41901" t="s">
        <v>59084</v>
      </c>
      <c r="B41901" t="s">
        <v>59085</v>
      </c>
      <c r="C41901">
        <v>2</v>
      </c>
      <c r="D41901">
        <v>0</v>
      </c>
    </row>
    <row r="41902" spans="1:4" x14ac:dyDescent="0.25">
      <c r="A41902" t="s">
        <v>59084</v>
      </c>
      <c r="B41902" t="s">
        <v>59086</v>
      </c>
      <c r="C41902">
        <v>1</v>
      </c>
      <c r="D41902">
        <v>0</v>
      </c>
    </row>
    <row r="41903" spans="1:4" x14ac:dyDescent="0.25">
      <c r="A41903" t="s">
        <v>59084</v>
      </c>
      <c r="B41903" t="s">
        <v>59087</v>
      </c>
      <c r="C41903">
        <v>1</v>
      </c>
      <c r="D41903">
        <v>0</v>
      </c>
    </row>
    <row r="41904" spans="1:4" x14ac:dyDescent="0.25">
      <c r="A41904" t="s">
        <v>59084</v>
      </c>
      <c r="B41904" t="s">
        <v>59088</v>
      </c>
      <c r="C41904">
        <v>1</v>
      </c>
      <c r="D41904">
        <v>0</v>
      </c>
    </row>
    <row r="41905" spans="1:4" x14ac:dyDescent="0.25">
      <c r="A41905" t="s">
        <v>59084</v>
      </c>
      <c r="B41905" t="s">
        <v>59089</v>
      </c>
      <c r="C41905">
        <v>0</v>
      </c>
      <c r="D41905">
        <v>0</v>
      </c>
    </row>
    <row r="41906" spans="1:4" x14ac:dyDescent="0.25">
      <c r="A41906" t="s">
        <v>59090</v>
      </c>
      <c r="B41906" t="s">
        <v>59091</v>
      </c>
      <c r="C41906">
        <v>1</v>
      </c>
      <c r="D41906">
        <v>0</v>
      </c>
    </row>
    <row r="41907" spans="1:4" x14ac:dyDescent="0.25">
      <c r="A41907" t="s">
        <v>59090</v>
      </c>
      <c r="B41907" t="s">
        <v>59092</v>
      </c>
      <c r="C41907">
        <v>0</v>
      </c>
      <c r="D41907">
        <v>0</v>
      </c>
    </row>
    <row r="41908" spans="1:4" x14ac:dyDescent="0.25">
      <c r="A41908" t="s">
        <v>59090</v>
      </c>
      <c r="B41908" t="s">
        <v>59093</v>
      </c>
      <c r="C41908">
        <v>1</v>
      </c>
      <c r="D41908">
        <v>0</v>
      </c>
    </row>
    <row r="41909" spans="1:4" x14ac:dyDescent="0.25">
      <c r="A41909" t="s">
        <v>59090</v>
      </c>
      <c r="B41909" t="s">
        <v>23996</v>
      </c>
      <c r="C41909">
        <v>0</v>
      </c>
      <c r="D41909">
        <v>0</v>
      </c>
    </row>
    <row r="41910" spans="1:4" x14ac:dyDescent="0.25">
      <c r="A41910" t="s">
        <v>59090</v>
      </c>
      <c r="B41910" t="s">
        <v>59094</v>
      </c>
      <c r="C41910">
        <v>1</v>
      </c>
      <c r="D41910">
        <v>0</v>
      </c>
    </row>
    <row r="41911" spans="1:4" x14ac:dyDescent="0.25">
      <c r="A41911" t="s">
        <v>59090</v>
      </c>
      <c r="B41911" t="s">
        <v>59095</v>
      </c>
      <c r="C41911">
        <v>1</v>
      </c>
      <c r="D41911">
        <v>0</v>
      </c>
    </row>
    <row r="41912" spans="1:4" x14ac:dyDescent="0.25">
      <c r="A41912" t="s">
        <v>59090</v>
      </c>
      <c r="B41912" t="s">
        <v>59096</v>
      </c>
      <c r="C41912">
        <v>1</v>
      </c>
      <c r="D41912">
        <v>0</v>
      </c>
    </row>
    <row r="41913" spans="1:4" x14ac:dyDescent="0.25">
      <c r="A41913" t="s">
        <v>59090</v>
      </c>
      <c r="B41913" t="s">
        <v>59097</v>
      </c>
      <c r="C41913">
        <v>1</v>
      </c>
      <c r="D41913">
        <v>0</v>
      </c>
    </row>
    <row r="41914" spans="1:4" x14ac:dyDescent="0.25">
      <c r="A41914" t="s">
        <v>59098</v>
      </c>
      <c r="B41914" t="s">
        <v>59099</v>
      </c>
      <c r="C41914">
        <v>1</v>
      </c>
      <c r="D41914">
        <v>0</v>
      </c>
    </row>
    <row r="41915" spans="1:4" x14ac:dyDescent="0.25">
      <c r="A41915" t="s">
        <v>59098</v>
      </c>
      <c r="B41915" t="s">
        <v>59100</v>
      </c>
      <c r="C41915">
        <v>2</v>
      </c>
      <c r="D41915">
        <v>0</v>
      </c>
    </row>
    <row r="41916" spans="1:4" x14ac:dyDescent="0.25">
      <c r="A41916" t="s">
        <v>59098</v>
      </c>
      <c r="B41916" t="s">
        <v>59101</v>
      </c>
      <c r="C41916">
        <v>1</v>
      </c>
      <c r="D41916">
        <v>0</v>
      </c>
    </row>
    <row r="41917" spans="1:4" x14ac:dyDescent="0.25">
      <c r="A41917" t="s">
        <v>59098</v>
      </c>
      <c r="B41917" t="s">
        <v>59102</v>
      </c>
      <c r="C41917">
        <v>2</v>
      </c>
      <c r="D41917">
        <v>0</v>
      </c>
    </row>
    <row r="41918" spans="1:4" x14ac:dyDescent="0.25">
      <c r="A41918" t="s">
        <v>59098</v>
      </c>
      <c r="B41918" t="s">
        <v>59103</v>
      </c>
      <c r="C41918">
        <v>2</v>
      </c>
      <c r="D41918">
        <v>0</v>
      </c>
    </row>
    <row r="41919" spans="1:4" x14ac:dyDescent="0.25">
      <c r="A41919" t="s">
        <v>59104</v>
      </c>
      <c r="B41919" t="s">
        <v>19309</v>
      </c>
      <c r="C41919">
        <v>0</v>
      </c>
      <c r="D41919">
        <v>0</v>
      </c>
    </row>
    <row r="41920" spans="1:4" x14ac:dyDescent="0.25">
      <c r="A41920" t="s">
        <v>59104</v>
      </c>
      <c r="B41920" t="s">
        <v>59105</v>
      </c>
      <c r="C41920">
        <v>0</v>
      </c>
      <c r="D41920">
        <v>0</v>
      </c>
    </row>
    <row r="41921" spans="1:4" x14ac:dyDescent="0.25">
      <c r="A41921" t="s">
        <v>59104</v>
      </c>
      <c r="B41921" t="s">
        <v>59106</v>
      </c>
      <c r="C41921">
        <v>1</v>
      </c>
      <c r="D41921">
        <v>0</v>
      </c>
    </row>
    <row r="41922" spans="1:4" x14ac:dyDescent="0.25">
      <c r="A41922" t="s">
        <v>59104</v>
      </c>
      <c r="B41922" t="s">
        <v>59107</v>
      </c>
      <c r="C41922">
        <v>2</v>
      </c>
      <c r="D41922">
        <v>0</v>
      </c>
    </row>
    <row r="41923" spans="1:4" x14ac:dyDescent="0.25">
      <c r="A41923" t="s">
        <v>59104</v>
      </c>
      <c r="B41923" t="s">
        <v>35545</v>
      </c>
      <c r="C41923">
        <v>1</v>
      </c>
      <c r="D41923">
        <v>0</v>
      </c>
    </row>
    <row r="41924" spans="1:4" x14ac:dyDescent="0.25">
      <c r="A41924" t="s">
        <v>59104</v>
      </c>
      <c r="B41924" t="s">
        <v>59108</v>
      </c>
      <c r="C41924">
        <v>2</v>
      </c>
      <c r="D41924">
        <v>0</v>
      </c>
    </row>
    <row r="41925" spans="1:4" x14ac:dyDescent="0.25">
      <c r="A41925" t="s">
        <v>59104</v>
      </c>
      <c r="B41925" t="s">
        <v>59109</v>
      </c>
      <c r="C41925">
        <v>2</v>
      </c>
      <c r="D41925">
        <v>0</v>
      </c>
    </row>
    <row r="41926" spans="1:4" x14ac:dyDescent="0.25">
      <c r="A41926" t="s">
        <v>59110</v>
      </c>
      <c r="B41926" t="s">
        <v>59111</v>
      </c>
      <c r="C41926">
        <v>0</v>
      </c>
      <c r="D41926">
        <v>0</v>
      </c>
    </row>
    <row r="41927" spans="1:4" x14ac:dyDescent="0.25">
      <c r="A41927" t="s">
        <v>59110</v>
      </c>
      <c r="B41927" t="s">
        <v>59112</v>
      </c>
      <c r="C41927">
        <v>1</v>
      </c>
      <c r="D41927">
        <v>0</v>
      </c>
    </row>
    <row r="41928" spans="1:4" x14ac:dyDescent="0.25">
      <c r="A41928" t="s">
        <v>59110</v>
      </c>
      <c r="B41928" t="s">
        <v>6837</v>
      </c>
      <c r="C41928">
        <v>1</v>
      </c>
      <c r="D41928">
        <v>0</v>
      </c>
    </row>
    <row r="41929" spans="1:4" x14ac:dyDescent="0.25">
      <c r="A41929" t="s">
        <v>59110</v>
      </c>
      <c r="B41929" t="s">
        <v>59113</v>
      </c>
      <c r="C41929">
        <v>0</v>
      </c>
      <c r="D41929">
        <v>0</v>
      </c>
    </row>
    <row r="41930" spans="1:4" x14ac:dyDescent="0.25">
      <c r="A41930" t="s">
        <v>59114</v>
      </c>
      <c r="B41930" t="s">
        <v>59115</v>
      </c>
      <c r="C41930">
        <v>1</v>
      </c>
      <c r="D41930">
        <v>0</v>
      </c>
    </row>
    <row r="41931" spans="1:4" x14ac:dyDescent="0.25">
      <c r="A41931" t="s">
        <v>59114</v>
      </c>
      <c r="B41931" t="s">
        <v>59116</v>
      </c>
      <c r="C41931">
        <v>0</v>
      </c>
      <c r="D41931">
        <v>0</v>
      </c>
    </row>
    <row r="41932" spans="1:4" x14ac:dyDescent="0.25">
      <c r="A41932" t="s">
        <v>59114</v>
      </c>
      <c r="B41932" t="s">
        <v>59117</v>
      </c>
      <c r="C41932">
        <v>1</v>
      </c>
      <c r="D41932">
        <v>0</v>
      </c>
    </row>
    <row r="41933" spans="1:4" x14ac:dyDescent="0.25">
      <c r="A41933" t="s">
        <v>59118</v>
      </c>
      <c r="B41933" t="s">
        <v>59119</v>
      </c>
      <c r="C41933">
        <v>0</v>
      </c>
      <c r="D41933">
        <v>0</v>
      </c>
    </row>
    <row r="41934" spans="1:4" x14ac:dyDescent="0.25">
      <c r="A41934" t="s">
        <v>59118</v>
      </c>
      <c r="B41934" t="s">
        <v>59120</v>
      </c>
      <c r="C41934">
        <v>2</v>
      </c>
      <c r="D41934">
        <v>0</v>
      </c>
    </row>
    <row r="41935" spans="1:4" x14ac:dyDescent="0.25">
      <c r="A41935" t="s">
        <v>59118</v>
      </c>
      <c r="B41935" t="s">
        <v>59121</v>
      </c>
      <c r="C41935">
        <v>1</v>
      </c>
      <c r="D41935">
        <v>0</v>
      </c>
    </row>
    <row r="41936" spans="1:4" x14ac:dyDescent="0.25">
      <c r="A41936" t="s">
        <v>59118</v>
      </c>
      <c r="B41936" t="s">
        <v>59122</v>
      </c>
      <c r="C41936">
        <v>1</v>
      </c>
      <c r="D41936">
        <v>0</v>
      </c>
    </row>
    <row r="41937" spans="1:4" x14ac:dyDescent="0.25">
      <c r="A41937" t="s">
        <v>59118</v>
      </c>
      <c r="B41937" t="s">
        <v>59123</v>
      </c>
      <c r="C41937">
        <v>0</v>
      </c>
      <c r="D41937">
        <v>0</v>
      </c>
    </row>
    <row r="41938" spans="1:4" x14ac:dyDescent="0.25">
      <c r="A41938" t="s">
        <v>59124</v>
      </c>
      <c r="B41938" t="s">
        <v>6061</v>
      </c>
      <c r="C41938">
        <v>0</v>
      </c>
      <c r="D41938">
        <v>0</v>
      </c>
    </row>
    <row r="41939" spans="1:4" x14ac:dyDescent="0.25">
      <c r="A41939" t="s">
        <v>59124</v>
      </c>
      <c r="B41939" t="s">
        <v>59125</v>
      </c>
      <c r="C41939">
        <v>1</v>
      </c>
      <c r="D41939">
        <v>0</v>
      </c>
    </row>
    <row r="41940" spans="1:4" x14ac:dyDescent="0.25">
      <c r="A41940" t="s">
        <v>59126</v>
      </c>
      <c r="B41940" t="s">
        <v>59127</v>
      </c>
      <c r="C41940">
        <v>1</v>
      </c>
      <c r="D41940">
        <v>0</v>
      </c>
    </row>
    <row r="41941" spans="1:4" x14ac:dyDescent="0.25">
      <c r="A41941" t="s">
        <v>59128</v>
      </c>
      <c r="B41941" t="s">
        <v>59129</v>
      </c>
      <c r="C41941">
        <v>1</v>
      </c>
      <c r="D41941">
        <v>0</v>
      </c>
    </row>
    <row r="41942" spans="1:4" x14ac:dyDescent="0.25">
      <c r="A41942" t="s">
        <v>59128</v>
      </c>
      <c r="B41942" t="s">
        <v>59130</v>
      </c>
      <c r="C41942">
        <v>1</v>
      </c>
      <c r="D41942">
        <v>0</v>
      </c>
    </row>
    <row r="41943" spans="1:4" x14ac:dyDescent="0.25">
      <c r="A41943" t="s">
        <v>59128</v>
      </c>
      <c r="B41943" t="s">
        <v>59131</v>
      </c>
      <c r="C41943">
        <v>0</v>
      </c>
      <c r="D41943">
        <v>0</v>
      </c>
    </row>
    <row r="41944" spans="1:4" x14ac:dyDescent="0.25">
      <c r="A41944" t="s">
        <v>59128</v>
      </c>
      <c r="B41944" t="s">
        <v>59132</v>
      </c>
      <c r="C41944">
        <v>1</v>
      </c>
      <c r="D41944">
        <v>0</v>
      </c>
    </row>
    <row r="41945" spans="1:4" x14ac:dyDescent="0.25">
      <c r="A41945" t="s">
        <v>59128</v>
      </c>
      <c r="B41945" t="s">
        <v>59133</v>
      </c>
      <c r="C41945">
        <v>0</v>
      </c>
      <c r="D41945">
        <v>0</v>
      </c>
    </row>
    <row r="41946" spans="1:4" x14ac:dyDescent="0.25">
      <c r="A41946" t="s">
        <v>59134</v>
      </c>
      <c r="B41946" t="s">
        <v>59135</v>
      </c>
      <c r="C41946">
        <v>1</v>
      </c>
      <c r="D41946">
        <v>0</v>
      </c>
    </row>
    <row r="41947" spans="1:4" x14ac:dyDescent="0.25">
      <c r="A41947" t="s">
        <v>59134</v>
      </c>
      <c r="B41947" t="s">
        <v>59136</v>
      </c>
      <c r="C41947">
        <v>1</v>
      </c>
      <c r="D41947">
        <v>0</v>
      </c>
    </row>
    <row r="41948" spans="1:4" x14ac:dyDescent="0.25">
      <c r="A41948" t="s">
        <v>59134</v>
      </c>
      <c r="B41948" t="s">
        <v>59137</v>
      </c>
      <c r="C41948">
        <v>0</v>
      </c>
      <c r="D41948">
        <v>0</v>
      </c>
    </row>
    <row r="41949" spans="1:4" x14ac:dyDescent="0.25">
      <c r="A41949" t="s">
        <v>59134</v>
      </c>
      <c r="B41949" t="s">
        <v>59138</v>
      </c>
      <c r="C41949">
        <v>1</v>
      </c>
      <c r="D41949">
        <v>0</v>
      </c>
    </row>
    <row r="41950" spans="1:4" x14ac:dyDescent="0.25">
      <c r="A41950" t="s">
        <v>59134</v>
      </c>
      <c r="B41950" t="s">
        <v>59139</v>
      </c>
      <c r="C41950">
        <v>1</v>
      </c>
      <c r="D41950">
        <v>0</v>
      </c>
    </row>
    <row r="41951" spans="1:4" x14ac:dyDescent="0.25">
      <c r="A41951" t="s">
        <v>59140</v>
      </c>
      <c r="B41951" t="s">
        <v>59141</v>
      </c>
      <c r="C41951">
        <v>1</v>
      </c>
      <c r="D41951">
        <v>0</v>
      </c>
    </row>
    <row r="41952" spans="1:4" x14ac:dyDescent="0.25">
      <c r="A41952" t="s">
        <v>59140</v>
      </c>
      <c r="B41952" t="s">
        <v>59142</v>
      </c>
      <c r="C41952">
        <v>1</v>
      </c>
      <c r="D41952">
        <v>0</v>
      </c>
    </row>
    <row r="41953" spans="1:4" x14ac:dyDescent="0.25">
      <c r="A41953" t="s">
        <v>59140</v>
      </c>
      <c r="B41953" t="s">
        <v>59143</v>
      </c>
      <c r="C41953">
        <v>0</v>
      </c>
      <c r="D41953">
        <v>0</v>
      </c>
    </row>
    <row r="41954" spans="1:4" x14ac:dyDescent="0.25">
      <c r="A41954" t="s">
        <v>59140</v>
      </c>
      <c r="B41954" t="s">
        <v>59144</v>
      </c>
      <c r="C41954">
        <v>1</v>
      </c>
      <c r="D41954">
        <v>0</v>
      </c>
    </row>
    <row r="41955" spans="1:4" x14ac:dyDescent="0.25">
      <c r="A41955" t="s">
        <v>59140</v>
      </c>
      <c r="B41955" t="s">
        <v>59145</v>
      </c>
      <c r="C41955">
        <v>1</v>
      </c>
      <c r="D41955">
        <v>0</v>
      </c>
    </row>
    <row r="41956" spans="1:4" x14ac:dyDescent="0.25">
      <c r="A41956" t="s">
        <v>59140</v>
      </c>
      <c r="B41956" t="s">
        <v>59146</v>
      </c>
      <c r="C41956">
        <v>1</v>
      </c>
      <c r="D41956">
        <v>0</v>
      </c>
    </row>
    <row r="41957" spans="1:4" x14ac:dyDescent="0.25">
      <c r="A41957" t="s">
        <v>59147</v>
      </c>
      <c r="B41957" t="s">
        <v>59148</v>
      </c>
      <c r="C41957">
        <v>0</v>
      </c>
      <c r="D41957">
        <v>0</v>
      </c>
    </row>
    <row r="41958" spans="1:4" x14ac:dyDescent="0.25">
      <c r="A41958" t="s">
        <v>59147</v>
      </c>
      <c r="B41958" t="s">
        <v>59149</v>
      </c>
      <c r="C41958">
        <v>1</v>
      </c>
      <c r="D41958">
        <v>0</v>
      </c>
    </row>
    <row r="41959" spans="1:4" x14ac:dyDescent="0.25">
      <c r="A41959" t="s">
        <v>59147</v>
      </c>
      <c r="B41959" t="s">
        <v>59150</v>
      </c>
      <c r="C41959">
        <v>0</v>
      </c>
      <c r="D41959">
        <v>0</v>
      </c>
    </row>
    <row r="41960" spans="1:4" x14ac:dyDescent="0.25">
      <c r="A41960" t="s">
        <v>59147</v>
      </c>
      <c r="B41960" t="s">
        <v>59151</v>
      </c>
      <c r="C41960">
        <v>0</v>
      </c>
      <c r="D41960">
        <v>0</v>
      </c>
    </row>
    <row r="41961" spans="1:4" x14ac:dyDescent="0.25">
      <c r="A41961" t="s">
        <v>59152</v>
      </c>
      <c r="B41961" t="s">
        <v>59153</v>
      </c>
      <c r="C41961">
        <v>1</v>
      </c>
      <c r="D41961">
        <v>0</v>
      </c>
    </row>
    <row r="41962" spans="1:4" x14ac:dyDescent="0.25">
      <c r="A41962" t="s">
        <v>59152</v>
      </c>
      <c r="B41962" t="s">
        <v>23996</v>
      </c>
      <c r="C41962">
        <v>0</v>
      </c>
      <c r="D41962">
        <v>0</v>
      </c>
    </row>
    <row r="41963" spans="1:4" x14ac:dyDescent="0.25">
      <c r="A41963" t="s">
        <v>59152</v>
      </c>
      <c r="B41963" t="s">
        <v>59154</v>
      </c>
      <c r="C41963">
        <v>1</v>
      </c>
      <c r="D41963">
        <v>0</v>
      </c>
    </row>
    <row r="41964" spans="1:4" x14ac:dyDescent="0.25">
      <c r="A41964" t="s">
        <v>59152</v>
      </c>
      <c r="B41964" t="s">
        <v>59155</v>
      </c>
      <c r="C41964">
        <v>0</v>
      </c>
      <c r="D41964">
        <v>0</v>
      </c>
    </row>
    <row r="41965" spans="1:4" x14ac:dyDescent="0.25">
      <c r="A41965" t="s">
        <v>59152</v>
      </c>
      <c r="B41965" t="s">
        <v>59156</v>
      </c>
      <c r="C41965">
        <v>1</v>
      </c>
      <c r="D41965">
        <v>0</v>
      </c>
    </row>
    <row r="41966" spans="1:4" x14ac:dyDescent="0.25">
      <c r="A41966" t="s">
        <v>59157</v>
      </c>
      <c r="B41966" t="s">
        <v>59158</v>
      </c>
      <c r="C41966">
        <v>1</v>
      </c>
      <c r="D41966">
        <v>0</v>
      </c>
    </row>
    <row r="41967" spans="1:4" x14ac:dyDescent="0.25">
      <c r="A41967" t="s">
        <v>59157</v>
      </c>
      <c r="B41967" t="s">
        <v>2651</v>
      </c>
      <c r="C41967">
        <v>0</v>
      </c>
      <c r="D41967">
        <v>0</v>
      </c>
    </row>
    <row r="41968" spans="1:4" x14ac:dyDescent="0.25">
      <c r="A41968" t="s">
        <v>59157</v>
      </c>
      <c r="B41968" t="s">
        <v>59159</v>
      </c>
      <c r="C41968">
        <v>1</v>
      </c>
      <c r="D41968">
        <v>0</v>
      </c>
    </row>
    <row r="41969" spans="1:4" x14ac:dyDescent="0.25">
      <c r="A41969" t="s">
        <v>59157</v>
      </c>
      <c r="B41969" t="s">
        <v>5713</v>
      </c>
      <c r="C41969">
        <v>1</v>
      </c>
      <c r="D41969">
        <v>0</v>
      </c>
    </row>
    <row r="41970" spans="1:4" x14ac:dyDescent="0.25">
      <c r="A41970" t="s">
        <v>59160</v>
      </c>
      <c r="B41970" t="s">
        <v>59161</v>
      </c>
      <c r="C41970">
        <v>1</v>
      </c>
      <c r="D41970">
        <v>0</v>
      </c>
    </row>
    <row r="41971" spans="1:4" x14ac:dyDescent="0.25">
      <c r="A41971" t="s">
        <v>59160</v>
      </c>
      <c r="B41971" t="s">
        <v>59162</v>
      </c>
      <c r="C41971">
        <v>0</v>
      </c>
      <c r="D41971">
        <v>0</v>
      </c>
    </row>
    <row r="41972" spans="1:4" x14ac:dyDescent="0.25">
      <c r="A41972" t="s">
        <v>59160</v>
      </c>
      <c r="B41972" t="s">
        <v>59163</v>
      </c>
      <c r="C41972">
        <v>1</v>
      </c>
      <c r="D41972">
        <v>0</v>
      </c>
    </row>
    <row r="41973" spans="1:4" x14ac:dyDescent="0.25">
      <c r="A41973" t="s">
        <v>59160</v>
      </c>
      <c r="B41973" t="s">
        <v>59164</v>
      </c>
      <c r="C41973">
        <v>0</v>
      </c>
      <c r="D41973">
        <v>0</v>
      </c>
    </row>
    <row r="41974" spans="1:4" x14ac:dyDescent="0.25">
      <c r="A41974" t="s">
        <v>59160</v>
      </c>
      <c r="B41974" t="s">
        <v>59165</v>
      </c>
      <c r="C41974">
        <v>0</v>
      </c>
      <c r="D41974">
        <v>0</v>
      </c>
    </row>
    <row r="41975" spans="1:4" x14ac:dyDescent="0.25">
      <c r="A41975" t="s">
        <v>59160</v>
      </c>
      <c r="B41975" t="s">
        <v>59166</v>
      </c>
      <c r="C41975">
        <v>1</v>
      </c>
      <c r="D41975">
        <v>0</v>
      </c>
    </row>
    <row r="41976" spans="1:4" x14ac:dyDescent="0.25">
      <c r="A41976" t="s">
        <v>59160</v>
      </c>
      <c r="B41976" t="s">
        <v>59167</v>
      </c>
      <c r="C41976">
        <v>0</v>
      </c>
      <c r="D41976">
        <v>0</v>
      </c>
    </row>
    <row r="41977" spans="1:4" x14ac:dyDescent="0.25">
      <c r="A41977" t="s">
        <v>59168</v>
      </c>
      <c r="B41977" t="s">
        <v>59169</v>
      </c>
      <c r="C41977">
        <v>0</v>
      </c>
      <c r="D41977">
        <v>0</v>
      </c>
    </row>
    <row r="41978" spans="1:4" x14ac:dyDescent="0.25">
      <c r="A41978" t="s">
        <v>59168</v>
      </c>
      <c r="B41978" t="s">
        <v>59170</v>
      </c>
      <c r="C41978">
        <v>0</v>
      </c>
      <c r="D41978">
        <v>0</v>
      </c>
    </row>
    <row r="41979" spans="1:4" x14ac:dyDescent="0.25">
      <c r="A41979" t="s">
        <v>59168</v>
      </c>
      <c r="B41979" t="s">
        <v>59171</v>
      </c>
      <c r="C41979">
        <v>0</v>
      </c>
      <c r="D41979">
        <v>0</v>
      </c>
    </row>
    <row r="41980" spans="1:4" x14ac:dyDescent="0.25">
      <c r="A41980" t="s">
        <v>59168</v>
      </c>
      <c r="B41980" t="s">
        <v>59172</v>
      </c>
      <c r="C41980">
        <v>0</v>
      </c>
      <c r="D41980">
        <v>0</v>
      </c>
    </row>
    <row r="41981" spans="1:4" x14ac:dyDescent="0.25">
      <c r="A41981" t="s">
        <v>59173</v>
      </c>
      <c r="B41981" t="s">
        <v>59174</v>
      </c>
      <c r="C41981">
        <v>1</v>
      </c>
      <c r="D41981">
        <v>0</v>
      </c>
    </row>
    <row r="41982" spans="1:4" x14ac:dyDescent="0.25">
      <c r="A41982" t="s">
        <v>59173</v>
      </c>
      <c r="B41982" t="s">
        <v>59175</v>
      </c>
      <c r="C41982">
        <v>0</v>
      </c>
      <c r="D41982">
        <v>0</v>
      </c>
    </row>
    <row r="41983" spans="1:4" x14ac:dyDescent="0.25">
      <c r="A41983" t="s">
        <v>59173</v>
      </c>
      <c r="B41983" t="s">
        <v>59176</v>
      </c>
      <c r="C41983">
        <v>1</v>
      </c>
      <c r="D41983">
        <v>0</v>
      </c>
    </row>
    <row r="41984" spans="1:4" x14ac:dyDescent="0.25">
      <c r="A41984" t="s">
        <v>59173</v>
      </c>
      <c r="B41984" t="s">
        <v>59177</v>
      </c>
      <c r="C41984">
        <v>1</v>
      </c>
      <c r="D41984">
        <v>0</v>
      </c>
    </row>
    <row r="41985" spans="1:4" x14ac:dyDescent="0.25">
      <c r="A41985" t="s">
        <v>59173</v>
      </c>
      <c r="B41985" t="s">
        <v>59178</v>
      </c>
      <c r="C41985">
        <v>0</v>
      </c>
      <c r="D41985">
        <v>0</v>
      </c>
    </row>
    <row r="41986" spans="1:4" x14ac:dyDescent="0.25">
      <c r="A41986" t="s">
        <v>59179</v>
      </c>
      <c r="B41986" t="s">
        <v>59180</v>
      </c>
      <c r="C41986">
        <v>1</v>
      </c>
      <c r="D41986">
        <v>0</v>
      </c>
    </row>
    <row r="41987" spans="1:4" x14ac:dyDescent="0.25">
      <c r="A41987" t="s">
        <v>59179</v>
      </c>
      <c r="B41987" t="s">
        <v>59181</v>
      </c>
      <c r="C41987">
        <v>1</v>
      </c>
      <c r="D41987">
        <v>0</v>
      </c>
    </row>
    <row r="41988" spans="1:4" x14ac:dyDescent="0.25">
      <c r="A41988" t="s">
        <v>59179</v>
      </c>
      <c r="B41988" t="s">
        <v>59182</v>
      </c>
      <c r="C41988">
        <v>1</v>
      </c>
      <c r="D41988">
        <v>0</v>
      </c>
    </row>
    <row r="41989" spans="1:4" x14ac:dyDescent="0.25">
      <c r="A41989" t="s">
        <v>59183</v>
      </c>
      <c r="B41989" t="s">
        <v>59184</v>
      </c>
      <c r="C41989">
        <v>0</v>
      </c>
      <c r="D41989">
        <v>0</v>
      </c>
    </row>
    <row r="41990" spans="1:4" x14ac:dyDescent="0.25">
      <c r="A41990" t="s">
        <v>59183</v>
      </c>
      <c r="B41990" t="s">
        <v>59185</v>
      </c>
      <c r="C41990">
        <v>0</v>
      </c>
      <c r="D41990">
        <v>0</v>
      </c>
    </row>
    <row r="41991" spans="1:4" x14ac:dyDescent="0.25">
      <c r="A41991" t="s">
        <v>59183</v>
      </c>
      <c r="B41991" t="s">
        <v>3743</v>
      </c>
      <c r="C41991">
        <v>1</v>
      </c>
      <c r="D41991">
        <v>0</v>
      </c>
    </row>
    <row r="41992" spans="1:4" x14ac:dyDescent="0.25">
      <c r="A41992" t="s">
        <v>59186</v>
      </c>
      <c r="B41992" t="s">
        <v>59187</v>
      </c>
      <c r="C41992">
        <v>2</v>
      </c>
      <c r="D41992">
        <v>0</v>
      </c>
    </row>
    <row r="41993" spans="1:4" x14ac:dyDescent="0.25">
      <c r="A41993" t="s">
        <v>59186</v>
      </c>
      <c r="B41993" t="s">
        <v>59188</v>
      </c>
      <c r="C41993">
        <v>1</v>
      </c>
      <c r="D41993">
        <v>0</v>
      </c>
    </row>
    <row r="41994" spans="1:4" x14ac:dyDescent="0.25">
      <c r="A41994" t="s">
        <v>59186</v>
      </c>
      <c r="B41994" t="s">
        <v>59189</v>
      </c>
      <c r="C41994">
        <v>1</v>
      </c>
      <c r="D41994">
        <v>0</v>
      </c>
    </row>
    <row r="41995" spans="1:4" x14ac:dyDescent="0.25">
      <c r="A41995" t="s">
        <v>59186</v>
      </c>
      <c r="B41995" t="s">
        <v>59190</v>
      </c>
      <c r="C41995">
        <v>1</v>
      </c>
      <c r="D41995">
        <v>0</v>
      </c>
    </row>
    <row r="41996" spans="1:4" x14ac:dyDescent="0.25">
      <c r="A41996" t="s">
        <v>59191</v>
      </c>
      <c r="B41996" t="s">
        <v>59192</v>
      </c>
      <c r="C41996">
        <v>2</v>
      </c>
      <c r="D41996">
        <v>0</v>
      </c>
    </row>
    <row r="41997" spans="1:4" x14ac:dyDescent="0.25">
      <c r="A41997" t="s">
        <v>59191</v>
      </c>
      <c r="B41997" t="s">
        <v>59193</v>
      </c>
      <c r="C41997">
        <v>2</v>
      </c>
      <c r="D41997">
        <v>0</v>
      </c>
    </row>
    <row r="41998" spans="1:4" x14ac:dyDescent="0.25">
      <c r="A41998" t="s">
        <v>59191</v>
      </c>
      <c r="B41998" t="s">
        <v>59194</v>
      </c>
      <c r="C41998">
        <v>1</v>
      </c>
      <c r="D41998">
        <v>0</v>
      </c>
    </row>
    <row r="41999" spans="1:4" x14ac:dyDescent="0.25">
      <c r="A41999" t="s">
        <v>59195</v>
      </c>
      <c r="B41999" t="s">
        <v>18507</v>
      </c>
      <c r="C41999">
        <v>1</v>
      </c>
      <c r="D41999">
        <v>0</v>
      </c>
    </row>
    <row r="42000" spans="1:4" x14ac:dyDescent="0.25">
      <c r="A42000" t="s">
        <v>59195</v>
      </c>
      <c r="B42000" t="s">
        <v>59196</v>
      </c>
      <c r="C42000">
        <v>0</v>
      </c>
      <c r="D42000">
        <v>0</v>
      </c>
    </row>
    <row r="42001" spans="1:4" x14ac:dyDescent="0.25">
      <c r="A42001" t="s">
        <v>59197</v>
      </c>
      <c r="B42001" t="s">
        <v>59198</v>
      </c>
      <c r="C42001">
        <v>2</v>
      </c>
      <c r="D42001">
        <v>0</v>
      </c>
    </row>
    <row r="42002" spans="1:4" x14ac:dyDescent="0.25">
      <c r="A42002" t="s">
        <v>59197</v>
      </c>
      <c r="B42002" t="s">
        <v>59199</v>
      </c>
      <c r="C42002">
        <v>1</v>
      </c>
      <c r="D42002">
        <v>0</v>
      </c>
    </row>
    <row r="42003" spans="1:4" x14ac:dyDescent="0.25">
      <c r="A42003" t="s">
        <v>59197</v>
      </c>
      <c r="B42003" t="s">
        <v>5713</v>
      </c>
      <c r="C42003">
        <v>1</v>
      </c>
      <c r="D42003">
        <v>0</v>
      </c>
    </row>
    <row r="42004" spans="1:4" x14ac:dyDescent="0.25">
      <c r="A42004" t="s">
        <v>59197</v>
      </c>
      <c r="B42004" t="s">
        <v>59200</v>
      </c>
      <c r="C42004">
        <v>0</v>
      </c>
      <c r="D42004">
        <v>0</v>
      </c>
    </row>
    <row r="42005" spans="1:4" x14ac:dyDescent="0.25">
      <c r="A42005" t="s">
        <v>59201</v>
      </c>
      <c r="B42005" t="s">
        <v>6837</v>
      </c>
      <c r="C42005">
        <v>2</v>
      </c>
      <c r="D42005">
        <v>0</v>
      </c>
    </row>
    <row r="42006" spans="1:4" x14ac:dyDescent="0.25">
      <c r="A42006" t="s">
        <v>59201</v>
      </c>
      <c r="B42006" t="s">
        <v>12472</v>
      </c>
      <c r="C42006">
        <v>1</v>
      </c>
      <c r="D42006">
        <v>0</v>
      </c>
    </row>
    <row r="42007" spans="1:4" x14ac:dyDescent="0.25">
      <c r="A42007" t="s">
        <v>59201</v>
      </c>
      <c r="B42007" t="s">
        <v>28170</v>
      </c>
      <c r="C42007">
        <v>1</v>
      </c>
      <c r="D42007">
        <v>0</v>
      </c>
    </row>
    <row r="42008" spans="1:4" x14ac:dyDescent="0.25">
      <c r="A42008" t="s">
        <v>59201</v>
      </c>
      <c r="B42008" t="s">
        <v>59202</v>
      </c>
      <c r="C42008">
        <v>1</v>
      </c>
      <c r="D42008">
        <v>0</v>
      </c>
    </row>
    <row r="42009" spans="1:4" x14ac:dyDescent="0.25">
      <c r="A42009" t="s">
        <v>59201</v>
      </c>
      <c r="B42009" t="s">
        <v>59203</v>
      </c>
      <c r="C42009">
        <v>1</v>
      </c>
      <c r="D42009">
        <v>0</v>
      </c>
    </row>
    <row r="42010" spans="1:4" x14ac:dyDescent="0.25">
      <c r="A42010" t="s">
        <v>59204</v>
      </c>
      <c r="B42010" t="s">
        <v>59205</v>
      </c>
      <c r="C42010">
        <v>1</v>
      </c>
      <c r="D42010">
        <v>0</v>
      </c>
    </row>
    <row r="42011" spans="1:4" x14ac:dyDescent="0.25">
      <c r="A42011" t="s">
        <v>59204</v>
      </c>
      <c r="B42011" t="s">
        <v>59206</v>
      </c>
      <c r="C42011">
        <v>1</v>
      </c>
      <c r="D42011">
        <v>0</v>
      </c>
    </row>
    <row r="42012" spans="1:4" x14ac:dyDescent="0.25">
      <c r="A42012" t="s">
        <v>59204</v>
      </c>
      <c r="B42012" t="s">
        <v>59207</v>
      </c>
      <c r="C42012">
        <v>2</v>
      </c>
      <c r="D42012">
        <v>0</v>
      </c>
    </row>
    <row r="42013" spans="1:4" x14ac:dyDescent="0.25">
      <c r="A42013" t="s">
        <v>59204</v>
      </c>
      <c r="B42013" t="s">
        <v>59208</v>
      </c>
      <c r="C42013">
        <v>1</v>
      </c>
      <c r="D42013">
        <v>0</v>
      </c>
    </row>
    <row r="42014" spans="1:4" x14ac:dyDescent="0.25">
      <c r="A42014" t="s">
        <v>59204</v>
      </c>
      <c r="B42014" t="s">
        <v>59209</v>
      </c>
      <c r="C42014">
        <v>2</v>
      </c>
      <c r="D42014">
        <v>0</v>
      </c>
    </row>
    <row r="42015" spans="1:4" x14ac:dyDescent="0.25">
      <c r="A42015" t="s">
        <v>59204</v>
      </c>
      <c r="B42015" t="s">
        <v>59208</v>
      </c>
      <c r="C42015">
        <v>1</v>
      </c>
      <c r="D42015">
        <v>0</v>
      </c>
    </row>
    <row r="42016" spans="1:4" x14ac:dyDescent="0.25">
      <c r="A42016" t="s">
        <v>59204</v>
      </c>
      <c r="B42016" t="s">
        <v>59210</v>
      </c>
      <c r="C42016">
        <v>1</v>
      </c>
      <c r="D42016">
        <v>0</v>
      </c>
    </row>
    <row r="42017" spans="1:4" x14ac:dyDescent="0.25">
      <c r="A42017" t="s">
        <v>59204</v>
      </c>
      <c r="B42017" t="s">
        <v>59211</v>
      </c>
      <c r="C42017">
        <v>2</v>
      </c>
      <c r="D42017">
        <v>0</v>
      </c>
    </row>
    <row r="42018" spans="1:4" x14ac:dyDescent="0.25">
      <c r="A42018" t="s">
        <v>59212</v>
      </c>
      <c r="B42018" t="s">
        <v>59213</v>
      </c>
      <c r="C42018">
        <v>1</v>
      </c>
      <c r="D42018">
        <v>0</v>
      </c>
    </row>
    <row r="42019" spans="1:4" x14ac:dyDescent="0.25">
      <c r="A42019" t="s">
        <v>59212</v>
      </c>
      <c r="B42019" t="s">
        <v>59214</v>
      </c>
      <c r="C42019">
        <v>1</v>
      </c>
      <c r="D42019">
        <v>0</v>
      </c>
    </row>
    <row r="42020" spans="1:4" x14ac:dyDescent="0.25">
      <c r="A42020" t="s">
        <v>59212</v>
      </c>
      <c r="B42020" t="s">
        <v>57852</v>
      </c>
      <c r="C42020">
        <v>1</v>
      </c>
      <c r="D42020">
        <v>0</v>
      </c>
    </row>
    <row r="42021" spans="1:4" x14ac:dyDescent="0.25">
      <c r="A42021" t="s">
        <v>59212</v>
      </c>
      <c r="B42021" t="s">
        <v>19309</v>
      </c>
      <c r="C42021">
        <v>0</v>
      </c>
      <c r="D42021">
        <v>0</v>
      </c>
    </row>
    <row r="42022" spans="1:4" x14ac:dyDescent="0.25">
      <c r="A42022" t="s">
        <v>59212</v>
      </c>
      <c r="B42022" t="s">
        <v>59215</v>
      </c>
      <c r="C42022">
        <v>1</v>
      </c>
      <c r="D42022">
        <v>0</v>
      </c>
    </row>
    <row r="42023" spans="1:4" x14ac:dyDescent="0.25">
      <c r="A42023" t="s">
        <v>59212</v>
      </c>
      <c r="B42023" t="s">
        <v>59216</v>
      </c>
      <c r="C42023">
        <v>1</v>
      </c>
      <c r="D42023">
        <v>0</v>
      </c>
    </row>
    <row r="42024" spans="1:4" x14ac:dyDescent="0.25">
      <c r="A42024" t="s">
        <v>59212</v>
      </c>
      <c r="B42024" t="s">
        <v>59217</v>
      </c>
      <c r="C42024">
        <v>1</v>
      </c>
      <c r="D42024">
        <v>0</v>
      </c>
    </row>
    <row r="42025" spans="1:4" x14ac:dyDescent="0.25">
      <c r="A42025" t="s">
        <v>59212</v>
      </c>
      <c r="B42025" t="s">
        <v>59218</v>
      </c>
      <c r="C42025">
        <v>0</v>
      </c>
      <c r="D42025">
        <v>0</v>
      </c>
    </row>
    <row r="42026" spans="1:4" x14ac:dyDescent="0.25">
      <c r="A42026" t="s">
        <v>59219</v>
      </c>
      <c r="B42026" t="s">
        <v>59220</v>
      </c>
      <c r="C42026">
        <v>0</v>
      </c>
      <c r="D42026">
        <v>0</v>
      </c>
    </row>
    <row r="42027" spans="1:4" x14ac:dyDescent="0.25">
      <c r="A42027" t="s">
        <v>59219</v>
      </c>
      <c r="B42027" t="s">
        <v>59221</v>
      </c>
      <c r="C42027">
        <v>1</v>
      </c>
      <c r="D42027">
        <v>0</v>
      </c>
    </row>
    <row r="42028" spans="1:4" x14ac:dyDescent="0.25">
      <c r="A42028" t="s">
        <v>59219</v>
      </c>
      <c r="B42028" t="s">
        <v>59222</v>
      </c>
      <c r="C42028">
        <v>2</v>
      </c>
      <c r="D42028">
        <v>0</v>
      </c>
    </row>
    <row r="42029" spans="1:4" x14ac:dyDescent="0.25">
      <c r="A42029" t="s">
        <v>59223</v>
      </c>
      <c r="B42029" t="s">
        <v>9783</v>
      </c>
      <c r="C42029">
        <v>0</v>
      </c>
      <c r="D42029">
        <v>0</v>
      </c>
    </row>
    <row r="42030" spans="1:4" x14ac:dyDescent="0.25">
      <c r="A42030" t="s">
        <v>59223</v>
      </c>
      <c r="B42030" t="s">
        <v>59224</v>
      </c>
      <c r="C42030">
        <v>0</v>
      </c>
      <c r="D42030">
        <v>0</v>
      </c>
    </row>
    <row r="42031" spans="1:4" x14ac:dyDescent="0.25">
      <c r="A42031" t="s">
        <v>59223</v>
      </c>
      <c r="B42031" t="s">
        <v>59225</v>
      </c>
      <c r="C42031">
        <v>1</v>
      </c>
      <c r="D42031">
        <v>0</v>
      </c>
    </row>
    <row r="42032" spans="1:4" x14ac:dyDescent="0.25">
      <c r="A42032" t="s">
        <v>59223</v>
      </c>
      <c r="B42032" t="s">
        <v>59226</v>
      </c>
      <c r="C42032">
        <v>0</v>
      </c>
      <c r="D42032">
        <v>0</v>
      </c>
    </row>
    <row r="42033" spans="1:4" x14ac:dyDescent="0.25">
      <c r="A42033" t="s">
        <v>59223</v>
      </c>
      <c r="B42033" t="s">
        <v>59227</v>
      </c>
      <c r="C42033">
        <v>2</v>
      </c>
      <c r="D42033">
        <v>0</v>
      </c>
    </row>
    <row r="42034" spans="1:4" x14ac:dyDescent="0.25">
      <c r="A42034" t="s">
        <v>59228</v>
      </c>
      <c r="B42034" t="s">
        <v>59229</v>
      </c>
      <c r="C42034">
        <v>1</v>
      </c>
      <c r="D42034">
        <v>0</v>
      </c>
    </row>
    <row r="42035" spans="1:4" x14ac:dyDescent="0.25">
      <c r="A42035" t="s">
        <v>59228</v>
      </c>
      <c r="B42035" t="s">
        <v>59230</v>
      </c>
      <c r="C42035">
        <v>2</v>
      </c>
      <c r="D42035">
        <v>0</v>
      </c>
    </row>
    <row r="42036" spans="1:4" x14ac:dyDescent="0.25">
      <c r="A42036" t="s">
        <v>59228</v>
      </c>
      <c r="B42036" t="s">
        <v>37299</v>
      </c>
      <c r="C42036">
        <v>0</v>
      </c>
      <c r="D42036">
        <v>0</v>
      </c>
    </row>
    <row r="42037" spans="1:4" x14ac:dyDescent="0.25">
      <c r="A42037" t="s">
        <v>59231</v>
      </c>
      <c r="B42037" t="s">
        <v>59232</v>
      </c>
      <c r="C42037">
        <v>1</v>
      </c>
      <c r="D42037">
        <v>0</v>
      </c>
    </row>
    <row r="42038" spans="1:4" x14ac:dyDescent="0.25">
      <c r="A42038" t="s">
        <v>59231</v>
      </c>
      <c r="B42038" t="s">
        <v>59233</v>
      </c>
      <c r="C42038">
        <v>0</v>
      </c>
      <c r="D42038">
        <v>0</v>
      </c>
    </row>
    <row r="42039" spans="1:4" x14ac:dyDescent="0.25">
      <c r="A42039" t="s">
        <v>59231</v>
      </c>
      <c r="B42039" t="s">
        <v>59234</v>
      </c>
      <c r="C42039">
        <v>1</v>
      </c>
      <c r="D42039">
        <v>0</v>
      </c>
    </row>
    <row r="42040" spans="1:4" x14ac:dyDescent="0.25">
      <c r="A42040" t="s">
        <v>59231</v>
      </c>
      <c r="B42040" t="s">
        <v>59235</v>
      </c>
      <c r="C42040">
        <v>1</v>
      </c>
      <c r="D42040">
        <v>0</v>
      </c>
    </row>
    <row r="42041" spans="1:4" x14ac:dyDescent="0.25">
      <c r="A42041" t="s">
        <v>59231</v>
      </c>
      <c r="B42041" t="s">
        <v>59236</v>
      </c>
      <c r="C42041">
        <v>1</v>
      </c>
      <c r="D42041">
        <v>0</v>
      </c>
    </row>
    <row r="42042" spans="1:4" x14ac:dyDescent="0.25">
      <c r="A42042" t="s">
        <v>59231</v>
      </c>
      <c r="B42042" t="s">
        <v>59237</v>
      </c>
      <c r="C42042">
        <v>0</v>
      </c>
      <c r="D42042">
        <v>0</v>
      </c>
    </row>
    <row r="42043" spans="1:4" x14ac:dyDescent="0.25">
      <c r="A42043" t="s">
        <v>59238</v>
      </c>
      <c r="B42043" t="s">
        <v>59239</v>
      </c>
      <c r="C42043">
        <v>1</v>
      </c>
      <c r="D42043">
        <v>0</v>
      </c>
    </row>
    <row r="42044" spans="1:4" x14ac:dyDescent="0.25">
      <c r="A42044" t="s">
        <v>59238</v>
      </c>
      <c r="B42044" t="s">
        <v>59240</v>
      </c>
      <c r="C42044">
        <v>2</v>
      </c>
      <c r="D42044">
        <v>0</v>
      </c>
    </row>
    <row r="42045" spans="1:4" x14ac:dyDescent="0.25">
      <c r="A42045" t="s">
        <v>59238</v>
      </c>
      <c r="B42045" t="s">
        <v>59241</v>
      </c>
      <c r="C42045">
        <v>1</v>
      </c>
      <c r="D42045">
        <v>0</v>
      </c>
    </row>
    <row r="42046" spans="1:4" x14ac:dyDescent="0.25">
      <c r="A42046" t="s">
        <v>59238</v>
      </c>
      <c r="B42046" t="s">
        <v>59242</v>
      </c>
      <c r="C42046">
        <v>1</v>
      </c>
      <c r="D42046">
        <v>0</v>
      </c>
    </row>
    <row r="42047" spans="1:4" x14ac:dyDescent="0.25">
      <c r="A42047" t="s">
        <v>59238</v>
      </c>
      <c r="B42047" t="s">
        <v>59243</v>
      </c>
      <c r="C42047">
        <v>0</v>
      </c>
      <c r="D42047">
        <v>0</v>
      </c>
    </row>
    <row r="42048" spans="1:4" x14ac:dyDescent="0.25">
      <c r="A42048" t="s">
        <v>59238</v>
      </c>
      <c r="B42048" t="s">
        <v>50072</v>
      </c>
      <c r="C42048">
        <v>1</v>
      </c>
      <c r="D42048">
        <v>0</v>
      </c>
    </row>
    <row r="42049" spans="1:4" x14ac:dyDescent="0.25">
      <c r="A42049" t="s">
        <v>59244</v>
      </c>
      <c r="B42049" t="s">
        <v>59245</v>
      </c>
      <c r="C42049">
        <v>0</v>
      </c>
      <c r="D42049">
        <v>0</v>
      </c>
    </row>
    <row r="42050" spans="1:4" x14ac:dyDescent="0.25">
      <c r="A42050" t="s">
        <v>59244</v>
      </c>
      <c r="B42050" t="s">
        <v>59246</v>
      </c>
      <c r="C42050">
        <v>1</v>
      </c>
      <c r="D42050">
        <v>0</v>
      </c>
    </row>
    <row r="42051" spans="1:4" x14ac:dyDescent="0.25">
      <c r="A42051" t="s">
        <v>59244</v>
      </c>
      <c r="B42051" t="s">
        <v>59247</v>
      </c>
      <c r="C42051">
        <v>1</v>
      </c>
      <c r="D42051">
        <v>0</v>
      </c>
    </row>
    <row r="42052" spans="1:4" x14ac:dyDescent="0.25">
      <c r="A42052" t="s">
        <v>59244</v>
      </c>
      <c r="B42052" t="s">
        <v>17257</v>
      </c>
      <c r="C42052">
        <v>1</v>
      </c>
      <c r="D42052">
        <v>0</v>
      </c>
    </row>
    <row r="42053" spans="1:4" x14ac:dyDescent="0.25">
      <c r="A42053" t="s">
        <v>59244</v>
      </c>
      <c r="B42053" t="s">
        <v>59248</v>
      </c>
      <c r="C42053">
        <v>1</v>
      </c>
      <c r="D42053">
        <v>0</v>
      </c>
    </row>
    <row r="42054" spans="1:4" x14ac:dyDescent="0.25">
      <c r="A42054" t="s">
        <v>59249</v>
      </c>
      <c r="B42054" t="s">
        <v>59250</v>
      </c>
      <c r="C42054">
        <v>1</v>
      </c>
      <c r="D42054">
        <v>0</v>
      </c>
    </row>
    <row r="42055" spans="1:4" x14ac:dyDescent="0.25">
      <c r="A42055" t="s">
        <v>59251</v>
      </c>
      <c r="B42055" t="s">
        <v>59252</v>
      </c>
      <c r="C42055">
        <v>0</v>
      </c>
      <c r="D42055">
        <v>0</v>
      </c>
    </row>
    <row r="42056" spans="1:4" x14ac:dyDescent="0.25">
      <c r="A42056" t="s">
        <v>59251</v>
      </c>
      <c r="B42056" t="s">
        <v>59253</v>
      </c>
      <c r="C42056">
        <v>1</v>
      </c>
      <c r="D42056">
        <v>0</v>
      </c>
    </row>
    <row r="42057" spans="1:4" x14ac:dyDescent="0.25">
      <c r="A42057" t="s">
        <v>59251</v>
      </c>
      <c r="B42057" t="s">
        <v>59254</v>
      </c>
      <c r="C42057">
        <v>0</v>
      </c>
      <c r="D42057">
        <v>0</v>
      </c>
    </row>
    <row r="42058" spans="1:4" x14ac:dyDescent="0.25">
      <c r="A42058" t="s">
        <v>59251</v>
      </c>
      <c r="B42058" t="s">
        <v>59255</v>
      </c>
      <c r="C42058">
        <v>2</v>
      </c>
      <c r="D42058">
        <v>0</v>
      </c>
    </row>
    <row r="42059" spans="1:4" x14ac:dyDescent="0.25">
      <c r="A42059" t="s">
        <v>59251</v>
      </c>
      <c r="B42059" t="s">
        <v>59256</v>
      </c>
      <c r="C42059">
        <v>1</v>
      </c>
      <c r="D42059">
        <v>0</v>
      </c>
    </row>
    <row r="42060" spans="1:4" x14ac:dyDescent="0.25">
      <c r="A42060" t="s">
        <v>59257</v>
      </c>
      <c r="B42060" t="s">
        <v>59258</v>
      </c>
      <c r="C42060">
        <v>1</v>
      </c>
      <c r="D42060">
        <v>0</v>
      </c>
    </row>
    <row r="42061" spans="1:4" x14ac:dyDescent="0.25">
      <c r="A42061" t="s">
        <v>59257</v>
      </c>
      <c r="B42061" t="s">
        <v>59259</v>
      </c>
      <c r="C42061">
        <v>0</v>
      </c>
      <c r="D42061">
        <v>0</v>
      </c>
    </row>
    <row r="42062" spans="1:4" x14ac:dyDescent="0.25">
      <c r="A42062" t="s">
        <v>59257</v>
      </c>
      <c r="B42062" t="s">
        <v>59260</v>
      </c>
      <c r="C42062">
        <v>1</v>
      </c>
      <c r="D42062">
        <v>0</v>
      </c>
    </row>
    <row r="42063" spans="1:4" x14ac:dyDescent="0.25">
      <c r="A42063" t="s">
        <v>59257</v>
      </c>
      <c r="B42063" t="s">
        <v>59261</v>
      </c>
      <c r="C42063">
        <v>0</v>
      </c>
      <c r="D42063">
        <v>0</v>
      </c>
    </row>
    <row r="42064" spans="1:4" x14ac:dyDescent="0.25">
      <c r="A42064" t="s">
        <v>59257</v>
      </c>
      <c r="B42064" t="s">
        <v>59262</v>
      </c>
      <c r="C42064">
        <v>0</v>
      </c>
      <c r="D42064">
        <v>0</v>
      </c>
    </row>
    <row r="42065" spans="1:4" x14ac:dyDescent="0.25">
      <c r="A42065" t="s">
        <v>59263</v>
      </c>
      <c r="B42065" t="s">
        <v>59264</v>
      </c>
      <c r="C42065">
        <v>0</v>
      </c>
      <c r="D42065">
        <v>0</v>
      </c>
    </row>
    <row r="42066" spans="1:4" x14ac:dyDescent="0.25">
      <c r="A42066" t="s">
        <v>59263</v>
      </c>
      <c r="B42066" t="s">
        <v>59265</v>
      </c>
      <c r="C42066">
        <v>2</v>
      </c>
      <c r="D42066">
        <v>0</v>
      </c>
    </row>
    <row r="42067" spans="1:4" x14ac:dyDescent="0.25">
      <c r="A42067" t="s">
        <v>59263</v>
      </c>
      <c r="B42067" t="s">
        <v>1294</v>
      </c>
      <c r="C42067">
        <v>1</v>
      </c>
      <c r="D42067">
        <v>0</v>
      </c>
    </row>
    <row r="42068" spans="1:4" x14ac:dyDescent="0.25">
      <c r="A42068" t="s">
        <v>59263</v>
      </c>
      <c r="B42068" t="s">
        <v>59266</v>
      </c>
      <c r="C42068">
        <v>1</v>
      </c>
      <c r="D42068">
        <v>0</v>
      </c>
    </row>
    <row r="42069" spans="1:4" x14ac:dyDescent="0.25">
      <c r="A42069" t="s">
        <v>59263</v>
      </c>
      <c r="B42069" t="s">
        <v>59267</v>
      </c>
      <c r="C42069">
        <v>0</v>
      </c>
      <c r="D42069">
        <v>0</v>
      </c>
    </row>
    <row r="42070" spans="1:4" x14ac:dyDescent="0.25">
      <c r="A42070" t="s">
        <v>59268</v>
      </c>
      <c r="B42070" t="s">
        <v>59269</v>
      </c>
      <c r="C42070">
        <v>2</v>
      </c>
      <c r="D42070">
        <v>0</v>
      </c>
    </row>
    <row r="42071" spans="1:4" x14ac:dyDescent="0.25">
      <c r="A42071" t="s">
        <v>59270</v>
      </c>
      <c r="B42071" t="s">
        <v>59271</v>
      </c>
      <c r="C42071">
        <v>0</v>
      </c>
      <c r="D42071">
        <v>0</v>
      </c>
    </row>
    <row r="42072" spans="1:4" x14ac:dyDescent="0.25">
      <c r="A42072" t="s">
        <v>59270</v>
      </c>
      <c r="B42072" t="s">
        <v>59272</v>
      </c>
      <c r="C42072">
        <v>2</v>
      </c>
      <c r="D42072">
        <v>0</v>
      </c>
    </row>
    <row r="42073" spans="1:4" x14ac:dyDescent="0.25">
      <c r="A42073" t="s">
        <v>59270</v>
      </c>
      <c r="B42073" t="s">
        <v>59273</v>
      </c>
      <c r="C42073">
        <v>1</v>
      </c>
      <c r="D42073">
        <v>0</v>
      </c>
    </row>
    <row r="42074" spans="1:4" x14ac:dyDescent="0.25">
      <c r="A42074" t="s">
        <v>59270</v>
      </c>
      <c r="B42074" t="s">
        <v>59274</v>
      </c>
      <c r="C42074">
        <v>0</v>
      </c>
      <c r="D42074">
        <v>0</v>
      </c>
    </row>
    <row r="42075" spans="1:4" x14ac:dyDescent="0.25">
      <c r="A42075" t="s">
        <v>59270</v>
      </c>
      <c r="B42075" t="s">
        <v>59275</v>
      </c>
      <c r="C42075">
        <v>2</v>
      </c>
      <c r="D42075">
        <v>0</v>
      </c>
    </row>
    <row r="42076" spans="1:4" x14ac:dyDescent="0.25">
      <c r="A42076" t="s">
        <v>59270</v>
      </c>
      <c r="B42076" t="s">
        <v>59276</v>
      </c>
      <c r="C42076">
        <v>2</v>
      </c>
      <c r="D42076">
        <v>0</v>
      </c>
    </row>
    <row r="42077" spans="1:4" x14ac:dyDescent="0.25">
      <c r="A42077" t="s">
        <v>59270</v>
      </c>
      <c r="B42077" t="s">
        <v>59277</v>
      </c>
      <c r="C42077">
        <v>1</v>
      </c>
      <c r="D42077">
        <v>0</v>
      </c>
    </row>
    <row r="42078" spans="1:4" x14ac:dyDescent="0.25">
      <c r="A42078" t="s">
        <v>59270</v>
      </c>
      <c r="B42078" t="s">
        <v>59278</v>
      </c>
      <c r="C42078">
        <v>0</v>
      </c>
      <c r="D42078">
        <v>0</v>
      </c>
    </row>
    <row r="42079" spans="1:4" x14ac:dyDescent="0.25">
      <c r="A42079" t="s">
        <v>59279</v>
      </c>
      <c r="B42079" t="s">
        <v>59280</v>
      </c>
      <c r="C42079">
        <v>1</v>
      </c>
      <c r="D42079">
        <v>0</v>
      </c>
    </row>
    <row r="42080" spans="1:4" x14ac:dyDescent="0.25">
      <c r="A42080" t="s">
        <v>59279</v>
      </c>
      <c r="B42080" t="s">
        <v>59281</v>
      </c>
      <c r="C42080">
        <v>1</v>
      </c>
      <c r="D42080">
        <v>0</v>
      </c>
    </row>
    <row r="42081" spans="1:4" x14ac:dyDescent="0.25">
      <c r="A42081" t="s">
        <v>59279</v>
      </c>
      <c r="B42081" t="s">
        <v>17479</v>
      </c>
      <c r="C42081">
        <v>0</v>
      </c>
      <c r="D42081">
        <v>0</v>
      </c>
    </row>
    <row r="42082" spans="1:4" x14ac:dyDescent="0.25">
      <c r="A42082" t="s">
        <v>59279</v>
      </c>
      <c r="B42082" t="s">
        <v>59282</v>
      </c>
      <c r="C42082">
        <v>0</v>
      </c>
      <c r="D42082">
        <v>0</v>
      </c>
    </row>
    <row r="42083" spans="1:4" x14ac:dyDescent="0.25">
      <c r="A42083" t="s">
        <v>59283</v>
      </c>
      <c r="B42083" t="s">
        <v>59284</v>
      </c>
      <c r="C42083">
        <v>1</v>
      </c>
      <c r="D42083">
        <v>0</v>
      </c>
    </row>
    <row r="42084" spans="1:4" x14ac:dyDescent="0.25">
      <c r="A42084" t="s">
        <v>59283</v>
      </c>
      <c r="B42084" t="s">
        <v>59285</v>
      </c>
      <c r="C42084">
        <v>2</v>
      </c>
      <c r="D42084">
        <v>0</v>
      </c>
    </row>
    <row r="42085" spans="1:4" x14ac:dyDescent="0.25">
      <c r="A42085" t="s">
        <v>59283</v>
      </c>
      <c r="B42085" t="s">
        <v>17479</v>
      </c>
      <c r="C42085">
        <v>0</v>
      </c>
      <c r="D42085">
        <v>0</v>
      </c>
    </row>
    <row r="42086" spans="1:4" x14ac:dyDescent="0.25">
      <c r="A42086" t="s">
        <v>59283</v>
      </c>
      <c r="B42086" t="s">
        <v>59286</v>
      </c>
      <c r="C42086">
        <v>2</v>
      </c>
      <c r="D42086">
        <v>0</v>
      </c>
    </row>
    <row r="42087" spans="1:4" x14ac:dyDescent="0.25">
      <c r="A42087" t="s">
        <v>59283</v>
      </c>
      <c r="B42087" t="s">
        <v>59287</v>
      </c>
      <c r="C42087">
        <v>2</v>
      </c>
      <c r="D42087">
        <v>0</v>
      </c>
    </row>
    <row r="42088" spans="1:4" x14ac:dyDescent="0.25">
      <c r="A42088" t="s">
        <v>59288</v>
      </c>
      <c r="B42088" t="s">
        <v>59289</v>
      </c>
      <c r="C42088">
        <v>0</v>
      </c>
      <c r="D42088">
        <v>0</v>
      </c>
    </row>
    <row r="42089" spans="1:4" x14ac:dyDescent="0.25">
      <c r="A42089" t="s">
        <v>59288</v>
      </c>
      <c r="B42089" t="s">
        <v>59290</v>
      </c>
      <c r="C42089">
        <v>1</v>
      </c>
      <c r="D42089">
        <v>0</v>
      </c>
    </row>
    <row r="42090" spans="1:4" x14ac:dyDescent="0.25">
      <c r="A42090" t="s">
        <v>59288</v>
      </c>
      <c r="B42090" t="s">
        <v>59291</v>
      </c>
      <c r="C42090">
        <v>0</v>
      </c>
      <c r="D42090">
        <v>0</v>
      </c>
    </row>
    <row r="42091" spans="1:4" x14ac:dyDescent="0.25">
      <c r="A42091" t="s">
        <v>59288</v>
      </c>
      <c r="B42091" t="s">
        <v>59292</v>
      </c>
      <c r="C42091">
        <v>2</v>
      </c>
      <c r="D42091">
        <v>0</v>
      </c>
    </row>
    <row r="42092" spans="1:4" x14ac:dyDescent="0.25">
      <c r="A42092" t="s">
        <v>59293</v>
      </c>
      <c r="B42092" t="s">
        <v>59294</v>
      </c>
      <c r="C42092">
        <v>1</v>
      </c>
      <c r="D42092">
        <v>0</v>
      </c>
    </row>
    <row r="42093" spans="1:4" x14ac:dyDescent="0.25">
      <c r="A42093" t="s">
        <v>59293</v>
      </c>
      <c r="B42093" t="s">
        <v>59295</v>
      </c>
      <c r="C42093">
        <v>0</v>
      </c>
      <c r="D42093">
        <v>0</v>
      </c>
    </row>
    <row r="42094" spans="1:4" x14ac:dyDescent="0.25">
      <c r="A42094" t="s">
        <v>59293</v>
      </c>
      <c r="B42094" t="s">
        <v>59296</v>
      </c>
      <c r="C42094">
        <v>0</v>
      </c>
      <c r="D42094">
        <v>0</v>
      </c>
    </row>
    <row r="42095" spans="1:4" x14ac:dyDescent="0.25">
      <c r="A42095" t="s">
        <v>59293</v>
      </c>
      <c r="B42095" t="s">
        <v>59297</v>
      </c>
      <c r="C42095">
        <v>0</v>
      </c>
      <c r="D42095">
        <v>0</v>
      </c>
    </row>
    <row r="42096" spans="1:4" x14ac:dyDescent="0.25">
      <c r="A42096" t="s">
        <v>59293</v>
      </c>
      <c r="B42096" t="s">
        <v>59298</v>
      </c>
      <c r="C42096">
        <v>1</v>
      </c>
      <c r="D42096">
        <v>0</v>
      </c>
    </row>
    <row r="42097" spans="1:4" x14ac:dyDescent="0.25">
      <c r="A42097" t="s">
        <v>59293</v>
      </c>
      <c r="B42097" t="s">
        <v>59299</v>
      </c>
      <c r="C42097">
        <v>1</v>
      </c>
      <c r="D42097">
        <v>0</v>
      </c>
    </row>
    <row r="42098" spans="1:4" x14ac:dyDescent="0.25">
      <c r="A42098" t="s">
        <v>59300</v>
      </c>
      <c r="B42098" t="s">
        <v>59301</v>
      </c>
      <c r="C42098">
        <v>1</v>
      </c>
      <c r="D42098">
        <v>0</v>
      </c>
    </row>
    <row r="42099" spans="1:4" x14ac:dyDescent="0.25">
      <c r="A42099" t="s">
        <v>59300</v>
      </c>
      <c r="B42099" t="s">
        <v>59302</v>
      </c>
      <c r="C42099">
        <v>2</v>
      </c>
      <c r="D42099">
        <v>0</v>
      </c>
    </row>
    <row r="42100" spans="1:4" x14ac:dyDescent="0.25">
      <c r="A42100" t="s">
        <v>59300</v>
      </c>
      <c r="B42100" t="s">
        <v>59303</v>
      </c>
      <c r="C42100">
        <v>1</v>
      </c>
      <c r="D42100">
        <v>0</v>
      </c>
    </row>
    <row r="42101" spans="1:4" x14ac:dyDescent="0.25">
      <c r="A42101" t="s">
        <v>59304</v>
      </c>
      <c r="B42101" t="s">
        <v>59305</v>
      </c>
      <c r="C42101">
        <v>1</v>
      </c>
      <c r="D42101">
        <v>0</v>
      </c>
    </row>
    <row r="42102" spans="1:4" x14ac:dyDescent="0.25">
      <c r="A42102" t="s">
        <v>59306</v>
      </c>
      <c r="B42102" t="s">
        <v>51442</v>
      </c>
      <c r="C42102">
        <v>1</v>
      </c>
      <c r="D42102">
        <v>0</v>
      </c>
    </row>
    <row r="42103" spans="1:4" x14ac:dyDescent="0.25">
      <c r="A42103" t="s">
        <v>59306</v>
      </c>
      <c r="B42103" t="s">
        <v>59307</v>
      </c>
      <c r="C42103">
        <v>0</v>
      </c>
      <c r="D42103">
        <v>0</v>
      </c>
    </row>
    <row r="42104" spans="1:4" x14ac:dyDescent="0.25">
      <c r="A42104" t="s">
        <v>59306</v>
      </c>
      <c r="B42104" t="s">
        <v>59308</v>
      </c>
      <c r="C42104">
        <v>1</v>
      </c>
      <c r="D42104">
        <v>0</v>
      </c>
    </row>
    <row r="42105" spans="1:4" x14ac:dyDescent="0.25">
      <c r="A42105" t="s">
        <v>59306</v>
      </c>
      <c r="B42105" t="s">
        <v>59309</v>
      </c>
      <c r="C42105">
        <v>1</v>
      </c>
      <c r="D42105">
        <v>0</v>
      </c>
    </row>
    <row r="42106" spans="1:4" x14ac:dyDescent="0.25">
      <c r="A42106" t="s">
        <v>59306</v>
      </c>
      <c r="B42106" t="s">
        <v>59310</v>
      </c>
      <c r="C42106">
        <v>1</v>
      </c>
      <c r="D42106">
        <v>0</v>
      </c>
    </row>
    <row r="42107" spans="1:4" x14ac:dyDescent="0.25">
      <c r="A42107" t="s">
        <v>59306</v>
      </c>
      <c r="B42107" t="s">
        <v>59311</v>
      </c>
      <c r="C42107">
        <v>1</v>
      </c>
      <c r="D42107">
        <v>0</v>
      </c>
    </row>
    <row r="42108" spans="1:4" x14ac:dyDescent="0.25">
      <c r="A42108" t="s">
        <v>59312</v>
      </c>
      <c r="B42108" t="s">
        <v>59313</v>
      </c>
      <c r="C42108">
        <v>0</v>
      </c>
      <c r="D42108">
        <v>0</v>
      </c>
    </row>
    <row r="42109" spans="1:4" x14ac:dyDescent="0.25">
      <c r="A42109" t="s">
        <v>59312</v>
      </c>
      <c r="B42109" t="s">
        <v>59314</v>
      </c>
      <c r="C42109">
        <v>1</v>
      </c>
      <c r="D42109">
        <v>0</v>
      </c>
    </row>
    <row r="42110" spans="1:4" x14ac:dyDescent="0.25">
      <c r="A42110" t="s">
        <v>59312</v>
      </c>
      <c r="B42110" t="s">
        <v>59315</v>
      </c>
      <c r="C42110">
        <v>1</v>
      </c>
      <c r="D42110">
        <v>0</v>
      </c>
    </row>
    <row r="42111" spans="1:4" x14ac:dyDescent="0.25">
      <c r="A42111" t="s">
        <v>59312</v>
      </c>
      <c r="B42111" t="s">
        <v>59316</v>
      </c>
      <c r="C42111">
        <v>0</v>
      </c>
      <c r="D42111">
        <v>0</v>
      </c>
    </row>
    <row r="42112" spans="1:4" x14ac:dyDescent="0.25">
      <c r="A42112" t="s">
        <v>59312</v>
      </c>
      <c r="B42112" t="s">
        <v>59317</v>
      </c>
      <c r="C42112">
        <v>2</v>
      </c>
      <c r="D42112">
        <v>0</v>
      </c>
    </row>
    <row r="42113" spans="1:4" x14ac:dyDescent="0.25">
      <c r="A42113" t="s">
        <v>59312</v>
      </c>
      <c r="B42113" t="s">
        <v>59318</v>
      </c>
      <c r="C42113">
        <v>0</v>
      </c>
      <c r="D42113">
        <v>0</v>
      </c>
    </row>
    <row r="42114" spans="1:4" x14ac:dyDescent="0.25">
      <c r="A42114" t="s">
        <v>59319</v>
      </c>
      <c r="B42114" t="s">
        <v>59320</v>
      </c>
      <c r="C42114">
        <v>1</v>
      </c>
      <c r="D42114">
        <v>0</v>
      </c>
    </row>
    <row r="42115" spans="1:4" x14ac:dyDescent="0.25">
      <c r="A42115" t="s">
        <v>59319</v>
      </c>
      <c r="B42115" t="s">
        <v>59321</v>
      </c>
      <c r="C42115">
        <v>0</v>
      </c>
      <c r="D42115">
        <v>0</v>
      </c>
    </row>
    <row r="42116" spans="1:4" x14ac:dyDescent="0.25">
      <c r="A42116" t="s">
        <v>59319</v>
      </c>
      <c r="B42116" t="s">
        <v>59321</v>
      </c>
      <c r="C42116">
        <v>1</v>
      </c>
      <c r="D42116">
        <v>0</v>
      </c>
    </row>
    <row r="42117" spans="1:4" x14ac:dyDescent="0.25">
      <c r="A42117" t="s">
        <v>59319</v>
      </c>
      <c r="B42117" t="s">
        <v>59322</v>
      </c>
      <c r="C42117">
        <v>1</v>
      </c>
      <c r="D42117">
        <v>0</v>
      </c>
    </row>
    <row r="42118" spans="1:4" x14ac:dyDescent="0.25">
      <c r="A42118" t="s">
        <v>59319</v>
      </c>
      <c r="B42118" t="s">
        <v>52050</v>
      </c>
      <c r="C42118">
        <v>0</v>
      </c>
      <c r="D42118">
        <v>0</v>
      </c>
    </row>
    <row r="42119" spans="1:4" x14ac:dyDescent="0.25">
      <c r="A42119" t="s">
        <v>59319</v>
      </c>
      <c r="B42119" t="s">
        <v>59323</v>
      </c>
      <c r="C42119">
        <v>0</v>
      </c>
      <c r="D42119">
        <v>0</v>
      </c>
    </row>
    <row r="42120" spans="1:4" x14ac:dyDescent="0.25">
      <c r="A42120" t="s">
        <v>59319</v>
      </c>
      <c r="B42120" t="s">
        <v>59324</v>
      </c>
      <c r="C42120">
        <v>0</v>
      </c>
      <c r="D42120">
        <v>0</v>
      </c>
    </row>
    <row r="42121" spans="1:4" x14ac:dyDescent="0.25">
      <c r="A42121" t="s">
        <v>59319</v>
      </c>
      <c r="B42121" t="s">
        <v>59325</v>
      </c>
      <c r="C42121">
        <v>0</v>
      </c>
      <c r="D42121">
        <v>0</v>
      </c>
    </row>
    <row r="42122" spans="1:4" x14ac:dyDescent="0.25">
      <c r="A42122" t="s">
        <v>59319</v>
      </c>
      <c r="B42122" t="s">
        <v>59326</v>
      </c>
      <c r="C42122">
        <v>2</v>
      </c>
      <c r="D42122">
        <v>0</v>
      </c>
    </row>
    <row r="42123" spans="1:4" x14ac:dyDescent="0.25">
      <c r="A42123" t="s">
        <v>59327</v>
      </c>
      <c r="B42123" t="s">
        <v>59328</v>
      </c>
      <c r="C42123">
        <v>1</v>
      </c>
      <c r="D42123">
        <v>0</v>
      </c>
    </row>
    <row r="42124" spans="1:4" x14ac:dyDescent="0.25">
      <c r="A42124" t="s">
        <v>59329</v>
      </c>
      <c r="B42124" t="s">
        <v>59330</v>
      </c>
      <c r="C42124">
        <v>0</v>
      </c>
      <c r="D42124">
        <v>0</v>
      </c>
    </row>
    <row r="42125" spans="1:4" x14ac:dyDescent="0.25">
      <c r="A42125" t="s">
        <v>59331</v>
      </c>
      <c r="B42125" t="s">
        <v>59332</v>
      </c>
      <c r="C42125">
        <v>0</v>
      </c>
      <c r="D42125">
        <v>0</v>
      </c>
    </row>
    <row r="42126" spans="1:4" x14ac:dyDescent="0.25">
      <c r="A42126" t="s">
        <v>59331</v>
      </c>
      <c r="B42126" t="s">
        <v>59333</v>
      </c>
      <c r="C42126">
        <v>1</v>
      </c>
      <c r="D42126">
        <v>0</v>
      </c>
    </row>
    <row r="42127" spans="1:4" x14ac:dyDescent="0.25">
      <c r="A42127" t="s">
        <v>59331</v>
      </c>
      <c r="B42127" t="s">
        <v>49794</v>
      </c>
      <c r="C42127">
        <v>1</v>
      </c>
      <c r="D42127">
        <v>0</v>
      </c>
    </row>
    <row r="42128" spans="1:4" x14ac:dyDescent="0.25">
      <c r="A42128" t="s">
        <v>59334</v>
      </c>
      <c r="B42128" t="s">
        <v>59335</v>
      </c>
      <c r="C42128">
        <v>0</v>
      </c>
      <c r="D42128">
        <v>0</v>
      </c>
    </row>
    <row r="42129" spans="1:4" x14ac:dyDescent="0.25">
      <c r="A42129" t="s">
        <v>59334</v>
      </c>
      <c r="B42129" t="s">
        <v>59336</v>
      </c>
      <c r="C42129">
        <v>2</v>
      </c>
      <c r="D42129">
        <v>0</v>
      </c>
    </row>
    <row r="42130" spans="1:4" x14ac:dyDescent="0.25">
      <c r="A42130" t="s">
        <v>59337</v>
      </c>
      <c r="B42130" t="s">
        <v>59338</v>
      </c>
      <c r="C42130">
        <v>1</v>
      </c>
      <c r="D42130">
        <v>0</v>
      </c>
    </row>
    <row r="42131" spans="1:4" x14ac:dyDescent="0.25">
      <c r="A42131" t="s">
        <v>59337</v>
      </c>
      <c r="B42131" t="s">
        <v>59339</v>
      </c>
      <c r="C42131">
        <v>1</v>
      </c>
      <c r="D42131">
        <v>0</v>
      </c>
    </row>
    <row r="42132" spans="1:4" x14ac:dyDescent="0.25">
      <c r="A42132" t="s">
        <v>59337</v>
      </c>
      <c r="B42132" t="s">
        <v>59340</v>
      </c>
      <c r="C42132">
        <v>1</v>
      </c>
      <c r="D42132">
        <v>0</v>
      </c>
    </row>
    <row r="42133" spans="1:4" x14ac:dyDescent="0.25">
      <c r="A42133" t="s">
        <v>59337</v>
      </c>
      <c r="B42133" t="s">
        <v>59341</v>
      </c>
      <c r="C42133">
        <v>1</v>
      </c>
      <c r="D42133">
        <v>0</v>
      </c>
    </row>
    <row r="42134" spans="1:4" x14ac:dyDescent="0.25">
      <c r="A42134" t="s">
        <v>59337</v>
      </c>
      <c r="B42134" t="s">
        <v>59342</v>
      </c>
      <c r="C42134">
        <v>1</v>
      </c>
      <c r="D42134">
        <v>0</v>
      </c>
    </row>
    <row r="42135" spans="1:4" x14ac:dyDescent="0.25">
      <c r="A42135" t="s">
        <v>59337</v>
      </c>
      <c r="B42135" t="s">
        <v>59343</v>
      </c>
      <c r="C42135">
        <v>0</v>
      </c>
      <c r="D42135">
        <v>0</v>
      </c>
    </row>
    <row r="42136" spans="1:4" x14ac:dyDescent="0.25">
      <c r="A42136" t="s">
        <v>59344</v>
      </c>
      <c r="B42136" t="s">
        <v>59345</v>
      </c>
      <c r="C42136">
        <v>1</v>
      </c>
      <c r="D42136">
        <v>0</v>
      </c>
    </row>
    <row r="42137" spans="1:4" x14ac:dyDescent="0.25">
      <c r="A42137" t="s">
        <v>59344</v>
      </c>
      <c r="B42137" t="s">
        <v>59346</v>
      </c>
      <c r="C42137">
        <v>2</v>
      </c>
      <c r="D42137">
        <v>0</v>
      </c>
    </row>
    <row r="42138" spans="1:4" x14ac:dyDescent="0.25">
      <c r="A42138" t="s">
        <v>59344</v>
      </c>
      <c r="B42138" t="s">
        <v>59347</v>
      </c>
      <c r="C42138">
        <v>1</v>
      </c>
      <c r="D42138">
        <v>0</v>
      </c>
    </row>
    <row r="42139" spans="1:4" x14ac:dyDescent="0.25">
      <c r="A42139" t="s">
        <v>59344</v>
      </c>
      <c r="B42139" t="s">
        <v>59348</v>
      </c>
      <c r="C42139">
        <v>1</v>
      </c>
      <c r="D42139">
        <v>0</v>
      </c>
    </row>
    <row r="42140" spans="1:4" x14ac:dyDescent="0.25">
      <c r="A42140" t="s">
        <v>59349</v>
      </c>
      <c r="B42140" t="s">
        <v>59350</v>
      </c>
      <c r="C42140">
        <v>1</v>
      </c>
      <c r="D42140">
        <v>0</v>
      </c>
    </row>
    <row r="42141" spans="1:4" x14ac:dyDescent="0.25">
      <c r="A42141" t="s">
        <v>59351</v>
      </c>
      <c r="B42141" t="s">
        <v>59352</v>
      </c>
      <c r="C42141">
        <v>0</v>
      </c>
      <c r="D42141">
        <v>0</v>
      </c>
    </row>
    <row r="42142" spans="1:4" x14ac:dyDescent="0.25">
      <c r="A42142" t="s">
        <v>59351</v>
      </c>
      <c r="B42142" t="s">
        <v>59353</v>
      </c>
      <c r="C42142">
        <v>2</v>
      </c>
      <c r="D42142">
        <v>0</v>
      </c>
    </row>
    <row r="42143" spans="1:4" x14ac:dyDescent="0.25">
      <c r="A42143" t="s">
        <v>59351</v>
      </c>
      <c r="B42143" t="s">
        <v>5864</v>
      </c>
      <c r="C42143">
        <v>1</v>
      </c>
      <c r="D42143">
        <v>0</v>
      </c>
    </row>
    <row r="42144" spans="1:4" x14ac:dyDescent="0.25">
      <c r="A42144" t="s">
        <v>59354</v>
      </c>
      <c r="B42144" t="s">
        <v>59355</v>
      </c>
      <c r="C42144">
        <v>1</v>
      </c>
      <c r="D42144">
        <v>0</v>
      </c>
    </row>
    <row r="42145" spans="1:4" x14ac:dyDescent="0.25">
      <c r="A42145" t="s">
        <v>59356</v>
      </c>
      <c r="B42145" t="s">
        <v>59357</v>
      </c>
      <c r="C42145">
        <v>1</v>
      </c>
      <c r="D42145">
        <v>0</v>
      </c>
    </row>
    <row r="42146" spans="1:4" x14ac:dyDescent="0.25">
      <c r="A42146" t="s">
        <v>59356</v>
      </c>
      <c r="B42146" t="s">
        <v>59358</v>
      </c>
      <c r="C42146">
        <v>2</v>
      </c>
      <c r="D42146">
        <v>0</v>
      </c>
    </row>
    <row r="42147" spans="1:4" x14ac:dyDescent="0.25">
      <c r="A42147" t="s">
        <v>59356</v>
      </c>
      <c r="B42147" t="s">
        <v>59359</v>
      </c>
      <c r="C42147">
        <v>1</v>
      </c>
      <c r="D42147">
        <v>0</v>
      </c>
    </row>
    <row r="42148" spans="1:4" x14ac:dyDescent="0.25">
      <c r="A42148" t="s">
        <v>59356</v>
      </c>
      <c r="B42148" t="s">
        <v>59360</v>
      </c>
      <c r="C42148">
        <v>2</v>
      </c>
      <c r="D42148">
        <v>0</v>
      </c>
    </row>
    <row r="42149" spans="1:4" x14ac:dyDescent="0.25">
      <c r="A42149" t="s">
        <v>59356</v>
      </c>
      <c r="B42149" t="s">
        <v>59361</v>
      </c>
      <c r="C42149">
        <v>2</v>
      </c>
      <c r="D42149">
        <v>0</v>
      </c>
    </row>
    <row r="42150" spans="1:4" x14ac:dyDescent="0.25">
      <c r="A42150" t="s">
        <v>59356</v>
      </c>
      <c r="B42150" t="s">
        <v>59362</v>
      </c>
      <c r="C42150">
        <v>2</v>
      </c>
      <c r="D42150">
        <v>0</v>
      </c>
    </row>
    <row r="42151" spans="1:4" x14ac:dyDescent="0.25">
      <c r="A42151" t="s">
        <v>59356</v>
      </c>
      <c r="B42151" t="s">
        <v>59363</v>
      </c>
      <c r="C42151">
        <v>2</v>
      </c>
      <c r="D42151">
        <v>0</v>
      </c>
    </row>
    <row r="42152" spans="1:4" x14ac:dyDescent="0.25">
      <c r="A42152" t="s">
        <v>59364</v>
      </c>
      <c r="B42152" t="s">
        <v>59365</v>
      </c>
      <c r="C42152">
        <v>1</v>
      </c>
      <c r="D42152">
        <v>0</v>
      </c>
    </row>
    <row r="42153" spans="1:4" x14ac:dyDescent="0.25">
      <c r="A42153" t="s">
        <v>59364</v>
      </c>
      <c r="B42153" t="s">
        <v>59366</v>
      </c>
      <c r="C42153">
        <v>1</v>
      </c>
      <c r="D42153">
        <v>0</v>
      </c>
    </row>
    <row r="42154" spans="1:4" x14ac:dyDescent="0.25">
      <c r="A42154" t="s">
        <v>59364</v>
      </c>
      <c r="B42154" t="s">
        <v>59367</v>
      </c>
      <c r="C42154">
        <v>2</v>
      </c>
      <c r="D42154">
        <v>0</v>
      </c>
    </row>
    <row r="42155" spans="1:4" x14ac:dyDescent="0.25">
      <c r="A42155" t="s">
        <v>59364</v>
      </c>
      <c r="B42155" t="s">
        <v>59368</v>
      </c>
      <c r="C42155">
        <v>2</v>
      </c>
      <c r="D42155">
        <v>0</v>
      </c>
    </row>
    <row r="42156" spans="1:4" x14ac:dyDescent="0.25">
      <c r="A42156" t="s">
        <v>59364</v>
      </c>
      <c r="B42156" t="s">
        <v>59369</v>
      </c>
      <c r="C42156">
        <v>2</v>
      </c>
      <c r="D42156">
        <v>0</v>
      </c>
    </row>
    <row r="42157" spans="1:4" x14ac:dyDescent="0.25">
      <c r="A42157" t="s">
        <v>59370</v>
      </c>
      <c r="B42157" t="s">
        <v>59371</v>
      </c>
      <c r="C42157">
        <v>0</v>
      </c>
      <c r="D42157">
        <v>0</v>
      </c>
    </row>
    <row r="42158" spans="1:4" x14ac:dyDescent="0.25">
      <c r="A42158" t="s">
        <v>59370</v>
      </c>
      <c r="B42158" t="s">
        <v>59372</v>
      </c>
      <c r="C42158">
        <v>0</v>
      </c>
      <c r="D42158">
        <v>0</v>
      </c>
    </row>
    <row r="42159" spans="1:4" x14ac:dyDescent="0.25">
      <c r="A42159" t="s">
        <v>59370</v>
      </c>
      <c r="B42159" t="s">
        <v>59373</v>
      </c>
      <c r="C42159">
        <v>0</v>
      </c>
      <c r="D42159">
        <v>0</v>
      </c>
    </row>
    <row r="42160" spans="1:4" x14ac:dyDescent="0.25">
      <c r="A42160" t="s">
        <v>59370</v>
      </c>
      <c r="B42160" t="s">
        <v>59374</v>
      </c>
      <c r="C42160">
        <v>0</v>
      </c>
      <c r="D42160">
        <v>0</v>
      </c>
    </row>
    <row r="42161" spans="1:4" x14ac:dyDescent="0.25">
      <c r="A42161" t="s">
        <v>59370</v>
      </c>
      <c r="B42161" t="s">
        <v>59375</v>
      </c>
      <c r="C42161">
        <v>1</v>
      </c>
      <c r="D42161">
        <v>0</v>
      </c>
    </row>
    <row r="42162" spans="1:4" x14ac:dyDescent="0.25">
      <c r="A42162" t="s">
        <v>59376</v>
      </c>
      <c r="B42162" t="s">
        <v>59377</v>
      </c>
      <c r="C42162">
        <v>1</v>
      </c>
      <c r="D42162">
        <v>0</v>
      </c>
    </row>
    <row r="42163" spans="1:4" x14ac:dyDescent="0.25">
      <c r="A42163" t="s">
        <v>59376</v>
      </c>
      <c r="B42163" t="s">
        <v>59378</v>
      </c>
      <c r="C42163">
        <v>1</v>
      </c>
      <c r="D42163">
        <v>0</v>
      </c>
    </row>
    <row r="42164" spans="1:4" x14ac:dyDescent="0.25">
      <c r="A42164" t="s">
        <v>59376</v>
      </c>
      <c r="B42164" t="s">
        <v>59379</v>
      </c>
      <c r="C42164">
        <v>1</v>
      </c>
      <c r="D42164">
        <v>0</v>
      </c>
    </row>
    <row r="42165" spans="1:4" x14ac:dyDescent="0.25">
      <c r="A42165" t="s">
        <v>59380</v>
      </c>
      <c r="B42165" t="s">
        <v>59381</v>
      </c>
      <c r="C42165">
        <v>2</v>
      </c>
      <c r="D42165">
        <v>0</v>
      </c>
    </row>
    <row r="42166" spans="1:4" x14ac:dyDescent="0.25">
      <c r="A42166" t="s">
        <v>59380</v>
      </c>
      <c r="B42166" t="s">
        <v>59382</v>
      </c>
      <c r="C42166">
        <v>0</v>
      </c>
      <c r="D42166">
        <v>0</v>
      </c>
    </row>
    <row r="42167" spans="1:4" x14ac:dyDescent="0.25">
      <c r="A42167" t="s">
        <v>59380</v>
      </c>
      <c r="B42167" t="s">
        <v>59383</v>
      </c>
      <c r="C42167">
        <v>0</v>
      </c>
      <c r="D42167">
        <v>0</v>
      </c>
    </row>
    <row r="42168" spans="1:4" x14ac:dyDescent="0.25">
      <c r="A42168" t="s">
        <v>59380</v>
      </c>
      <c r="B42168" t="s">
        <v>59384</v>
      </c>
      <c r="C42168">
        <v>0</v>
      </c>
      <c r="D42168">
        <v>0</v>
      </c>
    </row>
    <row r="42169" spans="1:4" x14ac:dyDescent="0.25">
      <c r="A42169" t="s">
        <v>59385</v>
      </c>
      <c r="B42169" t="s">
        <v>59386</v>
      </c>
      <c r="C42169">
        <v>2</v>
      </c>
      <c r="D42169">
        <v>0</v>
      </c>
    </row>
    <row r="42170" spans="1:4" x14ac:dyDescent="0.25">
      <c r="A42170" t="s">
        <v>59385</v>
      </c>
      <c r="B42170" t="s">
        <v>59387</v>
      </c>
      <c r="C42170">
        <v>1</v>
      </c>
      <c r="D42170">
        <v>0</v>
      </c>
    </row>
    <row r="42171" spans="1:4" x14ac:dyDescent="0.25">
      <c r="A42171" t="s">
        <v>59385</v>
      </c>
      <c r="B42171" t="s">
        <v>59388</v>
      </c>
      <c r="C42171">
        <v>2</v>
      </c>
      <c r="D42171">
        <v>0</v>
      </c>
    </row>
    <row r="42172" spans="1:4" x14ac:dyDescent="0.25">
      <c r="A42172" t="s">
        <v>59385</v>
      </c>
      <c r="B42172" t="s">
        <v>59389</v>
      </c>
      <c r="C42172">
        <v>0</v>
      </c>
      <c r="D42172">
        <v>0</v>
      </c>
    </row>
    <row r="42173" spans="1:4" x14ac:dyDescent="0.25">
      <c r="A42173" t="s">
        <v>59385</v>
      </c>
      <c r="B42173" t="s">
        <v>59390</v>
      </c>
      <c r="C42173">
        <v>0</v>
      </c>
      <c r="D42173">
        <v>0</v>
      </c>
    </row>
    <row r="42174" spans="1:4" x14ac:dyDescent="0.25">
      <c r="A42174" t="s">
        <v>59385</v>
      </c>
      <c r="B42174" t="s">
        <v>59391</v>
      </c>
      <c r="C42174">
        <v>0</v>
      </c>
      <c r="D42174">
        <v>0</v>
      </c>
    </row>
    <row r="42175" spans="1:4" x14ac:dyDescent="0.25">
      <c r="A42175" t="s">
        <v>59392</v>
      </c>
      <c r="B42175" t="s">
        <v>59393</v>
      </c>
      <c r="C42175">
        <v>2</v>
      </c>
      <c r="D42175">
        <v>0</v>
      </c>
    </row>
    <row r="42176" spans="1:4" x14ac:dyDescent="0.25">
      <c r="A42176" t="s">
        <v>59392</v>
      </c>
      <c r="B42176" t="s">
        <v>59394</v>
      </c>
      <c r="C42176">
        <v>0</v>
      </c>
      <c r="D42176">
        <v>0</v>
      </c>
    </row>
    <row r="42177" spans="1:4" x14ac:dyDescent="0.25">
      <c r="A42177" t="s">
        <v>59392</v>
      </c>
      <c r="B42177" t="s">
        <v>2865</v>
      </c>
      <c r="C42177">
        <v>0</v>
      </c>
      <c r="D42177">
        <v>0</v>
      </c>
    </row>
    <row r="42178" spans="1:4" x14ac:dyDescent="0.25">
      <c r="A42178" t="s">
        <v>59392</v>
      </c>
      <c r="B42178" t="s">
        <v>59395</v>
      </c>
      <c r="C42178">
        <v>0</v>
      </c>
      <c r="D42178">
        <v>0</v>
      </c>
    </row>
    <row r="42179" spans="1:4" x14ac:dyDescent="0.25">
      <c r="A42179" t="s">
        <v>59396</v>
      </c>
      <c r="B42179" t="s">
        <v>59397</v>
      </c>
      <c r="C42179">
        <v>1</v>
      </c>
      <c r="D42179">
        <v>0</v>
      </c>
    </row>
    <row r="42180" spans="1:4" x14ac:dyDescent="0.25">
      <c r="A42180" t="s">
        <v>59396</v>
      </c>
      <c r="B42180" t="s">
        <v>59398</v>
      </c>
      <c r="C42180">
        <v>1</v>
      </c>
      <c r="D42180">
        <v>0</v>
      </c>
    </row>
    <row r="42181" spans="1:4" x14ac:dyDescent="0.25">
      <c r="A42181" t="s">
        <v>59399</v>
      </c>
      <c r="B42181" t="s">
        <v>59400</v>
      </c>
      <c r="C42181">
        <v>1</v>
      </c>
      <c r="D42181">
        <v>0</v>
      </c>
    </row>
    <row r="42182" spans="1:4" x14ac:dyDescent="0.25">
      <c r="A42182" t="s">
        <v>59399</v>
      </c>
      <c r="B42182" t="s">
        <v>59401</v>
      </c>
      <c r="C42182">
        <v>2</v>
      </c>
      <c r="D42182">
        <v>0</v>
      </c>
    </row>
    <row r="42183" spans="1:4" x14ac:dyDescent="0.25">
      <c r="A42183" t="s">
        <v>59399</v>
      </c>
      <c r="B42183" t="s">
        <v>59402</v>
      </c>
      <c r="C42183">
        <v>2</v>
      </c>
      <c r="D42183">
        <v>0</v>
      </c>
    </row>
    <row r="42184" spans="1:4" x14ac:dyDescent="0.25">
      <c r="A42184" t="s">
        <v>59399</v>
      </c>
      <c r="B42184" t="s">
        <v>59403</v>
      </c>
      <c r="C42184">
        <v>2</v>
      </c>
      <c r="D42184">
        <v>0</v>
      </c>
    </row>
    <row r="42185" spans="1:4" x14ac:dyDescent="0.25">
      <c r="A42185" t="s">
        <v>59399</v>
      </c>
      <c r="B42185" t="s">
        <v>59404</v>
      </c>
      <c r="C42185">
        <v>0</v>
      </c>
      <c r="D42185">
        <v>0</v>
      </c>
    </row>
    <row r="42186" spans="1:4" x14ac:dyDescent="0.25">
      <c r="A42186" t="s">
        <v>59399</v>
      </c>
      <c r="B42186" t="s">
        <v>59405</v>
      </c>
      <c r="C42186">
        <v>2</v>
      </c>
      <c r="D42186">
        <v>0</v>
      </c>
    </row>
    <row r="42187" spans="1:4" x14ac:dyDescent="0.25">
      <c r="A42187" t="s">
        <v>59406</v>
      </c>
      <c r="B42187" t="s">
        <v>59407</v>
      </c>
      <c r="C42187">
        <v>1</v>
      </c>
      <c r="D42187">
        <v>0</v>
      </c>
    </row>
    <row r="42188" spans="1:4" x14ac:dyDescent="0.25">
      <c r="A42188" t="s">
        <v>59406</v>
      </c>
      <c r="B42188" t="s">
        <v>59408</v>
      </c>
      <c r="C42188">
        <v>1</v>
      </c>
      <c r="D42188">
        <v>0</v>
      </c>
    </row>
    <row r="42189" spans="1:4" x14ac:dyDescent="0.25">
      <c r="A42189" t="s">
        <v>59406</v>
      </c>
      <c r="B42189" t="s">
        <v>59409</v>
      </c>
      <c r="C42189">
        <v>1</v>
      </c>
      <c r="D42189">
        <v>0</v>
      </c>
    </row>
    <row r="42190" spans="1:4" x14ac:dyDescent="0.25">
      <c r="A42190" t="s">
        <v>59406</v>
      </c>
      <c r="B42190" t="s">
        <v>59410</v>
      </c>
      <c r="C42190">
        <v>1</v>
      </c>
      <c r="D42190">
        <v>0</v>
      </c>
    </row>
    <row r="42191" spans="1:4" x14ac:dyDescent="0.25">
      <c r="A42191" t="s">
        <v>59406</v>
      </c>
      <c r="B42191" t="s">
        <v>59411</v>
      </c>
      <c r="C42191">
        <v>1</v>
      </c>
      <c r="D42191">
        <v>0</v>
      </c>
    </row>
    <row r="42192" spans="1:4" x14ac:dyDescent="0.25">
      <c r="A42192" t="s">
        <v>59406</v>
      </c>
      <c r="B42192" t="s">
        <v>2865</v>
      </c>
      <c r="C42192">
        <v>0</v>
      </c>
      <c r="D42192">
        <v>0</v>
      </c>
    </row>
    <row r="42193" spans="1:4" x14ac:dyDescent="0.25">
      <c r="A42193" t="s">
        <v>59406</v>
      </c>
      <c r="B42193" t="s">
        <v>59412</v>
      </c>
      <c r="C42193">
        <v>0</v>
      </c>
      <c r="D42193">
        <v>0</v>
      </c>
    </row>
    <row r="42194" spans="1:4" x14ac:dyDescent="0.25">
      <c r="A42194" t="s">
        <v>59413</v>
      </c>
      <c r="B42194" t="s">
        <v>59414</v>
      </c>
      <c r="C42194">
        <v>1</v>
      </c>
      <c r="D42194">
        <v>0</v>
      </c>
    </row>
    <row r="42195" spans="1:4" x14ac:dyDescent="0.25">
      <c r="A42195" t="s">
        <v>59413</v>
      </c>
      <c r="B42195" t="s">
        <v>59415</v>
      </c>
      <c r="C42195">
        <v>1</v>
      </c>
      <c r="D42195">
        <v>0</v>
      </c>
    </row>
    <row r="42196" spans="1:4" x14ac:dyDescent="0.25">
      <c r="A42196" t="s">
        <v>59416</v>
      </c>
      <c r="B42196" t="s">
        <v>59417</v>
      </c>
      <c r="C42196">
        <v>1</v>
      </c>
      <c r="D42196">
        <v>0</v>
      </c>
    </row>
    <row r="42197" spans="1:4" x14ac:dyDescent="0.25">
      <c r="A42197" t="s">
        <v>59418</v>
      </c>
      <c r="B42197" t="s">
        <v>59419</v>
      </c>
      <c r="C42197">
        <v>1</v>
      </c>
      <c r="D42197">
        <v>0</v>
      </c>
    </row>
    <row r="42198" spans="1:4" x14ac:dyDescent="0.25">
      <c r="A42198" t="s">
        <v>59418</v>
      </c>
      <c r="B42198" t="s">
        <v>19747</v>
      </c>
      <c r="C42198">
        <v>0</v>
      </c>
      <c r="D42198">
        <v>0</v>
      </c>
    </row>
    <row r="42199" spans="1:4" x14ac:dyDescent="0.25">
      <c r="A42199" t="s">
        <v>59418</v>
      </c>
      <c r="B42199" t="s">
        <v>59420</v>
      </c>
      <c r="C42199">
        <v>1</v>
      </c>
      <c r="D42199">
        <v>0</v>
      </c>
    </row>
    <row r="42200" spans="1:4" x14ac:dyDescent="0.25">
      <c r="A42200" t="s">
        <v>59418</v>
      </c>
      <c r="B42200" t="s">
        <v>59421</v>
      </c>
      <c r="C42200">
        <v>1</v>
      </c>
      <c r="D42200">
        <v>0</v>
      </c>
    </row>
    <row r="42201" spans="1:4" x14ac:dyDescent="0.25">
      <c r="A42201" t="s">
        <v>59422</v>
      </c>
      <c r="B42201" t="s">
        <v>59423</v>
      </c>
      <c r="C42201">
        <v>0</v>
      </c>
      <c r="D42201">
        <v>0</v>
      </c>
    </row>
    <row r="42202" spans="1:4" x14ac:dyDescent="0.25">
      <c r="A42202" t="s">
        <v>59422</v>
      </c>
      <c r="B42202" t="s">
        <v>59424</v>
      </c>
      <c r="C42202">
        <v>2</v>
      </c>
      <c r="D42202">
        <v>0</v>
      </c>
    </row>
    <row r="42203" spans="1:4" x14ac:dyDescent="0.25">
      <c r="A42203" t="s">
        <v>59425</v>
      </c>
      <c r="B42203" t="s">
        <v>59426</v>
      </c>
      <c r="C42203">
        <v>0</v>
      </c>
      <c r="D42203">
        <v>0</v>
      </c>
    </row>
    <row r="42204" spans="1:4" x14ac:dyDescent="0.25">
      <c r="A42204" t="s">
        <v>59425</v>
      </c>
      <c r="B42204" t="s">
        <v>59427</v>
      </c>
      <c r="C42204">
        <v>1</v>
      </c>
      <c r="D42204">
        <v>0</v>
      </c>
    </row>
    <row r="42205" spans="1:4" x14ac:dyDescent="0.25">
      <c r="A42205" t="s">
        <v>59425</v>
      </c>
      <c r="B42205" t="s">
        <v>59428</v>
      </c>
      <c r="C42205">
        <v>1</v>
      </c>
      <c r="D42205">
        <v>0</v>
      </c>
    </row>
    <row r="42206" spans="1:4" x14ac:dyDescent="0.25">
      <c r="A42206" t="s">
        <v>59425</v>
      </c>
      <c r="B42206" t="s">
        <v>6205</v>
      </c>
      <c r="C42206">
        <v>1</v>
      </c>
      <c r="D42206">
        <v>0</v>
      </c>
    </row>
    <row r="42207" spans="1:4" x14ac:dyDescent="0.25">
      <c r="A42207" t="s">
        <v>59429</v>
      </c>
      <c r="B42207" t="s">
        <v>59430</v>
      </c>
      <c r="C42207">
        <v>0</v>
      </c>
      <c r="D42207">
        <v>0</v>
      </c>
    </row>
    <row r="42208" spans="1:4" x14ac:dyDescent="0.25">
      <c r="A42208" t="s">
        <v>59429</v>
      </c>
      <c r="B42208" t="s">
        <v>59431</v>
      </c>
      <c r="C42208">
        <v>0</v>
      </c>
      <c r="D42208">
        <v>0</v>
      </c>
    </row>
    <row r="42209" spans="1:4" x14ac:dyDescent="0.25">
      <c r="A42209" t="s">
        <v>59432</v>
      </c>
      <c r="B42209" t="s">
        <v>59433</v>
      </c>
      <c r="C42209">
        <v>1</v>
      </c>
      <c r="D42209">
        <v>0</v>
      </c>
    </row>
    <row r="42210" spans="1:4" x14ac:dyDescent="0.25">
      <c r="A42210" t="s">
        <v>59432</v>
      </c>
      <c r="B42210" t="s">
        <v>59434</v>
      </c>
      <c r="C42210">
        <v>1</v>
      </c>
      <c r="D42210">
        <v>0</v>
      </c>
    </row>
    <row r="42211" spans="1:4" x14ac:dyDescent="0.25">
      <c r="A42211" t="s">
        <v>59432</v>
      </c>
      <c r="B42211" t="s">
        <v>59435</v>
      </c>
      <c r="C42211">
        <v>1</v>
      </c>
      <c r="D42211">
        <v>0</v>
      </c>
    </row>
    <row r="42212" spans="1:4" x14ac:dyDescent="0.25">
      <c r="A42212" t="s">
        <v>59432</v>
      </c>
      <c r="B42212" t="s">
        <v>59436</v>
      </c>
      <c r="C42212">
        <v>1</v>
      </c>
      <c r="D42212">
        <v>0</v>
      </c>
    </row>
    <row r="42213" spans="1:4" x14ac:dyDescent="0.25">
      <c r="A42213" t="s">
        <v>59437</v>
      </c>
      <c r="B42213" t="s">
        <v>59438</v>
      </c>
      <c r="C42213">
        <v>2</v>
      </c>
      <c r="D42213">
        <v>0</v>
      </c>
    </row>
    <row r="42214" spans="1:4" x14ac:dyDescent="0.25">
      <c r="A42214" t="s">
        <v>59437</v>
      </c>
      <c r="B42214" t="s">
        <v>59439</v>
      </c>
      <c r="C42214">
        <v>0</v>
      </c>
      <c r="D42214">
        <v>0</v>
      </c>
    </row>
    <row r="42215" spans="1:4" x14ac:dyDescent="0.25">
      <c r="A42215" t="s">
        <v>59437</v>
      </c>
      <c r="B42215" t="s">
        <v>59440</v>
      </c>
      <c r="C42215">
        <v>0</v>
      </c>
      <c r="D42215">
        <v>0</v>
      </c>
    </row>
    <row r="42216" spans="1:4" x14ac:dyDescent="0.25">
      <c r="A42216" t="s">
        <v>59437</v>
      </c>
      <c r="B42216" t="s">
        <v>59441</v>
      </c>
      <c r="C42216">
        <v>0</v>
      </c>
      <c r="D42216">
        <v>0</v>
      </c>
    </row>
    <row r="42217" spans="1:4" x14ac:dyDescent="0.25">
      <c r="A42217" t="s">
        <v>59442</v>
      </c>
      <c r="B42217" t="s">
        <v>59443</v>
      </c>
      <c r="C42217">
        <v>1</v>
      </c>
      <c r="D42217">
        <v>0</v>
      </c>
    </row>
    <row r="42218" spans="1:4" x14ac:dyDescent="0.25">
      <c r="A42218" t="s">
        <v>59444</v>
      </c>
      <c r="B42218" t="s">
        <v>59445</v>
      </c>
      <c r="C42218">
        <v>1</v>
      </c>
      <c r="D42218">
        <v>0</v>
      </c>
    </row>
    <row r="42219" spans="1:4" x14ac:dyDescent="0.25">
      <c r="A42219" t="s">
        <v>59444</v>
      </c>
      <c r="B42219" t="s">
        <v>59446</v>
      </c>
      <c r="C42219">
        <v>1</v>
      </c>
      <c r="D42219">
        <v>0</v>
      </c>
    </row>
    <row r="42220" spans="1:4" x14ac:dyDescent="0.25">
      <c r="A42220" t="s">
        <v>59444</v>
      </c>
      <c r="B42220" t="s">
        <v>59447</v>
      </c>
      <c r="C42220">
        <v>2</v>
      </c>
      <c r="D42220">
        <v>0</v>
      </c>
    </row>
    <row r="42221" spans="1:4" x14ac:dyDescent="0.25">
      <c r="A42221" t="s">
        <v>59444</v>
      </c>
      <c r="B42221" t="s">
        <v>59448</v>
      </c>
      <c r="C42221">
        <v>0</v>
      </c>
      <c r="D42221">
        <v>0</v>
      </c>
    </row>
    <row r="42222" spans="1:4" x14ac:dyDescent="0.25">
      <c r="A42222" t="s">
        <v>59449</v>
      </c>
      <c r="B42222" t="s">
        <v>59450</v>
      </c>
      <c r="C42222">
        <v>0</v>
      </c>
      <c r="D42222">
        <v>0</v>
      </c>
    </row>
    <row r="42223" spans="1:4" x14ac:dyDescent="0.25">
      <c r="A42223" t="s">
        <v>59449</v>
      </c>
      <c r="B42223" t="s">
        <v>59451</v>
      </c>
      <c r="C42223">
        <v>1</v>
      </c>
      <c r="D42223">
        <v>0</v>
      </c>
    </row>
    <row r="42224" spans="1:4" x14ac:dyDescent="0.25">
      <c r="A42224" t="s">
        <v>59452</v>
      </c>
      <c r="B42224" t="s">
        <v>59453</v>
      </c>
      <c r="C42224">
        <v>1</v>
      </c>
      <c r="D42224">
        <v>0</v>
      </c>
    </row>
    <row r="42225" spans="1:4" x14ac:dyDescent="0.25">
      <c r="A42225" t="s">
        <v>59452</v>
      </c>
      <c r="B42225" t="s">
        <v>59454</v>
      </c>
      <c r="C42225">
        <v>0</v>
      </c>
      <c r="D42225">
        <v>0</v>
      </c>
    </row>
    <row r="42226" spans="1:4" x14ac:dyDescent="0.25">
      <c r="A42226" t="s">
        <v>59455</v>
      </c>
      <c r="B42226" t="s">
        <v>59456</v>
      </c>
      <c r="C42226">
        <v>1</v>
      </c>
      <c r="D42226">
        <v>0</v>
      </c>
    </row>
    <row r="42227" spans="1:4" x14ac:dyDescent="0.25">
      <c r="A42227" t="s">
        <v>59455</v>
      </c>
      <c r="B42227" t="s">
        <v>1001</v>
      </c>
      <c r="C42227">
        <v>1</v>
      </c>
      <c r="D42227">
        <v>0</v>
      </c>
    </row>
    <row r="42228" spans="1:4" x14ac:dyDescent="0.25">
      <c r="A42228" t="s">
        <v>59457</v>
      </c>
      <c r="B42228" t="s">
        <v>59458</v>
      </c>
      <c r="C42228">
        <v>1</v>
      </c>
      <c r="D42228">
        <v>0</v>
      </c>
    </row>
    <row r="42229" spans="1:4" x14ac:dyDescent="0.25">
      <c r="A42229" t="s">
        <v>59457</v>
      </c>
      <c r="B42229" t="s">
        <v>59459</v>
      </c>
      <c r="C42229">
        <v>1</v>
      </c>
      <c r="D42229">
        <v>0</v>
      </c>
    </row>
    <row r="42230" spans="1:4" x14ac:dyDescent="0.25">
      <c r="A42230" t="s">
        <v>59457</v>
      </c>
      <c r="B42230" t="s">
        <v>59460</v>
      </c>
      <c r="C42230">
        <v>0</v>
      </c>
      <c r="D42230">
        <v>0</v>
      </c>
    </row>
    <row r="42231" spans="1:4" x14ac:dyDescent="0.25">
      <c r="A42231" t="s">
        <v>59457</v>
      </c>
      <c r="B42231" t="s">
        <v>59461</v>
      </c>
      <c r="C42231">
        <v>2</v>
      </c>
      <c r="D42231">
        <v>0</v>
      </c>
    </row>
    <row r="42232" spans="1:4" x14ac:dyDescent="0.25">
      <c r="A42232" t="s">
        <v>59462</v>
      </c>
      <c r="B42232" t="s">
        <v>59463</v>
      </c>
      <c r="C42232">
        <v>1</v>
      </c>
      <c r="D42232">
        <v>0</v>
      </c>
    </row>
    <row r="42233" spans="1:4" x14ac:dyDescent="0.25">
      <c r="A42233" t="s">
        <v>59462</v>
      </c>
      <c r="B42233" t="s">
        <v>59464</v>
      </c>
      <c r="C42233">
        <v>1</v>
      </c>
      <c r="D42233">
        <v>0</v>
      </c>
    </row>
    <row r="42234" spans="1:4" x14ac:dyDescent="0.25">
      <c r="A42234" t="s">
        <v>59462</v>
      </c>
      <c r="B42234" t="s">
        <v>59465</v>
      </c>
      <c r="C42234">
        <v>1</v>
      </c>
      <c r="D42234">
        <v>0</v>
      </c>
    </row>
    <row r="42235" spans="1:4" x14ac:dyDescent="0.25">
      <c r="A42235" t="s">
        <v>59462</v>
      </c>
      <c r="B42235" t="s">
        <v>59466</v>
      </c>
      <c r="C42235">
        <v>0</v>
      </c>
      <c r="D42235">
        <v>0</v>
      </c>
    </row>
    <row r="42236" spans="1:4" x14ac:dyDescent="0.25">
      <c r="A42236" t="s">
        <v>59462</v>
      </c>
      <c r="B42236" t="s">
        <v>59467</v>
      </c>
      <c r="C42236">
        <v>2</v>
      </c>
      <c r="D42236">
        <v>0</v>
      </c>
    </row>
    <row r="42237" spans="1:4" x14ac:dyDescent="0.25">
      <c r="A42237" t="s">
        <v>59468</v>
      </c>
      <c r="B42237" t="s">
        <v>59469</v>
      </c>
      <c r="C42237">
        <v>1</v>
      </c>
      <c r="D42237">
        <v>0</v>
      </c>
    </row>
    <row r="42238" spans="1:4" x14ac:dyDescent="0.25">
      <c r="A42238" t="s">
        <v>59468</v>
      </c>
      <c r="B42238" t="s">
        <v>59470</v>
      </c>
      <c r="C42238">
        <v>1</v>
      </c>
      <c r="D42238">
        <v>0</v>
      </c>
    </row>
    <row r="42239" spans="1:4" x14ac:dyDescent="0.25">
      <c r="A42239" t="s">
        <v>59468</v>
      </c>
      <c r="B42239" t="s">
        <v>59471</v>
      </c>
      <c r="C42239">
        <v>1</v>
      </c>
      <c r="D42239">
        <v>0</v>
      </c>
    </row>
    <row r="42240" spans="1:4" x14ac:dyDescent="0.25">
      <c r="A42240" t="s">
        <v>59468</v>
      </c>
      <c r="B42240" t="s">
        <v>59472</v>
      </c>
      <c r="C42240">
        <v>0</v>
      </c>
      <c r="D42240">
        <v>0</v>
      </c>
    </row>
    <row r="42241" spans="1:4" x14ac:dyDescent="0.25">
      <c r="A42241" t="s">
        <v>59473</v>
      </c>
      <c r="B42241" t="s">
        <v>59474</v>
      </c>
      <c r="C42241">
        <v>0</v>
      </c>
      <c r="D42241">
        <v>0</v>
      </c>
    </row>
    <row r="42242" spans="1:4" x14ac:dyDescent="0.25">
      <c r="A42242" t="s">
        <v>59475</v>
      </c>
      <c r="B42242" t="s">
        <v>59476</v>
      </c>
      <c r="C42242">
        <v>0</v>
      </c>
      <c r="D42242">
        <v>0</v>
      </c>
    </row>
    <row r="42243" spans="1:4" x14ac:dyDescent="0.25">
      <c r="A42243" t="s">
        <v>59475</v>
      </c>
      <c r="B42243" t="s">
        <v>59477</v>
      </c>
      <c r="C42243">
        <v>1</v>
      </c>
      <c r="D42243">
        <v>0</v>
      </c>
    </row>
    <row r="42244" spans="1:4" x14ac:dyDescent="0.25">
      <c r="A42244" t="s">
        <v>59475</v>
      </c>
      <c r="B42244" t="s">
        <v>59478</v>
      </c>
      <c r="C42244">
        <v>1</v>
      </c>
      <c r="D42244">
        <v>0</v>
      </c>
    </row>
    <row r="42245" spans="1:4" x14ac:dyDescent="0.25">
      <c r="A42245" t="s">
        <v>59479</v>
      </c>
      <c r="B42245" t="s">
        <v>58244</v>
      </c>
      <c r="C42245">
        <v>0</v>
      </c>
      <c r="D42245">
        <v>0</v>
      </c>
    </row>
    <row r="42246" spans="1:4" x14ac:dyDescent="0.25">
      <c r="A42246" t="s">
        <v>59480</v>
      </c>
      <c r="B42246" t="s">
        <v>59481</v>
      </c>
      <c r="C42246">
        <v>0</v>
      </c>
      <c r="D42246">
        <v>0</v>
      </c>
    </row>
    <row r="42247" spans="1:4" x14ac:dyDescent="0.25">
      <c r="A42247" t="s">
        <v>59482</v>
      </c>
      <c r="B42247" t="s">
        <v>59483</v>
      </c>
      <c r="C42247">
        <v>0</v>
      </c>
      <c r="D42247">
        <v>0</v>
      </c>
    </row>
    <row r="42248" spans="1:4" x14ac:dyDescent="0.25">
      <c r="A42248" t="s">
        <v>59482</v>
      </c>
      <c r="B42248" t="s">
        <v>5713</v>
      </c>
      <c r="C42248">
        <v>1</v>
      </c>
      <c r="D42248">
        <v>0</v>
      </c>
    </row>
    <row r="42249" spans="1:4" x14ac:dyDescent="0.25">
      <c r="A42249" t="s">
        <v>59482</v>
      </c>
      <c r="B42249" t="s">
        <v>59484</v>
      </c>
      <c r="C42249">
        <v>2</v>
      </c>
      <c r="D42249">
        <v>0</v>
      </c>
    </row>
    <row r="42250" spans="1:4" x14ac:dyDescent="0.25">
      <c r="A42250" t="s">
        <v>59482</v>
      </c>
      <c r="B42250" t="s">
        <v>59485</v>
      </c>
      <c r="C42250">
        <v>0</v>
      </c>
      <c r="D42250">
        <v>0</v>
      </c>
    </row>
    <row r="42251" spans="1:4" x14ac:dyDescent="0.25">
      <c r="A42251" t="s">
        <v>59482</v>
      </c>
      <c r="B42251" t="s">
        <v>59486</v>
      </c>
      <c r="C42251">
        <v>0</v>
      </c>
      <c r="D42251">
        <v>0</v>
      </c>
    </row>
    <row r="42252" spans="1:4" x14ac:dyDescent="0.25">
      <c r="A42252" t="s">
        <v>59482</v>
      </c>
      <c r="B42252" t="s">
        <v>59487</v>
      </c>
      <c r="C42252">
        <v>0</v>
      </c>
      <c r="D42252">
        <v>0</v>
      </c>
    </row>
    <row r="42253" spans="1:4" x14ac:dyDescent="0.25">
      <c r="A42253" t="s">
        <v>59488</v>
      </c>
      <c r="B42253" t="s">
        <v>59489</v>
      </c>
      <c r="C42253">
        <v>0</v>
      </c>
      <c r="D42253">
        <v>0</v>
      </c>
    </row>
    <row r="42254" spans="1:4" x14ac:dyDescent="0.25">
      <c r="A42254" t="s">
        <v>59488</v>
      </c>
      <c r="B42254" t="s">
        <v>59490</v>
      </c>
      <c r="C42254">
        <v>1</v>
      </c>
      <c r="D42254">
        <v>0</v>
      </c>
    </row>
    <row r="42255" spans="1:4" x14ac:dyDescent="0.25">
      <c r="A42255" t="s">
        <v>59488</v>
      </c>
      <c r="B42255" t="s">
        <v>59491</v>
      </c>
      <c r="C42255">
        <v>1</v>
      </c>
      <c r="D42255">
        <v>0</v>
      </c>
    </row>
    <row r="42256" spans="1:4" x14ac:dyDescent="0.25">
      <c r="A42256" t="s">
        <v>59488</v>
      </c>
      <c r="B42256" t="s">
        <v>59492</v>
      </c>
      <c r="C42256">
        <v>0</v>
      </c>
      <c r="D42256">
        <v>0</v>
      </c>
    </row>
    <row r="42257" spans="1:4" x14ac:dyDescent="0.25">
      <c r="A42257" t="s">
        <v>59493</v>
      </c>
      <c r="B42257" t="s">
        <v>59494</v>
      </c>
      <c r="C42257">
        <v>0</v>
      </c>
      <c r="D42257">
        <v>0</v>
      </c>
    </row>
    <row r="42258" spans="1:4" x14ac:dyDescent="0.25">
      <c r="A42258" t="s">
        <v>59493</v>
      </c>
      <c r="B42258" t="s">
        <v>59495</v>
      </c>
      <c r="C42258">
        <v>0</v>
      </c>
      <c r="D42258">
        <v>0</v>
      </c>
    </row>
    <row r="42259" spans="1:4" x14ac:dyDescent="0.25">
      <c r="A42259" t="s">
        <v>59493</v>
      </c>
      <c r="B42259" t="s">
        <v>59496</v>
      </c>
      <c r="C42259">
        <v>0</v>
      </c>
      <c r="D42259">
        <v>0</v>
      </c>
    </row>
    <row r="42260" spans="1:4" x14ac:dyDescent="0.25">
      <c r="A42260" t="s">
        <v>59497</v>
      </c>
      <c r="B42260" t="s">
        <v>59498</v>
      </c>
      <c r="C42260">
        <v>0</v>
      </c>
      <c r="D42260">
        <v>0</v>
      </c>
    </row>
    <row r="42261" spans="1:4" x14ac:dyDescent="0.25">
      <c r="A42261" t="s">
        <v>59497</v>
      </c>
      <c r="B42261" t="s">
        <v>9177</v>
      </c>
      <c r="C42261">
        <v>0</v>
      </c>
      <c r="D42261">
        <v>0</v>
      </c>
    </row>
    <row r="42262" spans="1:4" x14ac:dyDescent="0.25">
      <c r="A42262" t="s">
        <v>59497</v>
      </c>
      <c r="B42262" t="s">
        <v>59499</v>
      </c>
      <c r="C42262">
        <v>0</v>
      </c>
      <c r="D42262">
        <v>0</v>
      </c>
    </row>
    <row r="42263" spans="1:4" x14ac:dyDescent="0.25">
      <c r="A42263" t="s">
        <v>59497</v>
      </c>
      <c r="B42263" t="s">
        <v>59500</v>
      </c>
      <c r="C42263">
        <v>0</v>
      </c>
      <c r="D42263">
        <v>0</v>
      </c>
    </row>
    <row r="42264" spans="1:4" x14ac:dyDescent="0.25">
      <c r="A42264" t="s">
        <v>59497</v>
      </c>
      <c r="B42264" t="s">
        <v>51939</v>
      </c>
      <c r="C42264">
        <v>1</v>
      </c>
      <c r="D42264">
        <v>0</v>
      </c>
    </row>
    <row r="42265" spans="1:4" x14ac:dyDescent="0.25">
      <c r="A42265" t="s">
        <v>59501</v>
      </c>
      <c r="B42265" t="s">
        <v>59502</v>
      </c>
      <c r="C42265">
        <v>1</v>
      </c>
      <c r="D42265">
        <v>0</v>
      </c>
    </row>
    <row r="42266" spans="1:4" x14ac:dyDescent="0.25">
      <c r="A42266" t="s">
        <v>59501</v>
      </c>
      <c r="B42266" t="s">
        <v>59503</v>
      </c>
      <c r="C42266">
        <v>0</v>
      </c>
      <c r="D42266">
        <v>0</v>
      </c>
    </row>
    <row r="42267" spans="1:4" x14ac:dyDescent="0.25">
      <c r="A42267" t="s">
        <v>59501</v>
      </c>
      <c r="B42267" t="s">
        <v>59504</v>
      </c>
      <c r="C42267">
        <v>2</v>
      </c>
      <c r="D42267">
        <v>0</v>
      </c>
    </row>
    <row r="42268" spans="1:4" x14ac:dyDescent="0.25">
      <c r="A42268" t="s">
        <v>59505</v>
      </c>
      <c r="B42268" t="s">
        <v>59506</v>
      </c>
      <c r="C42268">
        <v>1</v>
      </c>
      <c r="D42268">
        <v>0</v>
      </c>
    </row>
    <row r="42269" spans="1:4" x14ac:dyDescent="0.25">
      <c r="A42269" t="s">
        <v>59505</v>
      </c>
      <c r="B42269" t="s">
        <v>59507</v>
      </c>
      <c r="C42269">
        <v>1</v>
      </c>
      <c r="D42269">
        <v>0</v>
      </c>
    </row>
    <row r="42270" spans="1:4" x14ac:dyDescent="0.25">
      <c r="A42270" t="s">
        <v>59505</v>
      </c>
      <c r="B42270" t="s">
        <v>59508</v>
      </c>
      <c r="C42270">
        <v>1</v>
      </c>
      <c r="D42270">
        <v>0</v>
      </c>
    </row>
    <row r="42271" spans="1:4" x14ac:dyDescent="0.25">
      <c r="A42271" t="s">
        <v>59505</v>
      </c>
      <c r="B42271" t="s">
        <v>59509</v>
      </c>
      <c r="C42271">
        <v>1</v>
      </c>
      <c r="D42271">
        <v>0</v>
      </c>
    </row>
    <row r="42272" spans="1:4" x14ac:dyDescent="0.25">
      <c r="A42272" t="s">
        <v>59505</v>
      </c>
      <c r="B42272" t="s">
        <v>59510</v>
      </c>
      <c r="C42272">
        <v>2</v>
      </c>
      <c r="D42272">
        <v>0</v>
      </c>
    </row>
    <row r="42273" spans="1:4" x14ac:dyDescent="0.25">
      <c r="A42273" t="s">
        <v>59511</v>
      </c>
      <c r="B42273" t="s">
        <v>59512</v>
      </c>
      <c r="C42273">
        <v>2</v>
      </c>
      <c r="D42273">
        <v>0</v>
      </c>
    </row>
    <row r="42274" spans="1:4" x14ac:dyDescent="0.25">
      <c r="A42274" t="s">
        <v>59511</v>
      </c>
      <c r="B42274" t="s">
        <v>59513</v>
      </c>
      <c r="C42274">
        <v>1</v>
      </c>
      <c r="D42274">
        <v>0</v>
      </c>
    </row>
    <row r="42275" spans="1:4" x14ac:dyDescent="0.25">
      <c r="A42275" t="s">
        <v>59511</v>
      </c>
      <c r="B42275" t="s">
        <v>59514</v>
      </c>
      <c r="C42275">
        <v>1</v>
      </c>
      <c r="D42275">
        <v>0</v>
      </c>
    </row>
    <row r="42276" spans="1:4" x14ac:dyDescent="0.25">
      <c r="A42276" t="s">
        <v>59515</v>
      </c>
      <c r="B42276" t="s">
        <v>59516</v>
      </c>
      <c r="C42276">
        <v>1</v>
      </c>
      <c r="D42276">
        <v>0</v>
      </c>
    </row>
    <row r="42277" spans="1:4" x14ac:dyDescent="0.25">
      <c r="A42277" t="s">
        <v>59515</v>
      </c>
      <c r="B42277" t="s">
        <v>59517</v>
      </c>
      <c r="C42277">
        <v>1</v>
      </c>
      <c r="D42277">
        <v>0</v>
      </c>
    </row>
    <row r="42278" spans="1:4" x14ac:dyDescent="0.25">
      <c r="A42278" t="s">
        <v>59515</v>
      </c>
      <c r="B42278" t="s">
        <v>59518</v>
      </c>
      <c r="C42278">
        <v>1</v>
      </c>
      <c r="D42278">
        <v>0</v>
      </c>
    </row>
    <row r="42279" spans="1:4" x14ac:dyDescent="0.25">
      <c r="A42279" t="s">
        <v>59515</v>
      </c>
      <c r="B42279" t="s">
        <v>59519</v>
      </c>
      <c r="C42279">
        <v>1</v>
      </c>
      <c r="D42279">
        <v>0</v>
      </c>
    </row>
    <row r="42280" spans="1:4" x14ac:dyDescent="0.25">
      <c r="A42280" t="s">
        <v>59515</v>
      </c>
      <c r="B42280" t="s">
        <v>59520</v>
      </c>
      <c r="C42280">
        <v>1</v>
      </c>
      <c r="D42280">
        <v>0</v>
      </c>
    </row>
    <row r="42281" spans="1:4" x14ac:dyDescent="0.25">
      <c r="A42281" t="s">
        <v>59515</v>
      </c>
      <c r="B42281" t="s">
        <v>59521</v>
      </c>
      <c r="C42281">
        <v>1</v>
      </c>
      <c r="D42281">
        <v>0</v>
      </c>
    </row>
    <row r="42282" spans="1:4" x14ac:dyDescent="0.25">
      <c r="A42282" t="s">
        <v>59515</v>
      </c>
      <c r="B42282" t="s">
        <v>59522</v>
      </c>
      <c r="C42282">
        <v>1</v>
      </c>
      <c r="D42282">
        <v>0</v>
      </c>
    </row>
    <row r="42283" spans="1:4" x14ac:dyDescent="0.25">
      <c r="A42283" t="s">
        <v>59515</v>
      </c>
      <c r="B42283" t="s">
        <v>59523</v>
      </c>
      <c r="C42283">
        <v>1</v>
      </c>
      <c r="D42283">
        <v>0</v>
      </c>
    </row>
    <row r="42284" spans="1:4" x14ac:dyDescent="0.25">
      <c r="A42284" t="s">
        <v>59515</v>
      </c>
      <c r="B42284" t="s">
        <v>59524</v>
      </c>
      <c r="C42284">
        <v>1</v>
      </c>
      <c r="D42284">
        <v>0</v>
      </c>
    </row>
    <row r="42285" spans="1:4" x14ac:dyDescent="0.25">
      <c r="A42285" t="s">
        <v>59525</v>
      </c>
      <c r="B42285" t="s">
        <v>59526</v>
      </c>
      <c r="C42285">
        <v>2</v>
      </c>
      <c r="D42285">
        <v>0</v>
      </c>
    </row>
    <row r="42286" spans="1:4" x14ac:dyDescent="0.25">
      <c r="A42286" t="s">
        <v>59525</v>
      </c>
      <c r="B42286" t="s">
        <v>59527</v>
      </c>
      <c r="C42286">
        <v>2</v>
      </c>
      <c r="D42286">
        <v>0</v>
      </c>
    </row>
    <row r="42287" spans="1:4" x14ac:dyDescent="0.25">
      <c r="A42287" t="s">
        <v>59525</v>
      </c>
      <c r="B42287" t="s">
        <v>59528</v>
      </c>
      <c r="C42287">
        <v>2</v>
      </c>
      <c r="D42287">
        <v>0</v>
      </c>
    </row>
    <row r="42288" spans="1:4" x14ac:dyDescent="0.25">
      <c r="A42288" t="s">
        <v>59525</v>
      </c>
      <c r="B42288" t="s">
        <v>53053</v>
      </c>
      <c r="C42288">
        <v>1</v>
      </c>
      <c r="D42288">
        <v>0</v>
      </c>
    </row>
    <row r="42289" spans="1:4" x14ac:dyDescent="0.25">
      <c r="A42289" t="s">
        <v>59525</v>
      </c>
      <c r="B42289" t="s">
        <v>59529</v>
      </c>
      <c r="C42289">
        <v>1</v>
      </c>
      <c r="D42289">
        <v>0</v>
      </c>
    </row>
    <row r="42290" spans="1:4" x14ac:dyDescent="0.25">
      <c r="A42290" t="s">
        <v>59525</v>
      </c>
      <c r="B42290" t="s">
        <v>59530</v>
      </c>
      <c r="C42290">
        <v>2</v>
      </c>
      <c r="D42290">
        <v>0</v>
      </c>
    </row>
    <row r="42291" spans="1:4" x14ac:dyDescent="0.25">
      <c r="A42291" t="s">
        <v>59525</v>
      </c>
      <c r="B42291" t="s">
        <v>59531</v>
      </c>
      <c r="C42291">
        <v>2</v>
      </c>
      <c r="D42291">
        <v>0</v>
      </c>
    </row>
    <row r="42292" spans="1:4" x14ac:dyDescent="0.25">
      <c r="A42292" t="s">
        <v>59525</v>
      </c>
      <c r="B42292" t="s">
        <v>59532</v>
      </c>
      <c r="C42292">
        <v>2</v>
      </c>
      <c r="D42292">
        <v>0</v>
      </c>
    </row>
    <row r="42293" spans="1:4" x14ac:dyDescent="0.25">
      <c r="A42293" t="s">
        <v>59525</v>
      </c>
      <c r="B42293" t="s">
        <v>59533</v>
      </c>
      <c r="C42293">
        <v>1</v>
      </c>
      <c r="D42293">
        <v>0</v>
      </c>
    </row>
    <row r="42294" spans="1:4" x14ac:dyDescent="0.25">
      <c r="A42294" t="s">
        <v>59534</v>
      </c>
      <c r="B42294" t="s">
        <v>59535</v>
      </c>
      <c r="C42294">
        <v>1</v>
      </c>
      <c r="D42294">
        <v>0</v>
      </c>
    </row>
    <row r="42295" spans="1:4" x14ac:dyDescent="0.25">
      <c r="A42295" t="s">
        <v>59534</v>
      </c>
      <c r="B42295" t="s">
        <v>20393</v>
      </c>
      <c r="C42295">
        <v>1</v>
      </c>
      <c r="D42295">
        <v>0</v>
      </c>
    </row>
    <row r="42296" spans="1:4" x14ac:dyDescent="0.25">
      <c r="A42296" t="s">
        <v>59534</v>
      </c>
      <c r="B42296" t="s">
        <v>59536</v>
      </c>
      <c r="C42296">
        <v>1</v>
      </c>
      <c r="D42296">
        <v>0</v>
      </c>
    </row>
    <row r="42297" spans="1:4" x14ac:dyDescent="0.25">
      <c r="A42297" t="s">
        <v>59534</v>
      </c>
      <c r="B42297" t="s">
        <v>59537</v>
      </c>
      <c r="C42297">
        <v>2</v>
      </c>
      <c r="D42297">
        <v>0</v>
      </c>
    </row>
    <row r="42298" spans="1:4" x14ac:dyDescent="0.25">
      <c r="A42298" t="s">
        <v>59534</v>
      </c>
      <c r="B42298" t="s">
        <v>59538</v>
      </c>
      <c r="C42298">
        <v>2</v>
      </c>
      <c r="D42298">
        <v>0</v>
      </c>
    </row>
    <row r="42299" spans="1:4" x14ac:dyDescent="0.25">
      <c r="A42299" t="s">
        <v>59539</v>
      </c>
      <c r="B42299" t="s">
        <v>59540</v>
      </c>
      <c r="C42299">
        <v>1</v>
      </c>
      <c r="D42299">
        <v>0</v>
      </c>
    </row>
    <row r="42300" spans="1:4" x14ac:dyDescent="0.25">
      <c r="A42300" t="s">
        <v>59539</v>
      </c>
      <c r="B42300" t="s">
        <v>59541</v>
      </c>
      <c r="C42300">
        <v>2</v>
      </c>
      <c r="D42300">
        <v>0</v>
      </c>
    </row>
    <row r="42301" spans="1:4" x14ac:dyDescent="0.25">
      <c r="A42301" t="s">
        <v>59539</v>
      </c>
      <c r="B42301" t="s">
        <v>59542</v>
      </c>
      <c r="C42301">
        <v>0</v>
      </c>
      <c r="D42301">
        <v>0</v>
      </c>
    </row>
    <row r="42302" spans="1:4" x14ac:dyDescent="0.25">
      <c r="A42302" t="s">
        <v>59543</v>
      </c>
      <c r="B42302" t="s">
        <v>51835</v>
      </c>
      <c r="C42302">
        <v>1</v>
      </c>
      <c r="D42302">
        <v>0</v>
      </c>
    </row>
    <row r="42303" spans="1:4" x14ac:dyDescent="0.25">
      <c r="A42303" t="s">
        <v>59544</v>
      </c>
      <c r="B42303" t="s">
        <v>59545</v>
      </c>
      <c r="C42303">
        <v>0</v>
      </c>
      <c r="D42303">
        <v>0</v>
      </c>
    </row>
    <row r="42304" spans="1:4" x14ac:dyDescent="0.25">
      <c r="A42304" t="s">
        <v>59544</v>
      </c>
      <c r="B42304" t="s">
        <v>59546</v>
      </c>
      <c r="C42304">
        <v>1</v>
      </c>
      <c r="D42304">
        <v>0</v>
      </c>
    </row>
    <row r="42305" spans="1:4" x14ac:dyDescent="0.25">
      <c r="A42305" t="s">
        <v>59547</v>
      </c>
      <c r="B42305" t="s">
        <v>59548</v>
      </c>
      <c r="C42305">
        <v>1</v>
      </c>
      <c r="D42305">
        <v>0</v>
      </c>
    </row>
    <row r="42306" spans="1:4" x14ac:dyDescent="0.25">
      <c r="A42306" t="s">
        <v>59547</v>
      </c>
      <c r="B42306" t="s">
        <v>59549</v>
      </c>
      <c r="C42306">
        <v>1</v>
      </c>
      <c r="D42306">
        <v>0</v>
      </c>
    </row>
    <row r="42307" spans="1:4" x14ac:dyDescent="0.25">
      <c r="A42307" t="s">
        <v>59547</v>
      </c>
      <c r="B42307" t="s">
        <v>59550</v>
      </c>
      <c r="C42307">
        <v>1</v>
      </c>
      <c r="D42307">
        <v>0</v>
      </c>
    </row>
    <row r="42308" spans="1:4" x14ac:dyDescent="0.25">
      <c r="A42308" t="s">
        <v>59551</v>
      </c>
      <c r="B42308" t="s">
        <v>59552</v>
      </c>
      <c r="C42308">
        <v>0</v>
      </c>
      <c r="D42308">
        <v>0</v>
      </c>
    </row>
    <row r="42309" spans="1:4" x14ac:dyDescent="0.25">
      <c r="A42309" t="s">
        <v>59551</v>
      </c>
      <c r="B42309" t="s">
        <v>59553</v>
      </c>
      <c r="C42309">
        <v>0</v>
      </c>
      <c r="D42309">
        <v>0</v>
      </c>
    </row>
    <row r="42310" spans="1:4" x14ac:dyDescent="0.25">
      <c r="A42310" t="s">
        <v>59551</v>
      </c>
      <c r="B42310" t="s">
        <v>59554</v>
      </c>
      <c r="C42310">
        <v>0</v>
      </c>
      <c r="D42310">
        <v>0</v>
      </c>
    </row>
    <row r="42311" spans="1:4" x14ac:dyDescent="0.25">
      <c r="A42311" t="s">
        <v>59551</v>
      </c>
      <c r="B42311" t="s">
        <v>59555</v>
      </c>
      <c r="C42311">
        <v>2</v>
      </c>
      <c r="D42311">
        <v>0</v>
      </c>
    </row>
    <row r="42312" spans="1:4" x14ac:dyDescent="0.25">
      <c r="A42312" t="s">
        <v>59556</v>
      </c>
      <c r="B42312" t="s">
        <v>59557</v>
      </c>
      <c r="C42312">
        <v>1</v>
      </c>
      <c r="D42312">
        <v>0</v>
      </c>
    </row>
    <row r="42313" spans="1:4" x14ac:dyDescent="0.25">
      <c r="A42313" t="s">
        <v>59556</v>
      </c>
      <c r="B42313" t="s">
        <v>59558</v>
      </c>
      <c r="C42313">
        <v>1</v>
      </c>
      <c r="D42313">
        <v>0</v>
      </c>
    </row>
    <row r="42314" spans="1:4" x14ac:dyDescent="0.25">
      <c r="A42314" t="s">
        <v>59559</v>
      </c>
      <c r="B42314" t="s">
        <v>59560</v>
      </c>
      <c r="C42314">
        <v>0</v>
      </c>
      <c r="D42314">
        <v>0</v>
      </c>
    </row>
    <row r="42315" spans="1:4" x14ac:dyDescent="0.25">
      <c r="A42315" t="s">
        <v>59559</v>
      </c>
      <c r="B42315" t="s">
        <v>59561</v>
      </c>
      <c r="C42315">
        <v>0</v>
      </c>
      <c r="D42315">
        <v>0</v>
      </c>
    </row>
    <row r="42316" spans="1:4" x14ac:dyDescent="0.25">
      <c r="A42316" t="s">
        <v>59559</v>
      </c>
      <c r="B42316" t="s">
        <v>59562</v>
      </c>
      <c r="C42316">
        <v>1</v>
      </c>
      <c r="D42316">
        <v>0</v>
      </c>
    </row>
    <row r="42317" spans="1:4" x14ac:dyDescent="0.25">
      <c r="A42317" t="s">
        <v>59559</v>
      </c>
      <c r="B42317" t="s">
        <v>59563</v>
      </c>
      <c r="C42317">
        <v>1</v>
      </c>
      <c r="D42317">
        <v>0</v>
      </c>
    </row>
    <row r="42318" spans="1:4" x14ac:dyDescent="0.25">
      <c r="A42318" t="s">
        <v>59559</v>
      </c>
      <c r="B42318" t="s">
        <v>59564</v>
      </c>
      <c r="C42318">
        <v>1</v>
      </c>
      <c r="D42318">
        <v>0</v>
      </c>
    </row>
    <row r="42319" spans="1:4" x14ac:dyDescent="0.25">
      <c r="A42319" t="s">
        <v>59559</v>
      </c>
      <c r="B42319" t="s">
        <v>59565</v>
      </c>
      <c r="C42319">
        <v>1</v>
      </c>
      <c r="D42319">
        <v>0</v>
      </c>
    </row>
    <row r="42320" spans="1:4" x14ac:dyDescent="0.25">
      <c r="A42320" t="s">
        <v>59566</v>
      </c>
      <c r="B42320" t="s">
        <v>59567</v>
      </c>
      <c r="C42320">
        <v>1</v>
      </c>
      <c r="D42320">
        <v>0</v>
      </c>
    </row>
    <row r="42321" spans="1:4" x14ac:dyDescent="0.25">
      <c r="A42321" t="s">
        <v>59568</v>
      </c>
      <c r="B42321" t="s">
        <v>5713</v>
      </c>
      <c r="C42321">
        <v>1</v>
      </c>
      <c r="D42321">
        <v>0</v>
      </c>
    </row>
    <row r="42322" spans="1:4" x14ac:dyDescent="0.25">
      <c r="A42322" t="s">
        <v>59568</v>
      </c>
      <c r="B42322" t="s">
        <v>59569</v>
      </c>
      <c r="C42322">
        <v>0</v>
      </c>
      <c r="D42322">
        <v>0</v>
      </c>
    </row>
    <row r="42323" spans="1:4" x14ac:dyDescent="0.25">
      <c r="A42323" t="s">
        <v>59568</v>
      </c>
      <c r="B42323" t="s">
        <v>59570</v>
      </c>
      <c r="C42323">
        <v>0</v>
      </c>
      <c r="D42323">
        <v>0</v>
      </c>
    </row>
    <row r="42324" spans="1:4" x14ac:dyDescent="0.25">
      <c r="A42324" t="s">
        <v>59568</v>
      </c>
      <c r="B42324" t="s">
        <v>59571</v>
      </c>
      <c r="C42324">
        <v>1</v>
      </c>
      <c r="D42324">
        <v>0</v>
      </c>
    </row>
    <row r="42325" spans="1:4" x14ac:dyDescent="0.25">
      <c r="A42325" t="s">
        <v>59568</v>
      </c>
      <c r="B42325" t="s">
        <v>59572</v>
      </c>
      <c r="C42325">
        <v>2</v>
      </c>
      <c r="D42325">
        <v>0</v>
      </c>
    </row>
    <row r="42326" spans="1:4" x14ac:dyDescent="0.25">
      <c r="A42326" t="s">
        <v>59568</v>
      </c>
      <c r="B42326" t="s">
        <v>59573</v>
      </c>
      <c r="C42326">
        <v>0</v>
      </c>
      <c r="D42326">
        <v>0</v>
      </c>
    </row>
    <row r="42327" spans="1:4" x14ac:dyDescent="0.25">
      <c r="A42327" t="s">
        <v>59568</v>
      </c>
      <c r="B42327" t="s">
        <v>2865</v>
      </c>
      <c r="C42327">
        <v>0</v>
      </c>
      <c r="D42327">
        <v>0</v>
      </c>
    </row>
    <row r="42328" spans="1:4" x14ac:dyDescent="0.25">
      <c r="A42328" t="s">
        <v>59574</v>
      </c>
      <c r="B42328" t="s">
        <v>59575</v>
      </c>
      <c r="C42328">
        <v>2</v>
      </c>
      <c r="D42328">
        <v>0</v>
      </c>
    </row>
    <row r="42329" spans="1:4" x14ac:dyDescent="0.25">
      <c r="A42329" t="s">
        <v>59574</v>
      </c>
      <c r="B42329" t="s">
        <v>59576</v>
      </c>
      <c r="C42329">
        <v>1</v>
      </c>
      <c r="D42329">
        <v>0</v>
      </c>
    </row>
    <row r="42330" spans="1:4" x14ac:dyDescent="0.25">
      <c r="A42330" t="s">
        <v>59574</v>
      </c>
      <c r="B42330" t="s">
        <v>50381</v>
      </c>
      <c r="C42330">
        <v>1</v>
      </c>
      <c r="D42330">
        <v>0</v>
      </c>
    </row>
    <row r="42331" spans="1:4" x14ac:dyDescent="0.25">
      <c r="A42331" t="s">
        <v>59574</v>
      </c>
      <c r="B42331" t="s">
        <v>59577</v>
      </c>
      <c r="C42331">
        <v>0</v>
      </c>
      <c r="D42331">
        <v>0</v>
      </c>
    </row>
    <row r="42332" spans="1:4" x14ac:dyDescent="0.25">
      <c r="A42332" t="s">
        <v>59574</v>
      </c>
      <c r="B42332" t="s">
        <v>59578</v>
      </c>
      <c r="C42332">
        <v>2</v>
      </c>
      <c r="D42332">
        <v>0</v>
      </c>
    </row>
    <row r="42333" spans="1:4" x14ac:dyDescent="0.25">
      <c r="A42333" t="s">
        <v>59574</v>
      </c>
      <c r="B42333" t="s">
        <v>59579</v>
      </c>
      <c r="C42333">
        <v>1</v>
      </c>
      <c r="D42333">
        <v>0</v>
      </c>
    </row>
    <row r="42334" spans="1:4" x14ac:dyDescent="0.25">
      <c r="A42334" t="s">
        <v>59574</v>
      </c>
      <c r="B42334" t="s">
        <v>59580</v>
      </c>
      <c r="C42334">
        <v>2</v>
      </c>
      <c r="D42334">
        <v>0</v>
      </c>
    </row>
    <row r="42335" spans="1:4" x14ac:dyDescent="0.25">
      <c r="A42335" t="s">
        <v>59581</v>
      </c>
      <c r="B42335" t="s">
        <v>59582</v>
      </c>
      <c r="C42335">
        <v>0</v>
      </c>
      <c r="D42335">
        <v>0</v>
      </c>
    </row>
    <row r="42336" spans="1:4" x14ac:dyDescent="0.25">
      <c r="A42336" t="s">
        <v>59581</v>
      </c>
      <c r="B42336" t="s">
        <v>59583</v>
      </c>
      <c r="C42336">
        <v>0</v>
      </c>
      <c r="D42336">
        <v>0</v>
      </c>
    </row>
    <row r="42337" spans="1:4" x14ac:dyDescent="0.25">
      <c r="A42337" t="s">
        <v>59581</v>
      </c>
      <c r="B42337" t="s">
        <v>59584</v>
      </c>
      <c r="C42337">
        <v>0</v>
      </c>
      <c r="D42337">
        <v>0</v>
      </c>
    </row>
    <row r="42338" spans="1:4" x14ac:dyDescent="0.25">
      <c r="A42338" t="s">
        <v>59581</v>
      </c>
      <c r="B42338" t="s">
        <v>59585</v>
      </c>
      <c r="C42338">
        <v>0</v>
      </c>
      <c r="D42338">
        <v>0</v>
      </c>
    </row>
    <row r="42339" spans="1:4" x14ac:dyDescent="0.25">
      <c r="A42339" t="s">
        <v>59586</v>
      </c>
      <c r="B42339" t="s">
        <v>59587</v>
      </c>
      <c r="C42339">
        <v>1</v>
      </c>
      <c r="D42339">
        <v>0</v>
      </c>
    </row>
    <row r="42340" spans="1:4" x14ac:dyDescent="0.25">
      <c r="A42340" t="s">
        <v>59588</v>
      </c>
      <c r="B42340" t="s">
        <v>59589</v>
      </c>
      <c r="C42340">
        <v>2</v>
      </c>
      <c r="D42340">
        <v>0</v>
      </c>
    </row>
    <row r="42341" spans="1:4" x14ac:dyDescent="0.25">
      <c r="A42341" t="s">
        <v>59588</v>
      </c>
      <c r="B42341" t="s">
        <v>59590</v>
      </c>
      <c r="C42341">
        <v>1</v>
      </c>
      <c r="D42341">
        <v>0</v>
      </c>
    </row>
    <row r="42342" spans="1:4" x14ac:dyDescent="0.25">
      <c r="A42342" t="s">
        <v>59591</v>
      </c>
      <c r="B42342" t="s">
        <v>59592</v>
      </c>
      <c r="C42342">
        <v>2</v>
      </c>
      <c r="D42342">
        <v>0</v>
      </c>
    </row>
    <row r="42343" spans="1:4" x14ac:dyDescent="0.25">
      <c r="A42343" t="s">
        <v>59591</v>
      </c>
      <c r="B42343" t="s">
        <v>59593</v>
      </c>
      <c r="C42343">
        <v>2</v>
      </c>
      <c r="D42343">
        <v>0</v>
      </c>
    </row>
    <row r="42344" spans="1:4" x14ac:dyDescent="0.25">
      <c r="A42344" t="s">
        <v>59591</v>
      </c>
      <c r="B42344" t="s">
        <v>47634</v>
      </c>
      <c r="C42344">
        <v>2</v>
      </c>
      <c r="D42344">
        <v>0</v>
      </c>
    </row>
    <row r="42345" spans="1:4" x14ac:dyDescent="0.25">
      <c r="A42345" t="s">
        <v>59591</v>
      </c>
      <c r="B42345" t="s">
        <v>59594</v>
      </c>
      <c r="C42345">
        <v>1</v>
      </c>
      <c r="D42345">
        <v>0</v>
      </c>
    </row>
    <row r="42346" spans="1:4" x14ac:dyDescent="0.25">
      <c r="A42346" t="s">
        <v>59591</v>
      </c>
      <c r="B42346" t="s">
        <v>59595</v>
      </c>
      <c r="C42346">
        <v>2</v>
      </c>
      <c r="D42346">
        <v>0</v>
      </c>
    </row>
    <row r="42347" spans="1:4" x14ac:dyDescent="0.25">
      <c r="A42347" t="s">
        <v>59591</v>
      </c>
      <c r="B42347" t="s">
        <v>59596</v>
      </c>
      <c r="C42347">
        <v>2</v>
      </c>
      <c r="D42347">
        <v>0</v>
      </c>
    </row>
    <row r="42348" spans="1:4" x14ac:dyDescent="0.25">
      <c r="A42348" t="s">
        <v>59597</v>
      </c>
      <c r="B42348" t="s">
        <v>59598</v>
      </c>
      <c r="C42348">
        <v>1</v>
      </c>
      <c r="D42348">
        <v>0</v>
      </c>
    </row>
    <row r="42349" spans="1:4" x14ac:dyDescent="0.25">
      <c r="A42349" t="s">
        <v>59597</v>
      </c>
      <c r="B42349" t="s">
        <v>59599</v>
      </c>
      <c r="C42349">
        <v>1</v>
      </c>
      <c r="D42349">
        <v>0</v>
      </c>
    </row>
    <row r="42350" spans="1:4" x14ac:dyDescent="0.25">
      <c r="A42350" t="s">
        <v>59597</v>
      </c>
      <c r="B42350" t="s">
        <v>59600</v>
      </c>
      <c r="C42350">
        <v>0</v>
      </c>
      <c r="D42350">
        <v>0</v>
      </c>
    </row>
    <row r="42351" spans="1:4" x14ac:dyDescent="0.25">
      <c r="A42351" t="s">
        <v>59597</v>
      </c>
      <c r="B42351" t="s">
        <v>59601</v>
      </c>
      <c r="C42351">
        <v>2</v>
      </c>
      <c r="D42351">
        <v>0</v>
      </c>
    </row>
    <row r="42352" spans="1:4" x14ac:dyDescent="0.25">
      <c r="A42352" t="s">
        <v>59597</v>
      </c>
      <c r="B42352" t="s">
        <v>59602</v>
      </c>
      <c r="C42352">
        <v>1</v>
      </c>
      <c r="D42352">
        <v>0</v>
      </c>
    </row>
    <row r="42353" spans="1:4" x14ac:dyDescent="0.25">
      <c r="A42353" t="s">
        <v>59597</v>
      </c>
      <c r="B42353" t="s">
        <v>59603</v>
      </c>
      <c r="C42353">
        <v>2</v>
      </c>
      <c r="D42353">
        <v>0</v>
      </c>
    </row>
    <row r="42354" spans="1:4" x14ac:dyDescent="0.25">
      <c r="A42354" t="s">
        <v>59604</v>
      </c>
      <c r="B42354" t="s">
        <v>59605</v>
      </c>
      <c r="C42354">
        <v>1</v>
      </c>
      <c r="D42354">
        <v>0</v>
      </c>
    </row>
    <row r="42355" spans="1:4" x14ac:dyDescent="0.25">
      <c r="A42355" t="s">
        <v>59604</v>
      </c>
      <c r="B42355" t="s">
        <v>59606</v>
      </c>
      <c r="C42355">
        <v>2</v>
      </c>
      <c r="D42355">
        <v>0</v>
      </c>
    </row>
    <row r="42356" spans="1:4" x14ac:dyDescent="0.25">
      <c r="A42356" t="s">
        <v>59604</v>
      </c>
      <c r="B42356" t="s">
        <v>59607</v>
      </c>
      <c r="C42356">
        <v>1</v>
      </c>
      <c r="D42356">
        <v>0</v>
      </c>
    </row>
    <row r="42357" spans="1:4" x14ac:dyDescent="0.25">
      <c r="A42357" t="s">
        <v>59604</v>
      </c>
      <c r="B42357" t="s">
        <v>59608</v>
      </c>
      <c r="C42357">
        <v>0</v>
      </c>
      <c r="D42357">
        <v>0</v>
      </c>
    </row>
    <row r="42358" spans="1:4" x14ac:dyDescent="0.25">
      <c r="A42358" t="s">
        <v>59604</v>
      </c>
      <c r="B42358" t="s">
        <v>5864</v>
      </c>
      <c r="C42358">
        <v>1</v>
      </c>
      <c r="D42358">
        <v>0</v>
      </c>
    </row>
    <row r="42359" spans="1:4" x14ac:dyDescent="0.25">
      <c r="A42359" t="s">
        <v>59609</v>
      </c>
      <c r="B42359" t="s">
        <v>59610</v>
      </c>
      <c r="C42359">
        <v>0</v>
      </c>
      <c r="D42359">
        <v>0</v>
      </c>
    </row>
    <row r="42360" spans="1:4" x14ac:dyDescent="0.25">
      <c r="A42360" t="s">
        <v>59609</v>
      </c>
      <c r="B42360" t="s">
        <v>59611</v>
      </c>
      <c r="C42360">
        <v>0</v>
      </c>
      <c r="D42360">
        <v>0</v>
      </c>
    </row>
    <row r="42361" spans="1:4" x14ac:dyDescent="0.25">
      <c r="A42361" t="s">
        <v>59609</v>
      </c>
      <c r="B42361" t="s">
        <v>59612</v>
      </c>
      <c r="C42361">
        <v>2</v>
      </c>
      <c r="D42361">
        <v>0</v>
      </c>
    </row>
    <row r="42362" spans="1:4" x14ac:dyDescent="0.25">
      <c r="A42362" t="s">
        <v>59609</v>
      </c>
      <c r="B42362" t="s">
        <v>59613</v>
      </c>
      <c r="C42362">
        <v>2</v>
      </c>
      <c r="D42362">
        <v>0</v>
      </c>
    </row>
    <row r="42363" spans="1:4" x14ac:dyDescent="0.25">
      <c r="A42363" t="s">
        <v>59609</v>
      </c>
      <c r="B42363" t="s">
        <v>59614</v>
      </c>
      <c r="C42363">
        <v>0</v>
      </c>
      <c r="D42363">
        <v>0</v>
      </c>
    </row>
    <row r="42364" spans="1:4" x14ac:dyDescent="0.25">
      <c r="A42364" t="s">
        <v>59615</v>
      </c>
      <c r="B42364" t="s">
        <v>59616</v>
      </c>
      <c r="C42364">
        <v>1</v>
      </c>
      <c r="D42364">
        <v>0</v>
      </c>
    </row>
    <row r="42365" spans="1:4" x14ac:dyDescent="0.25">
      <c r="A42365" t="s">
        <v>59615</v>
      </c>
      <c r="B42365" t="s">
        <v>59617</v>
      </c>
      <c r="C42365">
        <v>1</v>
      </c>
      <c r="D42365">
        <v>0</v>
      </c>
    </row>
    <row r="42366" spans="1:4" x14ac:dyDescent="0.25">
      <c r="A42366" t="s">
        <v>59615</v>
      </c>
      <c r="B42366" t="s">
        <v>59618</v>
      </c>
      <c r="C42366">
        <v>2</v>
      </c>
      <c r="D42366">
        <v>0</v>
      </c>
    </row>
    <row r="42367" spans="1:4" x14ac:dyDescent="0.25">
      <c r="A42367" t="s">
        <v>59619</v>
      </c>
      <c r="B42367" t="s">
        <v>59620</v>
      </c>
      <c r="C42367">
        <v>1</v>
      </c>
      <c r="D42367">
        <v>0</v>
      </c>
    </row>
    <row r="42368" spans="1:4" x14ac:dyDescent="0.25">
      <c r="A42368" t="s">
        <v>59619</v>
      </c>
      <c r="B42368" t="s">
        <v>59621</v>
      </c>
      <c r="C42368">
        <v>1</v>
      </c>
      <c r="D42368">
        <v>0</v>
      </c>
    </row>
    <row r="42369" spans="1:4" x14ac:dyDescent="0.25">
      <c r="A42369" t="s">
        <v>59619</v>
      </c>
      <c r="B42369" t="s">
        <v>59622</v>
      </c>
      <c r="C42369">
        <v>1</v>
      </c>
      <c r="D42369">
        <v>0</v>
      </c>
    </row>
    <row r="42370" spans="1:4" x14ac:dyDescent="0.25">
      <c r="A42370" t="s">
        <v>59623</v>
      </c>
      <c r="B42370" t="s">
        <v>59624</v>
      </c>
      <c r="C42370">
        <v>1</v>
      </c>
      <c r="D42370">
        <v>0</v>
      </c>
    </row>
    <row r="42371" spans="1:4" x14ac:dyDescent="0.25">
      <c r="A42371" t="s">
        <v>59623</v>
      </c>
      <c r="B42371" t="s">
        <v>59625</v>
      </c>
      <c r="C42371">
        <v>2</v>
      </c>
      <c r="D42371">
        <v>0</v>
      </c>
    </row>
    <row r="42372" spans="1:4" x14ac:dyDescent="0.25">
      <c r="A42372" t="s">
        <v>59623</v>
      </c>
      <c r="B42372" t="s">
        <v>59626</v>
      </c>
      <c r="C42372">
        <v>2</v>
      </c>
      <c r="D42372">
        <v>0</v>
      </c>
    </row>
    <row r="42373" spans="1:4" x14ac:dyDescent="0.25">
      <c r="A42373" t="s">
        <v>59623</v>
      </c>
      <c r="B42373" t="s">
        <v>59627</v>
      </c>
      <c r="C42373">
        <v>1</v>
      </c>
      <c r="D42373">
        <v>0</v>
      </c>
    </row>
    <row r="42374" spans="1:4" x14ac:dyDescent="0.25">
      <c r="A42374" t="s">
        <v>59623</v>
      </c>
      <c r="B42374" t="s">
        <v>59628</v>
      </c>
      <c r="C42374">
        <v>0</v>
      </c>
      <c r="D42374">
        <v>0</v>
      </c>
    </row>
    <row r="42375" spans="1:4" x14ac:dyDescent="0.25">
      <c r="A42375" t="s">
        <v>59629</v>
      </c>
      <c r="B42375" t="s">
        <v>59630</v>
      </c>
      <c r="C42375">
        <v>1</v>
      </c>
      <c r="D42375">
        <v>0</v>
      </c>
    </row>
    <row r="42376" spans="1:4" x14ac:dyDescent="0.25">
      <c r="A42376" t="s">
        <v>59629</v>
      </c>
      <c r="B42376" t="s">
        <v>5414</v>
      </c>
      <c r="C42376">
        <v>1</v>
      </c>
      <c r="D42376">
        <v>0</v>
      </c>
    </row>
    <row r="42377" spans="1:4" x14ac:dyDescent="0.25">
      <c r="A42377" t="s">
        <v>59631</v>
      </c>
      <c r="B42377" t="s">
        <v>59632</v>
      </c>
      <c r="C42377">
        <v>2</v>
      </c>
      <c r="D42377">
        <v>0</v>
      </c>
    </row>
    <row r="42378" spans="1:4" x14ac:dyDescent="0.25">
      <c r="A42378" t="s">
        <v>59631</v>
      </c>
      <c r="B42378" t="s">
        <v>59633</v>
      </c>
      <c r="C42378">
        <v>1</v>
      </c>
      <c r="D42378">
        <v>0</v>
      </c>
    </row>
    <row r="42379" spans="1:4" x14ac:dyDescent="0.25">
      <c r="A42379" t="s">
        <v>59631</v>
      </c>
      <c r="B42379" t="s">
        <v>59634</v>
      </c>
      <c r="C42379">
        <v>1</v>
      </c>
      <c r="D42379">
        <v>0</v>
      </c>
    </row>
    <row r="42380" spans="1:4" x14ac:dyDescent="0.25">
      <c r="A42380" t="s">
        <v>59631</v>
      </c>
      <c r="B42380" t="s">
        <v>59635</v>
      </c>
      <c r="C42380">
        <v>0</v>
      </c>
      <c r="D42380">
        <v>0</v>
      </c>
    </row>
    <row r="42381" spans="1:4" x14ac:dyDescent="0.25">
      <c r="A42381" t="s">
        <v>59631</v>
      </c>
      <c r="B42381" t="s">
        <v>59636</v>
      </c>
      <c r="C42381">
        <v>1</v>
      </c>
      <c r="D42381">
        <v>0</v>
      </c>
    </row>
    <row r="42382" spans="1:4" x14ac:dyDescent="0.25">
      <c r="A42382" t="s">
        <v>59631</v>
      </c>
      <c r="B42382" t="s">
        <v>59637</v>
      </c>
      <c r="C42382">
        <v>1</v>
      </c>
      <c r="D42382">
        <v>0</v>
      </c>
    </row>
    <row r="42383" spans="1:4" x14ac:dyDescent="0.25">
      <c r="A42383" t="s">
        <v>59638</v>
      </c>
      <c r="B42383" t="s">
        <v>59639</v>
      </c>
      <c r="C42383">
        <v>1</v>
      </c>
      <c r="D42383">
        <v>0</v>
      </c>
    </row>
    <row r="42384" spans="1:4" x14ac:dyDescent="0.25">
      <c r="A42384" t="s">
        <v>59638</v>
      </c>
      <c r="B42384" t="s">
        <v>59640</v>
      </c>
      <c r="C42384">
        <v>0</v>
      </c>
      <c r="D42384">
        <v>0</v>
      </c>
    </row>
    <row r="42385" spans="1:4" x14ac:dyDescent="0.25">
      <c r="A42385" t="s">
        <v>59638</v>
      </c>
      <c r="B42385" t="s">
        <v>59641</v>
      </c>
      <c r="C42385">
        <v>2</v>
      </c>
      <c r="D42385">
        <v>0</v>
      </c>
    </row>
    <row r="42386" spans="1:4" x14ac:dyDescent="0.25">
      <c r="A42386" t="s">
        <v>59638</v>
      </c>
      <c r="B42386" t="s">
        <v>59642</v>
      </c>
      <c r="C42386">
        <v>2</v>
      </c>
      <c r="D42386">
        <v>0</v>
      </c>
    </row>
    <row r="42387" spans="1:4" x14ac:dyDescent="0.25">
      <c r="A42387" t="s">
        <v>59638</v>
      </c>
      <c r="B42387" t="s">
        <v>59643</v>
      </c>
      <c r="C42387">
        <v>1</v>
      </c>
      <c r="D42387">
        <v>0</v>
      </c>
    </row>
    <row r="42388" spans="1:4" x14ac:dyDescent="0.25">
      <c r="A42388" t="s">
        <v>59638</v>
      </c>
      <c r="B42388" t="s">
        <v>59644</v>
      </c>
      <c r="C42388">
        <v>2</v>
      </c>
      <c r="D42388">
        <v>0</v>
      </c>
    </row>
    <row r="42389" spans="1:4" x14ac:dyDescent="0.25">
      <c r="A42389" t="s">
        <v>59638</v>
      </c>
      <c r="B42389" t="s">
        <v>59645</v>
      </c>
      <c r="C42389">
        <v>2</v>
      </c>
      <c r="D42389">
        <v>0</v>
      </c>
    </row>
    <row r="42390" spans="1:4" x14ac:dyDescent="0.25">
      <c r="A42390" t="s">
        <v>59638</v>
      </c>
      <c r="B42390" t="s">
        <v>59646</v>
      </c>
      <c r="C42390">
        <v>1</v>
      </c>
      <c r="D42390">
        <v>0</v>
      </c>
    </row>
    <row r="42391" spans="1:4" x14ac:dyDescent="0.25">
      <c r="A42391" t="s">
        <v>59638</v>
      </c>
      <c r="B42391" t="s">
        <v>37405</v>
      </c>
      <c r="C42391">
        <v>0</v>
      </c>
      <c r="D42391">
        <v>0</v>
      </c>
    </row>
    <row r="42392" spans="1:4" x14ac:dyDescent="0.25">
      <c r="A42392" t="s">
        <v>59647</v>
      </c>
      <c r="B42392" t="s">
        <v>59648</v>
      </c>
      <c r="C42392">
        <v>2</v>
      </c>
      <c r="D42392">
        <v>0</v>
      </c>
    </row>
    <row r="42393" spans="1:4" x14ac:dyDescent="0.25">
      <c r="A42393" t="s">
        <v>59649</v>
      </c>
      <c r="B42393" t="s">
        <v>59650</v>
      </c>
      <c r="C42393">
        <v>0</v>
      </c>
      <c r="D42393">
        <v>0</v>
      </c>
    </row>
    <row r="42394" spans="1:4" x14ac:dyDescent="0.25">
      <c r="A42394" t="s">
        <v>59649</v>
      </c>
      <c r="B42394" t="s">
        <v>59651</v>
      </c>
      <c r="C42394">
        <v>1</v>
      </c>
      <c r="D42394">
        <v>0</v>
      </c>
    </row>
    <row r="42395" spans="1:4" x14ac:dyDescent="0.25">
      <c r="A42395" t="s">
        <v>59649</v>
      </c>
      <c r="B42395" t="s">
        <v>59652</v>
      </c>
      <c r="C42395">
        <v>0</v>
      </c>
      <c r="D42395">
        <v>0</v>
      </c>
    </row>
    <row r="42396" spans="1:4" x14ac:dyDescent="0.25">
      <c r="A42396" t="s">
        <v>59653</v>
      </c>
      <c r="B42396" t="s">
        <v>59654</v>
      </c>
      <c r="C42396">
        <v>2</v>
      </c>
      <c r="D42396">
        <v>0</v>
      </c>
    </row>
    <row r="42397" spans="1:4" x14ac:dyDescent="0.25">
      <c r="A42397" t="s">
        <v>59653</v>
      </c>
      <c r="B42397" t="s">
        <v>59655</v>
      </c>
      <c r="C42397">
        <v>1</v>
      </c>
      <c r="D42397">
        <v>0</v>
      </c>
    </row>
    <row r="42398" spans="1:4" x14ac:dyDescent="0.25">
      <c r="A42398" t="s">
        <v>59653</v>
      </c>
      <c r="B42398" t="s">
        <v>56033</v>
      </c>
      <c r="C42398">
        <v>1</v>
      </c>
      <c r="D42398">
        <v>0</v>
      </c>
    </row>
    <row r="42399" spans="1:4" x14ac:dyDescent="0.25">
      <c r="A42399" t="s">
        <v>59656</v>
      </c>
      <c r="B42399" t="s">
        <v>59657</v>
      </c>
      <c r="C42399">
        <v>0</v>
      </c>
      <c r="D42399">
        <v>0</v>
      </c>
    </row>
    <row r="42400" spans="1:4" x14ac:dyDescent="0.25">
      <c r="A42400" t="s">
        <v>59656</v>
      </c>
      <c r="B42400" t="s">
        <v>59658</v>
      </c>
      <c r="C42400">
        <v>0</v>
      </c>
      <c r="D42400">
        <v>0</v>
      </c>
    </row>
    <row r="42401" spans="1:4" x14ac:dyDescent="0.25">
      <c r="A42401" t="s">
        <v>59656</v>
      </c>
      <c r="B42401" t="s">
        <v>59659</v>
      </c>
      <c r="C42401">
        <v>0</v>
      </c>
      <c r="D42401">
        <v>0</v>
      </c>
    </row>
    <row r="42402" spans="1:4" x14ac:dyDescent="0.25">
      <c r="A42402" t="s">
        <v>59660</v>
      </c>
      <c r="B42402" t="s">
        <v>59661</v>
      </c>
      <c r="C42402">
        <v>1</v>
      </c>
      <c r="D42402">
        <v>0</v>
      </c>
    </row>
    <row r="42403" spans="1:4" x14ac:dyDescent="0.25">
      <c r="A42403" t="s">
        <v>59660</v>
      </c>
      <c r="B42403" t="s">
        <v>23181</v>
      </c>
      <c r="C42403">
        <v>0</v>
      </c>
      <c r="D42403">
        <v>0</v>
      </c>
    </row>
    <row r="42404" spans="1:4" x14ac:dyDescent="0.25">
      <c r="A42404" t="s">
        <v>59660</v>
      </c>
      <c r="B42404" t="s">
        <v>59662</v>
      </c>
      <c r="C42404">
        <v>1</v>
      </c>
      <c r="D42404">
        <v>0</v>
      </c>
    </row>
    <row r="42405" spans="1:4" x14ac:dyDescent="0.25">
      <c r="A42405" t="s">
        <v>59660</v>
      </c>
      <c r="B42405" t="s">
        <v>59663</v>
      </c>
      <c r="C42405">
        <v>0</v>
      </c>
      <c r="D42405">
        <v>0</v>
      </c>
    </row>
    <row r="42406" spans="1:4" x14ac:dyDescent="0.25">
      <c r="A42406" t="s">
        <v>59660</v>
      </c>
      <c r="B42406" t="s">
        <v>59664</v>
      </c>
      <c r="C42406">
        <v>1</v>
      </c>
      <c r="D42406">
        <v>0</v>
      </c>
    </row>
    <row r="42407" spans="1:4" x14ac:dyDescent="0.25">
      <c r="A42407" t="s">
        <v>59660</v>
      </c>
      <c r="B42407" t="s">
        <v>59665</v>
      </c>
      <c r="C42407">
        <v>1</v>
      </c>
      <c r="D42407">
        <v>0</v>
      </c>
    </row>
    <row r="42408" spans="1:4" x14ac:dyDescent="0.25">
      <c r="A42408" t="s">
        <v>59660</v>
      </c>
      <c r="B42408" t="s">
        <v>59666</v>
      </c>
      <c r="C42408">
        <v>2</v>
      </c>
      <c r="D42408">
        <v>0</v>
      </c>
    </row>
    <row r="42409" spans="1:4" x14ac:dyDescent="0.25">
      <c r="A42409" t="s">
        <v>59660</v>
      </c>
      <c r="B42409" t="s">
        <v>59665</v>
      </c>
      <c r="C42409">
        <v>2</v>
      </c>
      <c r="D42409">
        <v>0</v>
      </c>
    </row>
    <row r="42410" spans="1:4" x14ac:dyDescent="0.25">
      <c r="A42410" t="s">
        <v>59660</v>
      </c>
      <c r="B42410" t="s">
        <v>59667</v>
      </c>
      <c r="C42410">
        <v>1</v>
      </c>
      <c r="D42410">
        <v>0</v>
      </c>
    </row>
    <row r="42411" spans="1:4" x14ac:dyDescent="0.25">
      <c r="A42411" t="s">
        <v>59668</v>
      </c>
      <c r="B42411" t="s">
        <v>59669</v>
      </c>
      <c r="C42411">
        <v>1</v>
      </c>
      <c r="D42411">
        <v>0</v>
      </c>
    </row>
    <row r="42412" spans="1:4" x14ac:dyDescent="0.25">
      <c r="A42412" t="s">
        <v>59668</v>
      </c>
      <c r="B42412" t="s">
        <v>59670</v>
      </c>
      <c r="C42412">
        <v>0</v>
      </c>
      <c r="D42412">
        <v>0</v>
      </c>
    </row>
    <row r="42413" spans="1:4" x14ac:dyDescent="0.25">
      <c r="A42413" t="s">
        <v>59668</v>
      </c>
      <c r="B42413" t="s">
        <v>59671</v>
      </c>
      <c r="C42413">
        <v>1</v>
      </c>
      <c r="D42413">
        <v>0</v>
      </c>
    </row>
    <row r="42414" spans="1:4" x14ac:dyDescent="0.25">
      <c r="A42414" t="s">
        <v>59668</v>
      </c>
      <c r="B42414" t="s">
        <v>59672</v>
      </c>
      <c r="C42414">
        <v>1</v>
      </c>
      <c r="D42414">
        <v>0</v>
      </c>
    </row>
    <row r="42415" spans="1:4" x14ac:dyDescent="0.25">
      <c r="A42415" t="s">
        <v>59673</v>
      </c>
      <c r="B42415" t="s">
        <v>35954</v>
      </c>
      <c r="C42415">
        <v>0</v>
      </c>
      <c r="D42415">
        <v>0</v>
      </c>
    </row>
    <row r="42416" spans="1:4" x14ac:dyDescent="0.25">
      <c r="A42416" t="s">
        <v>59673</v>
      </c>
      <c r="B42416" t="s">
        <v>59674</v>
      </c>
      <c r="C42416">
        <v>0</v>
      </c>
      <c r="D42416">
        <v>0</v>
      </c>
    </row>
    <row r="42417" spans="1:4" x14ac:dyDescent="0.25">
      <c r="A42417" t="s">
        <v>59673</v>
      </c>
      <c r="B42417" t="s">
        <v>59675</v>
      </c>
      <c r="C42417">
        <v>0</v>
      </c>
      <c r="D42417">
        <v>0</v>
      </c>
    </row>
    <row r="42418" spans="1:4" x14ac:dyDescent="0.25">
      <c r="A42418" t="s">
        <v>59676</v>
      </c>
      <c r="B42418" t="s">
        <v>59677</v>
      </c>
      <c r="C42418">
        <v>1</v>
      </c>
      <c r="D42418">
        <v>0</v>
      </c>
    </row>
    <row r="42419" spans="1:4" x14ac:dyDescent="0.25">
      <c r="A42419" t="s">
        <v>59676</v>
      </c>
      <c r="B42419" t="s">
        <v>59678</v>
      </c>
      <c r="C42419">
        <v>1</v>
      </c>
      <c r="D42419">
        <v>0</v>
      </c>
    </row>
    <row r="42420" spans="1:4" x14ac:dyDescent="0.25">
      <c r="A42420" t="s">
        <v>59676</v>
      </c>
      <c r="B42420" t="s">
        <v>59679</v>
      </c>
      <c r="C42420">
        <v>1</v>
      </c>
      <c r="D42420">
        <v>0</v>
      </c>
    </row>
    <row r="42421" spans="1:4" x14ac:dyDescent="0.25">
      <c r="A42421" t="s">
        <v>59676</v>
      </c>
      <c r="B42421" t="s">
        <v>59680</v>
      </c>
      <c r="C42421">
        <v>1</v>
      </c>
      <c r="D42421">
        <v>0</v>
      </c>
    </row>
    <row r="42422" spans="1:4" x14ac:dyDescent="0.25">
      <c r="A42422" t="s">
        <v>59676</v>
      </c>
      <c r="B42422" t="s">
        <v>59681</v>
      </c>
      <c r="C42422">
        <v>0</v>
      </c>
      <c r="D42422">
        <v>0</v>
      </c>
    </row>
    <row r="42423" spans="1:4" x14ac:dyDescent="0.25">
      <c r="A42423" t="s">
        <v>59676</v>
      </c>
      <c r="B42423" t="s">
        <v>59682</v>
      </c>
      <c r="C42423">
        <v>1</v>
      </c>
      <c r="D42423">
        <v>0</v>
      </c>
    </row>
    <row r="42424" spans="1:4" x14ac:dyDescent="0.25">
      <c r="A42424" t="s">
        <v>59683</v>
      </c>
      <c r="B42424" t="s">
        <v>59684</v>
      </c>
      <c r="C42424">
        <v>1</v>
      </c>
      <c r="D42424">
        <v>0</v>
      </c>
    </row>
    <row r="42425" spans="1:4" x14ac:dyDescent="0.25">
      <c r="A42425" t="s">
        <v>59683</v>
      </c>
      <c r="B42425" t="s">
        <v>59685</v>
      </c>
      <c r="C42425">
        <v>1</v>
      </c>
      <c r="D42425">
        <v>0</v>
      </c>
    </row>
    <row r="42426" spans="1:4" x14ac:dyDescent="0.25">
      <c r="A42426" t="s">
        <v>59683</v>
      </c>
      <c r="B42426" t="s">
        <v>59686</v>
      </c>
      <c r="C42426">
        <v>2</v>
      </c>
      <c r="D42426">
        <v>0</v>
      </c>
    </row>
    <row r="42427" spans="1:4" x14ac:dyDescent="0.25">
      <c r="A42427" t="s">
        <v>59683</v>
      </c>
      <c r="B42427" t="s">
        <v>59687</v>
      </c>
      <c r="C42427">
        <v>2</v>
      </c>
      <c r="D42427">
        <v>0</v>
      </c>
    </row>
    <row r="42428" spans="1:4" x14ac:dyDescent="0.25">
      <c r="A42428" t="s">
        <v>59683</v>
      </c>
      <c r="B42428" t="s">
        <v>59688</v>
      </c>
      <c r="C42428">
        <v>1</v>
      </c>
      <c r="D42428">
        <v>0</v>
      </c>
    </row>
    <row r="42429" spans="1:4" x14ac:dyDescent="0.25">
      <c r="A42429" t="s">
        <v>59683</v>
      </c>
      <c r="B42429" t="s">
        <v>59689</v>
      </c>
      <c r="C42429">
        <v>2</v>
      </c>
      <c r="D42429">
        <v>0</v>
      </c>
    </row>
    <row r="42430" spans="1:4" x14ac:dyDescent="0.25">
      <c r="A42430" t="s">
        <v>59683</v>
      </c>
      <c r="B42430" t="s">
        <v>59690</v>
      </c>
      <c r="C42430">
        <v>1</v>
      </c>
      <c r="D42430">
        <v>0</v>
      </c>
    </row>
    <row r="42431" spans="1:4" x14ac:dyDescent="0.25">
      <c r="A42431" t="s">
        <v>59691</v>
      </c>
      <c r="B42431" t="s">
        <v>59692</v>
      </c>
      <c r="C42431">
        <v>0</v>
      </c>
      <c r="D42431">
        <v>0</v>
      </c>
    </row>
    <row r="42432" spans="1:4" x14ac:dyDescent="0.25">
      <c r="A42432" t="s">
        <v>59693</v>
      </c>
      <c r="B42432" t="s">
        <v>59694</v>
      </c>
      <c r="C42432">
        <v>1</v>
      </c>
      <c r="D42432">
        <v>0</v>
      </c>
    </row>
    <row r="42433" spans="1:4" x14ac:dyDescent="0.25">
      <c r="A42433" t="s">
        <v>59693</v>
      </c>
      <c r="B42433" t="s">
        <v>59695</v>
      </c>
      <c r="C42433">
        <v>1</v>
      </c>
      <c r="D42433">
        <v>0</v>
      </c>
    </row>
    <row r="42434" spans="1:4" x14ac:dyDescent="0.25">
      <c r="A42434" t="s">
        <v>59693</v>
      </c>
      <c r="B42434" t="s">
        <v>59696</v>
      </c>
      <c r="C42434">
        <v>1</v>
      </c>
      <c r="D42434">
        <v>0</v>
      </c>
    </row>
    <row r="42435" spans="1:4" x14ac:dyDescent="0.25">
      <c r="A42435" t="s">
        <v>59693</v>
      </c>
      <c r="B42435" t="s">
        <v>59697</v>
      </c>
      <c r="C42435">
        <v>1</v>
      </c>
      <c r="D42435">
        <v>0</v>
      </c>
    </row>
    <row r="42436" spans="1:4" x14ac:dyDescent="0.25">
      <c r="A42436" t="s">
        <v>59693</v>
      </c>
      <c r="B42436" t="s">
        <v>59698</v>
      </c>
      <c r="C42436">
        <v>1</v>
      </c>
      <c r="D42436">
        <v>0</v>
      </c>
    </row>
    <row r="42437" spans="1:4" x14ac:dyDescent="0.25">
      <c r="A42437" t="s">
        <v>59699</v>
      </c>
      <c r="B42437" t="s">
        <v>59700</v>
      </c>
      <c r="C42437">
        <v>0</v>
      </c>
      <c r="D42437">
        <v>0</v>
      </c>
    </row>
    <row r="42438" spans="1:4" x14ac:dyDescent="0.25">
      <c r="A42438" t="s">
        <v>59699</v>
      </c>
      <c r="B42438" t="s">
        <v>59701</v>
      </c>
      <c r="C42438">
        <v>1</v>
      </c>
      <c r="D42438">
        <v>0</v>
      </c>
    </row>
    <row r="42439" spans="1:4" x14ac:dyDescent="0.25">
      <c r="A42439" t="s">
        <v>59699</v>
      </c>
      <c r="B42439" t="s">
        <v>59702</v>
      </c>
      <c r="C42439">
        <v>1</v>
      </c>
      <c r="D42439">
        <v>0</v>
      </c>
    </row>
    <row r="42440" spans="1:4" x14ac:dyDescent="0.25">
      <c r="A42440" t="s">
        <v>59699</v>
      </c>
      <c r="B42440" t="s">
        <v>59703</v>
      </c>
      <c r="C42440">
        <v>1</v>
      </c>
      <c r="D42440">
        <v>0</v>
      </c>
    </row>
    <row r="42441" spans="1:4" x14ac:dyDescent="0.25">
      <c r="A42441" t="s">
        <v>59699</v>
      </c>
      <c r="B42441" t="s">
        <v>59704</v>
      </c>
      <c r="C42441">
        <v>0</v>
      </c>
      <c r="D42441">
        <v>0</v>
      </c>
    </row>
    <row r="42442" spans="1:4" x14ac:dyDescent="0.25">
      <c r="A42442" t="s">
        <v>59699</v>
      </c>
      <c r="B42442" t="s">
        <v>59705</v>
      </c>
      <c r="C42442">
        <v>0</v>
      </c>
      <c r="D42442">
        <v>0</v>
      </c>
    </row>
    <row r="42443" spans="1:4" x14ac:dyDescent="0.25">
      <c r="A42443" t="s">
        <v>59706</v>
      </c>
      <c r="B42443" t="s">
        <v>59707</v>
      </c>
      <c r="C42443">
        <v>1</v>
      </c>
      <c r="D42443">
        <v>0</v>
      </c>
    </row>
    <row r="42444" spans="1:4" x14ac:dyDescent="0.25">
      <c r="A42444" t="s">
        <v>59706</v>
      </c>
      <c r="B42444" t="s">
        <v>59708</v>
      </c>
      <c r="C42444">
        <v>0</v>
      </c>
      <c r="D42444">
        <v>0</v>
      </c>
    </row>
    <row r="42445" spans="1:4" x14ac:dyDescent="0.25">
      <c r="A42445" t="s">
        <v>59706</v>
      </c>
      <c r="B42445" t="s">
        <v>59709</v>
      </c>
      <c r="C42445">
        <v>0</v>
      </c>
      <c r="D42445">
        <v>0</v>
      </c>
    </row>
    <row r="42446" spans="1:4" x14ac:dyDescent="0.25">
      <c r="A42446" t="s">
        <v>59706</v>
      </c>
      <c r="B42446" t="s">
        <v>59710</v>
      </c>
      <c r="C42446">
        <v>1</v>
      </c>
      <c r="D42446">
        <v>0</v>
      </c>
    </row>
    <row r="42447" spans="1:4" x14ac:dyDescent="0.25">
      <c r="A42447" t="s">
        <v>59706</v>
      </c>
      <c r="B42447" t="s">
        <v>59711</v>
      </c>
      <c r="C42447">
        <v>1</v>
      </c>
      <c r="D42447">
        <v>0</v>
      </c>
    </row>
    <row r="42448" spans="1:4" x14ac:dyDescent="0.25">
      <c r="A42448" t="s">
        <v>59712</v>
      </c>
      <c r="B42448" t="s">
        <v>20393</v>
      </c>
      <c r="C42448">
        <v>1</v>
      </c>
      <c r="D42448">
        <v>0</v>
      </c>
    </row>
    <row r="42449" spans="1:4" x14ac:dyDescent="0.25">
      <c r="A42449" t="s">
        <v>59712</v>
      </c>
      <c r="B42449" t="s">
        <v>59713</v>
      </c>
      <c r="C42449">
        <v>1</v>
      </c>
      <c r="D42449">
        <v>0</v>
      </c>
    </row>
    <row r="42450" spans="1:4" x14ac:dyDescent="0.25">
      <c r="A42450" t="s">
        <v>59712</v>
      </c>
      <c r="B42450" t="s">
        <v>54415</v>
      </c>
      <c r="C42450">
        <v>0</v>
      </c>
      <c r="D42450">
        <v>0</v>
      </c>
    </row>
    <row r="42451" spans="1:4" x14ac:dyDescent="0.25">
      <c r="A42451" t="s">
        <v>59712</v>
      </c>
      <c r="B42451" t="s">
        <v>59714</v>
      </c>
      <c r="C42451">
        <v>1</v>
      </c>
      <c r="D42451">
        <v>0</v>
      </c>
    </row>
    <row r="42452" spans="1:4" x14ac:dyDescent="0.25">
      <c r="A42452" t="s">
        <v>59715</v>
      </c>
      <c r="B42452" t="s">
        <v>59716</v>
      </c>
      <c r="C42452">
        <v>0</v>
      </c>
      <c r="D42452">
        <v>0</v>
      </c>
    </row>
    <row r="42453" spans="1:4" x14ac:dyDescent="0.25">
      <c r="A42453" t="s">
        <v>59715</v>
      </c>
      <c r="B42453" t="s">
        <v>59717</v>
      </c>
      <c r="C42453">
        <v>0</v>
      </c>
      <c r="D42453">
        <v>0</v>
      </c>
    </row>
    <row r="42454" spans="1:4" x14ac:dyDescent="0.25">
      <c r="A42454" t="s">
        <v>59718</v>
      </c>
      <c r="B42454" t="s">
        <v>59719</v>
      </c>
      <c r="C42454">
        <v>1</v>
      </c>
      <c r="D42454">
        <v>0</v>
      </c>
    </row>
    <row r="42455" spans="1:4" x14ac:dyDescent="0.25">
      <c r="A42455" t="s">
        <v>59718</v>
      </c>
      <c r="B42455" t="s">
        <v>59720</v>
      </c>
      <c r="C42455">
        <v>0</v>
      </c>
      <c r="D42455">
        <v>0</v>
      </c>
    </row>
    <row r="42456" spans="1:4" x14ac:dyDescent="0.25">
      <c r="A42456" t="s">
        <v>59718</v>
      </c>
      <c r="B42456" t="s">
        <v>59721</v>
      </c>
      <c r="C42456">
        <v>2</v>
      </c>
      <c r="D42456">
        <v>0</v>
      </c>
    </row>
    <row r="42457" spans="1:4" x14ac:dyDescent="0.25">
      <c r="A42457" t="s">
        <v>59718</v>
      </c>
      <c r="B42457" t="s">
        <v>59722</v>
      </c>
      <c r="C42457">
        <v>1</v>
      </c>
      <c r="D42457">
        <v>0</v>
      </c>
    </row>
    <row r="42458" spans="1:4" x14ac:dyDescent="0.25">
      <c r="A42458" t="s">
        <v>59723</v>
      </c>
      <c r="B42458" t="s">
        <v>59724</v>
      </c>
      <c r="C42458">
        <v>0</v>
      </c>
      <c r="D42458">
        <v>0</v>
      </c>
    </row>
    <row r="42459" spans="1:4" x14ac:dyDescent="0.25">
      <c r="A42459" t="s">
        <v>59723</v>
      </c>
      <c r="B42459" t="s">
        <v>59725</v>
      </c>
      <c r="C42459">
        <v>1</v>
      </c>
      <c r="D42459">
        <v>0</v>
      </c>
    </row>
    <row r="42460" spans="1:4" x14ac:dyDescent="0.25">
      <c r="A42460" t="s">
        <v>59723</v>
      </c>
      <c r="B42460" t="s">
        <v>59726</v>
      </c>
      <c r="C42460">
        <v>2</v>
      </c>
      <c r="D42460">
        <v>0</v>
      </c>
    </row>
    <row r="42461" spans="1:4" x14ac:dyDescent="0.25">
      <c r="A42461" t="s">
        <v>59723</v>
      </c>
      <c r="B42461" t="s">
        <v>59727</v>
      </c>
      <c r="C42461">
        <v>0</v>
      </c>
      <c r="D42461">
        <v>0</v>
      </c>
    </row>
    <row r="42462" spans="1:4" x14ac:dyDescent="0.25">
      <c r="A42462" t="s">
        <v>59728</v>
      </c>
      <c r="B42462" t="s">
        <v>59729</v>
      </c>
      <c r="C42462">
        <v>2</v>
      </c>
      <c r="D42462">
        <v>0</v>
      </c>
    </row>
    <row r="42463" spans="1:4" x14ac:dyDescent="0.25">
      <c r="A42463" t="s">
        <v>59730</v>
      </c>
      <c r="B42463" t="s">
        <v>59731</v>
      </c>
      <c r="C42463">
        <v>2</v>
      </c>
      <c r="D42463">
        <v>0</v>
      </c>
    </row>
    <row r="42464" spans="1:4" x14ac:dyDescent="0.25">
      <c r="A42464" t="s">
        <v>59730</v>
      </c>
      <c r="B42464" t="s">
        <v>59732</v>
      </c>
      <c r="C42464">
        <v>2</v>
      </c>
      <c r="D42464">
        <v>0</v>
      </c>
    </row>
    <row r="42465" spans="1:4" x14ac:dyDescent="0.25">
      <c r="A42465" t="s">
        <v>59733</v>
      </c>
      <c r="B42465" t="s">
        <v>59734</v>
      </c>
      <c r="C42465">
        <v>1</v>
      </c>
      <c r="D42465">
        <v>0</v>
      </c>
    </row>
    <row r="42466" spans="1:4" x14ac:dyDescent="0.25">
      <c r="A42466" t="s">
        <v>59733</v>
      </c>
      <c r="B42466" t="s">
        <v>59735</v>
      </c>
      <c r="C42466">
        <v>1</v>
      </c>
      <c r="D42466">
        <v>0</v>
      </c>
    </row>
    <row r="42467" spans="1:4" x14ac:dyDescent="0.25">
      <c r="A42467" t="s">
        <v>59733</v>
      </c>
      <c r="B42467" t="s">
        <v>59736</v>
      </c>
      <c r="C42467">
        <v>2</v>
      </c>
      <c r="D42467">
        <v>0</v>
      </c>
    </row>
    <row r="42468" spans="1:4" x14ac:dyDescent="0.25">
      <c r="A42468" t="s">
        <v>59733</v>
      </c>
      <c r="B42468" t="s">
        <v>59737</v>
      </c>
      <c r="C42468">
        <v>1</v>
      </c>
      <c r="D42468">
        <v>0</v>
      </c>
    </row>
    <row r="42469" spans="1:4" x14ac:dyDescent="0.25">
      <c r="A42469" t="s">
        <v>59733</v>
      </c>
      <c r="B42469" t="s">
        <v>59738</v>
      </c>
      <c r="C42469">
        <v>1</v>
      </c>
      <c r="D42469">
        <v>0</v>
      </c>
    </row>
    <row r="42470" spans="1:4" x14ac:dyDescent="0.25">
      <c r="A42470" t="s">
        <v>59733</v>
      </c>
      <c r="B42470" t="s">
        <v>59739</v>
      </c>
      <c r="C42470">
        <v>1</v>
      </c>
      <c r="D42470">
        <v>0</v>
      </c>
    </row>
    <row r="42471" spans="1:4" x14ac:dyDescent="0.25">
      <c r="A42471" t="s">
        <v>59733</v>
      </c>
      <c r="B42471" t="s">
        <v>59740</v>
      </c>
      <c r="C42471">
        <v>1</v>
      </c>
      <c r="D42471">
        <v>0</v>
      </c>
    </row>
    <row r="42472" spans="1:4" x14ac:dyDescent="0.25">
      <c r="A42472" t="s">
        <v>59741</v>
      </c>
      <c r="B42472" t="s">
        <v>59742</v>
      </c>
      <c r="C42472">
        <v>1</v>
      </c>
      <c r="D42472">
        <v>0</v>
      </c>
    </row>
    <row r="42473" spans="1:4" x14ac:dyDescent="0.25">
      <c r="A42473" t="s">
        <v>59741</v>
      </c>
      <c r="B42473" t="s">
        <v>59743</v>
      </c>
      <c r="C42473">
        <v>1</v>
      </c>
      <c r="D42473">
        <v>0</v>
      </c>
    </row>
    <row r="42474" spans="1:4" x14ac:dyDescent="0.25">
      <c r="A42474" t="s">
        <v>59741</v>
      </c>
      <c r="B42474" t="s">
        <v>59744</v>
      </c>
      <c r="C42474">
        <v>2</v>
      </c>
      <c r="D42474">
        <v>0</v>
      </c>
    </row>
    <row r="42475" spans="1:4" x14ac:dyDescent="0.25">
      <c r="A42475" t="s">
        <v>59741</v>
      </c>
      <c r="B42475" t="s">
        <v>59745</v>
      </c>
      <c r="C42475">
        <v>2</v>
      </c>
      <c r="D42475">
        <v>0</v>
      </c>
    </row>
    <row r="42476" spans="1:4" x14ac:dyDescent="0.25">
      <c r="A42476" t="s">
        <v>59746</v>
      </c>
      <c r="B42476" t="s">
        <v>59747</v>
      </c>
      <c r="C42476">
        <v>1</v>
      </c>
      <c r="D42476">
        <v>0</v>
      </c>
    </row>
    <row r="42477" spans="1:4" x14ac:dyDescent="0.25">
      <c r="A42477" t="s">
        <v>59746</v>
      </c>
      <c r="B42477" t="s">
        <v>59748</v>
      </c>
      <c r="C42477">
        <v>1</v>
      </c>
      <c r="D42477">
        <v>0</v>
      </c>
    </row>
    <row r="42478" spans="1:4" x14ac:dyDescent="0.25">
      <c r="A42478" t="s">
        <v>59746</v>
      </c>
      <c r="B42478" t="s">
        <v>52049</v>
      </c>
      <c r="C42478">
        <v>1</v>
      </c>
      <c r="D42478">
        <v>0</v>
      </c>
    </row>
    <row r="42479" spans="1:4" x14ac:dyDescent="0.25">
      <c r="A42479" t="s">
        <v>59746</v>
      </c>
      <c r="B42479" t="s">
        <v>11948</v>
      </c>
      <c r="C42479">
        <v>0</v>
      </c>
      <c r="D42479">
        <v>0</v>
      </c>
    </row>
    <row r="42480" spans="1:4" x14ac:dyDescent="0.25">
      <c r="A42480" t="s">
        <v>59746</v>
      </c>
      <c r="B42480" t="s">
        <v>59749</v>
      </c>
      <c r="C42480">
        <v>1</v>
      </c>
      <c r="D42480">
        <v>0</v>
      </c>
    </row>
    <row r="42481" spans="1:4" x14ac:dyDescent="0.25">
      <c r="A42481" t="s">
        <v>59750</v>
      </c>
      <c r="B42481" t="s">
        <v>59751</v>
      </c>
      <c r="C42481">
        <v>1</v>
      </c>
      <c r="D42481">
        <v>0</v>
      </c>
    </row>
    <row r="42482" spans="1:4" x14ac:dyDescent="0.25">
      <c r="A42482" t="s">
        <v>59752</v>
      </c>
      <c r="B42482" t="s">
        <v>59753</v>
      </c>
      <c r="C42482">
        <v>0</v>
      </c>
      <c r="D42482">
        <v>0</v>
      </c>
    </row>
    <row r="42483" spans="1:4" x14ac:dyDescent="0.25">
      <c r="A42483" t="s">
        <v>59752</v>
      </c>
      <c r="B42483" t="s">
        <v>59754</v>
      </c>
      <c r="C42483">
        <v>1</v>
      </c>
      <c r="D42483">
        <v>0</v>
      </c>
    </row>
    <row r="42484" spans="1:4" x14ac:dyDescent="0.25">
      <c r="A42484" t="s">
        <v>59752</v>
      </c>
      <c r="B42484" t="s">
        <v>59755</v>
      </c>
      <c r="C42484">
        <v>2</v>
      </c>
      <c r="D42484">
        <v>0</v>
      </c>
    </row>
    <row r="42485" spans="1:4" x14ac:dyDescent="0.25">
      <c r="A42485" t="s">
        <v>59752</v>
      </c>
      <c r="B42485" t="s">
        <v>59756</v>
      </c>
      <c r="C42485">
        <v>1</v>
      </c>
      <c r="D42485">
        <v>0</v>
      </c>
    </row>
    <row r="42486" spans="1:4" x14ac:dyDescent="0.25">
      <c r="A42486" t="s">
        <v>59752</v>
      </c>
      <c r="B42486" t="s">
        <v>59757</v>
      </c>
      <c r="C42486">
        <v>0</v>
      </c>
      <c r="D42486">
        <v>0</v>
      </c>
    </row>
    <row r="42487" spans="1:4" x14ac:dyDescent="0.25">
      <c r="A42487" t="s">
        <v>59758</v>
      </c>
      <c r="B42487" t="s">
        <v>59759</v>
      </c>
      <c r="C42487">
        <v>1</v>
      </c>
      <c r="D42487">
        <v>0</v>
      </c>
    </row>
    <row r="42488" spans="1:4" x14ac:dyDescent="0.25">
      <c r="A42488" t="s">
        <v>59760</v>
      </c>
      <c r="B42488" t="s">
        <v>3173</v>
      </c>
      <c r="C42488">
        <v>1</v>
      </c>
      <c r="D42488">
        <v>0</v>
      </c>
    </row>
    <row r="42489" spans="1:4" x14ac:dyDescent="0.25">
      <c r="A42489" t="s">
        <v>59760</v>
      </c>
      <c r="B42489" t="s">
        <v>59761</v>
      </c>
      <c r="C42489">
        <v>1</v>
      </c>
      <c r="D42489">
        <v>0</v>
      </c>
    </row>
    <row r="42490" spans="1:4" x14ac:dyDescent="0.25">
      <c r="A42490" t="s">
        <v>59760</v>
      </c>
      <c r="B42490" t="s">
        <v>59762</v>
      </c>
      <c r="C42490">
        <v>1</v>
      </c>
      <c r="D42490">
        <v>0</v>
      </c>
    </row>
    <row r="42491" spans="1:4" x14ac:dyDescent="0.25">
      <c r="A42491" t="s">
        <v>59760</v>
      </c>
      <c r="B42491" t="s">
        <v>59763</v>
      </c>
      <c r="C42491">
        <v>2</v>
      </c>
      <c r="D42491">
        <v>0</v>
      </c>
    </row>
    <row r="42492" spans="1:4" x14ac:dyDescent="0.25">
      <c r="A42492" t="s">
        <v>59764</v>
      </c>
      <c r="B42492" t="s">
        <v>59765</v>
      </c>
      <c r="C42492">
        <v>1</v>
      </c>
      <c r="D42492">
        <v>0</v>
      </c>
    </row>
    <row r="42493" spans="1:4" x14ac:dyDescent="0.25">
      <c r="A42493" t="s">
        <v>59764</v>
      </c>
      <c r="B42493" t="s">
        <v>59766</v>
      </c>
      <c r="C42493">
        <v>1</v>
      </c>
      <c r="D42493">
        <v>0</v>
      </c>
    </row>
    <row r="42494" spans="1:4" x14ac:dyDescent="0.25">
      <c r="A42494" t="s">
        <v>59764</v>
      </c>
      <c r="B42494" t="s">
        <v>59767</v>
      </c>
      <c r="C42494">
        <v>1</v>
      </c>
      <c r="D42494">
        <v>0</v>
      </c>
    </row>
    <row r="42495" spans="1:4" x14ac:dyDescent="0.25">
      <c r="A42495" t="s">
        <v>59764</v>
      </c>
      <c r="B42495" t="s">
        <v>59768</v>
      </c>
      <c r="C42495">
        <v>1</v>
      </c>
      <c r="D42495">
        <v>0</v>
      </c>
    </row>
    <row r="42496" spans="1:4" x14ac:dyDescent="0.25">
      <c r="A42496" t="s">
        <v>59764</v>
      </c>
      <c r="B42496" t="s">
        <v>59769</v>
      </c>
      <c r="C42496">
        <v>1</v>
      </c>
      <c r="D42496">
        <v>0</v>
      </c>
    </row>
    <row r="42497" spans="1:4" x14ac:dyDescent="0.25">
      <c r="A42497" t="s">
        <v>59770</v>
      </c>
      <c r="B42497" t="s">
        <v>5864</v>
      </c>
      <c r="C42497">
        <v>1</v>
      </c>
      <c r="D42497">
        <v>0</v>
      </c>
    </row>
    <row r="42498" spans="1:4" x14ac:dyDescent="0.25">
      <c r="A42498" t="s">
        <v>59770</v>
      </c>
      <c r="B42498" t="s">
        <v>59771</v>
      </c>
      <c r="C42498">
        <v>0</v>
      </c>
      <c r="D42498">
        <v>0</v>
      </c>
    </row>
    <row r="42499" spans="1:4" x14ac:dyDescent="0.25">
      <c r="A42499" t="s">
        <v>59770</v>
      </c>
      <c r="B42499" t="s">
        <v>59772</v>
      </c>
      <c r="C42499">
        <v>0</v>
      </c>
      <c r="D42499">
        <v>0</v>
      </c>
    </row>
    <row r="42500" spans="1:4" x14ac:dyDescent="0.25">
      <c r="A42500" t="s">
        <v>59770</v>
      </c>
      <c r="B42500" t="s">
        <v>59773</v>
      </c>
      <c r="C42500">
        <v>1</v>
      </c>
      <c r="D42500">
        <v>0</v>
      </c>
    </row>
    <row r="42501" spans="1:4" x14ac:dyDescent="0.25">
      <c r="A42501" t="s">
        <v>59770</v>
      </c>
      <c r="B42501" t="s">
        <v>59774</v>
      </c>
      <c r="C42501">
        <v>1</v>
      </c>
      <c r="D42501">
        <v>0</v>
      </c>
    </row>
    <row r="42502" spans="1:4" x14ac:dyDescent="0.25">
      <c r="A42502" t="s">
        <v>59775</v>
      </c>
      <c r="B42502" t="s">
        <v>59776</v>
      </c>
      <c r="C42502">
        <v>0</v>
      </c>
      <c r="D42502">
        <v>0</v>
      </c>
    </row>
    <row r="42503" spans="1:4" x14ac:dyDescent="0.25">
      <c r="A42503" t="s">
        <v>59775</v>
      </c>
      <c r="B42503" t="s">
        <v>59777</v>
      </c>
      <c r="C42503">
        <v>2</v>
      </c>
      <c r="D42503">
        <v>0</v>
      </c>
    </row>
    <row r="42504" spans="1:4" x14ac:dyDescent="0.25">
      <c r="A42504" t="s">
        <v>59775</v>
      </c>
      <c r="B42504" t="s">
        <v>59778</v>
      </c>
      <c r="C42504">
        <v>1</v>
      </c>
      <c r="D42504">
        <v>0</v>
      </c>
    </row>
    <row r="42505" spans="1:4" x14ac:dyDescent="0.25">
      <c r="A42505" t="s">
        <v>59775</v>
      </c>
      <c r="B42505" t="s">
        <v>59779</v>
      </c>
      <c r="C42505">
        <v>0</v>
      </c>
      <c r="D42505">
        <v>0</v>
      </c>
    </row>
    <row r="42506" spans="1:4" x14ac:dyDescent="0.25">
      <c r="A42506" t="s">
        <v>59775</v>
      </c>
      <c r="B42506" t="s">
        <v>59780</v>
      </c>
      <c r="C42506">
        <v>1</v>
      </c>
      <c r="D42506">
        <v>0</v>
      </c>
    </row>
    <row r="42507" spans="1:4" x14ac:dyDescent="0.25">
      <c r="A42507" t="s">
        <v>59775</v>
      </c>
      <c r="B42507" t="s">
        <v>59781</v>
      </c>
      <c r="C42507">
        <v>0</v>
      </c>
      <c r="D42507">
        <v>0</v>
      </c>
    </row>
    <row r="42508" spans="1:4" x14ac:dyDescent="0.25">
      <c r="A42508" t="s">
        <v>59775</v>
      </c>
      <c r="B42508" t="s">
        <v>59782</v>
      </c>
      <c r="C42508">
        <v>2</v>
      </c>
      <c r="D42508">
        <v>0</v>
      </c>
    </row>
    <row r="42509" spans="1:4" x14ac:dyDescent="0.25">
      <c r="A42509" t="s">
        <v>59775</v>
      </c>
      <c r="B42509" t="s">
        <v>59783</v>
      </c>
      <c r="C42509">
        <v>1</v>
      </c>
      <c r="D42509">
        <v>0</v>
      </c>
    </row>
    <row r="42510" spans="1:4" x14ac:dyDescent="0.25">
      <c r="A42510" t="s">
        <v>59775</v>
      </c>
      <c r="B42510" t="s">
        <v>11075</v>
      </c>
      <c r="C42510">
        <v>1</v>
      </c>
      <c r="D42510">
        <v>0</v>
      </c>
    </row>
    <row r="42511" spans="1:4" x14ac:dyDescent="0.25">
      <c r="A42511" t="s">
        <v>59775</v>
      </c>
      <c r="B42511" t="s">
        <v>59784</v>
      </c>
      <c r="C42511">
        <v>0</v>
      </c>
      <c r="D42511">
        <v>0</v>
      </c>
    </row>
    <row r="42512" spans="1:4" x14ac:dyDescent="0.25">
      <c r="A42512" t="s">
        <v>59785</v>
      </c>
      <c r="B42512" t="s">
        <v>13564</v>
      </c>
      <c r="C42512">
        <v>0</v>
      </c>
      <c r="D42512">
        <v>0</v>
      </c>
    </row>
    <row r="42513" spans="1:4" x14ac:dyDescent="0.25">
      <c r="A42513" t="s">
        <v>59785</v>
      </c>
      <c r="B42513" t="s">
        <v>59786</v>
      </c>
      <c r="C42513">
        <v>1</v>
      </c>
      <c r="D42513">
        <v>0</v>
      </c>
    </row>
    <row r="42514" spans="1:4" x14ac:dyDescent="0.25">
      <c r="A42514" t="s">
        <v>59785</v>
      </c>
      <c r="B42514" t="s">
        <v>59787</v>
      </c>
      <c r="C42514">
        <v>0</v>
      </c>
      <c r="D42514">
        <v>0</v>
      </c>
    </row>
    <row r="42515" spans="1:4" x14ac:dyDescent="0.25">
      <c r="A42515" t="s">
        <v>59785</v>
      </c>
      <c r="B42515" t="s">
        <v>59788</v>
      </c>
      <c r="C42515">
        <v>1</v>
      </c>
      <c r="D42515">
        <v>0</v>
      </c>
    </row>
    <row r="42516" spans="1:4" x14ac:dyDescent="0.25">
      <c r="A42516" t="s">
        <v>59785</v>
      </c>
      <c r="B42516" t="s">
        <v>59789</v>
      </c>
      <c r="C42516">
        <v>0</v>
      </c>
      <c r="D42516">
        <v>0</v>
      </c>
    </row>
    <row r="42517" spans="1:4" x14ac:dyDescent="0.25">
      <c r="A42517" t="s">
        <v>59785</v>
      </c>
      <c r="B42517" t="s">
        <v>59790</v>
      </c>
      <c r="C42517">
        <v>0</v>
      </c>
      <c r="D42517">
        <v>0</v>
      </c>
    </row>
    <row r="42518" spans="1:4" x14ac:dyDescent="0.25">
      <c r="A42518" t="s">
        <v>59791</v>
      </c>
      <c r="B42518" t="s">
        <v>59792</v>
      </c>
      <c r="C42518">
        <v>1</v>
      </c>
      <c r="D42518">
        <v>0</v>
      </c>
    </row>
    <row r="42519" spans="1:4" x14ac:dyDescent="0.25">
      <c r="A42519" t="s">
        <v>59791</v>
      </c>
      <c r="B42519" t="s">
        <v>59793</v>
      </c>
      <c r="C42519">
        <v>0</v>
      </c>
      <c r="D42519">
        <v>0</v>
      </c>
    </row>
    <row r="42520" spans="1:4" x14ac:dyDescent="0.25">
      <c r="A42520" t="s">
        <v>59791</v>
      </c>
      <c r="B42520" t="s">
        <v>56200</v>
      </c>
      <c r="C42520">
        <v>0</v>
      </c>
      <c r="D42520">
        <v>0</v>
      </c>
    </row>
    <row r="42521" spans="1:4" x14ac:dyDescent="0.25">
      <c r="A42521" t="s">
        <v>59794</v>
      </c>
      <c r="B42521" t="s">
        <v>59795</v>
      </c>
      <c r="C42521">
        <v>0</v>
      </c>
      <c r="D42521">
        <v>0</v>
      </c>
    </row>
    <row r="42522" spans="1:4" x14ac:dyDescent="0.25">
      <c r="A42522" t="s">
        <v>59794</v>
      </c>
      <c r="B42522" t="s">
        <v>19309</v>
      </c>
      <c r="C42522">
        <v>1</v>
      </c>
      <c r="D42522">
        <v>0</v>
      </c>
    </row>
    <row r="42523" spans="1:4" x14ac:dyDescent="0.25">
      <c r="A42523" t="s">
        <v>59794</v>
      </c>
      <c r="B42523" t="s">
        <v>56793</v>
      </c>
      <c r="C42523">
        <v>1</v>
      </c>
      <c r="D42523">
        <v>0</v>
      </c>
    </row>
    <row r="42524" spans="1:4" x14ac:dyDescent="0.25">
      <c r="A42524" t="s">
        <v>59794</v>
      </c>
      <c r="B42524" t="s">
        <v>59796</v>
      </c>
      <c r="C42524">
        <v>1</v>
      </c>
      <c r="D42524">
        <v>0</v>
      </c>
    </row>
    <row r="42525" spans="1:4" x14ac:dyDescent="0.25">
      <c r="A42525" t="s">
        <v>59794</v>
      </c>
      <c r="B42525" t="s">
        <v>59797</v>
      </c>
      <c r="C42525">
        <v>1</v>
      </c>
      <c r="D42525">
        <v>0</v>
      </c>
    </row>
    <row r="42526" spans="1:4" x14ac:dyDescent="0.25">
      <c r="A42526" t="s">
        <v>59794</v>
      </c>
      <c r="B42526" t="s">
        <v>59798</v>
      </c>
      <c r="C42526">
        <v>0</v>
      </c>
      <c r="D42526">
        <v>0</v>
      </c>
    </row>
    <row r="42527" spans="1:4" x14ac:dyDescent="0.25">
      <c r="A42527" t="s">
        <v>59794</v>
      </c>
      <c r="B42527" t="s">
        <v>59799</v>
      </c>
      <c r="C42527">
        <v>1</v>
      </c>
      <c r="D42527">
        <v>0</v>
      </c>
    </row>
    <row r="42528" spans="1:4" x14ac:dyDescent="0.25">
      <c r="A42528" t="s">
        <v>59800</v>
      </c>
      <c r="B42528" t="s">
        <v>59801</v>
      </c>
      <c r="C42528">
        <v>2</v>
      </c>
      <c r="D42528">
        <v>0</v>
      </c>
    </row>
    <row r="42529" spans="1:4" x14ac:dyDescent="0.25">
      <c r="A42529" t="s">
        <v>59800</v>
      </c>
      <c r="B42529" t="s">
        <v>59802</v>
      </c>
      <c r="C42529">
        <v>1</v>
      </c>
      <c r="D42529">
        <v>0</v>
      </c>
    </row>
    <row r="42530" spans="1:4" x14ac:dyDescent="0.25">
      <c r="A42530" t="s">
        <v>59800</v>
      </c>
      <c r="B42530" t="s">
        <v>59803</v>
      </c>
      <c r="C42530">
        <v>1</v>
      </c>
      <c r="D42530">
        <v>0</v>
      </c>
    </row>
    <row r="42531" spans="1:4" x14ac:dyDescent="0.25">
      <c r="A42531" t="s">
        <v>59804</v>
      </c>
      <c r="B42531" t="s">
        <v>59805</v>
      </c>
      <c r="C42531">
        <v>2</v>
      </c>
      <c r="D42531">
        <v>0</v>
      </c>
    </row>
    <row r="42532" spans="1:4" x14ac:dyDescent="0.25">
      <c r="A42532" t="s">
        <v>59804</v>
      </c>
      <c r="B42532" t="s">
        <v>59806</v>
      </c>
      <c r="C42532">
        <v>1</v>
      </c>
      <c r="D42532">
        <v>0</v>
      </c>
    </row>
    <row r="42533" spans="1:4" x14ac:dyDescent="0.25">
      <c r="A42533" t="s">
        <v>59804</v>
      </c>
      <c r="B42533" t="s">
        <v>59807</v>
      </c>
      <c r="C42533">
        <v>1</v>
      </c>
      <c r="D42533">
        <v>0</v>
      </c>
    </row>
    <row r="42534" spans="1:4" x14ac:dyDescent="0.25">
      <c r="A42534" t="s">
        <v>59804</v>
      </c>
      <c r="B42534" t="s">
        <v>59807</v>
      </c>
      <c r="C42534">
        <v>1</v>
      </c>
      <c r="D42534">
        <v>0</v>
      </c>
    </row>
    <row r="42535" spans="1:4" x14ac:dyDescent="0.25">
      <c r="A42535" t="s">
        <v>59804</v>
      </c>
      <c r="B42535" t="s">
        <v>59808</v>
      </c>
      <c r="C42535">
        <v>1</v>
      </c>
      <c r="D42535">
        <v>0</v>
      </c>
    </row>
    <row r="42536" spans="1:4" x14ac:dyDescent="0.25">
      <c r="A42536" t="s">
        <v>59804</v>
      </c>
      <c r="B42536" t="s">
        <v>59809</v>
      </c>
      <c r="C42536">
        <v>0</v>
      </c>
      <c r="D42536">
        <v>0</v>
      </c>
    </row>
    <row r="42537" spans="1:4" x14ac:dyDescent="0.25">
      <c r="A42537" t="s">
        <v>59804</v>
      </c>
      <c r="B42537" t="s">
        <v>59810</v>
      </c>
      <c r="C42537">
        <v>0</v>
      </c>
      <c r="D42537">
        <v>0</v>
      </c>
    </row>
    <row r="42538" spans="1:4" x14ac:dyDescent="0.25">
      <c r="A42538" t="s">
        <v>59804</v>
      </c>
      <c r="B42538" t="s">
        <v>59811</v>
      </c>
      <c r="C42538">
        <v>0</v>
      </c>
      <c r="D42538">
        <v>0</v>
      </c>
    </row>
    <row r="42539" spans="1:4" x14ac:dyDescent="0.25">
      <c r="A42539" t="s">
        <v>59812</v>
      </c>
      <c r="B42539" t="s">
        <v>59813</v>
      </c>
      <c r="C42539">
        <v>1</v>
      </c>
      <c r="D42539">
        <v>0</v>
      </c>
    </row>
    <row r="42540" spans="1:4" x14ac:dyDescent="0.25">
      <c r="A42540" t="s">
        <v>59812</v>
      </c>
      <c r="B42540" t="s">
        <v>59814</v>
      </c>
      <c r="C42540">
        <v>0</v>
      </c>
      <c r="D42540">
        <v>0</v>
      </c>
    </row>
    <row r="42541" spans="1:4" x14ac:dyDescent="0.25">
      <c r="A42541" t="s">
        <v>59812</v>
      </c>
      <c r="B42541" t="s">
        <v>59815</v>
      </c>
      <c r="C42541">
        <v>0</v>
      </c>
      <c r="D42541">
        <v>0</v>
      </c>
    </row>
    <row r="42542" spans="1:4" x14ac:dyDescent="0.25">
      <c r="A42542" t="s">
        <v>59812</v>
      </c>
      <c r="B42542" t="s">
        <v>59816</v>
      </c>
      <c r="C42542">
        <v>2</v>
      </c>
      <c r="D42542">
        <v>0</v>
      </c>
    </row>
    <row r="42543" spans="1:4" x14ac:dyDescent="0.25">
      <c r="A42543" t="s">
        <v>59812</v>
      </c>
      <c r="B42543" t="s">
        <v>59817</v>
      </c>
      <c r="C42543">
        <v>0</v>
      </c>
      <c r="D42543">
        <v>0</v>
      </c>
    </row>
    <row r="42544" spans="1:4" x14ac:dyDescent="0.25">
      <c r="A42544" t="s">
        <v>59812</v>
      </c>
      <c r="B42544" t="s">
        <v>59818</v>
      </c>
      <c r="C42544">
        <v>1</v>
      </c>
      <c r="D42544">
        <v>0</v>
      </c>
    </row>
    <row r="42545" spans="1:4" x14ac:dyDescent="0.25">
      <c r="A42545" t="s">
        <v>59819</v>
      </c>
      <c r="B42545" t="s">
        <v>59820</v>
      </c>
      <c r="C42545">
        <v>0</v>
      </c>
      <c r="D42545">
        <v>0</v>
      </c>
    </row>
    <row r="42546" spans="1:4" x14ac:dyDescent="0.25">
      <c r="A42546" t="s">
        <v>59819</v>
      </c>
      <c r="B42546" t="s">
        <v>59821</v>
      </c>
      <c r="C42546">
        <v>0</v>
      </c>
      <c r="D42546">
        <v>0</v>
      </c>
    </row>
    <row r="42547" spans="1:4" x14ac:dyDescent="0.25">
      <c r="A42547" t="s">
        <v>59819</v>
      </c>
      <c r="B42547" t="s">
        <v>59822</v>
      </c>
      <c r="C42547">
        <v>0</v>
      </c>
      <c r="D42547">
        <v>0</v>
      </c>
    </row>
    <row r="42548" spans="1:4" x14ac:dyDescent="0.25">
      <c r="A42548" t="s">
        <v>59819</v>
      </c>
      <c r="B42548" t="s">
        <v>59823</v>
      </c>
      <c r="C42548">
        <v>1</v>
      </c>
      <c r="D42548">
        <v>0</v>
      </c>
    </row>
    <row r="42549" spans="1:4" x14ac:dyDescent="0.25">
      <c r="A42549" t="s">
        <v>59824</v>
      </c>
      <c r="B42549" t="s">
        <v>59825</v>
      </c>
      <c r="C42549">
        <v>0</v>
      </c>
      <c r="D42549">
        <v>0</v>
      </c>
    </row>
    <row r="42550" spans="1:4" x14ac:dyDescent="0.25">
      <c r="A42550" t="s">
        <v>59824</v>
      </c>
      <c r="B42550" t="s">
        <v>59826</v>
      </c>
      <c r="C42550">
        <v>1</v>
      </c>
      <c r="D42550">
        <v>0</v>
      </c>
    </row>
    <row r="42551" spans="1:4" x14ac:dyDescent="0.25">
      <c r="A42551" t="s">
        <v>59824</v>
      </c>
      <c r="B42551" t="s">
        <v>59827</v>
      </c>
      <c r="C42551">
        <v>0</v>
      </c>
      <c r="D42551">
        <v>0</v>
      </c>
    </row>
    <row r="42552" spans="1:4" x14ac:dyDescent="0.25">
      <c r="A42552" t="s">
        <v>59824</v>
      </c>
      <c r="B42552" t="s">
        <v>59828</v>
      </c>
      <c r="C42552">
        <v>0</v>
      </c>
      <c r="D42552">
        <v>0</v>
      </c>
    </row>
    <row r="42553" spans="1:4" x14ac:dyDescent="0.25">
      <c r="A42553" t="s">
        <v>59824</v>
      </c>
      <c r="B42553" t="s">
        <v>59829</v>
      </c>
      <c r="C42553">
        <v>0</v>
      </c>
      <c r="D42553">
        <v>0</v>
      </c>
    </row>
    <row r="42554" spans="1:4" x14ac:dyDescent="0.25">
      <c r="A42554" t="s">
        <v>59824</v>
      </c>
      <c r="B42554" t="s">
        <v>59830</v>
      </c>
      <c r="C42554">
        <v>2</v>
      </c>
      <c r="D42554">
        <v>0</v>
      </c>
    </row>
    <row r="42555" spans="1:4" x14ac:dyDescent="0.25">
      <c r="A42555" t="s">
        <v>59831</v>
      </c>
      <c r="B42555" t="s">
        <v>59832</v>
      </c>
      <c r="C42555">
        <v>1</v>
      </c>
      <c r="D42555">
        <v>0</v>
      </c>
    </row>
    <row r="42556" spans="1:4" x14ac:dyDescent="0.25">
      <c r="A42556" t="s">
        <v>59831</v>
      </c>
      <c r="B42556" t="s">
        <v>59833</v>
      </c>
      <c r="C42556">
        <v>2</v>
      </c>
      <c r="D42556">
        <v>0</v>
      </c>
    </row>
    <row r="42557" spans="1:4" x14ac:dyDescent="0.25">
      <c r="A42557" t="s">
        <v>59831</v>
      </c>
      <c r="B42557" t="s">
        <v>59834</v>
      </c>
      <c r="C42557">
        <v>1</v>
      </c>
      <c r="D42557">
        <v>0</v>
      </c>
    </row>
    <row r="42558" spans="1:4" x14ac:dyDescent="0.25">
      <c r="A42558" t="s">
        <v>59831</v>
      </c>
      <c r="B42558" t="s">
        <v>59835</v>
      </c>
      <c r="C42558">
        <v>2</v>
      </c>
      <c r="D42558">
        <v>0</v>
      </c>
    </row>
    <row r="42559" spans="1:4" x14ac:dyDescent="0.25">
      <c r="A42559" t="s">
        <v>59836</v>
      </c>
      <c r="B42559" t="s">
        <v>59837</v>
      </c>
      <c r="C42559">
        <v>0</v>
      </c>
      <c r="D42559">
        <v>0</v>
      </c>
    </row>
    <row r="42560" spans="1:4" x14ac:dyDescent="0.25">
      <c r="A42560" t="s">
        <v>59838</v>
      </c>
      <c r="B42560" t="s">
        <v>59839</v>
      </c>
      <c r="C42560">
        <v>1</v>
      </c>
      <c r="D42560">
        <v>0</v>
      </c>
    </row>
    <row r="42561" spans="1:4" x14ac:dyDescent="0.25">
      <c r="A42561" t="s">
        <v>59838</v>
      </c>
      <c r="B42561" t="s">
        <v>59840</v>
      </c>
      <c r="C42561">
        <v>0</v>
      </c>
      <c r="D42561">
        <v>0</v>
      </c>
    </row>
    <row r="42562" spans="1:4" x14ac:dyDescent="0.25">
      <c r="A42562" t="s">
        <v>59841</v>
      </c>
      <c r="B42562" t="s">
        <v>59842</v>
      </c>
      <c r="C42562">
        <v>1</v>
      </c>
      <c r="D42562">
        <v>0</v>
      </c>
    </row>
    <row r="42563" spans="1:4" x14ac:dyDescent="0.25">
      <c r="A42563" t="s">
        <v>59841</v>
      </c>
      <c r="B42563" t="s">
        <v>59843</v>
      </c>
      <c r="C42563">
        <v>1</v>
      </c>
      <c r="D42563">
        <v>0</v>
      </c>
    </row>
    <row r="42564" spans="1:4" x14ac:dyDescent="0.25">
      <c r="A42564" t="s">
        <v>59841</v>
      </c>
      <c r="B42564" t="s">
        <v>59844</v>
      </c>
      <c r="C42564">
        <v>1</v>
      </c>
      <c r="D42564">
        <v>0</v>
      </c>
    </row>
    <row r="42565" spans="1:4" x14ac:dyDescent="0.25">
      <c r="A42565" t="s">
        <v>59841</v>
      </c>
      <c r="B42565" t="s">
        <v>59845</v>
      </c>
      <c r="C42565">
        <v>1</v>
      </c>
      <c r="D42565">
        <v>0</v>
      </c>
    </row>
    <row r="42566" spans="1:4" x14ac:dyDescent="0.25">
      <c r="A42566" t="s">
        <v>59841</v>
      </c>
      <c r="B42566" t="s">
        <v>59846</v>
      </c>
      <c r="C42566">
        <v>1</v>
      </c>
      <c r="D42566">
        <v>0</v>
      </c>
    </row>
    <row r="42567" spans="1:4" x14ac:dyDescent="0.25">
      <c r="A42567" t="s">
        <v>59841</v>
      </c>
      <c r="B42567" t="s">
        <v>59847</v>
      </c>
      <c r="C42567">
        <v>0</v>
      </c>
      <c r="D42567">
        <v>0</v>
      </c>
    </row>
    <row r="42568" spans="1:4" x14ac:dyDescent="0.25">
      <c r="A42568" t="s">
        <v>59848</v>
      </c>
      <c r="B42568" t="s">
        <v>59849</v>
      </c>
      <c r="C42568">
        <v>2</v>
      </c>
      <c r="D42568">
        <v>0</v>
      </c>
    </row>
    <row r="42569" spans="1:4" x14ac:dyDescent="0.25">
      <c r="A42569" t="s">
        <v>59848</v>
      </c>
      <c r="B42569" t="s">
        <v>59850</v>
      </c>
      <c r="C42569">
        <v>1</v>
      </c>
      <c r="D42569">
        <v>0</v>
      </c>
    </row>
    <row r="42570" spans="1:4" x14ac:dyDescent="0.25">
      <c r="A42570" t="s">
        <v>59848</v>
      </c>
      <c r="B42570" t="s">
        <v>59851</v>
      </c>
      <c r="C42570">
        <v>1</v>
      </c>
      <c r="D42570">
        <v>0</v>
      </c>
    </row>
    <row r="42571" spans="1:4" x14ac:dyDescent="0.25">
      <c r="A42571" t="s">
        <v>59852</v>
      </c>
      <c r="B42571" t="s">
        <v>59853</v>
      </c>
      <c r="C42571">
        <v>1</v>
      </c>
      <c r="D42571">
        <v>0</v>
      </c>
    </row>
    <row r="42572" spans="1:4" x14ac:dyDescent="0.25">
      <c r="A42572" t="s">
        <v>59852</v>
      </c>
      <c r="B42572" t="s">
        <v>59854</v>
      </c>
      <c r="C42572">
        <v>1</v>
      </c>
      <c r="D42572">
        <v>0</v>
      </c>
    </row>
    <row r="42573" spans="1:4" x14ac:dyDescent="0.25">
      <c r="A42573" t="s">
        <v>59852</v>
      </c>
      <c r="B42573" t="s">
        <v>59855</v>
      </c>
      <c r="C42573">
        <v>1</v>
      </c>
      <c r="D42573">
        <v>0</v>
      </c>
    </row>
    <row r="42574" spans="1:4" x14ac:dyDescent="0.25">
      <c r="A42574" t="s">
        <v>59852</v>
      </c>
      <c r="B42574" t="s">
        <v>59856</v>
      </c>
      <c r="C42574">
        <v>1</v>
      </c>
      <c r="D42574">
        <v>0</v>
      </c>
    </row>
    <row r="42575" spans="1:4" x14ac:dyDescent="0.25">
      <c r="A42575" t="s">
        <v>59857</v>
      </c>
      <c r="B42575" t="s">
        <v>59858</v>
      </c>
      <c r="C42575">
        <v>1</v>
      </c>
      <c r="D42575">
        <v>0</v>
      </c>
    </row>
    <row r="42576" spans="1:4" x14ac:dyDescent="0.25">
      <c r="A42576" t="s">
        <v>59857</v>
      </c>
      <c r="B42576" t="s">
        <v>59859</v>
      </c>
      <c r="C42576">
        <v>0</v>
      </c>
      <c r="D42576">
        <v>0</v>
      </c>
    </row>
    <row r="42577" spans="1:4" x14ac:dyDescent="0.25">
      <c r="A42577" t="s">
        <v>59857</v>
      </c>
      <c r="B42577" t="s">
        <v>59860</v>
      </c>
      <c r="C42577">
        <v>0</v>
      </c>
      <c r="D42577">
        <v>0</v>
      </c>
    </row>
    <row r="42578" spans="1:4" x14ac:dyDescent="0.25">
      <c r="A42578" t="s">
        <v>59857</v>
      </c>
      <c r="B42578" t="s">
        <v>5713</v>
      </c>
      <c r="C42578">
        <v>1</v>
      </c>
      <c r="D42578">
        <v>0</v>
      </c>
    </row>
    <row r="42579" spans="1:4" x14ac:dyDescent="0.25">
      <c r="A42579" t="s">
        <v>59861</v>
      </c>
      <c r="B42579" t="s">
        <v>59862</v>
      </c>
      <c r="C42579">
        <v>0</v>
      </c>
      <c r="D42579">
        <v>0</v>
      </c>
    </row>
    <row r="42580" spans="1:4" x14ac:dyDescent="0.25">
      <c r="A42580" t="s">
        <v>59861</v>
      </c>
      <c r="B42580" t="s">
        <v>59863</v>
      </c>
      <c r="C42580">
        <v>0</v>
      </c>
      <c r="D42580">
        <v>0</v>
      </c>
    </row>
    <row r="42581" spans="1:4" x14ac:dyDescent="0.25">
      <c r="A42581" t="s">
        <v>59861</v>
      </c>
      <c r="B42581" t="s">
        <v>59864</v>
      </c>
      <c r="C42581">
        <v>1</v>
      </c>
      <c r="D42581">
        <v>0</v>
      </c>
    </row>
    <row r="42582" spans="1:4" x14ac:dyDescent="0.25">
      <c r="A42582" t="s">
        <v>59861</v>
      </c>
      <c r="B42582" t="s">
        <v>59865</v>
      </c>
      <c r="C42582">
        <v>0</v>
      </c>
      <c r="D42582">
        <v>0</v>
      </c>
    </row>
    <row r="42583" spans="1:4" x14ac:dyDescent="0.25">
      <c r="A42583" t="s">
        <v>59861</v>
      </c>
      <c r="B42583" t="s">
        <v>59866</v>
      </c>
      <c r="C42583">
        <v>2</v>
      </c>
      <c r="D42583">
        <v>0</v>
      </c>
    </row>
    <row r="42584" spans="1:4" x14ac:dyDescent="0.25">
      <c r="A42584" t="s">
        <v>59861</v>
      </c>
      <c r="B42584" t="s">
        <v>59867</v>
      </c>
      <c r="C42584">
        <v>2</v>
      </c>
      <c r="D42584">
        <v>0</v>
      </c>
    </row>
    <row r="42585" spans="1:4" x14ac:dyDescent="0.25">
      <c r="A42585" t="s">
        <v>59868</v>
      </c>
      <c r="B42585" t="s">
        <v>59869</v>
      </c>
      <c r="C42585">
        <v>1</v>
      </c>
      <c r="D42585">
        <v>0</v>
      </c>
    </row>
    <row r="42586" spans="1:4" x14ac:dyDescent="0.25">
      <c r="A42586" t="s">
        <v>59868</v>
      </c>
      <c r="B42586" t="s">
        <v>59870</v>
      </c>
      <c r="C42586">
        <v>0</v>
      </c>
      <c r="D42586">
        <v>0</v>
      </c>
    </row>
    <row r="42587" spans="1:4" x14ac:dyDescent="0.25">
      <c r="A42587" t="s">
        <v>59868</v>
      </c>
      <c r="B42587" t="s">
        <v>59871</v>
      </c>
      <c r="C42587">
        <v>0</v>
      </c>
      <c r="D42587">
        <v>0</v>
      </c>
    </row>
    <row r="42588" spans="1:4" x14ac:dyDescent="0.25">
      <c r="A42588" t="s">
        <v>59872</v>
      </c>
      <c r="B42588" t="s">
        <v>59873</v>
      </c>
      <c r="C42588">
        <v>0</v>
      </c>
      <c r="D42588">
        <v>0</v>
      </c>
    </row>
    <row r="42589" spans="1:4" x14ac:dyDescent="0.25">
      <c r="A42589" t="s">
        <v>59872</v>
      </c>
      <c r="B42589" t="s">
        <v>59874</v>
      </c>
      <c r="C42589">
        <v>0</v>
      </c>
      <c r="D42589">
        <v>0</v>
      </c>
    </row>
    <row r="42590" spans="1:4" x14ac:dyDescent="0.25">
      <c r="A42590" t="s">
        <v>59872</v>
      </c>
      <c r="B42590" t="s">
        <v>2651</v>
      </c>
      <c r="C42590">
        <v>1</v>
      </c>
      <c r="D42590">
        <v>0</v>
      </c>
    </row>
    <row r="42591" spans="1:4" x14ac:dyDescent="0.25">
      <c r="A42591" t="s">
        <v>59872</v>
      </c>
      <c r="B42591" t="s">
        <v>59875</v>
      </c>
      <c r="C42591">
        <v>1</v>
      </c>
      <c r="D42591">
        <v>0</v>
      </c>
    </row>
    <row r="42592" spans="1:4" x14ac:dyDescent="0.25">
      <c r="A42592" t="s">
        <v>59872</v>
      </c>
      <c r="B42592" t="s">
        <v>59876</v>
      </c>
      <c r="C42592">
        <v>0</v>
      </c>
      <c r="D42592">
        <v>0</v>
      </c>
    </row>
    <row r="42593" spans="1:4" x14ac:dyDescent="0.25">
      <c r="A42593" t="s">
        <v>59872</v>
      </c>
      <c r="B42593" t="s">
        <v>48934</v>
      </c>
      <c r="C42593">
        <v>1</v>
      </c>
      <c r="D42593">
        <v>0</v>
      </c>
    </row>
    <row r="42594" spans="1:4" x14ac:dyDescent="0.25">
      <c r="A42594" t="s">
        <v>59877</v>
      </c>
      <c r="B42594" t="s">
        <v>59878</v>
      </c>
      <c r="C42594">
        <v>1</v>
      </c>
      <c r="D42594">
        <v>0</v>
      </c>
    </row>
    <row r="42595" spans="1:4" x14ac:dyDescent="0.25">
      <c r="A42595" t="s">
        <v>59877</v>
      </c>
      <c r="B42595" t="s">
        <v>59879</v>
      </c>
      <c r="C42595">
        <v>2</v>
      </c>
      <c r="D42595">
        <v>0</v>
      </c>
    </row>
    <row r="42596" spans="1:4" x14ac:dyDescent="0.25">
      <c r="A42596" t="s">
        <v>59877</v>
      </c>
      <c r="B42596" t="s">
        <v>59880</v>
      </c>
      <c r="C42596">
        <v>0</v>
      </c>
      <c r="D42596">
        <v>0</v>
      </c>
    </row>
    <row r="42597" spans="1:4" x14ac:dyDescent="0.25">
      <c r="A42597" t="s">
        <v>59877</v>
      </c>
      <c r="B42597" t="s">
        <v>59881</v>
      </c>
      <c r="C42597">
        <v>0</v>
      </c>
      <c r="D42597">
        <v>0</v>
      </c>
    </row>
    <row r="42598" spans="1:4" x14ac:dyDescent="0.25">
      <c r="A42598" t="s">
        <v>59877</v>
      </c>
      <c r="B42598" t="s">
        <v>59882</v>
      </c>
      <c r="C42598">
        <v>1</v>
      </c>
      <c r="D42598">
        <v>0</v>
      </c>
    </row>
    <row r="42599" spans="1:4" x14ac:dyDescent="0.25">
      <c r="A42599" t="s">
        <v>59877</v>
      </c>
      <c r="B42599" t="s">
        <v>59883</v>
      </c>
      <c r="C42599">
        <v>2</v>
      </c>
      <c r="D42599">
        <v>0</v>
      </c>
    </row>
    <row r="42600" spans="1:4" x14ac:dyDescent="0.25">
      <c r="A42600" t="s">
        <v>59884</v>
      </c>
      <c r="B42600" t="s">
        <v>59885</v>
      </c>
      <c r="C42600">
        <v>1</v>
      </c>
      <c r="D42600">
        <v>0</v>
      </c>
    </row>
    <row r="42601" spans="1:4" x14ac:dyDescent="0.25">
      <c r="A42601" t="s">
        <v>59884</v>
      </c>
      <c r="B42601" t="s">
        <v>59886</v>
      </c>
      <c r="C42601">
        <v>2</v>
      </c>
      <c r="D42601">
        <v>0</v>
      </c>
    </row>
    <row r="42602" spans="1:4" x14ac:dyDescent="0.25">
      <c r="A42602" t="s">
        <v>59884</v>
      </c>
      <c r="B42602" t="s">
        <v>59887</v>
      </c>
      <c r="C42602">
        <v>1</v>
      </c>
      <c r="D42602">
        <v>0</v>
      </c>
    </row>
    <row r="42603" spans="1:4" x14ac:dyDescent="0.25">
      <c r="A42603" t="s">
        <v>59884</v>
      </c>
      <c r="B42603" t="s">
        <v>59888</v>
      </c>
      <c r="C42603">
        <v>2</v>
      </c>
      <c r="D42603">
        <v>0</v>
      </c>
    </row>
    <row r="42604" spans="1:4" x14ac:dyDescent="0.25">
      <c r="A42604" t="s">
        <v>59884</v>
      </c>
      <c r="B42604" t="s">
        <v>59889</v>
      </c>
      <c r="C42604">
        <v>2</v>
      </c>
      <c r="D42604">
        <v>0</v>
      </c>
    </row>
    <row r="42605" spans="1:4" x14ac:dyDescent="0.25">
      <c r="A42605" t="s">
        <v>59890</v>
      </c>
      <c r="B42605" t="s">
        <v>59891</v>
      </c>
      <c r="C42605">
        <v>1</v>
      </c>
      <c r="D42605">
        <v>0</v>
      </c>
    </row>
    <row r="42606" spans="1:4" x14ac:dyDescent="0.25">
      <c r="A42606" t="s">
        <v>59890</v>
      </c>
      <c r="B42606" t="s">
        <v>26495</v>
      </c>
      <c r="C42606">
        <v>0</v>
      </c>
      <c r="D42606">
        <v>0</v>
      </c>
    </row>
    <row r="42607" spans="1:4" x14ac:dyDescent="0.25">
      <c r="A42607" t="s">
        <v>59890</v>
      </c>
      <c r="B42607" t="s">
        <v>2651</v>
      </c>
      <c r="C42607">
        <v>0</v>
      </c>
      <c r="D42607">
        <v>0</v>
      </c>
    </row>
    <row r="42608" spans="1:4" x14ac:dyDescent="0.25">
      <c r="A42608" t="s">
        <v>59890</v>
      </c>
      <c r="B42608" t="s">
        <v>59892</v>
      </c>
      <c r="C42608">
        <v>2</v>
      </c>
      <c r="D42608">
        <v>0</v>
      </c>
    </row>
    <row r="42609" spans="1:4" x14ac:dyDescent="0.25">
      <c r="A42609" t="s">
        <v>59890</v>
      </c>
      <c r="B42609" t="s">
        <v>39414</v>
      </c>
      <c r="C42609">
        <v>0</v>
      </c>
      <c r="D42609">
        <v>0</v>
      </c>
    </row>
    <row r="42610" spans="1:4" x14ac:dyDescent="0.25">
      <c r="A42610" t="s">
        <v>59890</v>
      </c>
      <c r="B42610" t="s">
        <v>59893</v>
      </c>
      <c r="C42610">
        <v>0</v>
      </c>
      <c r="D42610">
        <v>0</v>
      </c>
    </row>
    <row r="42611" spans="1:4" x14ac:dyDescent="0.25">
      <c r="A42611" t="s">
        <v>59890</v>
      </c>
      <c r="B42611" t="s">
        <v>59894</v>
      </c>
      <c r="C42611">
        <v>2</v>
      </c>
      <c r="D42611">
        <v>0</v>
      </c>
    </row>
    <row r="42612" spans="1:4" x14ac:dyDescent="0.25">
      <c r="A42612" t="s">
        <v>59895</v>
      </c>
      <c r="B42612" t="s">
        <v>843</v>
      </c>
      <c r="C42612">
        <v>1</v>
      </c>
      <c r="D42612">
        <v>0</v>
      </c>
    </row>
    <row r="42613" spans="1:4" x14ac:dyDescent="0.25">
      <c r="A42613" t="s">
        <v>59895</v>
      </c>
      <c r="B42613" t="s">
        <v>59896</v>
      </c>
      <c r="C42613">
        <v>1</v>
      </c>
      <c r="D42613">
        <v>0</v>
      </c>
    </row>
    <row r="42614" spans="1:4" x14ac:dyDescent="0.25">
      <c r="A42614" t="s">
        <v>59895</v>
      </c>
      <c r="B42614" t="s">
        <v>59897</v>
      </c>
      <c r="C42614">
        <v>1</v>
      </c>
      <c r="D42614">
        <v>0</v>
      </c>
    </row>
    <row r="42615" spans="1:4" x14ac:dyDescent="0.25">
      <c r="A42615" t="s">
        <v>59895</v>
      </c>
      <c r="B42615" t="s">
        <v>59898</v>
      </c>
      <c r="C42615">
        <v>1</v>
      </c>
      <c r="D42615">
        <v>0</v>
      </c>
    </row>
    <row r="42616" spans="1:4" x14ac:dyDescent="0.25">
      <c r="A42616" t="s">
        <v>59895</v>
      </c>
      <c r="B42616" t="s">
        <v>59899</v>
      </c>
      <c r="C42616">
        <v>1</v>
      </c>
      <c r="D42616">
        <v>0</v>
      </c>
    </row>
    <row r="42617" spans="1:4" x14ac:dyDescent="0.25">
      <c r="A42617" t="s">
        <v>59900</v>
      </c>
      <c r="B42617" t="s">
        <v>59901</v>
      </c>
      <c r="C42617">
        <v>2</v>
      </c>
      <c r="D42617">
        <v>0</v>
      </c>
    </row>
    <row r="42618" spans="1:4" x14ac:dyDescent="0.25">
      <c r="A42618" t="s">
        <v>59900</v>
      </c>
      <c r="B42618" t="s">
        <v>59902</v>
      </c>
      <c r="C42618">
        <v>0</v>
      </c>
      <c r="D42618">
        <v>0</v>
      </c>
    </row>
    <row r="42619" spans="1:4" x14ac:dyDescent="0.25">
      <c r="A42619" t="s">
        <v>59903</v>
      </c>
      <c r="B42619" t="s">
        <v>5713</v>
      </c>
      <c r="C42619">
        <v>1</v>
      </c>
      <c r="D42619">
        <v>0</v>
      </c>
    </row>
    <row r="42620" spans="1:4" x14ac:dyDescent="0.25">
      <c r="A42620" t="s">
        <v>59903</v>
      </c>
      <c r="B42620" t="s">
        <v>59904</v>
      </c>
      <c r="C42620">
        <v>2</v>
      </c>
      <c r="D42620">
        <v>0</v>
      </c>
    </row>
    <row r="42621" spans="1:4" x14ac:dyDescent="0.25">
      <c r="A42621" t="s">
        <v>59903</v>
      </c>
      <c r="B42621" t="s">
        <v>46121</v>
      </c>
      <c r="C42621">
        <v>0</v>
      </c>
      <c r="D42621">
        <v>0</v>
      </c>
    </row>
    <row r="42622" spans="1:4" x14ac:dyDescent="0.25">
      <c r="A42622" t="s">
        <v>59903</v>
      </c>
      <c r="B42622" t="s">
        <v>51939</v>
      </c>
      <c r="C42622">
        <v>0</v>
      </c>
      <c r="D42622">
        <v>0</v>
      </c>
    </row>
    <row r="42623" spans="1:4" x14ac:dyDescent="0.25">
      <c r="A42623" t="s">
        <v>59905</v>
      </c>
      <c r="B42623" t="s">
        <v>59906</v>
      </c>
      <c r="C42623">
        <v>1</v>
      </c>
      <c r="D42623">
        <v>0</v>
      </c>
    </row>
    <row r="42624" spans="1:4" x14ac:dyDescent="0.25">
      <c r="A42624" t="s">
        <v>59905</v>
      </c>
      <c r="B42624" t="s">
        <v>59907</v>
      </c>
      <c r="C42624">
        <v>1</v>
      </c>
      <c r="D42624">
        <v>0</v>
      </c>
    </row>
    <row r="42625" spans="1:4" x14ac:dyDescent="0.25">
      <c r="A42625" t="s">
        <v>59905</v>
      </c>
      <c r="B42625" t="s">
        <v>59908</v>
      </c>
      <c r="C42625">
        <v>1</v>
      </c>
      <c r="D42625">
        <v>0</v>
      </c>
    </row>
    <row r="42626" spans="1:4" x14ac:dyDescent="0.25">
      <c r="A42626" t="s">
        <v>59905</v>
      </c>
      <c r="B42626" t="s">
        <v>59909</v>
      </c>
      <c r="C42626">
        <v>1</v>
      </c>
      <c r="D42626">
        <v>0</v>
      </c>
    </row>
    <row r="42627" spans="1:4" x14ac:dyDescent="0.25">
      <c r="A42627" t="s">
        <v>59905</v>
      </c>
      <c r="B42627" t="s">
        <v>59910</v>
      </c>
      <c r="C42627">
        <v>1</v>
      </c>
      <c r="D42627">
        <v>0</v>
      </c>
    </row>
    <row r="42628" spans="1:4" x14ac:dyDescent="0.25">
      <c r="A42628" t="s">
        <v>59911</v>
      </c>
      <c r="B42628" t="s">
        <v>59912</v>
      </c>
      <c r="C42628">
        <v>0</v>
      </c>
      <c r="D42628">
        <v>0</v>
      </c>
    </row>
    <row r="42629" spans="1:4" x14ac:dyDescent="0.25">
      <c r="A42629" t="s">
        <v>59911</v>
      </c>
      <c r="B42629" t="s">
        <v>59913</v>
      </c>
      <c r="C42629">
        <v>0</v>
      </c>
      <c r="D42629">
        <v>0</v>
      </c>
    </row>
    <row r="42630" spans="1:4" x14ac:dyDescent="0.25">
      <c r="A42630" t="s">
        <v>59911</v>
      </c>
      <c r="B42630" t="s">
        <v>59914</v>
      </c>
      <c r="C42630">
        <v>0</v>
      </c>
      <c r="D42630">
        <v>0</v>
      </c>
    </row>
    <row r="42631" spans="1:4" x14ac:dyDescent="0.25">
      <c r="A42631" t="s">
        <v>59911</v>
      </c>
      <c r="B42631" t="s">
        <v>59915</v>
      </c>
      <c r="C42631">
        <v>0</v>
      </c>
      <c r="D42631">
        <v>0</v>
      </c>
    </row>
    <row r="42632" spans="1:4" x14ac:dyDescent="0.25">
      <c r="A42632" t="s">
        <v>59911</v>
      </c>
      <c r="B42632" t="s">
        <v>59916</v>
      </c>
      <c r="C42632">
        <v>0</v>
      </c>
      <c r="D42632">
        <v>0</v>
      </c>
    </row>
    <row r="42633" spans="1:4" x14ac:dyDescent="0.25">
      <c r="A42633" t="s">
        <v>59911</v>
      </c>
      <c r="B42633" t="s">
        <v>59917</v>
      </c>
      <c r="C42633">
        <v>2</v>
      </c>
      <c r="D42633">
        <v>0</v>
      </c>
    </row>
    <row r="42634" spans="1:4" x14ac:dyDescent="0.25">
      <c r="A42634" t="s">
        <v>59918</v>
      </c>
      <c r="B42634" t="s">
        <v>59919</v>
      </c>
      <c r="C42634">
        <v>1</v>
      </c>
      <c r="D42634">
        <v>0</v>
      </c>
    </row>
    <row r="42635" spans="1:4" x14ac:dyDescent="0.25">
      <c r="A42635" t="s">
        <v>59918</v>
      </c>
      <c r="B42635" t="s">
        <v>59920</v>
      </c>
      <c r="C42635">
        <v>1</v>
      </c>
      <c r="D42635">
        <v>0</v>
      </c>
    </row>
    <row r="42636" spans="1:4" x14ac:dyDescent="0.25">
      <c r="A42636" t="s">
        <v>59918</v>
      </c>
      <c r="B42636" t="s">
        <v>59921</v>
      </c>
      <c r="C42636">
        <v>0</v>
      </c>
      <c r="D42636">
        <v>0</v>
      </c>
    </row>
    <row r="42637" spans="1:4" x14ac:dyDescent="0.25">
      <c r="A42637" t="s">
        <v>59918</v>
      </c>
      <c r="B42637" t="s">
        <v>59922</v>
      </c>
      <c r="C42637">
        <v>0</v>
      </c>
      <c r="D42637">
        <v>0</v>
      </c>
    </row>
    <row r="42638" spans="1:4" x14ac:dyDescent="0.25">
      <c r="A42638" t="s">
        <v>59918</v>
      </c>
      <c r="B42638" t="s">
        <v>59923</v>
      </c>
      <c r="C42638">
        <v>1</v>
      </c>
      <c r="D42638">
        <v>0</v>
      </c>
    </row>
    <row r="42639" spans="1:4" x14ac:dyDescent="0.25">
      <c r="A42639" t="s">
        <v>59918</v>
      </c>
      <c r="B42639" t="s">
        <v>18079</v>
      </c>
      <c r="C42639">
        <v>1</v>
      </c>
      <c r="D42639">
        <v>0</v>
      </c>
    </row>
    <row r="42640" spans="1:4" x14ac:dyDescent="0.25">
      <c r="A42640" t="s">
        <v>59924</v>
      </c>
      <c r="B42640" t="s">
        <v>59925</v>
      </c>
      <c r="C42640">
        <v>1</v>
      </c>
      <c r="D42640">
        <v>0</v>
      </c>
    </row>
    <row r="42641" spans="1:4" x14ac:dyDescent="0.25">
      <c r="A42641" t="s">
        <v>59924</v>
      </c>
      <c r="B42641" t="s">
        <v>59926</v>
      </c>
      <c r="C42641">
        <v>0</v>
      </c>
      <c r="D42641">
        <v>0</v>
      </c>
    </row>
    <row r="42642" spans="1:4" x14ac:dyDescent="0.25">
      <c r="A42642" t="s">
        <v>59924</v>
      </c>
      <c r="B42642" t="s">
        <v>59927</v>
      </c>
      <c r="C42642">
        <v>0</v>
      </c>
      <c r="D42642">
        <v>0</v>
      </c>
    </row>
    <row r="42643" spans="1:4" x14ac:dyDescent="0.25">
      <c r="A42643" t="s">
        <v>59924</v>
      </c>
      <c r="B42643" t="s">
        <v>59928</v>
      </c>
      <c r="C42643">
        <v>1</v>
      </c>
      <c r="D42643">
        <v>0</v>
      </c>
    </row>
    <row r="42644" spans="1:4" x14ac:dyDescent="0.25">
      <c r="A42644" t="s">
        <v>59924</v>
      </c>
      <c r="B42644" t="s">
        <v>59929</v>
      </c>
      <c r="C42644">
        <v>1</v>
      </c>
      <c r="D42644">
        <v>0</v>
      </c>
    </row>
    <row r="42645" spans="1:4" x14ac:dyDescent="0.25">
      <c r="A42645" t="s">
        <v>59924</v>
      </c>
      <c r="B42645" t="s">
        <v>59930</v>
      </c>
      <c r="C42645">
        <v>1</v>
      </c>
      <c r="D42645">
        <v>0</v>
      </c>
    </row>
    <row r="42646" spans="1:4" x14ac:dyDescent="0.25">
      <c r="A42646" t="s">
        <v>59924</v>
      </c>
      <c r="B42646" t="s">
        <v>59931</v>
      </c>
      <c r="C42646">
        <v>1</v>
      </c>
      <c r="D42646">
        <v>0</v>
      </c>
    </row>
    <row r="42647" spans="1:4" x14ac:dyDescent="0.25">
      <c r="A42647" t="s">
        <v>59924</v>
      </c>
      <c r="B42647" t="s">
        <v>59932</v>
      </c>
      <c r="C42647">
        <v>0</v>
      </c>
      <c r="D42647">
        <v>0</v>
      </c>
    </row>
    <row r="42648" spans="1:4" x14ac:dyDescent="0.25">
      <c r="A42648" t="s">
        <v>59924</v>
      </c>
      <c r="B42648" t="s">
        <v>59933</v>
      </c>
      <c r="C42648">
        <v>2</v>
      </c>
      <c r="D42648">
        <v>0</v>
      </c>
    </row>
    <row r="42649" spans="1:4" x14ac:dyDescent="0.25">
      <c r="A42649" t="s">
        <v>59934</v>
      </c>
      <c r="B42649" t="s">
        <v>59935</v>
      </c>
      <c r="C42649">
        <v>0</v>
      </c>
      <c r="D42649">
        <v>0</v>
      </c>
    </row>
    <row r="42650" spans="1:4" x14ac:dyDescent="0.25">
      <c r="A42650" t="s">
        <v>59934</v>
      </c>
      <c r="B42650" t="s">
        <v>59936</v>
      </c>
      <c r="C42650">
        <v>1</v>
      </c>
      <c r="D42650">
        <v>0</v>
      </c>
    </row>
    <row r="42651" spans="1:4" x14ac:dyDescent="0.25">
      <c r="A42651" t="s">
        <v>59934</v>
      </c>
      <c r="B42651" t="s">
        <v>59937</v>
      </c>
      <c r="C42651">
        <v>1</v>
      </c>
      <c r="D42651">
        <v>0</v>
      </c>
    </row>
    <row r="42652" spans="1:4" x14ac:dyDescent="0.25">
      <c r="A42652" t="s">
        <v>59938</v>
      </c>
      <c r="B42652" t="s">
        <v>59939</v>
      </c>
      <c r="C42652">
        <v>1</v>
      </c>
      <c r="D42652">
        <v>0</v>
      </c>
    </row>
    <row r="42653" spans="1:4" x14ac:dyDescent="0.25">
      <c r="A42653" t="s">
        <v>59940</v>
      </c>
      <c r="B42653" t="s">
        <v>59941</v>
      </c>
      <c r="C42653">
        <v>1</v>
      </c>
      <c r="D42653">
        <v>0</v>
      </c>
    </row>
    <row r="42654" spans="1:4" x14ac:dyDescent="0.25">
      <c r="A42654" t="s">
        <v>59940</v>
      </c>
      <c r="B42654" t="s">
        <v>59942</v>
      </c>
      <c r="C42654">
        <v>1</v>
      </c>
      <c r="D42654">
        <v>0</v>
      </c>
    </row>
    <row r="42655" spans="1:4" x14ac:dyDescent="0.25">
      <c r="A42655" t="s">
        <v>59940</v>
      </c>
      <c r="B42655" t="s">
        <v>59943</v>
      </c>
      <c r="C42655">
        <v>1</v>
      </c>
      <c r="D42655">
        <v>0</v>
      </c>
    </row>
    <row r="42656" spans="1:4" x14ac:dyDescent="0.25">
      <c r="A42656" t="s">
        <v>59940</v>
      </c>
      <c r="B42656" t="s">
        <v>59944</v>
      </c>
      <c r="C42656">
        <v>1</v>
      </c>
      <c r="D42656">
        <v>0</v>
      </c>
    </row>
    <row r="42657" spans="1:4" x14ac:dyDescent="0.25">
      <c r="A42657" t="s">
        <v>59945</v>
      </c>
      <c r="B42657" t="s">
        <v>59946</v>
      </c>
      <c r="C42657">
        <v>1</v>
      </c>
      <c r="D42657">
        <v>0</v>
      </c>
    </row>
    <row r="42658" spans="1:4" x14ac:dyDescent="0.25">
      <c r="A42658" t="s">
        <v>59945</v>
      </c>
      <c r="B42658" t="s">
        <v>59947</v>
      </c>
      <c r="C42658">
        <v>2</v>
      </c>
      <c r="D42658">
        <v>0</v>
      </c>
    </row>
    <row r="42659" spans="1:4" x14ac:dyDescent="0.25">
      <c r="A42659" t="s">
        <v>59945</v>
      </c>
      <c r="B42659" t="s">
        <v>59948</v>
      </c>
      <c r="C42659">
        <v>0</v>
      </c>
      <c r="D42659">
        <v>0</v>
      </c>
    </row>
    <row r="42660" spans="1:4" x14ac:dyDescent="0.25">
      <c r="A42660" t="s">
        <v>59945</v>
      </c>
      <c r="B42660" t="s">
        <v>59949</v>
      </c>
      <c r="C42660">
        <v>1</v>
      </c>
      <c r="D42660">
        <v>0</v>
      </c>
    </row>
    <row r="42661" spans="1:4" x14ac:dyDescent="0.25">
      <c r="A42661" t="s">
        <v>59950</v>
      </c>
      <c r="B42661" t="s">
        <v>59951</v>
      </c>
      <c r="C42661">
        <v>1</v>
      </c>
      <c r="D42661">
        <v>0</v>
      </c>
    </row>
    <row r="42662" spans="1:4" x14ac:dyDescent="0.25">
      <c r="A42662" t="s">
        <v>59950</v>
      </c>
      <c r="B42662" t="s">
        <v>59952</v>
      </c>
      <c r="C42662">
        <v>0</v>
      </c>
      <c r="D42662">
        <v>0</v>
      </c>
    </row>
    <row r="42663" spans="1:4" x14ac:dyDescent="0.25">
      <c r="A42663" t="s">
        <v>59950</v>
      </c>
      <c r="B42663" t="s">
        <v>1526</v>
      </c>
      <c r="C42663">
        <v>1</v>
      </c>
      <c r="D42663">
        <v>0</v>
      </c>
    </row>
    <row r="42664" spans="1:4" x14ac:dyDescent="0.25">
      <c r="A42664" t="s">
        <v>59950</v>
      </c>
      <c r="B42664" t="s">
        <v>59953</v>
      </c>
      <c r="C42664">
        <v>1</v>
      </c>
      <c r="D42664">
        <v>0</v>
      </c>
    </row>
    <row r="42665" spans="1:4" x14ac:dyDescent="0.25">
      <c r="A42665" t="s">
        <v>59954</v>
      </c>
      <c r="B42665" t="s">
        <v>59955</v>
      </c>
      <c r="C42665">
        <v>1</v>
      </c>
      <c r="D42665">
        <v>0</v>
      </c>
    </row>
    <row r="42666" spans="1:4" x14ac:dyDescent="0.25">
      <c r="A42666" t="s">
        <v>59954</v>
      </c>
      <c r="B42666" t="s">
        <v>59956</v>
      </c>
      <c r="C42666">
        <v>1</v>
      </c>
      <c r="D42666">
        <v>0</v>
      </c>
    </row>
    <row r="42667" spans="1:4" x14ac:dyDescent="0.25">
      <c r="A42667" t="s">
        <v>59954</v>
      </c>
      <c r="B42667" t="s">
        <v>59957</v>
      </c>
      <c r="C42667">
        <v>1</v>
      </c>
      <c r="D42667">
        <v>0</v>
      </c>
    </row>
    <row r="42668" spans="1:4" x14ac:dyDescent="0.25">
      <c r="A42668" t="s">
        <v>59954</v>
      </c>
      <c r="B42668" t="s">
        <v>59958</v>
      </c>
      <c r="C42668">
        <v>0</v>
      </c>
      <c r="D42668">
        <v>0</v>
      </c>
    </row>
    <row r="42669" spans="1:4" x14ac:dyDescent="0.25">
      <c r="A42669" t="s">
        <v>59954</v>
      </c>
      <c r="B42669" t="s">
        <v>59959</v>
      </c>
      <c r="C42669">
        <v>0</v>
      </c>
      <c r="D42669">
        <v>0</v>
      </c>
    </row>
    <row r="42670" spans="1:4" x14ac:dyDescent="0.25">
      <c r="A42670" t="s">
        <v>59960</v>
      </c>
      <c r="B42670" t="s">
        <v>18154</v>
      </c>
      <c r="C42670">
        <v>1</v>
      </c>
      <c r="D42670">
        <v>0</v>
      </c>
    </row>
    <row r="42671" spans="1:4" x14ac:dyDescent="0.25">
      <c r="A42671" t="s">
        <v>59960</v>
      </c>
      <c r="B42671" t="s">
        <v>59961</v>
      </c>
      <c r="C42671">
        <v>1</v>
      </c>
      <c r="D42671">
        <v>0</v>
      </c>
    </row>
    <row r="42672" spans="1:4" x14ac:dyDescent="0.25">
      <c r="A42672" t="s">
        <v>59960</v>
      </c>
      <c r="B42672" t="s">
        <v>59962</v>
      </c>
      <c r="C42672">
        <v>1</v>
      </c>
      <c r="D42672">
        <v>0</v>
      </c>
    </row>
    <row r="42673" spans="1:4" x14ac:dyDescent="0.25">
      <c r="A42673" t="s">
        <v>59963</v>
      </c>
      <c r="B42673" t="s">
        <v>59964</v>
      </c>
      <c r="C42673">
        <v>1</v>
      </c>
      <c r="D42673">
        <v>0</v>
      </c>
    </row>
    <row r="42674" spans="1:4" x14ac:dyDescent="0.25">
      <c r="A42674" t="s">
        <v>59963</v>
      </c>
      <c r="B42674" t="s">
        <v>59965</v>
      </c>
      <c r="C42674">
        <v>1</v>
      </c>
      <c r="D42674">
        <v>0</v>
      </c>
    </row>
    <row r="42675" spans="1:4" x14ac:dyDescent="0.25">
      <c r="A42675" t="s">
        <v>59963</v>
      </c>
      <c r="B42675" t="s">
        <v>59966</v>
      </c>
      <c r="C42675">
        <v>1</v>
      </c>
      <c r="D42675">
        <v>0</v>
      </c>
    </row>
    <row r="42676" spans="1:4" x14ac:dyDescent="0.25">
      <c r="A42676" t="s">
        <v>59967</v>
      </c>
      <c r="B42676" t="s">
        <v>59968</v>
      </c>
      <c r="C42676">
        <v>1</v>
      </c>
      <c r="D42676">
        <v>0</v>
      </c>
    </row>
    <row r="42677" spans="1:4" x14ac:dyDescent="0.25">
      <c r="A42677" t="s">
        <v>59967</v>
      </c>
      <c r="B42677" t="s">
        <v>5713</v>
      </c>
      <c r="C42677">
        <v>1</v>
      </c>
      <c r="D42677">
        <v>0</v>
      </c>
    </row>
    <row r="42678" spans="1:4" x14ac:dyDescent="0.25">
      <c r="A42678" t="s">
        <v>59967</v>
      </c>
      <c r="B42678" t="s">
        <v>59969</v>
      </c>
      <c r="C42678">
        <v>2</v>
      </c>
      <c r="D42678">
        <v>0</v>
      </c>
    </row>
    <row r="42679" spans="1:4" x14ac:dyDescent="0.25">
      <c r="A42679" t="s">
        <v>59970</v>
      </c>
      <c r="B42679" t="s">
        <v>59971</v>
      </c>
      <c r="C42679">
        <v>1</v>
      </c>
      <c r="D42679">
        <v>0</v>
      </c>
    </row>
    <row r="42680" spans="1:4" x14ac:dyDescent="0.25">
      <c r="A42680" t="s">
        <v>59970</v>
      </c>
      <c r="B42680" t="s">
        <v>59972</v>
      </c>
      <c r="C42680">
        <v>1</v>
      </c>
      <c r="D42680">
        <v>0</v>
      </c>
    </row>
    <row r="42681" spans="1:4" x14ac:dyDescent="0.25">
      <c r="A42681" t="s">
        <v>59970</v>
      </c>
      <c r="B42681" t="s">
        <v>59973</v>
      </c>
      <c r="C42681">
        <v>0</v>
      </c>
      <c r="D42681">
        <v>0</v>
      </c>
    </row>
    <row r="42682" spans="1:4" x14ac:dyDescent="0.25">
      <c r="A42682" t="s">
        <v>59970</v>
      </c>
      <c r="B42682" t="s">
        <v>59974</v>
      </c>
      <c r="C42682">
        <v>1</v>
      </c>
      <c r="D42682">
        <v>0</v>
      </c>
    </row>
    <row r="42683" spans="1:4" x14ac:dyDescent="0.25">
      <c r="A42683" t="s">
        <v>59970</v>
      </c>
      <c r="B42683" t="s">
        <v>59975</v>
      </c>
      <c r="C42683">
        <v>1</v>
      </c>
      <c r="D42683">
        <v>0</v>
      </c>
    </row>
    <row r="42684" spans="1:4" x14ac:dyDescent="0.25">
      <c r="A42684" t="s">
        <v>59970</v>
      </c>
      <c r="B42684" t="s">
        <v>59976</v>
      </c>
      <c r="C42684">
        <v>1</v>
      </c>
      <c r="D42684">
        <v>0</v>
      </c>
    </row>
    <row r="42685" spans="1:4" x14ac:dyDescent="0.25">
      <c r="A42685" t="s">
        <v>59977</v>
      </c>
      <c r="B42685" t="s">
        <v>59978</v>
      </c>
      <c r="C42685">
        <v>1</v>
      </c>
      <c r="D42685">
        <v>0</v>
      </c>
    </row>
    <row r="42686" spans="1:4" x14ac:dyDescent="0.25">
      <c r="A42686" t="s">
        <v>59977</v>
      </c>
      <c r="B42686" t="s">
        <v>59979</v>
      </c>
      <c r="C42686">
        <v>2</v>
      </c>
      <c r="D42686">
        <v>0</v>
      </c>
    </row>
    <row r="42687" spans="1:4" x14ac:dyDescent="0.25">
      <c r="A42687" t="s">
        <v>59977</v>
      </c>
      <c r="B42687" t="s">
        <v>59980</v>
      </c>
      <c r="C42687">
        <v>2</v>
      </c>
      <c r="D42687">
        <v>0</v>
      </c>
    </row>
    <row r="42688" spans="1:4" x14ac:dyDescent="0.25">
      <c r="A42688" t="s">
        <v>59977</v>
      </c>
      <c r="B42688" t="s">
        <v>59981</v>
      </c>
      <c r="C42688">
        <v>0</v>
      </c>
      <c r="D42688">
        <v>0</v>
      </c>
    </row>
    <row r="42689" spans="1:4" x14ac:dyDescent="0.25">
      <c r="A42689" t="s">
        <v>59982</v>
      </c>
      <c r="B42689" t="s">
        <v>59983</v>
      </c>
      <c r="C42689">
        <v>2</v>
      </c>
      <c r="D42689">
        <v>0</v>
      </c>
    </row>
    <row r="42690" spans="1:4" x14ac:dyDescent="0.25">
      <c r="A42690" t="s">
        <v>59982</v>
      </c>
      <c r="B42690" t="s">
        <v>59984</v>
      </c>
      <c r="C42690">
        <v>2</v>
      </c>
      <c r="D42690">
        <v>0</v>
      </c>
    </row>
    <row r="42691" spans="1:4" x14ac:dyDescent="0.25">
      <c r="A42691" t="s">
        <v>59982</v>
      </c>
      <c r="B42691" t="s">
        <v>59985</v>
      </c>
      <c r="C42691">
        <v>2</v>
      </c>
      <c r="D42691">
        <v>0</v>
      </c>
    </row>
    <row r="42692" spans="1:4" x14ac:dyDescent="0.25">
      <c r="A42692" t="s">
        <v>59982</v>
      </c>
      <c r="B42692" t="s">
        <v>27701</v>
      </c>
      <c r="C42692">
        <v>1</v>
      </c>
      <c r="D42692">
        <v>0</v>
      </c>
    </row>
    <row r="42693" spans="1:4" x14ac:dyDescent="0.25">
      <c r="A42693" t="s">
        <v>59982</v>
      </c>
      <c r="B42693" t="s">
        <v>23996</v>
      </c>
      <c r="C42693">
        <v>0</v>
      </c>
      <c r="D42693">
        <v>0</v>
      </c>
    </row>
    <row r="42694" spans="1:4" x14ac:dyDescent="0.25">
      <c r="A42694" t="s">
        <v>59982</v>
      </c>
      <c r="B42694" t="s">
        <v>59986</v>
      </c>
      <c r="C42694">
        <v>1</v>
      </c>
      <c r="D42694">
        <v>0</v>
      </c>
    </row>
    <row r="42695" spans="1:4" x14ac:dyDescent="0.25">
      <c r="A42695" t="s">
        <v>59982</v>
      </c>
      <c r="B42695" t="s">
        <v>59987</v>
      </c>
      <c r="C42695">
        <v>2</v>
      </c>
      <c r="D42695">
        <v>0</v>
      </c>
    </row>
    <row r="42696" spans="1:4" x14ac:dyDescent="0.25">
      <c r="A42696" t="s">
        <v>59982</v>
      </c>
      <c r="B42696" t="s">
        <v>59988</v>
      </c>
      <c r="C42696">
        <v>2</v>
      </c>
      <c r="D42696">
        <v>0</v>
      </c>
    </row>
    <row r="42697" spans="1:4" x14ac:dyDescent="0.25">
      <c r="A42697" t="s">
        <v>59982</v>
      </c>
      <c r="B42697" t="s">
        <v>59989</v>
      </c>
      <c r="C42697">
        <v>0</v>
      </c>
      <c r="D42697">
        <v>0</v>
      </c>
    </row>
    <row r="42698" spans="1:4" x14ac:dyDescent="0.25">
      <c r="A42698" t="s">
        <v>59990</v>
      </c>
      <c r="B42698" t="s">
        <v>59991</v>
      </c>
      <c r="C42698">
        <v>1</v>
      </c>
      <c r="D42698">
        <v>0</v>
      </c>
    </row>
    <row r="42699" spans="1:4" x14ac:dyDescent="0.25">
      <c r="A42699" t="s">
        <v>59990</v>
      </c>
      <c r="B42699" t="s">
        <v>59992</v>
      </c>
      <c r="C42699">
        <v>0</v>
      </c>
      <c r="D42699">
        <v>0</v>
      </c>
    </row>
    <row r="42700" spans="1:4" x14ac:dyDescent="0.25">
      <c r="A42700" t="s">
        <v>59990</v>
      </c>
      <c r="B42700" t="s">
        <v>59993</v>
      </c>
      <c r="C42700">
        <v>1</v>
      </c>
      <c r="D42700">
        <v>0</v>
      </c>
    </row>
    <row r="42701" spans="1:4" x14ac:dyDescent="0.25">
      <c r="A42701" t="s">
        <v>59990</v>
      </c>
      <c r="B42701" t="s">
        <v>59994</v>
      </c>
      <c r="C42701">
        <v>0</v>
      </c>
      <c r="D42701">
        <v>0</v>
      </c>
    </row>
    <row r="42702" spans="1:4" x14ac:dyDescent="0.25">
      <c r="A42702" t="s">
        <v>59990</v>
      </c>
      <c r="B42702" t="s">
        <v>59995</v>
      </c>
      <c r="C42702">
        <v>1</v>
      </c>
      <c r="D42702">
        <v>0</v>
      </c>
    </row>
    <row r="42703" spans="1:4" x14ac:dyDescent="0.25">
      <c r="A42703" t="s">
        <v>59990</v>
      </c>
      <c r="B42703" t="s">
        <v>59996</v>
      </c>
      <c r="C42703">
        <v>1</v>
      </c>
      <c r="D42703">
        <v>0</v>
      </c>
    </row>
    <row r="42704" spans="1:4" x14ac:dyDescent="0.25">
      <c r="A42704" t="s">
        <v>59997</v>
      </c>
      <c r="B42704" t="s">
        <v>59998</v>
      </c>
      <c r="C42704">
        <v>1</v>
      </c>
      <c r="D42704">
        <v>0</v>
      </c>
    </row>
    <row r="42705" spans="1:4" x14ac:dyDescent="0.25">
      <c r="A42705" t="s">
        <v>59997</v>
      </c>
      <c r="B42705" t="s">
        <v>59999</v>
      </c>
      <c r="C42705">
        <v>2</v>
      </c>
      <c r="D42705">
        <v>0</v>
      </c>
    </row>
    <row r="42706" spans="1:4" x14ac:dyDescent="0.25">
      <c r="A42706" t="s">
        <v>59997</v>
      </c>
      <c r="B42706" t="s">
        <v>60000</v>
      </c>
      <c r="C42706">
        <v>2</v>
      </c>
      <c r="D42706">
        <v>0</v>
      </c>
    </row>
    <row r="42707" spans="1:4" x14ac:dyDescent="0.25">
      <c r="A42707" t="s">
        <v>60001</v>
      </c>
      <c r="B42707" t="s">
        <v>60002</v>
      </c>
      <c r="C42707">
        <v>0</v>
      </c>
      <c r="D42707">
        <v>0</v>
      </c>
    </row>
    <row r="42708" spans="1:4" x14ac:dyDescent="0.25">
      <c r="A42708" t="s">
        <v>60001</v>
      </c>
      <c r="B42708" t="s">
        <v>60003</v>
      </c>
      <c r="C42708">
        <v>1</v>
      </c>
      <c r="D42708">
        <v>0</v>
      </c>
    </row>
    <row r="42709" spans="1:4" x14ac:dyDescent="0.25">
      <c r="A42709" t="s">
        <v>60004</v>
      </c>
      <c r="B42709" t="s">
        <v>60005</v>
      </c>
      <c r="C42709">
        <v>1</v>
      </c>
      <c r="D42709">
        <v>0</v>
      </c>
    </row>
    <row r="42710" spans="1:4" x14ac:dyDescent="0.25">
      <c r="A42710" t="s">
        <v>60004</v>
      </c>
      <c r="B42710" t="s">
        <v>60006</v>
      </c>
      <c r="C42710">
        <v>1</v>
      </c>
      <c r="D42710">
        <v>0</v>
      </c>
    </row>
    <row r="42711" spans="1:4" x14ac:dyDescent="0.25">
      <c r="A42711" t="s">
        <v>60004</v>
      </c>
      <c r="B42711" t="s">
        <v>60007</v>
      </c>
      <c r="C42711">
        <v>1</v>
      </c>
      <c r="D42711">
        <v>0</v>
      </c>
    </row>
    <row r="42712" spans="1:4" x14ac:dyDescent="0.25">
      <c r="A42712" t="s">
        <v>60004</v>
      </c>
      <c r="B42712" t="s">
        <v>60008</v>
      </c>
      <c r="C42712">
        <v>1</v>
      </c>
      <c r="D42712">
        <v>0</v>
      </c>
    </row>
    <row r="42713" spans="1:4" x14ac:dyDescent="0.25">
      <c r="A42713" t="s">
        <v>60004</v>
      </c>
      <c r="B42713" t="s">
        <v>60009</v>
      </c>
      <c r="C42713">
        <v>1</v>
      </c>
      <c r="D42713">
        <v>0</v>
      </c>
    </row>
    <row r="42714" spans="1:4" x14ac:dyDescent="0.25">
      <c r="A42714" t="s">
        <v>60010</v>
      </c>
      <c r="B42714" t="s">
        <v>60011</v>
      </c>
      <c r="C42714">
        <v>2</v>
      </c>
      <c r="D42714">
        <v>0</v>
      </c>
    </row>
    <row r="42715" spans="1:4" x14ac:dyDescent="0.25">
      <c r="A42715" t="s">
        <v>60010</v>
      </c>
      <c r="B42715" t="s">
        <v>60012</v>
      </c>
      <c r="C42715">
        <v>1</v>
      </c>
      <c r="D42715">
        <v>0</v>
      </c>
    </row>
    <row r="42716" spans="1:4" x14ac:dyDescent="0.25">
      <c r="A42716" t="s">
        <v>60013</v>
      </c>
      <c r="B42716" t="s">
        <v>60014</v>
      </c>
      <c r="C42716">
        <v>2</v>
      </c>
      <c r="D42716">
        <v>0</v>
      </c>
    </row>
    <row r="42717" spans="1:4" x14ac:dyDescent="0.25">
      <c r="A42717" t="s">
        <v>60013</v>
      </c>
      <c r="B42717" t="s">
        <v>35545</v>
      </c>
      <c r="C42717">
        <v>1</v>
      </c>
      <c r="D42717">
        <v>0</v>
      </c>
    </row>
    <row r="42718" spans="1:4" x14ac:dyDescent="0.25">
      <c r="A42718" t="s">
        <v>60013</v>
      </c>
      <c r="B42718" t="s">
        <v>54005</v>
      </c>
      <c r="C42718">
        <v>1</v>
      </c>
      <c r="D42718">
        <v>0</v>
      </c>
    </row>
    <row r="42719" spans="1:4" x14ac:dyDescent="0.25">
      <c r="A42719" t="s">
        <v>60013</v>
      </c>
      <c r="B42719" t="s">
        <v>60015</v>
      </c>
      <c r="C42719">
        <v>0</v>
      </c>
      <c r="D42719">
        <v>0</v>
      </c>
    </row>
    <row r="42720" spans="1:4" x14ac:dyDescent="0.25">
      <c r="A42720" t="s">
        <v>60013</v>
      </c>
      <c r="B42720" t="s">
        <v>60016</v>
      </c>
      <c r="C42720">
        <v>1</v>
      </c>
      <c r="D42720">
        <v>0</v>
      </c>
    </row>
    <row r="42721" spans="1:4" x14ac:dyDescent="0.25">
      <c r="A42721" t="s">
        <v>60013</v>
      </c>
      <c r="B42721" t="s">
        <v>60017</v>
      </c>
      <c r="C42721">
        <v>0</v>
      </c>
      <c r="D42721">
        <v>0</v>
      </c>
    </row>
    <row r="42722" spans="1:4" x14ac:dyDescent="0.25">
      <c r="A42722" t="s">
        <v>60013</v>
      </c>
      <c r="B42722" t="s">
        <v>60018</v>
      </c>
      <c r="C42722">
        <v>0</v>
      </c>
      <c r="D42722">
        <v>0</v>
      </c>
    </row>
    <row r="42723" spans="1:4" x14ac:dyDescent="0.25">
      <c r="A42723" t="s">
        <v>60019</v>
      </c>
      <c r="B42723" t="s">
        <v>35954</v>
      </c>
      <c r="C42723">
        <v>0</v>
      </c>
      <c r="D42723">
        <v>0</v>
      </c>
    </row>
    <row r="42724" spans="1:4" x14ac:dyDescent="0.25">
      <c r="A42724" t="s">
        <v>60019</v>
      </c>
      <c r="B42724" t="s">
        <v>60020</v>
      </c>
      <c r="C42724">
        <v>1</v>
      </c>
      <c r="D42724">
        <v>0</v>
      </c>
    </row>
    <row r="42725" spans="1:4" x14ac:dyDescent="0.25">
      <c r="A42725" t="s">
        <v>60019</v>
      </c>
      <c r="B42725" t="s">
        <v>60021</v>
      </c>
      <c r="C42725">
        <v>1</v>
      </c>
      <c r="D42725">
        <v>0</v>
      </c>
    </row>
    <row r="42726" spans="1:4" x14ac:dyDescent="0.25">
      <c r="A42726" t="s">
        <v>60019</v>
      </c>
      <c r="B42726" t="s">
        <v>60022</v>
      </c>
      <c r="C42726">
        <v>1</v>
      </c>
      <c r="D42726">
        <v>0</v>
      </c>
    </row>
    <row r="42727" spans="1:4" x14ac:dyDescent="0.25">
      <c r="A42727" t="s">
        <v>60019</v>
      </c>
      <c r="B42727" t="s">
        <v>60023</v>
      </c>
      <c r="C42727">
        <v>0</v>
      </c>
      <c r="D42727">
        <v>0</v>
      </c>
    </row>
    <row r="42728" spans="1:4" x14ac:dyDescent="0.25">
      <c r="A42728" t="s">
        <v>60019</v>
      </c>
      <c r="B42728" t="s">
        <v>60024</v>
      </c>
      <c r="C42728">
        <v>1</v>
      </c>
      <c r="D42728">
        <v>0</v>
      </c>
    </row>
    <row r="42729" spans="1:4" x14ac:dyDescent="0.25">
      <c r="A42729" t="s">
        <v>60019</v>
      </c>
      <c r="B42729" t="s">
        <v>60025</v>
      </c>
      <c r="C42729">
        <v>0</v>
      </c>
      <c r="D42729">
        <v>0</v>
      </c>
    </row>
    <row r="42730" spans="1:4" x14ac:dyDescent="0.25">
      <c r="A42730" t="s">
        <v>60026</v>
      </c>
      <c r="B42730" t="s">
        <v>11948</v>
      </c>
      <c r="C42730">
        <v>0</v>
      </c>
      <c r="D42730">
        <v>0</v>
      </c>
    </row>
    <row r="42731" spans="1:4" x14ac:dyDescent="0.25">
      <c r="A42731" t="s">
        <v>60026</v>
      </c>
      <c r="B42731" t="s">
        <v>60027</v>
      </c>
      <c r="C42731">
        <v>2</v>
      </c>
      <c r="D42731">
        <v>0</v>
      </c>
    </row>
    <row r="42732" spans="1:4" x14ac:dyDescent="0.25">
      <c r="A42732" t="s">
        <v>60026</v>
      </c>
      <c r="B42732" t="s">
        <v>60028</v>
      </c>
      <c r="C42732">
        <v>0</v>
      </c>
      <c r="D42732">
        <v>0</v>
      </c>
    </row>
    <row r="42733" spans="1:4" x14ac:dyDescent="0.25">
      <c r="A42733" t="s">
        <v>60026</v>
      </c>
      <c r="B42733" t="s">
        <v>60029</v>
      </c>
      <c r="C42733">
        <v>2</v>
      </c>
      <c r="D42733">
        <v>0</v>
      </c>
    </row>
    <row r="42734" spans="1:4" x14ac:dyDescent="0.25">
      <c r="A42734" t="s">
        <v>60026</v>
      </c>
      <c r="B42734" t="s">
        <v>60030</v>
      </c>
      <c r="C42734">
        <v>1</v>
      </c>
      <c r="D42734">
        <v>0</v>
      </c>
    </row>
    <row r="42735" spans="1:4" x14ac:dyDescent="0.25">
      <c r="A42735" t="s">
        <v>60026</v>
      </c>
      <c r="B42735" t="s">
        <v>60031</v>
      </c>
      <c r="C42735">
        <v>2</v>
      </c>
      <c r="D42735">
        <v>0</v>
      </c>
    </row>
    <row r="42736" spans="1:4" x14ac:dyDescent="0.25">
      <c r="A42736" t="s">
        <v>60032</v>
      </c>
      <c r="B42736" t="s">
        <v>60033</v>
      </c>
      <c r="C42736">
        <v>2</v>
      </c>
      <c r="D42736">
        <v>0</v>
      </c>
    </row>
    <row r="42737" spans="1:4" x14ac:dyDescent="0.25">
      <c r="A42737" t="s">
        <v>60034</v>
      </c>
      <c r="B42737" t="s">
        <v>60035</v>
      </c>
      <c r="C42737">
        <v>1</v>
      </c>
      <c r="D42737">
        <v>0</v>
      </c>
    </row>
    <row r="42738" spans="1:4" x14ac:dyDescent="0.25">
      <c r="A42738" t="s">
        <v>60034</v>
      </c>
      <c r="B42738" t="s">
        <v>60036</v>
      </c>
      <c r="C42738">
        <v>1</v>
      </c>
      <c r="D42738">
        <v>0</v>
      </c>
    </row>
    <row r="42739" spans="1:4" x14ac:dyDescent="0.25">
      <c r="A42739" t="s">
        <v>60034</v>
      </c>
      <c r="B42739" t="s">
        <v>60037</v>
      </c>
      <c r="C42739">
        <v>1</v>
      </c>
      <c r="D42739">
        <v>0</v>
      </c>
    </row>
    <row r="42740" spans="1:4" x14ac:dyDescent="0.25">
      <c r="A42740" t="s">
        <v>60034</v>
      </c>
      <c r="B42740" t="s">
        <v>60038</v>
      </c>
      <c r="C42740">
        <v>0</v>
      </c>
      <c r="D42740">
        <v>0</v>
      </c>
    </row>
    <row r="42741" spans="1:4" x14ac:dyDescent="0.25">
      <c r="A42741" t="s">
        <v>60034</v>
      </c>
      <c r="B42741" t="s">
        <v>60039</v>
      </c>
      <c r="C42741">
        <v>2</v>
      </c>
      <c r="D42741">
        <v>0</v>
      </c>
    </row>
    <row r="42742" spans="1:4" x14ac:dyDescent="0.25">
      <c r="A42742" t="s">
        <v>60040</v>
      </c>
      <c r="B42742" t="s">
        <v>60041</v>
      </c>
      <c r="C42742">
        <v>1</v>
      </c>
      <c r="D42742">
        <v>0</v>
      </c>
    </row>
    <row r="42743" spans="1:4" x14ac:dyDescent="0.25">
      <c r="A42743" t="s">
        <v>60040</v>
      </c>
      <c r="B42743" t="s">
        <v>60042</v>
      </c>
      <c r="C42743">
        <v>0</v>
      </c>
      <c r="D42743">
        <v>0</v>
      </c>
    </row>
    <row r="42744" spans="1:4" x14ac:dyDescent="0.25">
      <c r="A42744" t="s">
        <v>60040</v>
      </c>
      <c r="B42744" t="s">
        <v>60043</v>
      </c>
      <c r="C42744">
        <v>1</v>
      </c>
      <c r="D42744">
        <v>0</v>
      </c>
    </row>
    <row r="42745" spans="1:4" x14ac:dyDescent="0.25">
      <c r="A42745" t="s">
        <v>60040</v>
      </c>
      <c r="B42745" t="s">
        <v>60044</v>
      </c>
      <c r="C42745">
        <v>0</v>
      </c>
      <c r="D42745">
        <v>0</v>
      </c>
    </row>
    <row r="42746" spans="1:4" x14ac:dyDescent="0.25">
      <c r="A42746" t="s">
        <v>60040</v>
      </c>
      <c r="B42746" t="s">
        <v>60045</v>
      </c>
      <c r="C42746">
        <v>0</v>
      </c>
      <c r="D42746">
        <v>0</v>
      </c>
    </row>
    <row r="42747" spans="1:4" x14ac:dyDescent="0.25">
      <c r="A42747" t="s">
        <v>60046</v>
      </c>
      <c r="B42747" t="s">
        <v>60047</v>
      </c>
      <c r="C42747">
        <v>1</v>
      </c>
      <c r="D42747">
        <v>0</v>
      </c>
    </row>
    <row r="42748" spans="1:4" x14ac:dyDescent="0.25">
      <c r="A42748" t="s">
        <v>60046</v>
      </c>
      <c r="B42748" t="s">
        <v>60048</v>
      </c>
      <c r="C42748">
        <v>1</v>
      </c>
      <c r="D42748">
        <v>0</v>
      </c>
    </row>
    <row r="42749" spans="1:4" x14ac:dyDescent="0.25">
      <c r="A42749" t="s">
        <v>60046</v>
      </c>
      <c r="B42749" t="s">
        <v>60049</v>
      </c>
      <c r="C42749">
        <v>1</v>
      </c>
      <c r="D42749">
        <v>0</v>
      </c>
    </row>
    <row r="42750" spans="1:4" x14ac:dyDescent="0.25">
      <c r="A42750" t="s">
        <v>60046</v>
      </c>
      <c r="B42750" t="s">
        <v>60050</v>
      </c>
      <c r="C42750">
        <v>1</v>
      </c>
      <c r="D42750">
        <v>0</v>
      </c>
    </row>
    <row r="42751" spans="1:4" x14ac:dyDescent="0.25">
      <c r="A42751" t="s">
        <v>60051</v>
      </c>
      <c r="B42751" t="s">
        <v>2865</v>
      </c>
      <c r="C42751">
        <v>0</v>
      </c>
      <c r="D42751">
        <v>0</v>
      </c>
    </row>
    <row r="42752" spans="1:4" x14ac:dyDescent="0.25">
      <c r="A42752" t="s">
        <v>60051</v>
      </c>
      <c r="B42752" t="s">
        <v>60052</v>
      </c>
      <c r="C42752">
        <v>0</v>
      </c>
      <c r="D42752">
        <v>0</v>
      </c>
    </row>
    <row r="42753" spans="1:4" x14ac:dyDescent="0.25">
      <c r="A42753" t="s">
        <v>60051</v>
      </c>
      <c r="B42753" t="s">
        <v>60053</v>
      </c>
      <c r="C42753">
        <v>0</v>
      </c>
      <c r="D42753">
        <v>0</v>
      </c>
    </row>
    <row r="42754" spans="1:4" x14ac:dyDescent="0.25">
      <c r="A42754" t="s">
        <v>60051</v>
      </c>
      <c r="B42754" t="s">
        <v>60054</v>
      </c>
      <c r="C42754">
        <v>1</v>
      </c>
      <c r="D42754">
        <v>0</v>
      </c>
    </row>
    <row r="42755" spans="1:4" x14ac:dyDescent="0.25">
      <c r="A42755" t="s">
        <v>60055</v>
      </c>
      <c r="B42755" t="s">
        <v>60056</v>
      </c>
      <c r="C42755">
        <v>0</v>
      </c>
      <c r="D42755">
        <v>0</v>
      </c>
    </row>
    <row r="42756" spans="1:4" x14ac:dyDescent="0.25">
      <c r="A42756" t="s">
        <v>60055</v>
      </c>
      <c r="B42756" t="s">
        <v>60057</v>
      </c>
      <c r="C42756">
        <v>1</v>
      </c>
      <c r="D42756">
        <v>0</v>
      </c>
    </row>
    <row r="42757" spans="1:4" x14ac:dyDescent="0.25">
      <c r="A42757" t="s">
        <v>60055</v>
      </c>
      <c r="B42757" t="s">
        <v>60058</v>
      </c>
      <c r="C42757">
        <v>2</v>
      </c>
      <c r="D42757">
        <v>0</v>
      </c>
    </row>
    <row r="42758" spans="1:4" x14ac:dyDescent="0.25">
      <c r="A42758" t="s">
        <v>60059</v>
      </c>
      <c r="B42758" t="s">
        <v>60060</v>
      </c>
      <c r="C42758">
        <v>1</v>
      </c>
      <c r="D42758">
        <v>0</v>
      </c>
    </row>
    <row r="42759" spans="1:4" x14ac:dyDescent="0.25">
      <c r="A42759" t="s">
        <v>60059</v>
      </c>
      <c r="B42759" t="s">
        <v>60061</v>
      </c>
      <c r="C42759">
        <v>2</v>
      </c>
      <c r="D42759">
        <v>0</v>
      </c>
    </row>
    <row r="42760" spans="1:4" x14ac:dyDescent="0.25">
      <c r="A42760" t="s">
        <v>60059</v>
      </c>
      <c r="B42760" t="s">
        <v>60062</v>
      </c>
      <c r="C42760">
        <v>0</v>
      </c>
      <c r="D42760">
        <v>0</v>
      </c>
    </row>
    <row r="42761" spans="1:4" x14ac:dyDescent="0.25">
      <c r="A42761" t="s">
        <v>60063</v>
      </c>
      <c r="B42761" t="s">
        <v>60064</v>
      </c>
      <c r="C42761">
        <v>1</v>
      </c>
      <c r="D42761">
        <v>0</v>
      </c>
    </row>
    <row r="42762" spans="1:4" x14ac:dyDescent="0.25">
      <c r="A42762" t="s">
        <v>60063</v>
      </c>
      <c r="B42762" t="s">
        <v>60065</v>
      </c>
      <c r="C42762">
        <v>1</v>
      </c>
      <c r="D42762">
        <v>0</v>
      </c>
    </row>
    <row r="42763" spans="1:4" x14ac:dyDescent="0.25">
      <c r="A42763" t="s">
        <v>60063</v>
      </c>
      <c r="B42763" t="s">
        <v>60066</v>
      </c>
      <c r="C42763">
        <v>1</v>
      </c>
      <c r="D42763">
        <v>0</v>
      </c>
    </row>
    <row r="42764" spans="1:4" x14ac:dyDescent="0.25">
      <c r="A42764" t="s">
        <v>60067</v>
      </c>
      <c r="B42764" t="s">
        <v>60068</v>
      </c>
      <c r="C42764">
        <v>1</v>
      </c>
      <c r="D42764">
        <v>0</v>
      </c>
    </row>
    <row r="42765" spans="1:4" x14ac:dyDescent="0.25">
      <c r="A42765" t="s">
        <v>60067</v>
      </c>
      <c r="B42765" t="s">
        <v>60069</v>
      </c>
      <c r="C42765">
        <v>0</v>
      </c>
      <c r="D42765">
        <v>0</v>
      </c>
    </row>
    <row r="42766" spans="1:4" x14ac:dyDescent="0.25">
      <c r="A42766" t="s">
        <v>60067</v>
      </c>
      <c r="B42766" t="s">
        <v>60070</v>
      </c>
      <c r="C42766">
        <v>1</v>
      </c>
      <c r="D42766">
        <v>0</v>
      </c>
    </row>
    <row r="42767" spans="1:4" x14ac:dyDescent="0.25">
      <c r="A42767" t="s">
        <v>60067</v>
      </c>
      <c r="B42767" t="s">
        <v>60071</v>
      </c>
      <c r="C42767">
        <v>1</v>
      </c>
      <c r="D42767">
        <v>0</v>
      </c>
    </row>
    <row r="42768" spans="1:4" x14ac:dyDescent="0.25">
      <c r="A42768" t="s">
        <v>60067</v>
      </c>
      <c r="B42768" t="s">
        <v>60072</v>
      </c>
      <c r="C42768">
        <v>2</v>
      </c>
      <c r="D42768">
        <v>0</v>
      </c>
    </row>
    <row r="42769" spans="1:4" x14ac:dyDescent="0.25">
      <c r="A42769" t="s">
        <v>60073</v>
      </c>
      <c r="B42769" t="s">
        <v>60074</v>
      </c>
      <c r="C42769">
        <v>1</v>
      </c>
      <c r="D42769">
        <v>0</v>
      </c>
    </row>
    <row r="42770" spans="1:4" x14ac:dyDescent="0.25">
      <c r="A42770" t="s">
        <v>60073</v>
      </c>
      <c r="B42770" t="s">
        <v>60075</v>
      </c>
      <c r="C42770">
        <v>1</v>
      </c>
      <c r="D42770">
        <v>0</v>
      </c>
    </row>
    <row r="42771" spans="1:4" x14ac:dyDescent="0.25">
      <c r="A42771" t="s">
        <v>60073</v>
      </c>
      <c r="B42771" t="s">
        <v>60076</v>
      </c>
      <c r="C42771">
        <v>1</v>
      </c>
      <c r="D42771">
        <v>0</v>
      </c>
    </row>
    <row r="42772" spans="1:4" x14ac:dyDescent="0.25">
      <c r="A42772" t="s">
        <v>60073</v>
      </c>
      <c r="B42772" t="s">
        <v>60077</v>
      </c>
      <c r="C42772">
        <v>1</v>
      </c>
      <c r="D42772">
        <v>0</v>
      </c>
    </row>
    <row r="42773" spans="1:4" x14ac:dyDescent="0.25">
      <c r="A42773" t="s">
        <v>60073</v>
      </c>
      <c r="B42773" t="s">
        <v>60078</v>
      </c>
      <c r="C42773">
        <v>1</v>
      </c>
      <c r="D42773">
        <v>0</v>
      </c>
    </row>
    <row r="42774" spans="1:4" x14ac:dyDescent="0.25">
      <c r="A42774" t="s">
        <v>60079</v>
      </c>
      <c r="B42774" t="s">
        <v>60080</v>
      </c>
      <c r="C42774">
        <v>1</v>
      </c>
      <c r="D42774">
        <v>0</v>
      </c>
    </row>
    <row r="42775" spans="1:4" x14ac:dyDescent="0.25">
      <c r="A42775" t="s">
        <v>60079</v>
      </c>
      <c r="B42775" t="s">
        <v>17479</v>
      </c>
      <c r="C42775">
        <v>2</v>
      </c>
      <c r="D42775">
        <v>0</v>
      </c>
    </row>
    <row r="42776" spans="1:4" x14ac:dyDescent="0.25">
      <c r="A42776" t="s">
        <v>60081</v>
      </c>
      <c r="B42776" t="s">
        <v>33922</v>
      </c>
      <c r="C42776">
        <v>1</v>
      </c>
      <c r="D42776">
        <v>0</v>
      </c>
    </row>
    <row r="42777" spans="1:4" x14ac:dyDescent="0.25">
      <c r="A42777" t="s">
        <v>60082</v>
      </c>
      <c r="B42777" t="s">
        <v>60083</v>
      </c>
      <c r="C42777">
        <v>0</v>
      </c>
      <c r="D42777">
        <v>0</v>
      </c>
    </row>
    <row r="42778" spans="1:4" x14ac:dyDescent="0.25">
      <c r="A42778" t="s">
        <v>60084</v>
      </c>
      <c r="B42778" t="s">
        <v>60085</v>
      </c>
      <c r="C42778">
        <v>1</v>
      </c>
      <c r="D42778">
        <v>0</v>
      </c>
    </row>
    <row r="42779" spans="1:4" x14ac:dyDescent="0.25">
      <c r="A42779" t="s">
        <v>60084</v>
      </c>
      <c r="B42779" t="s">
        <v>60086</v>
      </c>
      <c r="C42779">
        <v>2</v>
      </c>
      <c r="D42779">
        <v>0</v>
      </c>
    </row>
    <row r="42780" spans="1:4" x14ac:dyDescent="0.25">
      <c r="A42780" t="s">
        <v>60084</v>
      </c>
      <c r="B42780" t="s">
        <v>60087</v>
      </c>
      <c r="C42780">
        <v>0</v>
      </c>
      <c r="D42780">
        <v>0</v>
      </c>
    </row>
    <row r="42781" spans="1:4" x14ac:dyDescent="0.25">
      <c r="A42781" t="s">
        <v>60088</v>
      </c>
      <c r="B42781" t="s">
        <v>60089</v>
      </c>
      <c r="C42781">
        <v>1</v>
      </c>
      <c r="D42781">
        <v>0</v>
      </c>
    </row>
    <row r="42782" spans="1:4" x14ac:dyDescent="0.25">
      <c r="A42782" t="s">
        <v>60088</v>
      </c>
      <c r="B42782" t="s">
        <v>60090</v>
      </c>
      <c r="C42782">
        <v>1</v>
      </c>
      <c r="D42782">
        <v>0</v>
      </c>
    </row>
    <row r="42783" spans="1:4" x14ac:dyDescent="0.25">
      <c r="A42783" t="s">
        <v>60088</v>
      </c>
      <c r="B42783" t="s">
        <v>60091</v>
      </c>
      <c r="C42783">
        <v>2</v>
      </c>
      <c r="D42783">
        <v>0</v>
      </c>
    </row>
    <row r="42784" spans="1:4" x14ac:dyDescent="0.25">
      <c r="A42784" t="s">
        <v>60088</v>
      </c>
      <c r="B42784" t="s">
        <v>60092</v>
      </c>
      <c r="C42784">
        <v>1</v>
      </c>
      <c r="D42784">
        <v>0</v>
      </c>
    </row>
    <row r="42785" spans="1:4" x14ac:dyDescent="0.25">
      <c r="A42785" t="s">
        <v>60088</v>
      </c>
      <c r="B42785" t="s">
        <v>60093</v>
      </c>
      <c r="C42785">
        <v>2</v>
      </c>
      <c r="D42785">
        <v>0</v>
      </c>
    </row>
    <row r="42786" spans="1:4" x14ac:dyDescent="0.25">
      <c r="A42786" t="s">
        <v>60094</v>
      </c>
      <c r="B42786" t="s">
        <v>60095</v>
      </c>
      <c r="C42786">
        <v>1</v>
      </c>
      <c r="D42786">
        <v>0</v>
      </c>
    </row>
    <row r="42787" spans="1:4" x14ac:dyDescent="0.25">
      <c r="A42787" t="s">
        <v>60094</v>
      </c>
      <c r="B42787" t="s">
        <v>60096</v>
      </c>
      <c r="C42787">
        <v>1</v>
      </c>
      <c r="D42787">
        <v>0</v>
      </c>
    </row>
    <row r="42788" spans="1:4" x14ac:dyDescent="0.25">
      <c r="A42788" t="s">
        <v>60094</v>
      </c>
      <c r="B42788" t="s">
        <v>60097</v>
      </c>
      <c r="C42788">
        <v>1</v>
      </c>
      <c r="D42788">
        <v>0</v>
      </c>
    </row>
    <row r="42789" spans="1:4" x14ac:dyDescent="0.25">
      <c r="A42789" t="s">
        <v>60094</v>
      </c>
      <c r="B42789" t="s">
        <v>60098</v>
      </c>
      <c r="C42789">
        <v>1</v>
      </c>
      <c r="D42789">
        <v>0</v>
      </c>
    </row>
    <row r="42790" spans="1:4" x14ac:dyDescent="0.25">
      <c r="A42790" t="s">
        <v>60094</v>
      </c>
      <c r="B42790" t="s">
        <v>60099</v>
      </c>
      <c r="C42790">
        <v>1</v>
      </c>
      <c r="D42790">
        <v>0</v>
      </c>
    </row>
    <row r="42791" spans="1:4" x14ac:dyDescent="0.25">
      <c r="A42791" t="s">
        <v>60094</v>
      </c>
      <c r="B42791" t="s">
        <v>60100</v>
      </c>
      <c r="C42791">
        <v>1</v>
      </c>
      <c r="D42791">
        <v>0</v>
      </c>
    </row>
    <row r="42792" spans="1:4" x14ac:dyDescent="0.25">
      <c r="A42792" t="s">
        <v>60094</v>
      </c>
      <c r="B42792" t="s">
        <v>60101</v>
      </c>
      <c r="C42792">
        <v>1</v>
      </c>
      <c r="D42792">
        <v>0</v>
      </c>
    </row>
    <row r="42793" spans="1:4" x14ac:dyDescent="0.25">
      <c r="A42793" t="s">
        <v>60094</v>
      </c>
      <c r="B42793" t="s">
        <v>60102</v>
      </c>
      <c r="C42793">
        <v>1</v>
      </c>
      <c r="D42793">
        <v>0</v>
      </c>
    </row>
    <row r="42794" spans="1:4" x14ac:dyDescent="0.25">
      <c r="A42794" t="s">
        <v>60103</v>
      </c>
      <c r="B42794" t="s">
        <v>60104</v>
      </c>
      <c r="C42794">
        <v>0</v>
      </c>
      <c r="D42794">
        <v>0</v>
      </c>
    </row>
    <row r="42795" spans="1:4" x14ac:dyDescent="0.25">
      <c r="A42795" t="s">
        <v>60103</v>
      </c>
      <c r="B42795" t="s">
        <v>60105</v>
      </c>
      <c r="C42795">
        <v>1</v>
      </c>
      <c r="D42795">
        <v>0</v>
      </c>
    </row>
    <row r="42796" spans="1:4" x14ac:dyDescent="0.25">
      <c r="A42796" t="s">
        <v>60103</v>
      </c>
      <c r="B42796" t="s">
        <v>60106</v>
      </c>
      <c r="C42796">
        <v>2</v>
      </c>
      <c r="D42796">
        <v>0</v>
      </c>
    </row>
    <row r="42797" spans="1:4" x14ac:dyDescent="0.25">
      <c r="A42797" t="s">
        <v>60103</v>
      </c>
      <c r="B42797" t="s">
        <v>60107</v>
      </c>
      <c r="C42797">
        <v>2</v>
      </c>
      <c r="D42797">
        <v>0</v>
      </c>
    </row>
    <row r="42798" spans="1:4" x14ac:dyDescent="0.25">
      <c r="A42798" t="s">
        <v>60108</v>
      </c>
      <c r="B42798" t="s">
        <v>3675</v>
      </c>
      <c r="C42798">
        <v>1</v>
      </c>
      <c r="D42798">
        <v>0</v>
      </c>
    </row>
    <row r="42799" spans="1:4" x14ac:dyDescent="0.25">
      <c r="A42799" t="s">
        <v>60108</v>
      </c>
      <c r="B42799" t="s">
        <v>60109</v>
      </c>
      <c r="C42799">
        <v>2</v>
      </c>
      <c r="D42799">
        <v>0</v>
      </c>
    </row>
    <row r="42800" spans="1:4" x14ac:dyDescent="0.25">
      <c r="A42800" t="s">
        <v>60108</v>
      </c>
      <c r="B42800" t="s">
        <v>60110</v>
      </c>
      <c r="C42800">
        <v>1</v>
      </c>
      <c r="D42800">
        <v>0</v>
      </c>
    </row>
    <row r="42801" spans="1:4" x14ac:dyDescent="0.25">
      <c r="A42801" t="s">
        <v>60108</v>
      </c>
      <c r="B42801" t="s">
        <v>60111</v>
      </c>
      <c r="C42801">
        <v>1</v>
      </c>
      <c r="D42801">
        <v>0</v>
      </c>
    </row>
    <row r="42802" spans="1:4" x14ac:dyDescent="0.25">
      <c r="A42802" t="s">
        <v>60108</v>
      </c>
      <c r="B42802" t="s">
        <v>60112</v>
      </c>
      <c r="C42802">
        <v>1</v>
      </c>
      <c r="D42802">
        <v>0</v>
      </c>
    </row>
    <row r="42803" spans="1:4" x14ac:dyDescent="0.25">
      <c r="A42803" t="s">
        <v>60108</v>
      </c>
      <c r="B42803" t="s">
        <v>60113</v>
      </c>
      <c r="C42803">
        <v>0</v>
      </c>
      <c r="D42803">
        <v>0</v>
      </c>
    </row>
    <row r="42804" spans="1:4" x14ac:dyDescent="0.25">
      <c r="A42804" t="s">
        <v>60114</v>
      </c>
      <c r="B42804" t="s">
        <v>60115</v>
      </c>
      <c r="C42804">
        <v>1</v>
      </c>
      <c r="D42804">
        <v>0</v>
      </c>
    </row>
    <row r="42805" spans="1:4" x14ac:dyDescent="0.25">
      <c r="A42805" t="s">
        <v>60114</v>
      </c>
      <c r="B42805" t="s">
        <v>60116</v>
      </c>
      <c r="C42805">
        <v>2</v>
      </c>
      <c r="D42805">
        <v>0</v>
      </c>
    </row>
    <row r="42806" spans="1:4" x14ac:dyDescent="0.25">
      <c r="A42806" t="s">
        <v>60117</v>
      </c>
      <c r="B42806" t="s">
        <v>60118</v>
      </c>
      <c r="C42806">
        <v>0</v>
      </c>
      <c r="D42806">
        <v>0</v>
      </c>
    </row>
    <row r="42807" spans="1:4" x14ac:dyDescent="0.25">
      <c r="A42807" t="s">
        <v>60117</v>
      </c>
      <c r="B42807" t="s">
        <v>60119</v>
      </c>
      <c r="C42807">
        <v>0</v>
      </c>
      <c r="D42807">
        <v>0</v>
      </c>
    </row>
    <row r="42808" spans="1:4" x14ac:dyDescent="0.25">
      <c r="A42808" t="s">
        <v>60117</v>
      </c>
      <c r="B42808" t="s">
        <v>60120</v>
      </c>
      <c r="C42808">
        <v>0</v>
      </c>
      <c r="D42808">
        <v>0</v>
      </c>
    </row>
    <row r="42809" spans="1:4" x14ac:dyDescent="0.25">
      <c r="A42809" t="s">
        <v>60117</v>
      </c>
      <c r="B42809" t="s">
        <v>60121</v>
      </c>
      <c r="C42809">
        <v>1</v>
      </c>
      <c r="D42809">
        <v>0</v>
      </c>
    </row>
    <row r="42810" spans="1:4" x14ac:dyDescent="0.25">
      <c r="A42810" t="s">
        <v>60122</v>
      </c>
      <c r="B42810" t="s">
        <v>60123</v>
      </c>
      <c r="C42810">
        <v>2</v>
      </c>
      <c r="D42810">
        <v>0</v>
      </c>
    </row>
    <row r="42811" spans="1:4" x14ac:dyDescent="0.25">
      <c r="A42811" t="s">
        <v>60122</v>
      </c>
      <c r="B42811" t="s">
        <v>60124</v>
      </c>
      <c r="C42811">
        <v>1</v>
      </c>
      <c r="D42811">
        <v>0</v>
      </c>
    </row>
    <row r="42812" spans="1:4" x14ac:dyDescent="0.25">
      <c r="A42812" t="s">
        <v>60122</v>
      </c>
      <c r="B42812" t="s">
        <v>17257</v>
      </c>
      <c r="C42812">
        <v>1</v>
      </c>
      <c r="D42812">
        <v>0</v>
      </c>
    </row>
    <row r="42813" spans="1:4" x14ac:dyDescent="0.25">
      <c r="A42813" t="s">
        <v>60122</v>
      </c>
      <c r="B42813" t="s">
        <v>60125</v>
      </c>
      <c r="C42813">
        <v>0</v>
      </c>
      <c r="D42813">
        <v>0</v>
      </c>
    </row>
    <row r="42814" spans="1:4" x14ac:dyDescent="0.25">
      <c r="A42814" t="s">
        <v>60122</v>
      </c>
      <c r="B42814" t="s">
        <v>60126</v>
      </c>
      <c r="C42814">
        <v>1</v>
      </c>
      <c r="D42814">
        <v>0</v>
      </c>
    </row>
    <row r="42815" spans="1:4" x14ac:dyDescent="0.25">
      <c r="A42815" t="s">
        <v>60122</v>
      </c>
      <c r="B42815" t="s">
        <v>60127</v>
      </c>
      <c r="C42815">
        <v>2</v>
      </c>
      <c r="D42815">
        <v>0</v>
      </c>
    </row>
    <row r="42816" spans="1:4" x14ac:dyDescent="0.25">
      <c r="A42816" t="s">
        <v>60128</v>
      </c>
      <c r="B42816" t="s">
        <v>60129</v>
      </c>
      <c r="C42816">
        <v>0</v>
      </c>
      <c r="D42816">
        <v>0</v>
      </c>
    </row>
    <row r="42817" spans="1:4" x14ac:dyDescent="0.25">
      <c r="A42817" t="s">
        <v>60128</v>
      </c>
      <c r="B42817" t="s">
        <v>60130</v>
      </c>
      <c r="C42817">
        <v>0</v>
      </c>
      <c r="D42817">
        <v>0</v>
      </c>
    </row>
    <row r="42818" spans="1:4" x14ac:dyDescent="0.25">
      <c r="A42818" t="s">
        <v>60128</v>
      </c>
      <c r="B42818" t="s">
        <v>60131</v>
      </c>
      <c r="C42818">
        <v>0</v>
      </c>
      <c r="D42818">
        <v>0</v>
      </c>
    </row>
    <row r="42819" spans="1:4" x14ac:dyDescent="0.25">
      <c r="A42819" t="s">
        <v>60128</v>
      </c>
      <c r="B42819" t="s">
        <v>60132</v>
      </c>
      <c r="C42819">
        <v>0</v>
      </c>
      <c r="D42819">
        <v>0</v>
      </c>
    </row>
    <row r="42820" spans="1:4" x14ac:dyDescent="0.25">
      <c r="A42820" t="s">
        <v>60128</v>
      </c>
      <c r="B42820" t="s">
        <v>60133</v>
      </c>
      <c r="C42820">
        <v>2</v>
      </c>
      <c r="D42820">
        <v>0</v>
      </c>
    </row>
    <row r="42821" spans="1:4" x14ac:dyDescent="0.25">
      <c r="A42821" t="s">
        <v>60128</v>
      </c>
      <c r="B42821" t="s">
        <v>60134</v>
      </c>
      <c r="C42821">
        <v>1</v>
      </c>
      <c r="D42821">
        <v>0</v>
      </c>
    </row>
    <row r="42822" spans="1:4" x14ac:dyDescent="0.25">
      <c r="A42822" t="s">
        <v>60135</v>
      </c>
      <c r="B42822" t="s">
        <v>60136</v>
      </c>
      <c r="C42822">
        <v>1</v>
      </c>
      <c r="D42822">
        <v>0</v>
      </c>
    </row>
    <row r="42823" spans="1:4" x14ac:dyDescent="0.25">
      <c r="A42823" t="s">
        <v>60135</v>
      </c>
      <c r="B42823" t="s">
        <v>60137</v>
      </c>
      <c r="C42823">
        <v>2</v>
      </c>
      <c r="D42823">
        <v>0</v>
      </c>
    </row>
    <row r="42824" spans="1:4" x14ac:dyDescent="0.25">
      <c r="A42824" t="s">
        <v>60135</v>
      </c>
      <c r="B42824" t="s">
        <v>60138</v>
      </c>
      <c r="C42824">
        <v>1</v>
      </c>
      <c r="D42824">
        <v>0</v>
      </c>
    </row>
    <row r="42825" spans="1:4" x14ac:dyDescent="0.25">
      <c r="A42825" t="s">
        <v>60139</v>
      </c>
      <c r="B42825" t="s">
        <v>60140</v>
      </c>
      <c r="C42825">
        <v>1</v>
      </c>
      <c r="D42825">
        <v>0</v>
      </c>
    </row>
    <row r="42826" spans="1:4" x14ac:dyDescent="0.25">
      <c r="A42826" t="s">
        <v>60141</v>
      </c>
      <c r="B42826" t="s">
        <v>60142</v>
      </c>
      <c r="C42826">
        <v>1</v>
      </c>
      <c r="D42826">
        <v>0</v>
      </c>
    </row>
    <row r="42827" spans="1:4" x14ac:dyDescent="0.25">
      <c r="A42827" t="s">
        <v>60141</v>
      </c>
      <c r="B42827" t="s">
        <v>60143</v>
      </c>
      <c r="C42827">
        <v>1</v>
      </c>
      <c r="D42827">
        <v>0</v>
      </c>
    </row>
    <row r="42828" spans="1:4" x14ac:dyDescent="0.25">
      <c r="A42828" t="s">
        <v>60141</v>
      </c>
      <c r="B42828" t="s">
        <v>60144</v>
      </c>
      <c r="C42828">
        <v>1</v>
      </c>
      <c r="D42828">
        <v>0</v>
      </c>
    </row>
    <row r="42829" spans="1:4" x14ac:dyDescent="0.25">
      <c r="A42829" t="s">
        <v>60141</v>
      </c>
      <c r="B42829" t="s">
        <v>60145</v>
      </c>
      <c r="C42829">
        <v>2</v>
      </c>
      <c r="D42829">
        <v>0</v>
      </c>
    </row>
    <row r="42830" spans="1:4" x14ac:dyDescent="0.25">
      <c r="A42830" t="s">
        <v>60141</v>
      </c>
      <c r="B42830" t="s">
        <v>1001</v>
      </c>
      <c r="C42830">
        <v>1</v>
      </c>
      <c r="D42830">
        <v>0</v>
      </c>
    </row>
    <row r="42831" spans="1:4" x14ac:dyDescent="0.25">
      <c r="A42831" t="s">
        <v>60146</v>
      </c>
      <c r="B42831" t="s">
        <v>60147</v>
      </c>
      <c r="C42831">
        <v>1</v>
      </c>
      <c r="D42831">
        <v>0</v>
      </c>
    </row>
    <row r="42832" spans="1:4" x14ac:dyDescent="0.25">
      <c r="A42832" t="s">
        <v>60146</v>
      </c>
      <c r="B42832" t="s">
        <v>60148</v>
      </c>
      <c r="C42832">
        <v>1</v>
      </c>
      <c r="D42832">
        <v>0</v>
      </c>
    </row>
    <row r="42833" spans="1:4" x14ac:dyDescent="0.25">
      <c r="A42833" t="s">
        <v>60146</v>
      </c>
      <c r="B42833" t="s">
        <v>60149</v>
      </c>
      <c r="C42833">
        <v>2</v>
      </c>
      <c r="D42833">
        <v>0</v>
      </c>
    </row>
    <row r="42834" spans="1:4" x14ac:dyDescent="0.25">
      <c r="A42834" t="s">
        <v>60146</v>
      </c>
      <c r="B42834" t="s">
        <v>60150</v>
      </c>
      <c r="C42834">
        <v>0</v>
      </c>
      <c r="D42834">
        <v>0</v>
      </c>
    </row>
    <row r="42835" spans="1:4" x14ac:dyDescent="0.25">
      <c r="A42835" t="s">
        <v>60146</v>
      </c>
      <c r="B42835" t="s">
        <v>60151</v>
      </c>
      <c r="C42835">
        <v>1</v>
      </c>
      <c r="D42835">
        <v>0</v>
      </c>
    </row>
    <row r="42836" spans="1:4" x14ac:dyDescent="0.25">
      <c r="A42836" t="s">
        <v>60146</v>
      </c>
      <c r="B42836" t="s">
        <v>60152</v>
      </c>
      <c r="C42836">
        <v>0</v>
      </c>
      <c r="D42836">
        <v>0</v>
      </c>
    </row>
    <row r="42837" spans="1:4" x14ac:dyDescent="0.25">
      <c r="A42837" t="s">
        <v>60153</v>
      </c>
      <c r="B42837" t="s">
        <v>60154</v>
      </c>
      <c r="C42837">
        <v>2</v>
      </c>
      <c r="D42837">
        <v>0</v>
      </c>
    </row>
    <row r="42838" spans="1:4" x14ac:dyDescent="0.25">
      <c r="A42838" t="s">
        <v>60153</v>
      </c>
      <c r="B42838" t="s">
        <v>35545</v>
      </c>
      <c r="C42838">
        <v>1</v>
      </c>
      <c r="D42838">
        <v>0</v>
      </c>
    </row>
    <row r="42839" spans="1:4" x14ac:dyDescent="0.25">
      <c r="A42839" t="s">
        <v>60153</v>
      </c>
      <c r="B42839" t="s">
        <v>60155</v>
      </c>
      <c r="C42839">
        <v>2</v>
      </c>
      <c r="D42839">
        <v>0</v>
      </c>
    </row>
    <row r="42840" spans="1:4" x14ac:dyDescent="0.25">
      <c r="A42840" t="s">
        <v>60153</v>
      </c>
      <c r="B42840" t="s">
        <v>60156</v>
      </c>
      <c r="C42840">
        <v>2</v>
      </c>
      <c r="D42840">
        <v>0</v>
      </c>
    </row>
    <row r="42841" spans="1:4" x14ac:dyDescent="0.25">
      <c r="A42841" t="s">
        <v>60157</v>
      </c>
      <c r="B42841" t="s">
        <v>60158</v>
      </c>
      <c r="C42841">
        <v>0</v>
      </c>
      <c r="D42841">
        <v>0</v>
      </c>
    </row>
    <row r="42842" spans="1:4" x14ac:dyDescent="0.25">
      <c r="A42842" t="s">
        <v>60157</v>
      </c>
      <c r="B42842" t="s">
        <v>60159</v>
      </c>
      <c r="C42842">
        <v>1</v>
      </c>
      <c r="D42842">
        <v>0</v>
      </c>
    </row>
    <row r="42843" spans="1:4" x14ac:dyDescent="0.25">
      <c r="A42843" t="s">
        <v>60157</v>
      </c>
      <c r="B42843" t="s">
        <v>60160</v>
      </c>
      <c r="C42843">
        <v>1</v>
      </c>
      <c r="D42843">
        <v>0</v>
      </c>
    </row>
    <row r="42844" spans="1:4" x14ac:dyDescent="0.25">
      <c r="A42844" t="s">
        <v>60157</v>
      </c>
      <c r="B42844" t="s">
        <v>60161</v>
      </c>
      <c r="C42844">
        <v>2</v>
      </c>
      <c r="D42844">
        <v>0</v>
      </c>
    </row>
    <row r="42845" spans="1:4" x14ac:dyDescent="0.25">
      <c r="A42845" t="s">
        <v>60157</v>
      </c>
      <c r="B42845" t="s">
        <v>60162</v>
      </c>
      <c r="C42845">
        <v>1</v>
      </c>
      <c r="D42845">
        <v>0</v>
      </c>
    </row>
    <row r="42846" spans="1:4" x14ac:dyDescent="0.25">
      <c r="A42846" t="s">
        <v>60157</v>
      </c>
      <c r="B42846" t="s">
        <v>60163</v>
      </c>
      <c r="C42846">
        <v>2</v>
      </c>
      <c r="D42846">
        <v>0</v>
      </c>
    </row>
    <row r="42847" spans="1:4" x14ac:dyDescent="0.25">
      <c r="A42847" t="s">
        <v>60157</v>
      </c>
      <c r="B42847" t="s">
        <v>46223</v>
      </c>
      <c r="C42847">
        <v>1</v>
      </c>
      <c r="D42847">
        <v>0</v>
      </c>
    </row>
    <row r="42848" spans="1:4" x14ac:dyDescent="0.25">
      <c r="A42848" t="s">
        <v>60157</v>
      </c>
      <c r="B42848" t="s">
        <v>60164</v>
      </c>
      <c r="C42848">
        <v>2</v>
      </c>
      <c r="D42848">
        <v>0</v>
      </c>
    </row>
    <row r="42849" spans="1:4" x14ac:dyDescent="0.25">
      <c r="A42849" t="s">
        <v>60165</v>
      </c>
      <c r="B42849" t="s">
        <v>60166</v>
      </c>
      <c r="C42849">
        <v>1</v>
      </c>
      <c r="D42849">
        <v>0</v>
      </c>
    </row>
    <row r="42850" spans="1:4" x14ac:dyDescent="0.25">
      <c r="A42850" t="s">
        <v>60165</v>
      </c>
      <c r="B42850" t="s">
        <v>60167</v>
      </c>
      <c r="C42850">
        <v>1</v>
      </c>
      <c r="D42850">
        <v>0</v>
      </c>
    </row>
    <row r="42851" spans="1:4" x14ac:dyDescent="0.25">
      <c r="A42851" t="s">
        <v>60165</v>
      </c>
      <c r="B42851" t="s">
        <v>60168</v>
      </c>
      <c r="C42851">
        <v>1</v>
      </c>
      <c r="D42851">
        <v>0</v>
      </c>
    </row>
    <row r="42852" spans="1:4" x14ac:dyDescent="0.25">
      <c r="A42852" t="s">
        <v>60165</v>
      </c>
      <c r="B42852" t="s">
        <v>60167</v>
      </c>
      <c r="C42852">
        <v>1</v>
      </c>
      <c r="D42852">
        <v>0</v>
      </c>
    </row>
    <row r="42853" spans="1:4" x14ac:dyDescent="0.25">
      <c r="A42853" t="s">
        <v>60165</v>
      </c>
      <c r="B42853" t="s">
        <v>60169</v>
      </c>
      <c r="C42853">
        <v>0</v>
      </c>
      <c r="D42853">
        <v>0</v>
      </c>
    </row>
    <row r="42854" spans="1:4" x14ac:dyDescent="0.25">
      <c r="A42854" t="s">
        <v>60170</v>
      </c>
      <c r="B42854" t="s">
        <v>60171</v>
      </c>
      <c r="C42854">
        <v>1</v>
      </c>
      <c r="D42854">
        <v>0</v>
      </c>
    </row>
    <row r="42855" spans="1:4" x14ac:dyDescent="0.25">
      <c r="A42855" t="s">
        <v>60170</v>
      </c>
      <c r="B42855" t="s">
        <v>60172</v>
      </c>
      <c r="C42855">
        <v>1</v>
      </c>
      <c r="D42855">
        <v>0</v>
      </c>
    </row>
    <row r="42856" spans="1:4" x14ac:dyDescent="0.25">
      <c r="A42856" t="s">
        <v>60170</v>
      </c>
      <c r="B42856" t="s">
        <v>60173</v>
      </c>
      <c r="C42856">
        <v>1</v>
      </c>
      <c r="D42856">
        <v>0</v>
      </c>
    </row>
    <row r="42857" spans="1:4" x14ac:dyDescent="0.25">
      <c r="A42857" t="s">
        <v>60170</v>
      </c>
      <c r="B42857" t="s">
        <v>60174</v>
      </c>
      <c r="C42857">
        <v>0</v>
      </c>
      <c r="D42857">
        <v>0</v>
      </c>
    </row>
    <row r="42858" spans="1:4" x14ac:dyDescent="0.25">
      <c r="A42858" t="s">
        <v>60170</v>
      </c>
      <c r="B42858" t="s">
        <v>60175</v>
      </c>
      <c r="C42858">
        <v>1</v>
      </c>
      <c r="D42858">
        <v>0</v>
      </c>
    </row>
    <row r="42859" spans="1:4" x14ac:dyDescent="0.25">
      <c r="A42859" t="s">
        <v>60176</v>
      </c>
      <c r="B42859" t="s">
        <v>5434</v>
      </c>
      <c r="C42859">
        <v>1</v>
      </c>
      <c r="D42859">
        <v>0</v>
      </c>
    </row>
    <row r="42860" spans="1:4" x14ac:dyDescent="0.25">
      <c r="A42860" t="s">
        <v>60176</v>
      </c>
      <c r="B42860" t="s">
        <v>12472</v>
      </c>
      <c r="C42860">
        <v>1</v>
      </c>
      <c r="D42860">
        <v>0</v>
      </c>
    </row>
    <row r="42861" spans="1:4" x14ac:dyDescent="0.25">
      <c r="A42861" t="s">
        <v>60177</v>
      </c>
      <c r="B42861" t="s">
        <v>60178</v>
      </c>
      <c r="C42861">
        <v>2</v>
      </c>
      <c r="D42861">
        <v>0</v>
      </c>
    </row>
    <row r="42862" spans="1:4" x14ac:dyDescent="0.25">
      <c r="A42862" t="s">
        <v>60177</v>
      </c>
      <c r="B42862" t="s">
        <v>60179</v>
      </c>
      <c r="C42862">
        <v>1</v>
      </c>
      <c r="D42862">
        <v>0</v>
      </c>
    </row>
    <row r="42863" spans="1:4" x14ac:dyDescent="0.25">
      <c r="A42863" t="s">
        <v>60177</v>
      </c>
      <c r="B42863" t="s">
        <v>60180</v>
      </c>
      <c r="C42863">
        <v>1</v>
      </c>
      <c r="D42863">
        <v>0</v>
      </c>
    </row>
    <row r="42864" spans="1:4" x14ac:dyDescent="0.25">
      <c r="A42864" t="s">
        <v>60181</v>
      </c>
      <c r="B42864" t="s">
        <v>60182</v>
      </c>
      <c r="C42864">
        <v>1</v>
      </c>
      <c r="D42864">
        <v>0</v>
      </c>
    </row>
    <row r="42865" spans="1:4" x14ac:dyDescent="0.25">
      <c r="A42865" t="s">
        <v>60181</v>
      </c>
      <c r="B42865" t="s">
        <v>60183</v>
      </c>
      <c r="C42865">
        <v>1</v>
      </c>
      <c r="D42865">
        <v>0</v>
      </c>
    </row>
    <row r="42866" spans="1:4" x14ac:dyDescent="0.25">
      <c r="A42866" t="s">
        <v>60181</v>
      </c>
      <c r="B42866" t="s">
        <v>5713</v>
      </c>
      <c r="C42866">
        <v>1</v>
      </c>
      <c r="D42866">
        <v>0</v>
      </c>
    </row>
    <row r="42867" spans="1:4" x14ac:dyDescent="0.25">
      <c r="A42867" t="s">
        <v>60181</v>
      </c>
      <c r="B42867" t="s">
        <v>60184</v>
      </c>
      <c r="C42867">
        <v>1</v>
      </c>
      <c r="D42867">
        <v>0</v>
      </c>
    </row>
    <row r="42868" spans="1:4" x14ac:dyDescent="0.25">
      <c r="A42868" t="s">
        <v>60181</v>
      </c>
      <c r="B42868" t="s">
        <v>60185</v>
      </c>
      <c r="C42868">
        <v>1</v>
      </c>
      <c r="D42868">
        <v>0</v>
      </c>
    </row>
    <row r="42869" spans="1:4" x14ac:dyDescent="0.25">
      <c r="A42869" t="s">
        <v>60181</v>
      </c>
      <c r="B42869" t="s">
        <v>2865</v>
      </c>
      <c r="C42869">
        <v>0</v>
      </c>
      <c r="D42869">
        <v>0</v>
      </c>
    </row>
    <row r="42870" spans="1:4" x14ac:dyDescent="0.25">
      <c r="A42870" t="s">
        <v>60181</v>
      </c>
      <c r="B42870" t="s">
        <v>60186</v>
      </c>
      <c r="C42870">
        <v>2</v>
      </c>
      <c r="D42870">
        <v>0</v>
      </c>
    </row>
    <row r="42871" spans="1:4" x14ac:dyDescent="0.25">
      <c r="A42871" t="s">
        <v>60187</v>
      </c>
      <c r="B42871" t="s">
        <v>60188</v>
      </c>
      <c r="C42871">
        <v>2</v>
      </c>
      <c r="D42871">
        <v>0</v>
      </c>
    </row>
    <row r="42872" spans="1:4" x14ac:dyDescent="0.25">
      <c r="A42872" t="s">
        <v>60187</v>
      </c>
      <c r="B42872" t="s">
        <v>60189</v>
      </c>
      <c r="C42872">
        <v>2</v>
      </c>
      <c r="D42872">
        <v>0</v>
      </c>
    </row>
    <row r="42873" spans="1:4" x14ac:dyDescent="0.25">
      <c r="A42873" t="s">
        <v>60187</v>
      </c>
      <c r="B42873" t="s">
        <v>60190</v>
      </c>
      <c r="C42873">
        <v>2</v>
      </c>
      <c r="D42873">
        <v>0</v>
      </c>
    </row>
    <row r="42874" spans="1:4" x14ac:dyDescent="0.25">
      <c r="A42874" t="s">
        <v>60187</v>
      </c>
      <c r="B42874" t="s">
        <v>60191</v>
      </c>
      <c r="C42874">
        <v>1</v>
      </c>
      <c r="D42874">
        <v>0</v>
      </c>
    </row>
    <row r="42875" spans="1:4" x14ac:dyDescent="0.25">
      <c r="A42875" t="s">
        <v>60187</v>
      </c>
      <c r="B42875" t="s">
        <v>60192</v>
      </c>
      <c r="C42875">
        <v>2</v>
      </c>
      <c r="D42875">
        <v>0</v>
      </c>
    </row>
    <row r="42876" spans="1:4" x14ac:dyDescent="0.25">
      <c r="A42876" t="s">
        <v>60193</v>
      </c>
      <c r="B42876" t="s">
        <v>60194</v>
      </c>
      <c r="C42876">
        <v>1</v>
      </c>
      <c r="D42876">
        <v>0</v>
      </c>
    </row>
    <row r="42877" spans="1:4" x14ac:dyDescent="0.25">
      <c r="A42877" t="s">
        <v>60193</v>
      </c>
      <c r="B42877" t="s">
        <v>60195</v>
      </c>
      <c r="C42877">
        <v>2</v>
      </c>
      <c r="D42877">
        <v>0</v>
      </c>
    </row>
    <row r="42878" spans="1:4" x14ac:dyDescent="0.25">
      <c r="A42878" t="s">
        <v>60193</v>
      </c>
      <c r="B42878" t="s">
        <v>60196</v>
      </c>
      <c r="C42878">
        <v>2</v>
      </c>
      <c r="D42878">
        <v>0</v>
      </c>
    </row>
    <row r="42879" spans="1:4" x14ac:dyDescent="0.25">
      <c r="A42879" t="s">
        <v>60193</v>
      </c>
      <c r="B42879" t="s">
        <v>60197</v>
      </c>
      <c r="C42879">
        <v>1</v>
      </c>
      <c r="D42879">
        <v>0</v>
      </c>
    </row>
    <row r="42880" spans="1:4" x14ac:dyDescent="0.25">
      <c r="A42880" t="s">
        <v>60193</v>
      </c>
      <c r="B42880" t="s">
        <v>60198</v>
      </c>
      <c r="C42880">
        <v>1</v>
      </c>
      <c r="D42880">
        <v>0</v>
      </c>
    </row>
    <row r="42881" spans="1:4" x14ac:dyDescent="0.25">
      <c r="A42881" t="s">
        <v>60193</v>
      </c>
      <c r="B42881" t="s">
        <v>60199</v>
      </c>
      <c r="C42881">
        <v>0</v>
      </c>
      <c r="D42881">
        <v>0</v>
      </c>
    </row>
    <row r="42882" spans="1:4" x14ac:dyDescent="0.25">
      <c r="A42882" t="s">
        <v>60193</v>
      </c>
      <c r="B42882" t="s">
        <v>60200</v>
      </c>
      <c r="C42882">
        <v>1</v>
      </c>
      <c r="D42882">
        <v>0</v>
      </c>
    </row>
    <row r="42883" spans="1:4" x14ac:dyDescent="0.25">
      <c r="A42883" t="s">
        <v>60193</v>
      </c>
      <c r="B42883" t="s">
        <v>60201</v>
      </c>
      <c r="C42883">
        <v>2</v>
      </c>
      <c r="D42883">
        <v>0</v>
      </c>
    </row>
    <row r="42884" spans="1:4" x14ac:dyDescent="0.25">
      <c r="A42884" t="s">
        <v>60202</v>
      </c>
      <c r="B42884" t="s">
        <v>60203</v>
      </c>
      <c r="C42884">
        <v>1</v>
      </c>
      <c r="D42884">
        <v>0</v>
      </c>
    </row>
    <row r="42885" spans="1:4" x14ac:dyDescent="0.25">
      <c r="A42885" t="s">
        <v>60202</v>
      </c>
      <c r="B42885" t="s">
        <v>60204</v>
      </c>
      <c r="C42885">
        <v>1</v>
      </c>
      <c r="D42885">
        <v>0</v>
      </c>
    </row>
    <row r="42886" spans="1:4" x14ac:dyDescent="0.25">
      <c r="A42886" t="s">
        <v>60202</v>
      </c>
      <c r="B42886" t="s">
        <v>60205</v>
      </c>
      <c r="C42886">
        <v>0</v>
      </c>
      <c r="D42886">
        <v>0</v>
      </c>
    </row>
    <row r="42887" spans="1:4" x14ac:dyDescent="0.25">
      <c r="A42887" t="s">
        <v>60202</v>
      </c>
      <c r="B42887" t="s">
        <v>60206</v>
      </c>
      <c r="C42887">
        <v>0</v>
      </c>
      <c r="D42887">
        <v>0</v>
      </c>
    </row>
    <row r="42888" spans="1:4" x14ac:dyDescent="0.25">
      <c r="A42888" t="s">
        <v>60202</v>
      </c>
      <c r="B42888" t="s">
        <v>60207</v>
      </c>
      <c r="C42888">
        <v>1</v>
      </c>
      <c r="D42888">
        <v>0</v>
      </c>
    </row>
    <row r="42889" spans="1:4" x14ac:dyDescent="0.25">
      <c r="A42889" t="s">
        <v>60202</v>
      </c>
      <c r="B42889" t="s">
        <v>60208</v>
      </c>
      <c r="C42889">
        <v>1</v>
      </c>
      <c r="D42889">
        <v>0</v>
      </c>
    </row>
    <row r="42890" spans="1:4" x14ac:dyDescent="0.25">
      <c r="A42890" t="s">
        <v>60202</v>
      </c>
      <c r="B42890" t="s">
        <v>60209</v>
      </c>
      <c r="C42890">
        <v>0</v>
      </c>
      <c r="D42890">
        <v>0</v>
      </c>
    </row>
    <row r="42891" spans="1:4" x14ac:dyDescent="0.25">
      <c r="A42891" t="s">
        <v>60210</v>
      </c>
      <c r="B42891" t="s">
        <v>1294</v>
      </c>
      <c r="C42891">
        <v>1</v>
      </c>
      <c r="D42891">
        <v>0</v>
      </c>
    </row>
    <row r="42892" spans="1:4" x14ac:dyDescent="0.25">
      <c r="A42892" t="s">
        <v>60211</v>
      </c>
      <c r="B42892" t="s">
        <v>60212</v>
      </c>
      <c r="C42892">
        <v>1</v>
      </c>
      <c r="D42892">
        <v>0</v>
      </c>
    </row>
    <row r="42893" spans="1:4" x14ac:dyDescent="0.25">
      <c r="A42893" t="s">
        <v>60211</v>
      </c>
      <c r="B42893" t="s">
        <v>60213</v>
      </c>
      <c r="C42893">
        <v>1</v>
      </c>
      <c r="D42893">
        <v>0</v>
      </c>
    </row>
    <row r="42894" spans="1:4" x14ac:dyDescent="0.25">
      <c r="A42894" t="s">
        <v>60211</v>
      </c>
      <c r="B42894" t="s">
        <v>60214</v>
      </c>
      <c r="C42894">
        <v>0</v>
      </c>
      <c r="D42894">
        <v>0</v>
      </c>
    </row>
    <row r="42895" spans="1:4" x14ac:dyDescent="0.25">
      <c r="A42895" t="s">
        <v>60215</v>
      </c>
      <c r="B42895" t="s">
        <v>60216</v>
      </c>
      <c r="C42895">
        <v>1</v>
      </c>
      <c r="D42895">
        <v>0</v>
      </c>
    </row>
    <row r="42896" spans="1:4" x14ac:dyDescent="0.25">
      <c r="A42896" t="s">
        <v>60215</v>
      </c>
      <c r="B42896" t="s">
        <v>60217</v>
      </c>
      <c r="C42896">
        <v>1</v>
      </c>
      <c r="D42896">
        <v>0</v>
      </c>
    </row>
    <row r="42897" spans="1:4" x14ac:dyDescent="0.25">
      <c r="A42897" t="s">
        <v>60215</v>
      </c>
      <c r="B42897" t="s">
        <v>60218</v>
      </c>
      <c r="C42897">
        <v>1</v>
      </c>
      <c r="D42897">
        <v>0</v>
      </c>
    </row>
    <row r="42898" spans="1:4" x14ac:dyDescent="0.25">
      <c r="A42898" t="s">
        <v>60215</v>
      </c>
      <c r="B42898" t="s">
        <v>60219</v>
      </c>
      <c r="C42898">
        <v>0</v>
      </c>
      <c r="D42898">
        <v>0</v>
      </c>
    </row>
    <row r="42899" spans="1:4" x14ac:dyDescent="0.25">
      <c r="A42899" t="s">
        <v>60215</v>
      </c>
      <c r="B42899" t="s">
        <v>60220</v>
      </c>
      <c r="C42899">
        <v>2</v>
      </c>
      <c r="D42899">
        <v>0</v>
      </c>
    </row>
    <row r="42900" spans="1:4" x14ac:dyDescent="0.25">
      <c r="A42900" t="s">
        <v>60215</v>
      </c>
      <c r="B42900" t="s">
        <v>2651</v>
      </c>
      <c r="C42900">
        <v>0</v>
      </c>
      <c r="D42900">
        <v>0</v>
      </c>
    </row>
    <row r="42901" spans="1:4" x14ac:dyDescent="0.25">
      <c r="A42901" t="s">
        <v>60221</v>
      </c>
      <c r="B42901" t="s">
        <v>60222</v>
      </c>
      <c r="C42901">
        <v>2</v>
      </c>
      <c r="D42901">
        <v>0</v>
      </c>
    </row>
    <row r="42902" spans="1:4" x14ac:dyDescent="0.25">
      <c r="A42902" t="s">
        <v>60221</v>
      </c>
      <c r="B42902" t="s">
        <v>60223</v>
      </c>
      <c r="C42902">
        <v>1</v>
      </c>
      <c r="D42902">
        <v>0</v>
      </c>
    </row>
    <row r="42903" spans="1:4" x14ac:dyDescent="0.25">
      <c r="A42903" t="s">
        <v>60221</v>
      </c>
      <c r="B42903" t="s">
        <v>60224</v>
      </c>
      <c r="C42903">
        <v>1</v>
      </c>
      <c r="D42903">
        <v>0</v>
      </c>
    </row>
    <row r="42904" spans="1:4" x14ac:dyDescent="0.25">
      <c r="A42904" t="s">
        <v>60221</v>
      </c>
      <c r="B42904" t="s">
        <v>60225</v>
      </c>
      <c r="C42904">
        <v>1</v>
      </c>
      <c r="D42904">
        <v>0</v>
      </c>
    </row>
    <row r="42905" spans="1:4" x14ac:dyDescent="0.25">
      <c r="A42905" t="s">
        <v>60221</v>
      </c>
      <c r="B42905" t="s">
        <v>60226</v>
      </c>
      <c r="C42905">
        <v>0</v>
      </c>
      <c r="D42905">
        <v>0</v>
      </c>
    </row>
    <row r="42906" spans="1:4" x14ac:dyDescent="0.25">
      <c r="A42906" t="s">
        <v>60221</v>
      </c>
      <c r="B42906" t="s">
        <v>60227</v>
      </c>
      <c r="C42906">
        <v>0</v>
      </c>
      <c r="D42906">
        <v>0</v>
      </c>
    </row>
    <row r="42907" spans="1:4" x14ac:dyDescent="0.25">
      <c r="A42907" t="s">
        <v>60228</v>
      </c>
      <c r="B42907" t="s">
        <v>60229</v>
      </c>
      <c r="C42907">
        <v>1</v>
      </c>
      <c r="D42907">
        <v>0</v>
      </c>
    </row>
    <row r="42908" spans="1:4" x14ac:dyDescent="0.25">
      <c r="A42908" t="s">
        <v>60228</v>
      </c>
      <c r="B42908" t="s">
        <v>60230</v>
      </c>
      <c r="C42908">
        <v>1</v>
      </c>
      <c r="D42908">
        <v>0</v>
      </c>
    </row>
    <row r="42909" spans="1:4" x14ac:dyDescent="0.25">
      <c r="A42909" t="s">
        <v>60228</v>
      </c>
      <c r="B42909" t="s">
        <v>60231</v>
      </c>
      <c r="C42909">
        <v>1</v>
      </c>
      <c r="D42909">
        <v>0</v>
      </c>
    </row>
    <row r="42910" spans="1:4" x14ac:dyDescent="0.25">
      <c r="A42910" t="s">
        <v>60228</v>
      </c>
      <c r="B42910" t="s">
        <v>60232</v>
      </c>
      <c r="C42910">
        <v>0</v>
      </c>
      <c r="D42910">
        <v>0</v>
      </c>
    </row>
    <row r="42911" spans="1:4" x14ac:dyDescent="0.25">
      <c r="A42911" t="s">
        <v>60228</v>
      </c>
      <c r="B42911" t="s">
        <v>60233</v>
      </c>
      <c r="C42911">
        <v>0</v>
      </c>
      <c r="D42911">
        <v>0</v>
      </c>
    </row>
    <row r="42912" spans="1:4" x14ac:dyDescent="0.25">
      <c r="A42912" t="s">
        <v>60228</v>
      </c>
      <c r="B42912" t="s">
        <v>60234</v>
      </c>
      <c r="C42912">
        <v>2</v>
      </c>
      <c r="D42912">
        <v>0</v>
      </c>
    </row>
    <row r="42913" spans="1:4" x14ac:dyDescent="0.25">
      <c r="A42913" t="s">
        <v>60228</v>
      </c>
      <c r="B42913" t="s">
        <v>60235</v>
      </c>
      <c r="C42913">
        <v>0</v>
      </c>
      <c r="D42913">
        <v>0</v>
      </c>
    </row>
    <row r="42914" spans="1:4" x14ac:dyDescent="0.25">
      <c r="A42914" t="s">
        <v>60236</v>
      </c>
      <c r="B42914" t="s">
        <v>60237</v>
      </c>
      <c r="C42914">
        <v>1</v>
      </c>
      <c r="D42914">
        <v>0</v>
      </c>
    </row>
    <row r="42915" spans="1:4" x14ac:dyDescent="0.25">
      <c r="A42915" t="s">
        <v>60236</v>
      </c>
      <c r="B42915" t="s">
        <v>60238</v>
      </c>
      <c r="C42915">
        <v>2</v>
      </c>
      <c r="D42915">
        <v>0</v>
      </c>
    </row>
    <row r="42916" spans="1:4" x14ac:dyDescent="0.25">
      <c r="A42916" t="s">
        <v>60236</v>
      </c>
      <c r="B42916" t="s">
        <v>60239</v>
      </c>
      <c r="C42916">
        <v>1</v>
      </c>
      <c r="D42916">
        <v>0</v>
      </c>
    </row>
    <row r="42917" spans="1:4" x14ac:dyDescent="0.25">
      <c r="A42917" t="s">
        <v>60236</v>
      </c>
      <c r="B42917" t="s">
        <v>60240</v>
      </c>
      <c r="C42917">
        <v>0</v>
      </c>
      <c r="D42917">
        <v>0</v>
      </c>
    </row>
    <row r="42918" spans="1:4" x14ac:dyDescent="0.25">
      <c r="A42918" t="s">
        <v>60241</v>
      </c>
      <c r="B42918" t="s">
        <v>60242</v>
      </c>
      <c r="C42918">
        <v>0</v>
      </c>
      <c r="D42918">
        <v>0</v>
      </c>
    </row>
    <row r="42919" spans="1:4" x14ac:dyDescent="0.25">
      <c r="A42919" t="s">
        <v>60243</v>
      </c>
      <c r="B42919" t="s">
        <v>4170</v>
      </c>
      <c r="C42919">
        <v>0</v>
      </c>
      <c r="D42919">
        <v>0</v>
      </c>
    </row>
    <row r="42920" spans="1:4" x14ac:dyDescent="0.25">
      <c r="A42920" t="s">
        <v>60243</v>
      </c>
      <c r="B42920" t="s">
        <v>60244</v>
      </c>
      <c r="C42920">
        <v>0</v>
      </c>
      <c r="D42920">
        <v>0</v>
      </c>
    </row>
    <row r="42921" spans="1:4" x14ac:dyDescent="0.25">
      <c r="A42921" t="s">
        <v>60243</v>
      </c>
      <c r="B42921" t="s">
        <v>60245</v>
      </c>
      <c r="C42921">
        <v>1</v>
      </c>
      <c r="D42921">
        <v>0</v>
      </c>
    </row>
    <row r="42922" spans="1:4" x14ac:dyDescent="0.25">
      <c r="A42922" t="s">
        <v>60243</v>
      </c>
      <c r="B42922" t="s">
        <v>60246</v>
      </c>
      <c r="C42922">
        <v>1</v>
      </c>
      <c r="D42922">
        <v>0</v>
      </c>
    </row>
    <row r="42923" spans="1:4" x14ac:dyDescent="0.25">
      <c r="A42923" t="s">
        <v>60247</v>
      </c>
      <c r="B42923" t="s">
        <v>60248</v>
      </c>
      <c r="C42923">
        <v>0</v>
      </c>
      <c r="D42923">
        <v>0</v>
      </c>
    </row>
    <row r="42924" spans="1:4" x14ac:dyDescent="0.25">
      <c r="A42924" t="s">
        <v>60247</v>
      </c>
      <c r="B42924" t="s">
        <v>60249</v>
      </c>
      <c r="C42924">
        <v>1</v>
      </c>
      <c r="D42924">
        <v>0</v>
      </c>
    </row>
    <row r="42925" spans="1:4" x14ac:dyDescent="0.25">
      <c r="A42925" t="s">
        <v>60247</v>
      </c>
      <c r="B42925" t="s">
        <v>60250</v>
      </c>
      <c r="C42925">
        <v>0</v>
      </c>
      <c r="D42925">
        <v>0</v>
      </c>
    </row>
    <row r="42926" spans="1:4" x14ac:dyDescent="0.25">
      <c r="A42926" t="s">
        <v>60251</v>
      </c>
      <c r="B42926" t="s">
        <v>60252</v>
      </c>
      <c r="C42926">
        <v>1</v>
      </c>
      <c r="D42926">
        <v>0</v>
      </c>
    </row>
    <row r="42927" spans="1:4" x14ac:dyDescent="0.25">
      <c r="A42927" t="s">
        <v>60251</v>
      </c>
      <c r="B42927" t="s">
        <v>60253</v>
      </c>
      <c r="C42927">
        <v>1</v>
      </c>
      <c r="D42927">
        <v>0</v>
      </c>
    </row>
    <row r="42928" spans="1:4" x14ac:dyDescent="0.25">
      <c r="A42928" t="s">
        <v>60251</v>
      </c>
      <c r="B42928" t="s">
        <v>60254</v>
      </c>
      <c r="C42928">
        <v>1</v>
      </c>
      <c r="D42928">
        <v>0</v>
      </c>
    </row>
    <row r="42929" spans="1:4" x14ac:dyDescent="0.25">
      <c r="A42929" t="s">
        <v>60255</v>
      </c>
      <c r="B42929" t="s">
        <v>60256</v>
      </c>
      <c r="C42929">
        <v>1</v>
      </c>
      <c r="D42929">
        <v>0</v>
      </c>
    </row>
    <row r="42930" spans="1:4" x14ac:dyDescent="0.25">
      <c r="A42930" t="s">
        <v>60255</v>
      </c>
      <c r="B42930" t="s">
        <v>60257</v>
      </c>
      <c r="C42930">
        <v>1</v>
      </c>
      <c r="D42930">
        <v>0</v>
      </c>
    </row>
    <row r="42931" spans="1:4" x14ac:dyDescent="0.25">
      <c r="A42931" t="s">
        <v>60255</v>
      </c>
      <c r="B42931" t="s">
        <v>19309</v>
      </c>
      <c r="C42931">
        <v>0</v>
      </c>
      <c r="D42931">
        <v>0</v>
      </c>
    </row>
    <row r="42932" spans="1:4" x14ac:dyDescent="0.25">
      <c r="A42932" t="s">
        <v>60258</v>
      </c>
      <c r="B42932" t="s">
        <v>5537</v>
      </c>
      <c r="C42932">
        <v>1</v>
      </c>
      <c r="D42932">
        <v>0</v>
      </c>
    </row>
    <row r="42933" spans="1:4" x14ac:dyDescent="0.25">
      <c r="A42933" t="s">
        <v>60258</v>
      </c>
      <c r="B42933" t="s">
        <v>2865</v>
      </c>
      <c r="C42933">
        <v>0</v>
      </c>
      <c r="D42933">
        <v>0</v>
      </c>
    </row>
    <row r="42934" spans="1:4" x14ac:dyDescent="0.25">
      <c r="A42934" t="s">
        <v>60258</v>
      </c>
      <c r="B42934" t="s">
        <v>60259</v>
      </c>
      <c r="C42934">
        <v>0</v>
      </c>
      <c r="D42934">
        <v>0</v>
      </c>
    </row>
    <row r="42935" spans="1:4" x14ac:dyDescent="0.25">
      <c r="A42935" t="s">
        <v>60258</v>
      </c>
      <c r="B42935" t="s">
        <v>46241</v>
      </c>
      <c r="C42935">
        <v>0</v>
      </c>
      <c r="D42935">
        <v>0</v>
      </c>
    </row>
    <row r="42936" spans="1:4" x14ac:dyDescent="0.25">
      <c r="A42936" t="s">
        <v>60258</v>
      </c>
      <c r="B42936" t="s">
        <v>60260</v>
      </c>
      <c r="C42936">
        <v>1</v>
      </c>
      <c r="D42936">
        <v>0</v>
      </c>
    </row>
    <row r="42937" spans="1:4" x14ac:dyDescent="0.25">
      <c r="A42937" t="s">
        <v>60258</v>
      </c>
      <c r="B42937" t="s">
        <v>60261</v>
      </c>
      <c r="C42937">
        <v>1</v>
      </c>
      <c r="D42937">
        <v>0</v>
      </c>
    </row>
    <row r="42938" spans="1:4" x14ac:dyDescent="0.25">
      <c r="A42938" t="s">
        <v>60258</v>
      </c>
      <c r="B42938" t="s">
        <v>11711</v>
      </c>
      <c r="C42938">
        <v>1</v>
      </c>
      <c r="D42938">
        <v>0</v>
      </c>
    </row>
    <row r="42939" spans="1:4" x14ac:dyDescent="0.25">
      <c r="A42939" t="s">
        <v>60262</v>
      </c>
      <c r="B42939" t="s">
        <v>60263</v>
      </c>
      <c r="C42939">
        <v>0</v>
      </c>
      <c r="D42939">
        <v>0</v>
      </c>
    </row>
    <row r="42940" spans="1:4" x14ac:dyDescent="0.25">
      <c r="A42940" t="s">
        <v>60262</v>
      </c>
      <c r="B42940" t="s">
        <v>60264</v>
      </c>
      <c r="C42940">
        <v>2</v>
      </c>
      <c r="D42940">
        <v>0</v>
      </c>
    </row>
    <row r="42941" spans="1:4" x14ac:dyDescent="0.25">
      <c r="A42941" t="s">
        <v>60262</v>
      </c>
      <c r="B42941" t="s">
        <v>60265</v>
      </c>
      <c r="C42941">
        <v>1</v>
      </c>
      <c r="D42941">
        <v>0</v>
      </c>
    </row>
    <row r="42942" spans="1:4" x14ac:dyDescent="0.25">
      <c r="A42942" t="s">
        <v>60262</v>
      </c>
      <c r="B42942" t="s">
        <v>60266</v>
      </c>
      <c r="C42942">
        <v>1</v>
      </c>
      <c r="D42942">
        <v>0</v>
      </c>
    </row>
    <row r="42943" spans="1:4" x14ac:dyDescent="0.25">
      <c r="A42943" t="s">
        <v>60262</v>
      </c>
      <c r="B42943" t="s">
        <v>19284</v>
      </c>
      <c r="C42943">
        <v>0</v>
      </c>
      <c r="D42943">
        <v>0</v>
      </c>
    </row>
    <row r="42944" spans="1:4" x14ac:dyDescent="0.25">
      <c r="A42944" t="s">
        <v>60262</v>
      </c>
      <c r="B42944" t="s">
        <v>60267</v>
      </c>
      <c r="C42944">
        <v>2</v>
      </c>
      <c r="D42944">
        <v>0</v>
      </c>
    </row>
    <row r="42945" spans="1:4" x14ac:dyDescent="0.25">
      <c r="A42945" t="s">
        <v>60268</v>
      </c>
      <c r="B42945" t="s">
        <v>60269</v>
      </c>
      <c r="C42945">
        <v>1</v>
      </c>
      <c r="D42945">
        <v>0</v>
      </c>
    </row>
    <row r="42946" spans="1:4" x14ac:dyDescent="0.25">
      <c r="A42946" t="s">
        <v>60268</v>
      </c>
      <c r="B42946" t="s">
        <v>60270</v>
      </c>
      <c r="C42946">
        <v>1</v>
      </c>
      <c r="D42946">
        <v>0</v>
      </c>
    </row>
    <row r="42947" spans="1:4" x14ac:dyDescent="0.25">
      <c r="A42947" t="s">
        <v>60268</v>
      </c>
      <c r="B42947" t="s">
        <v>60271</v>
      </c>
      <c r="C42947">
        <v>1</v>
      </c>
      <c r="D42947">
        <v>0</v>
      </c>
    </row>
    <row r="42948" spans="1:4" x14ac:dyDescent="0.25">
      <c r="A42948" t="s">
        <v>60268</v>
      </c>
      <c r="B42948" t="s">
        <v>60272</v>
      </c>
      <c r="C42948">
        <v>1</v>
      </c>
      <c r="D42948">
        <v>0</v>
      </c>
    </row>
    <row r="42949" spans="1:4" x14ac:dyDescent="0.25">
      <c r="A42949" t="s">
        <v>60268</v>
      </c>
      <c r="B42949" t="s">
        <v>60273</v>
      </c>
      <c r="C42949">
        <v>2</v>
      </c>
      <c r="D42949">
        <v>0</v>
      </c>
    </row>
    <row r="42950" spans="1:4" x14ac:dyDescent="0.25">
      <c r="A42950" t="s">
        <v>60274</v>
      </c>
      <c r="B42950" t="s">
        <v>60275</v>
      </c>
      <c r="C42950">
        <v>0</v>
      </c>
      <c r="D42950">
        <v>0</v>
      </c>
    </row>
    <row r="42951" spans="1:4" x14ac:dyDescent="0.25">
      <c r="A42951" t="s">
        <v>60274</v>
      </c>
      <c r="B42951" t="s">
        <v>60276</v>
      </c>
      <c r="C42951">
        <v>1</v>
      </c>
      <c r="D42951">
        <v>0</v>
      </c>
    </row>
    <row r="42952" spans="1:4" x14ac:dyDescent="0.25">
      <c r="A42952" t="s">
        <v>60274</v>
      </c>
      <c r="B42952" t="s">
        <v>60277</v>
      </c>
      <c r="C42952">
        <v>1</v>
      </c>
      <c r="D42952">
        <v>0</v>
      </c>
    </row>
    <row r="42953" spans="1:4" x14ac:dyDescent="0.25">
      <c r="A42953" t="s">
        <v>60278</v>
      </c>
      <c r="B42953" t="s">
        <v>60279</v>
      </c>
      <c r="C42953">
        <v>1</v>
      </c>
      <c r="D42953">
        <v>0</v>
      </c>
    </row>
    <row r="42954" spans="1:4" x14ac:dyDescent="0.25">
      <c r="A42954" t="s">
        <v>60278</v>
      </c>
      <c r="B42954" t="s">
        <v>60280</v>
      </c>
      <c r="C42954">
        <v>1</v>
      </c>
      <c r="D42954">
        <v>0</v>
      </c>
    </row>
    <row r="42955" spans="1:4" x14ac:dyDescent="0.25">
      <c r="A42955" t="s">
        <v>60278</v>
      </c>
      <c r="B42955" t="s">
        <v>60281</v>
      </c>
      <c r="C42955">
        <v>1</v>
      </c>
      <c r="D42955">
        <v>0</v>
      </c>
    </row>
    <row r="42956" spans="1:4" x14ac:dyDescent="0.25">
      <c r="A42956" t="s">
        <v>60278</v>
      </c>
      <c r="B42956" t="s">
        <v>60282</v>
      </c>
      <c r="C42956">
        <v>1</v>
      </c>
      <c r="D42956">
        <v>0</v>
      </c>
    </row>
    <row r="42957" spans="1:4" x14ac:dyDescent="0.25">
      <c r="A42957" t="s">
        <v>60283</v>
      </c>
      <c r="B42957" t="s">
        <v>60284</v>
      </c>
      <c r="C42957">
        <v>2</v>
      </c>
      <c r="D42957">
        <v>0</v>
      </c>
    </row>
    <row r="42958" spans="1:4" x14ac:dyDescent="0.25">
      <c r="A42958" t="s">
        <v>60283</v>
      </c>
      <c r="B42958" t="s">
        <v>60285</v>
      </c>
      <c r="C42958">
        <v>0</v>
      </c>
      <c r="D42958">
        <v>0</v>
      </c>
    </row>
    <row r="42959" spans="1:4" x14ac:dyDescent="0.25">
      <c r="A42959" t="s">
        <v>60283</v>
      </c>
      <c r="B42959" t="s">
        <v>60286</v>
      </c>
      <c r="C42959">
        <v>2</v>
      </c>
      <c r="D42959">
        <v>0</v>
      </c>
    </row>
    <row r="42960" spans="1:4" x14ac:dyDescent="0.25">
      <c r="A42960" t="s">
        <v>60283</v>
      </c>
      <c r="B42960" t="s">
        <v>60287</v>
      </c>
      <c r="C42960">
        <v>1</v>
      </c>
      <c r="D42960">
        <v>0</v>
      </c>
    </row>
    <row r="42961" spans="1:4" x14ac:dyDescent="0.25">
      <c r="A42961" t="s">
        <v>60288</v>
      </c>
      <c r="B42961" t="s">
        <v>60289</v>
      </c>
      <c r="C42961">
        <v>1</v>
      </c>
      <c r="D42961">
        <v>0</v>
      </c>
    </row>
    <row r="42962" spans="1:4" x14ac:dyDescent="0.25">
      <c r="A42962" t="s">
        <v>60288</v>
      </c>
      <c r="B42962" t="s">
        <v>60290</v>
      </c>
      <c r="C42962">
        <v>0</v>
      </c>
      <c r="D42962">
        <v>0</v>
      </c>
    </row>
    <row r="42963" spans="1:4" x14ac:dyDescent="0.25">
      <c r="A42963" t="s">
        <v>60288</v>
      </c>
      <c r="B42963" t="s">
        <v>60291</v>
      </c>
      <c r="C42963">
        <v>1</v>
      </c>
      <c r="D42963">
        <v>0</v>
      </c>
    </row>
    <row r="42964" spans="1:4" x14ac:dyDescent="0.25">
      <c r="A42964" t="s">
        <v>60288</v>
      </c>
      <c r="B42964" t="s">
        <v>60292</v>
      </c>
      <c r="C42964">
        <v>0</v>
      </c>
      <c r="D42964">
        <v>0</v>
      </c>
    </row>
    <row r="42965" spans="1:4" x14ac:dyDescent="0.25">
      <c r="A42965" t="s">
        <v>60288</v>
      </c>
      <c r="B42965" t="s">
        <v>60293</v>
      </c>
      <c r="C42965">
        <v>1</v>
      </c>
      <c r="D42965">
        <v>0</v>
      </c>
    </row>
    <row r="42966" spans="1:4" x14ac:dyDescent="0.25">
      <c r="A42966" t="s">
        <v>60288</v>
      </c>
      <c r="B42966" t="s">
        <v>60294</v>
      </c>
      <c r="C42966">
        <v>2</v>
      </c>
      <c r="D42966">
        <v>0</v>
      </c>
    </row>
    <row r="42967" spans="1:4" x14ac:dyDescent="0.25">
      <c r="A42967" t="s">
        <v>60288</v>
      </c>
      <c r="B42967" t="s">
        <v>5434</v>
      </c>
      <c r="C42967">
        <v>1</v>
      </c>
      <c r="D42967">
        <v>0</v>
      </c>
    </row>
    <row r="42968" spans="1:4" x14ac:dyDescent="0.25">
      <c r="A42968" t="s">
        <v>60295</v>
      </c>
      <c r="B42968" t="s">
        <v>60296</v>
      </c>
      <c r="C42968">
        <v>0</v>
      </c>
      <c r="D42968">
        <v>0</v>
      </c>
    </row>
    <row r="42969" spans="1:4" x14ac:dyDescent="0.25">
      <c r="A42969" t="s">
        <v>60295</v>
      </c>
      <c r="B42969" t="s">
        <v>60297</v>
      </c>
      <c r="C42969">
        <v>0</v>
      </c>
      <c r="D42969">
        <v>0</v>
      </c>
    </row>
    <row r="42970" spans="1:4" x14ac:dyDescent="0.25">
      <c r="A42970" t="s">
        <v>60295</v>
      </c>
      <c r="B42970" t="s">
        <v>60298</v>
      </c>
      <c r="C42970">
        <v>0</v>
      </c>
      <c r="D42970">
        <v>0</v>
      </c>
    </row>
    <row r="42971" spans="1:4" x14ac:dyDescent="0.25">
      <c r="A42971" t="s">
        <v>60295</v>
      </c>
      <c r="B42971" t="s">
        <v>60299</v>
      </c>
      <c r="C42971">
        <v>0</v>
      </c>
      <c r="D42971">
        <v>0</v>
      </c>
    </row>
    <row r="42972" spans="1:4" x14ac:dyDescent="0.25">
      <c r="A42972" t="s">
        <v>60295</v>
      </c>
      <c r="B42972" t="s">
        <v>60300</v>
      </c>
      <c r="C42972">
        <v>1</v>
      </c>
      <c r="D42972">
        <v>0</v>
      </c>
    </row>
    <row r="42973" spans="1:4" x14ac:dyDescent="0.25">
      <c r="A42973" t="s">
        <v>60301</v>
      </c>
      <c r="B42973" t="s">
        <v>60302</v>
      </c>
      <c r="C42973">
        <v>2</v>
      </c>
      <c r="D42973">
        <v>0</v>
      </c>
    </row>
    <row r="42974" spans="1:4" x14ac:dyDescent="0.25">
      <c r="A42974" t="s">
        <v>60301</v>
      </c>
      <c r="B42974" t="s">
        <v>60303</v>
      </c>
      <c r="C42974">
        <v>1</v>
      </c>
      <c r="D42974">
        <v>0</v>
      </c>
    </row>
    <row r="42975" spans="1:4" x14ac:dyDescent="0.25">
      <c r="A42975" t="s">
        <v>60301</v>
      </c>
      <c r="B42975" t="s">
        <v>60304</v>
      </c>
      <c r="C42975">
        <v>1</v>
      </c>
      <c r="D42975">
        <v>0</v>
      </c>
    </row>
    <row r="42976" spans="1:4" x14ac:dyDescent="0.25">
      <c r="A42976" t="s">
        <v>60301</v>
      </c>
      <c r="B42976" t="s">
        <v>60305</v>
      </c>
      <c r="C42976">
        <v>2</v>
      </c>
      <c r="D42976">
        <v>0</v>
      </c>
    </row>
    <row r="42977" spans="1:4" x14ac:dyDescent="0.25">
      <c r="A42977" t="s">
        <v>60301</v>
      </c>
      <c r="B42977" t="s">
        <v>60306</v>
      </c>
      <c r="C42977">
        <v>2</v>
      </c>
      <c r="D42977">
        <v>0</v>
      </c>
    </row>
    <row r="42978" spans="1:4" x14ac:dyDescent="0.25">
      <c r="A42978" t="s">
        <v>60301</v>
      </c>
      <c r="B42978" t="s">
        <v>22059</v>
      </c>
      <c r="C42978">
        <v>2</v>
      </c>
      <c r="D42978">
        <v>0</v>
      </c>
    </row>
    <row r="42979" spans="1:4" x14ac:dyDescent="0.25">
      <c r="A42979" t="s">
        <v>60301</v>
      </c>
      <c r="B42979" t="s">
        <v>60307</v>
      </c>
      <c r="C42979">
        <v>2</v>
      </c>
      <c r="D42979">
        <v>0</v>
      </c>
    </row>
    <row r="42980" spans="1:4" x14ac:dyDescent="0.25">
      <c r="A42980" t="s">
        <v>60308</v>
      </c>
      <c r="B42980" t="s">
        <v>60309</v>
      </c>
      <c r="C42980">
        <v>1</v>
      </c>
      <c r="D42980">
        <v>0</v>
      </c>
    </row>
    <row r="42981" spans="1:4" x14ac:dyDescent="0.25">
      <c r="A42981" t="s">
        <v>60308</v>
      </c>
      <c r="B42981" t="s">
        <v>60310</v>
      </c>
      <c r="C42981">
        <v>1</v>
      </c>
      <c r="D42981">
        <v>0</v>
      </c>
    </row>
    <row r="42982" spans="1:4" x14ac:dyDescent="0.25">
      <c r="A42982" t="s">
        <v>60308</v>
      </c>
      <c r="B42982" t="s">
        <v>60311</v>
      </c>
      <c r="C42982">
        <v>1</v>
      </c>
      <c r="D42982">
        <v>0</v>
      </c>
    </row>
    <row r="42983" spans="1:4" x14ac:dyDescent="0.25">
      <c r="A42983" t="s">
        <v>60308</v>
      </c>
      <c r="B42983" t="s">
        <v>60312</v>
      </c>
      <c r="C42983">
        <v>1</v>
      </c>
      <c r="D42983">
        <v>0</v>
      </c>
    </row>
    <row r="42984" spans="1:4" x14ac:dyDescent="0.25">
      <c r="A42984" t="s">
        <v>60313</v>
      </c>
      <c r="B42984" t="s">
        <v>60314</v>
      </c>
      <c r="C42984">
        <v>0</v>
      </c>
      <c r="D42984">
        <v>0</v>
      </c>
    </row>
    <row r="42985" spans="1:4" x14ac:dyDescent="0.25">
      <c r="A42985" t="s">
        <v>60313</v>
      </c>
      <c r="B42985" t="s">
        <v>60315</v>
      </c>
      <c r="C42985">
        <v>2</v>
      </c>
      <c r="D42985">
        <v>0</v>
      </c>
    </row>
    <row r="42986" spans="1:4" x14ac:dyDescent="0.25">
      <c r="A42986" t="s">
        <v>60316</v>
      </c>
      <c r="B42986" t="s">
        <v>60317</v>
      </c>
      <c r="C42986">
        <v>2</v>
      </c>
      <c r="D42986">
        <v>0</v>
      </c>
    </row>
    <row r="42987" spans="1:4" x14ac:dyDescent="0.25">
      <c r="A42987" t="s">
        <v>60316</v>
      </c>
      <c r="B42987" t="s">
        <v>60318</v>
      </c>
      <c r="C42987">
        <v>1</v>
      </c>
      <c r="D42987">
        <v>0</v>
      </c>
    </row>
    <row r="42988" spans="1:4" x14ac:dyDescent="0.25">
      <c r="A42988" t="s">
        <v>60316</v>
      </c>
      <c r="B42988" t="s">
        <v>60319</v>
      </c>
      <c r="C42988">
        <v>0</v>
      </c>
      <c r="D42988">
        <v>0</v>
      </c>
    </row>
    <row r="42989" spans="1:4" x14ac:dyDescent="0.25">
      <c r="A42989" t="s">
        <v>60316</v>
      </c>
      <c r="B42989" t="s">
        <v>60320</v>
      </c>
      <c r="C42989">
        <v>2</v>
      </c>
      <c r="D42989">
        <v>0</v>
      </c>
    </row>
    <row r="42990" spans="1:4" x14ac:dyDescent="0.25">
      <c r="A42990" t="s">
        <v>60316</v>
      </c>
      <c r="B42990" t="s">
        <v>60321</v>
      </c>
      <c r="C42990">
        <v>2</v>
      </c>
      <c r="D42990">
        <v>0</v>
      </c>
    </row>
    <row r="42991" spans="1:4" x14ac:dyDescent="0.25">
      <c r="A42991" t="s">
        <v>60316</v>
      </c>
      <c r="B42991" t="s">
        <v>60322</v>
      </c>
      <c r="C42991">
        <v>1</v>
      </c>
      <c r="D42991">
        <v>0</v>
      </c>
    </row>
    <row r="42992" spans="1:4" x14ac:dyDescent="0.25">
      <c r="A42992" t="s">
        <v>60316</v>
      </c>
      <c r="B42992" t="s">
        <v>60323</v>
      </c>
      <c r="C42992">
        <v>1</v>
      </c>
      <c r="D42992">
        <v>0</v>
      </c>
    </row>
    <row r="42993" spans="1:4" x14ac:dyDescent="0.25">
      <c r="A42993" t="s">
        <v>60316</v>
      </c>
      <c r="B42993" t="s">
        <v>60324</v>
      </c>
      <c r="C42993">
        <v>0</v>
      </c>
      <c r="D42993">
        <v>0</v>
      </c>
    </row>
    <row r="42994" spans="1:4" x14ac:dyDescent="0.25">
      <c r="A42994" t="s">
        <v>60325</v>
      </c>
      <c r="B42994" t="s">
        <v>60326</v>
      </c>
      <c r="C42994">
        <v>1</v>
      </c>
      <c r="D42994">
        <v>0</v>
      </c>
    </row>
    <row r="42995" spans="1:4" x14ac:dyDescent="0.25">
      <c r="A42995" t="s">
        <v>60325</v>
      </c>
      <c r="B42995" t="s">
        <v>60327</v>
      </c>
      <c r="C42995">
        <v>1</v>
      </c>
      <c r="D42995">
        <v>0</v>
      </c>
    </row>
    <row r="42996" spans="1:4" x14ac:dyDescent="0.25">
      <c r="A42996" t="s">
        <v>60325</v>
      </c>
      <c r="B42996" t="s">
        <v>1001</v>
      </c>
      <c r="C42996">
        <v>1</v>
      </c>
      <c r="D42996">
        <v>0</v>
      </c>
    </row>
    <row r="42997" spans="1:4" x14ac:dyDescent="0.25">
      <c r="A42997" t="s">
        <v>60328</v>
      </c>
      <c r="B42997" t="s">
        <v>60329</v>
      </c>
      <c r="C42997">
        <v>2</v>
      </c>
      <c r="D42997">
        <v>0</v>
      </c>
    </row>
    <row r="42998" spans="1:4" x14ac:dyDescent="0.25">
      <c r="A42998" t="s">
        <v>60328</v>
      </c>
      <c r="B42998" t="s">
        <v>60330</v>
      </c>
      <c r="C42998">
        <v>0</v>
      </c>
      <c r="D42998">
        <v>0</v>
      </c>
    </row>
    <row r="42999" spans="1:4" x14ac:dyDescent="0.25">
      <c r="A42999" t="s">
        <v>60328</v>
      </c>
      <c r="B42999" t="s">
        <v>60331</v>
      </c>
      <c r="C42999">
        <v>0</v>
      </c>
      <c r="D42999">
        <v>0</v>
      </c>
    </row>
    <row r="43000" spans="1:4" x14ac:dyDescent="0.25">
      <c r="A43000" t="s">
        <v>60328</v>
      </c>
      <c r="B43000" t="s">
        <v>60332</v>
      </c>
      <c r="C43000">
        <v>1</v>
      </c>
      <c r="D43000">
        <v>0</v>
      </c>
    </row>
    <row r="43001" spans="1:4" x14ac:dyDescent="0.25">
      <c r="A43001" t="s">
        <v>60328</v>
      </c>
      <c r="B43001" t="s">
        <v>5713</v>
      </c>
      <c r="C43001">
        <v>1</v>
      </c>
      <c r="D43001">
        <v>0</v>
      </c>
    </row>
    <row r="43002" spans="1:4" x14ac:dyDescent="0.25">
      <c r="A43002" t="s">
        <v>60333</v>
      </c>
      <c r="B43002" t="s">
        <v>60334</v>
      </c>
      <c r="C43002">
        <v>2</v>
      </c>
      <c r="D43002">
        <v>0</v>
      </c>
    </row>
    <row r="43003" spans="1:4" x14ac:dyDescent="0.25">
      <c r="A43003" t="s">
        <v>60333</v>
      </c>
      <c r="B43003" t="s">
        <v>60335</v>
      </c>
      <c r="C43003">
        <v>1</v>
      </c>
      <c r="D43003">
        <v>0</v>
      </c>
    </row>
    <row r="43004" spans="1:4" x14ac:dyDescent="0.25">
      <c r="A43004" t="s">
        <v>60333</v>
      </c>
      <c r="B43004" t="s">
        <v>60336</v>
      </c>
      <c r="C43004">
        <v>1</v>
      </c>
      <c r="D43004">
        <v>0</v>
      </c>
    </row>
    <row r="43005" spans="1:4" x14ac:dyDescent="0.25">
      <c r="A43005" t="s">
        <v>60333</v>
      </c>
      <c r="B43005" t="s">
        <v>60337</v>
      </c>
      <c r="C43005">
        <v>1</v>
      </c>
      <c r="D43005">
        <v>0</v>
      </c>
    </row>
    <row r="43006" spans="1:4" x14ac:dyDescent="0.25">
      <c r="A43006" t="s">
        <v>60338</v>
      </c>
      <c r="B43006" t="s">
        <v>60339</v>
      </c>
      <c r="C43006">
        <v>1</v>
      </c>
      <c r="D43006">
        <v>0</v>
      </c>
    </row>
    <row r="43007" spans="1:4" x14ac:dyDescent="0.25">
      <c r="A43007" t="s">
        <v>60340</v>
      </c>
      <c r="B43007" t="s">
        <v>60341</v>
      </c>
      <c r="C43007">
        <v>1</v>
      </c>
      <c r="D43007">
        <v>0</v>
      </c>
    </row>
    <row r="43008" spans="1:4" x14ac:dyDescent="0.25">
      <c r="A43008" t="s">
        <v>60340</v>
      </c>
      <c r="B43008" t="s">
        <v>46567</v>
      </c>
      <c r="C43008">
        <v>1</v>
      </c>
      <c r="D43008">
        <v>0</v>
      </c>
    </row>
    <row r="43009" spans="1:4" x14ac:dyDescent="0.25">
      <c r="A43009" t="s">
        <v>60340</v>
      </c>
      <c r="B43009" t="s">
        <v>60342</v>
      </c>
      <c r="C43009">
        <v>1</v>
      </c>
      <c r="D43009">
        <v>0</v>
      </c>
    </row>
    <row r="43010" spans="1:4" x14ac:dyDescent="0.25">
      <c r="A43010" t="s">
        <v>60340</v>
      </c>
      <c r="B43010" t="s">
        <v>60343</v>
      </c>
      <c r="C43010">
        <v>0</v>
      </c>
      <c r="D43010">
        <v>0</v>
      </c>
    </row>
    <row r="43011" spans="1:4" x14ac:dyDescent="0.25">
      <c r="A43011" t="s">
        <v>60340</v>
      </c>
      <c r="B43011" t="s">
        <v>60344</v>
      </c>
      <c r="C43011">
        <v>0</v>
      </c>
      <c r="D43011">
        <v>0</v>
      </c>
    </row>
    <row r="43012" spans="1:4" x14ac:dyDescent="0.25">
      <c r="A43012" t="s">
        <v>60345</v>
      </c>
      <c r="B43012" t="s">
        <v>60346</v>
      </c>
      <c r="C43012">
        <v>1</v>
      </c>
      <c r="D43012">
        <v>0</v>
      </c>
    </row>
    <row r="43013" spans="1:4" x14ac:dyDescent="0.25">
      <c r="A43013" t="s">
        <v>60345</v>
      </c>
      <c r="B43013" t="s">
        <v>60347</v>
      </c>
      <c r="C43013">
        <v>1</v>
      </c>
      <c r="D43013">
        <v>0</v>
      </c>
    </row>
    <row r="43014" spans="1:4" x14ac:dyDescent="0.25">
      <c r="A43014" t="s">
        <v>60345</v>
      </c>
      <c r="B43014" t="s">
        <v>60348</v>
      </c>
      <c r="C43014">
        <v>0</v>
      </c>
      <c r="D43014">
        <v>0</v>
      </c>
    </row>
    <row r="43015" spans="1:4" x14ac:dyDescent="0.25">
      <c r="A43015" t="s">
        <v>60345</v>
      </c>
      <c r="B43015" t="s">
        <v>60349</v>
      </c>
      <c r="C43015">
        <v>1</v>
      </c>
      <c r="D43015">
        <v>0</v>
      </c>
    </row>
    <row r="43016" spans="1:4" x14ac:dyDescent="0.25">
      <c r="A43016" t="s">
        <v>60345</v>
      </c>
      <c r="B43016" t="s">
        <v>60350</v>
      </c>
      <c r="C43016">
        <v>1</v>
      </c>
      <c r="D43016">
        <v>0</v>
      </c>
    </row>
    <row r="43017" spans="1:4" x14ac:dyDescent="0.25">
      <c r="A43017" t="s">
        <v>60345</v>
      </c>
      <c r="B43017" t="s">
        <v>60351</v>
      </c>
      <c r="C43017">
        <v>0</v>
      </c>
      <c r="D43017">
        <v>0</v>
      </c>
    </row>
    <row r="43018" spans="1:4" x14ac:dyDescent="0.25">
      <c r="A43018" t="s">
        <v>60352</v>
      </c>
      <c r="B43018" t="s">
        <v>5713</v>
      </c>
      <c r="C43018">
        <v>1</v>
      </c>
      <c r="D43018">
        <v>0</v>
      </c>
    </row>
    <row r="43019" spans="1:4" x14ac:dyDescent="0.25">
      <c r="A43019" t="s">
        <v>60352</v>
      </c>
      <c r="B43019" t="s">
        <v>5434</v>
      </c>
      <c r="C43019">
        <v>1</v>
      </c>
      <c r="D43019">
        <v>0</v>
      </c>
    </row>
    <row r="43020" spans="1:4" x14ac:dyDescent="0.25">
      <c r="A43020" t="s">
        <v>60352</v>
      </c>
      <c r="B43020" t="s">
        <v>60353</v>
      </c>
      <c r="C43020">
        <v>1</v>
      </c>
      <c r="D43020">
        <v>0</v>
      </c>
    </row>
    <row r="43021" spans="1:4" x14ac:dyDescent="0.25">
      <c r="A43021" t="s">
        <v>60352</v>
      </c>
      <c r="B43021" t="s">
        <v>60354</v>
      </c>
      <c r="C43021">
        <v>1</v>
      </c>
      <c r="D43021">
        <v>0</v>
      </c>
    </row>
    <row r="43022" spans="1:4" x14ac:dyDescent="0.25">
      <c r="A43022" t="s">
        <v>60352</v>
      </c>
      <c r="B43022" t="s">
        <v>60355</v>
      </c>
      <c r="C43022">
        <v>1</v>
      </c>
      <c r="D43022">
        <v>0</v>
      </c>
    </row>
    <row r="43023" spans="1:4" x14ac:dyDescent="0.25">
      <c r="A43023" t="s">
        <v>60356</v>
      </c>
      <c r="B43023" t="s">
        <v>60357</v>
      </c>
      <c r="C43023">
        <v>1</v>
      </c>
      <c r="D43023">
        <v>0</v>
      </c>
    </row>
    <row r="43024" spans="1:4" x14ac:dyDescent="0.25">
      <c r="A43024" t="s">
        <v>60356</v>
      </c>
      <c r="B43024" t="s">
        <v>60358</v>
      </c>
      <c r="C43024">
        <v>0</v>
      </c>
      <c r="D43024">
        <v>0</v>
      </c>
    </row>
    <row r="43025" spans="1:4" x14ac:dyDescent="0.25">
      <c r="A43025" t="s">
        <v>60359</v>
      </c>
      <c r="B43025" t="s">
        <v>60360</v>
      </c>
      <c r="C43025">
        <v>0</v>
      </c>
      <c r="D43025">
        <v>0</v>
      </c>
    </row>
    <row r="43026" spans="1:4" x14ac:dyDescent="0.25">
      <c r="A43026" t="s">
        <v>60359</v>
      </c>
      <c r="B43026" t="s">
        <v>60361</v>
      </c>
      <c r="C43026">
        <v>1</v>
      </c>
      <c r="D43026">
        <v>0</v>
      </c>
    </row>
    <row r="43027" spans="1:4" x14ac:dyDescent="0.25">
      <c r="A43027" t="s">
        <v>60359</v>
      </c>
      <c r="B43027" t="s">
        <v>60362</v>
      </c>
      <c r="C43027">
        <v>0</v>
      </c>
      <c r="D43027">
        <v>0</v>
      </c>
    </row>
    <row r="43028" spans="1:4" x14ac:dyDescent="0.25">
      <c r="A43028" t="s">
        <v>60359</v>
      </c>
      <c r="B43028" t="s">
        <v>60363</v>
      </c>
      <c r="C43028">
        <v>1</v>
      </c>
      <c r="D43028">
        <v>0</v>
      </c>
    </row>
    <row r="43029" spans="1:4" x14ac:dyDescent="0.25">
      <c r="A43029" t="s">
        <v>60359</v>
      </c>
      <c r="B43029" t="s">
        <v>60364</v>
      </c>
      <c r="C43029">
        <v>1</v>
      </c>
      <c r="D43029">
        <v>0</v>
      </c>
    </row>
    <row r="43030" spans="1:4" x14ac:dyDescent="0.25">
      <c r="A43030" t="s">
        <v>60365</v>
      </c>
      <c r="B43030" t="s">
        <v>60366</v>
      </c>
      <c r="C43030">
        <v>0</v>
      </c>
      <c r="D43030">
        <v>0</v>
      </c>
    </row>
    <row r="43031" spans="1:4" x14ac:dyDescent="0.25">
      <c r="A43031" t="s">
        <v>60365</v>
      </c>
      <c r="B43031" t="s">
        <v>60367</v>
      </c>
      <c r="C43031">
        <v>1</v>
      </c>
      <c r="D43031">
        <v>0</v>
      </c>
    </row>
    <row r="43032" spans="1:4" x14ac:dyDescent="0.25">
      <c r="A43032" t="s">
        <v>60365</v>
      </c>
      <c r="B43032" t="s">
        <v>60368</v>
      </c>
      <c r="C43032">
        <v>1</v>
      </c>
      <c r="D43032">
        <v>0</v>
      </c>
    </row>
    <row r="43033" spans="1:4" x14ac:dyDescent="0.25">
      <c r="A43033" t="s">
        <v>60365</v>
      </c>
      <c r="B43033" t="s">
        <v>60369</v>
      </c>
      <c r="C43033">
        <v>2</v>
      </c>
      <c r="D43033">
        <v>0</v>
      </c>
    </row>
    <row r="43034" spans="1:4" x14ac:dyDescent="0.25">
      <c r="A43034" t="s">
        <v>60370</v>
      </c>
      <c r="B43034" t="s">
        <v>60371</v>
      </c>
      <c r="C43034">
        <v>1</v>
      </c>
      <c r="D43034">
        <v>0</v>
      </c>
    </row>
    <row r="43035" spans="1:4" x14ac:dyDescent="0.25">
      <c r="A43035" t="s">
        <v>60370</v>
      </c>
      <c r="B43035" t="s">
        <v>60372</v>
      </c>
      <c r="C43035">
        <v>0</v>
      </c>
      <c r="D43035">
        <v>0</v>
      </c>
    </row>
    <row r="43036" spans="1:4" x14ac:dyDescent="0.25">
      <c r="A43036" t="s">
        <v>60370</v>
      </c>
      <c r="B43036" t="s">
        <v>60373</v>
      </c>
      <c r="C43036">
        <v>0</v>
      </c>
      <c r="D43036">
        <v>0</v>
      </c>
    </row>
    <row r="43037" spans="1:4" x14ac:dyDescent="0.25">
      <c r="A43037" t="s">
        <v>60374</v>
      </c>
      <c r="B43037" t="s">
        <v>60375</v>
      </c>
      <c r="C43037">
        <v>0</v>
      </c>
      <c r="D43037">
        <v>0</v>
      </c>
    </row>
    <row r="43038" spans="1:4" x14ac:dyDescent="0.25">
      <c r="A43038" t="s">
        <v>60374</v>
      </c>
      <c r="B43038" t="s">
        <v>60376</v>
      </c>
      <c r="C43038">
        <v>2</v>
      </c>
      <c r="D43038">
        <v>0</v>
      </c>
    </row>
    <row r="43039" spans="1:4" x14ac:dyDescent="0.25">
      <c r="A43039" t="s">
        <v>60374</v>
      </c>
      <c r="B43039" t="s">
        <v>60377</v>
      </c>
      <c r="C43039">
        <v>0</v>
      </c>
      <c r="D43039">
        <v>0</v>
      </c>
    </row>
    <row r="43040" spans="1:4" x14ac:dyDescent="0.25">
      <c r="A43040" t="s">
        <v>60374</v>
      </c>
      <c r="B43040" t="s">
        <v>60378</v>
      </c>
      <c r="C43040">
        <v>0</v>
      </c>
      <c r="D43040">
        <v>0</v>
      </c>
    </row>
    <row r="43041" spans="1:4" x14ac:dyDescent="0.25">
      <c r="A43041" t="s">
        <v>60374</v>
      </c>
      <c r="B43041" t="s">
        <v>60379</v>
      </c>
      <c r="C43041">
        <v>0</v>
      </c>
      <c r="D43041">
        <v>0</v>
      </c>
    </row>
    <row r="43042" spans="1:4" x14ac:dyDescent="0.25">
      <c r="A43042" t="s">
        <v>60374</v>
      </c>
      <c r="B43042" t="s">
        <v>60380</v>
      </c>
      <c r="C43042">
        <v>0</v>
      </c>
      <c r="D43042">
        <v>0</v>
      </c>
    </row>
    <row r="43043" spans="1:4" x14ac:dyDescent="0.25">
      <c r="A43043" t="s">
        <v>60374</v>
      </c>
      <c r="B43043" t="s">
        <v>60381</v>
      </c>
      <c r="C43043">
        <v>2</v>
      </c>
      <c r="D43043">
        <v>0</v>
      </c>
    </row>
    <row r="43044" spans="1:4" x14ac:dyDescent="0.25">
      <c r="A43044" t="s">
        <v>60382</v>
      </c>
      <c r="B43044" t="s">
        <v>60383</v>
      </c>
      <c r="C43044">
        <v>1</v>
      </c>
      <c r="D43044">
        <v>0</v>
      </c>
    </row>
    <row r="43045" spans="1:4" x14ac:dyDescent="0.25">
      <c r="A43045" t="s">
        <v>60382</v>
      </c>
      <c r="B43045" t="s">
        <v>60384</v>
      </c>
      <c r="C43045">
        <v>1</v>
      </c>
      <c r="D43045">
        <v>0</v>
      </c>
    </row>
    <row r="43046" spans="1:4" x14ac:dyDescent="0.25">
      <c r="A43046" t="s">
        <v>60382</v>
      </c>
      <c r="B43046" t="s">
        <v>60385</v>
      </c>
      <c r="C43046">
        <v>2</v>
      </c>
      <c r="D43046">
        <v>0</v>
      </c>
    </row>
    <row r="43047" spans="1:4" x14ac:dyDescent="0.25">
      <c r="A43047" t="s">
        <v>60382</v>
      </c>
      <c r="B43047" t="s">
        <v>60386</v>
      </c>
      <c r="C43047">
        <v>1</v>
      </c>
      <c r="D43047">
        <v>0</v>
      </c>
    </row>
    <row r="43048" spans="1:4" x14ac:dyDescent="0.25">
      <c r="A43048" t="s">
        <v>60387</v>
      </c>
      <c r="B43048" t="s">
        <v>5434</v>
      </c>
      <c r="C43048">
        <v>1</v>
      </c>
      <c r="D43048">
        <v>0</v>
      </c>
    </row>
    <row r="43049" spans="1:4" x14ac:dyDescent="0.25">
      <c r="A43049" t="s">
        <v>60387</v>
      </c>
      <c r="B43049" t="s">
        <v>60388</v>
      </c>
      <c r="C43049">
        <v>1</v>
      </c>
      <c r="D43049">
        <v>0</v>
      </c>
    </row>
    <row r="43050" spans="1:4" x14ac:dyDescent="0.25">
      <c r="A43050" t="s">
        <v>60387</v>
      </c>
      <c r="B43050" t="s">
        <v>60389</v>
      </c>
      <c r="C43050">
        <v>1</v>
      </c>
      <c r="D43050">
        <v>0</v>
      </c>
    </row>
    <row r="43051" spans="1:4" x14ac:dyDescent="0.25">
      <c r="A43051" t="s">
        <v>60387</v>
      </c>
      <c r="B43051" t="s">
        <v>60390</v>
      </c>
      <c r="C43051">
        <v>1</v>
      </c>
      <c r="D43051">
        <v>0</v>
      </c>
    </row>
    <row r="43052" spans="1:4" x14ac:dyDescent="0.25">
      <c r="A43052" t="s">
        <v>60387</v>
      </c>
      <c r="B43052" t="s">
        <v>60391</v>
      </c>
      <c r="C43052">
        <v>1</v>
      </c>
      <c r="D43052">
        <v>0</v>
      </c>
    </row>
    <row r="43053" spans="1:4" x14ac:dyDescent="0.25">
      <c r="A43053" t="s">
        <v>60387</v>
      </c>
      <c r="B43053" t="s">
        <v>60392</v>
      </c>
      <c r="C43053">
        <v>2</v>
      </c>
      <c r="D43053">
        <v>0</v>
      </c>
    </row>
    <row r="43054" spans="1:4" x14ac:dyDescent="0.25">
      <c r="A43054" t="s">
        <v>60387</v>
      </c>
      <c r="B43054" t="s">
        <v>60393</v>
      </c>
      <c r="C43054">
        <v>1</v>
      </c>
      <c r="D43054">
        <v>0</v>
      </c>
    </row>
    <row r="43055" spans="1:4" x14ac:dyDescent="0.25">
      <c r="A43055" t="s">
        <v>60394</v>
      </c>
      <c r="B43055" t="s">
        <v>60395</v>
      </c>
      <c r="C43055">
        <v>1</v>
      </c>
      <c r="D43055">
        <v>0</v>
      </c>
    </row>
    <row r="43056" spans="1:4" x14ac:dyDescent="0.25">
      <c r="A43056" t="s">
        <v>60394</v>
      </c>
      <c r="B43056" t="s">
        <v>60396</v>
      </c>
      <c r="C43056">
        <v>1</v>
      </c>
      <c r="D43056">
        <v>0</v>
      </c>
    </row>
    <row r="43057" spans="1:4" x14ac:dyDescent="0.25">
      <c r="A43057" t="s">
        <v>60394</v>
      </c>
      <c r="B43057" t="s">
        <v>60397</v>
      </c>
      <c r="C43057">
        <v>1</v>
      </c>
      <c r="D43057">
        <v>0</v>
      </c>
    </row>
    <row r="43058" spans="1:4" x14ac:dyDescent="0.25">
      <c r="A43058" t="s">
        <v>60394</v>
      </c>
      <c r="B43058" t="s">
        <v>60398</v>
      </c>
      <c r="C43058">
        <v>0</v>
      </c>
      <c r="D43058">
        <v>0</v>
      </c>
    </row>
    <row r="43059" spans="1:4" x14ac:dyDescent="0.25">
      <c r="A43059" t="s">
        <v>60399</v>
      </c>
      <c r="B43059" t="s">
        <v>60400</v>
      </c>
      <c r="C43059">
        <v>1</v>
      </c>
      <c r="D43059">
        <v>0</v>
      </c>
    </row>
    <row r="43060" spans="1:4" x14ac:dyDescent="0.25">
      <c r="A43060" t="s">
        <v>60399</v>
      </c>
      <c r="B43060" t="s">
        <v>60401</v>
      </c>
      <c r="C43060">
        <v>1</v>
      </c>
      <c r="D43060">
        <v>0</v>
      </c>
    </row>
    <row r="43061" spans="1:4" x14ac:dyDescent="0.25">
      <c r="A43061" t="s">
        <v>60399</v>
      </c>
      <c r="B43061" t="s">
        <v>1294</v>
      </c>
      <c r="C43061">
        <v>1</v>
      </c>
      <c r="D43061">
        <v>0</v>
      </c>
    </row>
    <row r="43062" spans="1:4" x14ac:dyDescent="0.25">
      <c r="A43062" t="s">
        <v>60399</v>
      </c>
      <c r="B43062" t="s">
        <v>60402</v>
      </c>
      <c r="C43062">
        <v>0</v>
      </c>
      <c r="D43062">
        <v>0</v>
      </c>
    </row>
    <row r="43063" spans="1:4" x14ac:dyDescent="0.25">
      <c r="A43063" t="s">
        <v>60399</v>
      </c>
      <c r="B43063" t="s">
        <v>60403</v>
      </c>
      <c r="C43063">
        <v>0</v>
      </c>
      <c r="D43063">
        <v>0</v>
      </c>
    </row>
    <row r="43064" spans="1:4" x14ac:dyDescent="0.25">
      <c r="A43064" t="s">
        <v>60399</v>
      </c>
      <c r="B43064" t="s">
        <v>60404</v>
      </c>
      <c r="C43064">
        <v>1</v>
      </c>
      <c r="D43064">
        <v>0</v>
      </c>
    </row>
    <row r="43065" spans="1:4" x14ac:dyDescent="0.25">
      <c r="A43065" t="s">
        <v>60405</v>
      </c>
      <c r="B43065" t="s">
        <v>60406</v>
      </c>
      <c r="C43065">
        <v>1</v>
      </c>
      <c r="D43065">
        <v>0</v>
      </c>
    </row>
    <row r="43066" spans="1:4" x14ac:dyDescent="0.25">
      <c r="A43066" t="s">
        <v>60405</v>
      </c>
      <c r="B43066" t="s">
        <v>60407</v>
      </c>
      <c r="C43066">
        <v>0</v>
      </c>
      <c r="D43066">
        <v>0</v>
      </c>
    </row>
    <row r="43067" spans="1:4" x14ac:dyDescent="0.25">
      <c r="A43067" t="s">
        <v>60405</v>
      </c>
      <c r="B43067" t="s">
        <v>60408</v>
      </c>
      <c r="C43067">
        <v>1</v>
      </c>
      <c r="D43067">
        <v>0</v>
      </c>
    </row>
    <row r="43068" spans="1:4" x14ac:dyDescent="0.25">
      <c r="A43068" t="s">
        <v>60405</v>
      </c>
      <c r="B43068" t="s">
        <v>60409</v>
      </c>
      <c r="C43068">
        <v>1</v>
      </c>
      <c r="D43068">
        <v>0</v>
      </c>
    </row>
    <row r="43069" spans="1:4" x14ac:dyDescent="0.25">
      <c r="A43069" t="s">
        <v>60405</v>
      </c>
      <c r="B43069" t="s">
        <v>60410</v>
      </c>
      <c r="C43069">
        <v>2</v>
      </c>
      <c r="D43069">
        <v>0</v>
      </c>
    </row>
    <row r="43070" spans="1:4" x14ac:dyDescent="0.25">
      <c r="A43070" t="s">
        <v>60405</v>
      </c>
      <c r="B43070" t="s">
        <v>60411</v>
      </c>
      <c r="C43070">
        <v>2</v>
      </c>
      <c r="D43070">
        <v>0</v>
      </c>
    </row>
    <row r="43071" spans="1:4" x14ac:dyDescent="0.25">
      <c r="A43071" t="s">
        <v>60412</v>
      </c>
      <c r="B43071" t="s">
        <v>60413</v>
      </c>
      <c r="C43071">
        <v>1</v>
      </c>
      <c r="D43071">
        <v>0</v>
      </c>
    </row>
    <row r="43072" spans="1:4" x14ac:dyDescent="0.25">
      <c r="A43072" t="s">
        <v>60412</v>
      </c>
      <c r="B43072" t="s">
        <v>60414</v>
      </c>
      <c r="C43072">
        <v>1</v>
      </c>
      <c r="D43072">
        <v>0</v>
      </c>
    </row>
    <row r="43073" spans="1:4" x14ac:dyDescent="0.25">
      <c r="A43073" t="s">
        <v>60412</v>
      </c>
      <c r="B43073" t="s">
        <v>60415</v>
      </c>
      <c r="C43073">
        <v>1</v>
      </c>
      <c r="D43073">
        <v>0</v>
      </c>
    </row>
    <row r="43074" spans="1:4" x14ac:dyDescent="0.25">
      <c r="A43074" t="s">
        <v>60412</v>
      </c>
      <c r="B43074" t="s">
        <v>60416</v>
      </c>
      <c r="C43074">
        <v>1</v>
      </c>
      <c r="D43074">
        <v>0</v>
      </c>
    </row>
    <row r="43075" spans="1:4" x14ac:dyDescent="0.25">
      <c r="A43075" t="s">
        <v>60417</v>
      </c>
      <c r="B43075" t="s">
        <v>60418</v>
      </c>
      <c r="C43075">
        <v>1</v>
      </c>
      <c r="D43075">
        <v>0</v>
      </c>
    </row>
    <row r="43076" spans="1:4" x14ac:dyDescent="0.25">
      <c r="A43076" t="s">
        <v>60417</v>
      </c>
      <c r="B43076" t="s">
        <v>60419</v>
      </c>
      <c r="C43076">
        <v>2</v>
      </c>
      <c r="D43076">
        <v>0</v>
      </c>
    </row>
    <row r="43077" spans="1:4" x14ac:dyDescent="0.25">
      <c r="A43077" t="s">
        <v>60417</v>
      </c>
      <c r="B43077" t="s">
        <v>60420</v>
      </c>
      <c r="C43077">
        <v>1</v>
      </c>
      <c r="D43077">
        <v>0</v>
      </c>
    </row>
    <row r="43078" spans="1:4" x14ac:dyDescent="0.25">
      <c r="A43078" t="s">
        <v>60417</v>
      </c>
      <c r="B43078" t="s">
        <v>60421</v>
      </c>
      <c r="C43078">
        <v>1</v>
      </c>
      <c r="D43078">
        <v>0</v>
      </c>
    </row>
    <row r="43079" spans="1:4" x14ac:dyDescent="0.25">
      <c r="A43079" t="s">
        <v>60417</v>
      </c>
      <c r="B43079" t="s">
        <v>60422</v>
      </c>
      <c r="C43079">
        <v>1</v>
      </c>
      <c r="D43079">
        <v>0</v>
      </c>
    </row>
    <row r="43080" spans="1:4" x14ac:dyDescent="0.25">
      <c r="A43080" t="s">
        <v>60417</v>
      </c>
      <c r="B43080" t="s">
        <v>60423</v>
      </c>
      <c r="C43080">
        <v>1</v>
      </c>
      <c r="D43080">
        <v>0</v>
      </c>
    </row>
    <row r="43081" spans="1:4" x14ac:dyDescent="0.25">
      <c r="A43081" t="s">
        <v>60417</v>
      </c>
      <c r="B43081" t="s">
        <v>60424</v>
      </c>
      <c r="C43081">
        <v>0</v>
      </c>
      <c r="D43081">
        <v>0</v>
      </c>
    </row>
    <row r="43082" spans="1:4" x14ac:dyDescent="0.25">
      <c r="A43082" t="s">
        <v>60425</v>
      </c>
      <c r="B43082" t="s">
        <v>60426</v>
      </c>
      <c r="C43082">
        <v>0</v>
      </c>
      <c r="D43082">
        <v>0</v>
      </c>
    </row>
    <row r="43083" spans="1:4" x14ac:dyDescent="0.25">
      <c r="A43083" t="s">
        <v>60427</v>
      </c>
      <c r="B43083" t="s">
        <v>60428</v>
      </c>
      <c r="C43083">
        <v>1</v>
      </c>
      <c r="D43083">
        <v>0</v>
      </c>
    </row>
    <row r="43084" spans="1:4" x14ac:dyDescent="0.25">
      <c r="A43084" t="s">
        <v>60429</v>
      </c>
      <c r="B43084" t="s">
        <v>60430</v>
      </c>
      <c r="C43084">
        <v>1</v>
      </c>
      <c r="D43084">
        <v>0</v>
      </c>
    </row>
    <row r="43085" spans="1:4" x14ac:dyDescent="0.25">
      <c r="A43085" t="s">
        <v>60429</v>
      </c>
      <c r="B43085" t="s">
        <v>60431</v>
      </c>
      <c r="C43085">
        <v>1</v>
      </c>
      <c r="D43085">
        <v>0</v>
      </c>
    </row>
    <row r="43086" spans="1:4" x14ac:dyDescent="0.25">
      <c r="A43086" t="s">
        <v>60432</v>
      </c>
      <c r="B43086" t="s">
        <v>60433</v>
      </c>
      <c r="C43086">
        <v>1</v>
      </c>
      <c r="D43086">
        <v>0</v>
      </c>
    </row>
    <row r="43087" spans="1:4" x14ac:dyDescent="0.25">
      <c r="A43087" t="s">
        <v>60432</v>
      </c>
      <c r="B43087" t="s">
        <v>20077</v>
      </c>
      <c r="C43087">
        <v>1</v>
      </c>
      <c r="D43087">
        <v>0</v>
      </c>
    </row>
    <row r="43088" spans="1:4" x14ac:dyDescent="0.25">
      <c r="A43088" t="s">
        <v>60434</v>
      </c>
      <c r="B43088" t="s">
        <v>60435</v>
      </c>
      <c r="C43088">
        <v>1</v>
      </c>
      <c r="D43088">
        <v>0</v>
      </c>
    </row>
    <row r="43089" spans="1:4" x14ac:dyDescent="0.25">
      <c r="A43089" t="s">
        <v>60434</v>
      </c>
      <c r="B43089" t="s">
        <v>60436</v>
      </c>
      <c r="C43089">
        <v>2</v>
      </c>
      <c r="D43089">
        <v>0</v>
      </c>
    </row>
    <row r="43090" spans="1:4" x14ac:dyDescent="0.25">
      <c r="A43090" t="s">
        <v>60434</v>
      </c>
      <c r="B43090" t="s">
        <v>60437</v>
      </c>
      <c r="C43090">
        <v>2</v>
      </c>
      <c r="D43090">
        <v>0</v>
      </c>
    </row>
    <row r="43091" spans="1:4" x14ac:dyDescent="0.25">
      <c r="A43091" t="s">
        <v>60434</v>
      </c>
      <c r="B43091" t="s">
        <v>60438</v>
      </c>
      <c r="C43091">
        <v>2</v>
      </c>
      <c r="D43091">
        <v>0</v>
      </c>
    </row>
    <row r="43092" spans="1:4" x14ac:dyDescent="0.25">
      <c r="A43092" t="s">
        <v>60434</v>
      </c>
      <c r="B43092" t="s">
        <v>60439</v>
      </c>
      <c r="C43092">
        <v>2</v>
      </c>
      <c r="D43092">
        <v>0</v>
      </c>
    </row>
    <row r="43093" spans="1:4" x14ac:dyDescent="0.25">
      <c r="A43093" t="s">
        <v>60434</v>
      </c>
      <c r="B43093" t="s">
        <v>60440</v>
      </c>
      <c r="C43093">
        <v>2</v>
      </c>
      <c r="D43093">
        <v>0</v>
      </c>
    </row>
    <row r="43094" spans="1:4" x14ac:dyDescent="0.25">
      <c r="A43094" t="s">
        <v>60441</v>
      </c>
      <c r="B43094" t="s">
        <v>60442</v>
      </c>
      <c r="C43094">
        <v>1</v>
      </c>
      <c r="D43094">
        <v>0</v>
      </c>
    </row>
    <row r="43095" spans="1:4" x14ac:dyDescent="0.25">
      <c r="A43095" t="s">
        <v>60441</v>
      </c>
      <c r="B43095" t="s">
        <v>60443</v>
      </c>
      <c r="C43095">
        <v>1</v>
      </c>
      <c r="D43095">
        <v>0</v>
      </c>
    </row>
    <row r="43096" spans="1:4" x14ac:dyDescent="0.25">
      <c r="A43096" t="s">
        <v>60441</v>
      </c>
      <c r="B43096" t="s">
        <v>60444</v>
      </c>
      <c r="C43096">
        <v>1</v>
      </c>
      <c r="D43096">
        <v>0</v>
      </c>
    </row>
    <row r="43097" spans="1:4" x14ac:dyDescent="0.25">
      <c r="A43097" t="s">
        <v>60441</v>
      </c>
      <c r="B43097" t="s">
        <v>43805</v>
      </c>
      <c r="C43097">
        <v>0</v>
      </c>
      <c r="D43097">
        <v>0</v>
      </c>
    </row>
    <row r="43098" spans="1:4" x14ac:dyDescent="0.25">
      <c r="A43098" t="s">
        <v>60441</v>
      </c>
      <c r="B43098" t="s">
        <v>60445</v>
      </c>
      <c r="C43098">
        <v>1</v>
      </c>
      <c r="D43098">
        <v>0</v>
      </c>
    </row>
    <row r="43099" spans="1:4" x14ac:dyDescent="0.25">
      <c r="A43099" t="s">
        <v>60441</v>
      </c>
      <c r="B43099" t="s">
        <v>60446</v>
      </c>
      <c r="C43099">
        <v>1</v>
      </c>
      <c r="D43099">
        <v>0</v>
      </c>
    </row>
    <row r="43100" spans="1:4" x14ac:dyDescent="0.25">
      <c r="A43100" t="s">
        <v>60447</v>
      </c>
      <c r="B43100" t="s">
        <v>60448</v>
      </c>
      <c r="C43100">
        <v>1</v>
      </c>
      <c r="D43100">
        <v>0</v>
      </c>
    </row>
    <row r="43101" spans="1:4" x14ac:dyDescent="0.25">
      <c r="A43101" t="s">
        <v>60447</v>
      </c>
      <c r="B43101" t="s">
        <v>60449</v>
      </c>
      <c r="C43101">
        <v>0</v>
      </c>
      <c r="D43101">
        <v>0</v>
      </c>
    </row>
    <row r="43102" spans="1:4" x14ac:dyDescent="0.25">
      <c r="A43102" t="s">
        <v>60447</v>
      </c>
      <c r="B43102" t="s">
        <v>60450</v>
      </c>
      <c r="C43102">
        <v>1</v>
      </c>
      <c r="D43102">
        <v>0</v>
      </c>
    </row>
    <row r="43103" spans="1:4" x14ac:dyDescent="0.25">
      <c r="A43103" t="s">
        <v>60447</v>
      </c>
      <c r="B43103" t="s">
        <v>60451</v>
      </c>
      <c r="C43103">
        <v>1</v>
      </c>
      <c r="D43103">
        <v>0</v>
      </c>
    </row>
    <row r="43104" spans="1:4" x14ac:dyDescent="0.25">
      <c r="A43104" t="s">
        <v>60447</v>
      </c>
      <c r="B43104" t="s">
        <v>60452</v>
      </c>
      <c r="C43104">
        <v>0</v>
      </c>
      <c r="D43104">
        <v>0</v>
      </c>
    </row>
    <row r="43105" spans="1:4" x14ac:dyDescent="0.25">
      <c r="A43105" t="s">
        <v>60453</v>
      </c>
      <c r="B43105" t="s">
        <v>60454</v>
      </c>
      <c r="C43105">
        <v>1</v>
      </c>
      <c r="D43105">
        <v>0</v>
      </c>
    </row>
    <row r="43106" spans="1:4" x14ac:dyDescent="0.25">
      <c r="A43106" t="s">
        <v>60453</v>
      </c>
      <c r="B43106" t="s">
        <v>60455</v>
      </c>
      <c r="C43106">
        <v>0</v>
      </c>
      <c r="D43106">
        <v>0</v>
      </c>
    </row>
    <row r="43107" spans="1:4" x14ac:dyDescent="0.25">
      <c r="A43107" t="s">
        <v>60453</v>
      </c>
      <c r="B43107" t="s">
        <v>60456</v>
      </c>
      <c r="C43107">
        <v>2</v>
      </c>
      <c r="D43107">
        <v>0</v>
      </c>
    </row>
    <row r="43108" spans="1:4" x14ac:dyDescent="0.25">
      <c r="A43108" t="s">
        <v>60457</v>
      </c>
      <c r="B43108" t="s">
        <v>60458</v>
      </c>
      <c r="C43108">
        <v>1</v>
      </c>
      <c r="D43108">
        <v>0</v>
      </c>
    </row>
    <row r="43109" spans="1:4" x14ac:dyDescent="0.25">
      <c r="A43109" t="s">
        <v>60459</v>
      </c>
      <c r="B43109" t="s">
        <v>60460</v>
      </c>
      <c r="C43109">
        <v>1</v>
      </c>
      <c r="D43109">
        <v>0</v>
      </c>
    </row>
    <row r="43110" spans="1:4" x14ac:dyDescent="0.25">
      <c r="A43110" t="s">
        <v>60459</v>
      </c>
      <c r="B43110" t="s">
        <v>60461</v>
      </c>
      <c r="C43110">
        <v>2</v>
      </c>
      <c r="D43110">
        <v>0</v>
      </c>
    </row>
    <row r="43111" spans="1:4" x14ac:dyDescent="0.25">
      <c r="A43111" t="s">
        <v>60459</v>
      </c>
      <c r="B43111" t="s">
        <v>60462</v>
      </c>
      <c r="C43111">
        <v>2</v>
      </c>
      <c r="D43111">
        <v>0</v>
      </c>
    </row>
    <row r="43112" spans="1:4" x14ac:dyDescent="0.25">
      <c r="A43112" t="s">
        <v>60459</v>
      </c>
      <c r="B43112" t="s">
        <v>60463</v>
      </c>
      <c r="C43112">
        <v>1</v>
      </c>
      <c r="D43112">
        <v>0</v>
      </c>
    </row>
    <row r="43113" spans="1:4" x14ac:dyDescent="0.25">
      <c r="A43113" t="s">
        <v>60459</v>
      </c>
      <c r="B43113" t="s">
        <v>60464</v>
      </c>
      <c r="C43113">
        <v>2</v>
      </c>
      <c r="D43113">
        <v>0</v>
      </c>
    </row>
    <row r="43114" spans="1:4" x14ac:dyDescent="0.25">
      <c r="A43114" t="s">
        <v>60459</v>
      </c>
      <c r="B43114" t="s">
        <v>60465</v>
      </c>
      <c r="C43114">
        <v>1</v>
      </c>
      <c r="D43114">
        <v>0</v>
      </c>
    </row>
    <row r="43115" spans="1:4" x14ac:dyDescent="0.25">
      <c r="A43115" t="s">
        <v>60459</v>
      </c>
      <c r="B43115" t="s">
        <v>60466</v>
      </c>
      <c r="C43115">
        <v>2</v>
      </c>
      <c r="D43115">
        <v>0</v>
      </c>
    </row>
    <row r="43116" spans="1:4" x14ac:dyDescent="0.25">
      <c r="A43116" t="s">
        <v>60467</v>
      </c>
      <c r="B43116" t="s">
        <v>60468</v>
      </c>
      <c r="C43116">
        <v>1</v>
      </c>
      <c r="D43116">
        <v>0</v>
      </c>
    </row>
    <row r="43117" spans="1:4" x14ac:dyDescent="0.25">
      <c r="A43117" t="s">
        <v>60467</v>
      </c>
      <c r="B43117" t="s">
        <v>60469</v>
      </c>
      <c r="C43117">
        <v>1</v>
      </c>
      <c r="D43117">
        <v>0</v>
      </c>
    </row>
    <row r="43118" spans="1:4" x14ac:dyDescent="0.25">
      <c r="A43118" t="s">
        <v>60467</v>
      </c>
      <c r="B43118" t="s">
        <v>60470</v>
      </c>
      <c r="C43118">
        <v>1</v>
      </c>
      <c r="D43118">
        <v>0</v>
      </c>
    </row>
    <row r="43119" spans="1:4" x14ac:dyDescent="0.25">
      <c r="A43119" t="s">
        <v>60467</v>
      </c>
      <c r="B43119" t="s">
        <v>60471</v>
      </c>
      <c r="C43119">
        <v>1</v>
      </c>
      <c r="D43119">
        <v>0</v>
      </c>
    </row>
    <row r="43120" spans="1:4" x14ac:dyDescent="0.25">
      <c r="A43120" t="s">
        <v>60472</v>
      </c>
      <c r="B43120" t="s">
        <v>60473</v>
      </c>
      <c r="C43120">
        <v>2</v>
      </c>
      <c r="D43120">
        <v>0</v>
      </c>
    </row>
    <row r="43121" spans="1:4" x14ac:dyDescent="0.25">
      <c r="A43121" t="s">
        <v>60472</v>
      </c>
      <c r="B43121" t="s">
        <v>60474</v>
      </c>
      <c r="C43121">
        <v>1</v>
      </c>
      <c r="D43121">
        <v>0</v>
      </c>
    </row>
    <row r="43122" spans="1:4" x14ac:dyDescent="0.25">
      <c r="A43122" t="s">
        <v>60472</v>
      </c>
      <c r="B43122" t="s">
        <v>60475</v>
      </c>
      <c r="C43122">
        <v>0</v>
      </c>
      <c r="D43122">
        <v>0</v>
      </c>
    </row>
    <row r="43123" spans="1:4" x14ac:dyDescent="0.25">
      <c r="A43123" t="s">
        <v>60476</v>
      </c>
      <c r="B43123" t="s">
        <v>60477</v>
      </c>
      <c r="C43123">
        <v>2</v>
      </c>
      <c r="D43123">
        <v>0</v>
      </c>
    </row>
    <row r="43124" spans="1:4" x14ac:dyDescent="0.25">
      <c r="A43124" t="s">
        <v>60476</v>
      </c>
      <c r="B43124" t="s">
        <v>60478</v>
      </c>
      <c r="C43124">
        <v>2</v>
      </c>
      <c r="D43124">
        <v>0</v>
      </c>
    </row>
    <row r="43125" spans="1:4" x14ac:dyDescent="0.25">
      <c r="A43125" t="s">
        <v>60476</v>
      </c>
      <c r="B43125" t="s">
        <v>60479</v>
      </c>
      <c r="C43125">
        <v>1</v>
      </c>
      <c r="D43125">
        <v>0</v>
      </c>
    </row>
    <row r="43126" spans="1:4" x14ac:dyDescent="0.25">
      <c r="A43126" t="s">
        <v>60476</v>
      </c>
      <c r="B43126" t="s">
        <v>60480</v>
      </c>
      <c r="C43126">
        <v>0</v>
      </c>
      <c r="D43126">
        <v>0</v>
      </c>
    </row>
    <row r="43127" spans="1:4" x14ac:dyDescent="0.25">
      <c r="A43127" t="s">
        <v>60476</v>
      </c>
      <c r="B43127" t="s">
        <v>60481</v>
      </c>
      <c r="C43127">
        <v>1</v>
      </c>
      <c r="D43127">
        <v>0</v>
      </c>
    </row>
    <row r="43128" spans="1:4" x14ac:dyDescent="0.25">
      <c r="A43128" t="s">
        <v>60476</v>
      </c>
      <c r="B43128" t="s">
        <v>60482</v>
      </c>
      <c r="C43128">
        <v>2</v>
      </c>
      <c r="D43128">
        <v>0</v>
      </c>
    </row>
    <row r="43129" spans="1:4" x14ac:dyDescent="0.25">
      <c r="A43129" t="s">
        <v>60483</v>
      </c>
      <c r="B43129" t="s">
        <v>60484</v>
      </c>
      <c r="C43129">
        <v>1</v>
      </c>
      <c r="D43129">
        <v>0</v>
      </c>
    </row>
    <row r="43130" spans="1:4" x14ac:dyDescent="0.25">
      <c r="A43130" t="s">
        <v>60483</v>
      </c>
      <c r="B43130" t="s">
        <v>60485</v>
      </c>
      <c r="C43130">
        <v>0</v>
      </c>
      <c r="D43130">
        <v>0</v>
      </c>
    </row>
    <row r="43131" spans="1:4" x14ac:dyDescent="0.25">
      <c r="A43131" t="s">
        <v>60483</v>
      </c>
      <c r="B43131" t="s">
        <v>60486</v>
      </c>
      <c r="C43131">
        <v>2</v>
      </c>
      <c r="D43131">
        <v>0</v>
      </c>
    </row>
    <row r="43132" spans="1:4" x14ac:dyDescent="0.25">
      <c r="A43132" t="s">
        <v>60483</v>
      </c>
      <c r="B43132" t="s">
        <v>36314</v>
      </c>
      <c r="C43132">
        <v>1</v>
      </c>
      <c r="D43132">
        <v>0</v>
      </c>
    </row>
    <row r="43133" spans="1:4" x14ac:dyDescent="0.25">
      <c r="A43133" t="s">
        <v>60487</v>
      </c>
      <c r="B43133" t="s">
        <v>60488</v>
      </c>
      <c r="C43133">
        <v>2</v>
      </c>
      <c r="D43133">
        <v>0</v>
      </c>
    </row>
    <row r="43134" spans="1:4" x14ac:dyDescent="0.25">
      <c r="A43134" t="s">
        <v>60487</v>
      </c>
      <c r="B43134" t="s">
        <v>60489</v>
      </c>
      <c r="C43134">
        <v>1</v>
      </c>
      <c r="D43134">
        <v>0</v>
      </c>
    </row>
    <row r="43135" spans="1:4" x14ac:dyDescent="0.25">
      <c r="A43135" t="s">
        <v>60487</v>
      </c>
      <c r="B43135" t="s">
        <v>60490</v>
      </c>
      <c r="C43135">
        <v>1</v>
      </c>
      <c r="D43135">
        <v>0</v>
      </c>
    </row>
    <row r="43136" spans="1:4" x14ac:dyDescent="0.25">
      <c r="A43136" t="s">
        <v>60487</v>
      </c>
      <c r="B43136" t="s">
        <v>60491</v>
      </c>
      <c r="C43136">
        <v>0</v>
      </c>
      <c r="D43136">
        <v>0</v>
      </c>
    </row>
    <row r="43137" spans="1:4" x14ac:dyDescent="0.25">
      <c r="A43137" t="s">
        <v>60492</v>
      </c>
      <c r="B43137" t="s">
        <v>60493</v>
      </c>
      <c r="C43137">
        <v>0</v>
      </c>
      <c r="D43137">
        <v>0</v>
      </c>
    </row>
    <row r="43138" spans="1:4" x14ac:dyDescent="0.25">
      <c r="A43138" t="s">
        <v>60492</v>
      </c>
      <c r="B43138" t="s">
        <v>60494</v>
      </c>
      <c r="C43138">
        <v>0</v>
      </c>
      <c r="D43138">
        <v>0</v>
      </c>
    </row>
    <row r="43139" spans="1:4" x14ac:dyDescent="0.25">
      <c r="A43139" t="s">
        <v>60492</v>
      </c>
      <c r="B43139" t="s">
        <v>60495</v>
      </c>
      <c r="C43139">
        <v>1</v>
      </c>
      <c r="D43139">
        <v>0</v>
      </c>
    </row>
    <row r="43140" spans="1:4" x14ac:dyDescent="0.25">
      <c r="A43140" t="s">
        <v>60492</v>
      </c>
      <c r="B43140" t="s">
        <v>60496</v>
      </c>
      <c r="C43140">
        <v>1</v>
      </c>
      <c r="D43140">
        <v>0</v>
      </c>
    </row>
    <row r="43141" spans="1:4" x14ac:dyDescent="0.25">
      <c r="A43141" t="s">
        <v>60492</v>
      </c>
      <c r="B43141" t="s">
        <v>6837</v>
      </c>
      <c r="C43141">
        <v>1</v>
      </c>
      <c r="D43141">
        <v>0</v>
      </c>
    </row>
    <row r="43142" spans="1:4" x14ac:dyDescent="0.25">
      <c r="A43142" t="s">
        <v>60492</v>
      </c>
      <c r="B43142" t="s">
        <v>60497</v>
      </c>
      <c r="C43142">
        <v>1</v>
      </c>
      <c r="D43142">
        <v>0</v>
      </c>
    </row>
    <row r="43143" spans="1:4" x14ac:dyDescent="0.25">
      <c r="A43143" t="s">
        <v>60498</v>
      </c>
      <c r="B43143" t="s">
        <v>60499</v>
      </c>
      <c r="C43143">
        <v>1</v>
      </c>
      <c r="D43143">
        <v>0</v>
      </c>
    </row>
    <row r="43144" spans="1:4" x14ac:dyDescent="0.25">
      <c r="A43144" t="s">
        <v>60498</v>
      </c>
      <c r="B43144" t="s">
        <v>60500</v>
      </c>
      <c r="C43144">
        <v>0</v>
      </c>
      <c r="D43144">
        <v>0</v>
      </c>
    </row>
    <row r="43145" spans="1:4" x14ac:dyDescent="0.25">
      <c r="A43145" t="s">
        <v>60501</v>
      </c>
      <c r="B43145" t="s">
        <v>60502</v>
      </c>
      <c r="C43145">
        <v>0</v>
      </c>
      <c r="D43145">
        <v>0</v>
      </c>
    </row>
    <row r="43146" spans="1:4" x14ac:dyDescent="0.25">
      <c r="A43146" t="s">
        <v>60501</v>
      </c>
      <c r="B43146" t="s">
        <v>5434</v>
      </c>
      <c r="C43146">
        <v>1</v>
      </c>
      <c r="D43146">
        <v>0</v>
      </c>
    </row>
    <row r="43147" spans="1:4" x14ac:dyDescent="0.25">
      <c r="A43147" t="s">
        <v>60501</v>
      </c>
      <c r="B43147" t="s">
        <v>60502</v>
      </c>
      <c r="C43147">
        <v>0</v>
      </c>
      <c r="D43147">
        <v>0</v>
      </c>
    </row>
    <row r="43148" spans="1:4" x14ac:dyDescent="0.25">
      <c r="A43148" t="s">
        <v>60501</v>
      </c>
      <c r="B43148" t="s">
        <v>60503</v>
      </c>
      <c r="C43148">
        <v>1</v>
      </c>
      <c r="D43148">
        <v>0</v>
      </c>
    </row>
    <row r="43149" spans="1:4" x14ac:dyDescent="0.25">
      <c r="A43149" t="s">
        <v>60501</v>
      </c>
      <c r="B43149" t="s">
        <v>60504</v>
      </c>
      <c r="C43149">
        <v>1</v>
      </c>
      <c r="D43149">
        <v>0</v>
      </c>
    </row>
    <row r="43150" spans="1:4" x14ac:dyDescent="0.25">
      <c r="A43150" t="s">
        <v>60501</v>
      </c>
      <c r="B43150" t="s">
        <v>5713</v>
      </c>
      <c r="C43150">
        <v>1</v>
      </c>
      <c r="D43150">
        <v>0</v>
      </c>
    </row>
    <row r="43151" spans="1:4" x14ac:dyDescent="0.25">
      <c r="A43151" t="s">
        <v>60505</v>
      </c>
      <c r="B43151" t="s">
        <v>60506</v>
      </c>
      <c r="C43151">
        <v>1</v>
      </c>
      <c r="D43151">
        <v>0</v>
      </c>
    </row>
    <row r="43152" spans="1:4" x14ac:dyDescent="0.25">
      <c r="A43152" t="s">
        <v>60505</v>
      </c>
      <c r="B43152" t="s">
        <v>60507</v>
      </c>
      <c r="C43152">
        <v>1</v>
      </c>
      <c r="D43152">
        <v>0</v>
      </c>
    </row>
    <row r="43153" spans="1:4" x14ac:dyDescent="0.25">
      <c r="A43153" t="s">
        <v>60505</v>
      </c>
      <c r="B43153" t="s">
        <v>60508</v>
      </c>
      <c r="C43153">
        <v>1</v>
      </c>
      <c r="D43153">
        <v>0</v>
      </c>
    </row>
    <row r="43154" spans="1:4" x14ac:dyDescent="0.25">
      <c r="A43154" t="s">
        <v>60505</v>
      </c>
      <c r="B43154" t="s">
        <v>60509</v>
      </c>
      <c r="C43154">
        <v>0</v>
      </c>
      <c r="D43154">
        <v>0</v>
      </c>
    </row>
    <row r="43155" spans="1:4" x14ac:dyDescent="0.25">
      <c r="A43155" t="s">
        <v>60510</v>
      </c>
      <c r="B43155" t="s">
        <v>60511</v>
      </c>
      <c r="C43155">
        <v>1</v>
      </c>
      <c r="D43155">
        <v>0</v>
      </c>
    </row>
    <row r="43156" spans="1:4" x14ac:dyDescent="0.25">
      <c r="A43156" t="s">
        <v>60510</v>
      </c>
      <c r="B43156" t="s">
        <v>60512</v>
      </c>
      <c r="C43156">
        <v>0</v>
      </c>
      <c r="D43156">
        <v>0</v>
      </c>
    </row>
    <row r="43157" spans="1:4" x14ac:dyDescent="0.25">
      <c r="A43157" t="s">
        <v>60513</v>
      </c>
      <c r="B43157" t="s">
        <v>60514</v>
      </c>
      <c r="C43157">
        <v>0</v>
      </c>
      <c r="D43157">
        <v>0</v>
      </c>
    </row>
    <row r="43158" spans="1:4" x14ac:dyDescent="0.25">
      <c r="A43158" t="s">
        <v>60513</v>
      </c>
      <c r="B43158" t="s">
        <v>60515</v>
      </c>
      <c r="C43158">
        <v>1</v>
      </c>
      <c r="D43158">
        <v>0</v>
      </c>
    </row>
    <row r="43159" spans="1:4" x14ac:dyDescent="0.25">
      <c r="A43159" t="s">
        <v>60516</v>
      </c>
      <c r="B43159" t="s">
        <v>60517</v>
      </c>
      <c r="C43159">
        <v>2</v>
      </c>
      <c r="D43159">
        <v>0</v>
      </c>
    </row>
    <row r="43160" spans="1:4" x14ac:dyDescent="0.25">
      <c r="A43160" t="s">
        <v>60516</v>
      </c>
      <c r="B43160" t="s">
        <v>60518</v>
      </c>
      <c r="C43160">
        <v>1</v>
      </c>
      <c r="D43160">
        <v>0</v>
      </c>
    </row>
    <row r="43161" spans="1:4" x14ac:dyDescent="0.25">
      <c r="A43161" t="s">
        <v>60516</v>
      </c>
      <c r="B43161" t="s">
        <v>60519</v>
      </c>
      <c r="C43161">
        <v>2</v>
      </c>
      <c r="D43161">
        <v>0</v>
      </c>
    </row>
    <row r="43162" spans="1:4" x14ac:dyDescent="0.25">
      <c r="A43162" t="s">
        <v>60516</v>
      </c>
      <c r="B43162" t="s">
        <v>60520</v>
      </c>
      <c r="C43162">
        <v>1</v>
      </c>
      <c r="D43162">
        <v>0</v>
      </c>
    </row>
    <row r="43163" spans="1:4" x14ac:dyDescent="0.25">
      <c r="A43163" t="s">
        <v>60516</v>
      </c>
      <c r="B43163" t="s">
        <v>60521</v>
      </c>
      <c r="C43163">
        <v>1</v>
      </c>
      <c r="D43163">
        <v>0</v>
      </c>
    </row>
    <row r="43164" spans="1:4" x14ac:dyDescent="0.25">
      <c r="A43164" t="s">
        <v>60522</v>
      </c>
      <c r="B43164" t="s">
        <v>60523</v>
      </c>
      <c r="C43164">
        <v>0</v>
      </c>
      <c r="D43164">
        <v>0</v>
      </c>
    </row>
    <row r="43165" spans="1:4" x14ac:dyDescent="0.25">
      <c r="A43165" t="s">
        <v>60522</v>
      </c>
      <c r="B43165" t="s">
        <v>60524</v>
      </c>
      <c r="C43165">
        <v>0</v>
      </c>
      <c r="D43165">
        <v>0</v>
      </c>
    </row>
    <row r="43166" spans="1:4" x14ac:dyDescent="0.25">
      <c r="A43166" t="s">
        <v>60522</v>
      </c>
      <c r="B43166" t="s">
        <v>60525</v>
      </c>
      <c r="C43166">
        <v>0</v>
      </c>
      <c r="D43166">
        <v>0</v>
      </c>
    </row>
    <row r="43167" spans="1:4" x14ac:dyDescent="0.25">
      <c r="A43167" t="s">
        <v>60522</v>
      </c>
      <c r="B43167" t="s">
        <v>60526</v>
      </c>
      <c r="C43167">
        <v>1</v>
      </c>
      <c r="D43167">
        <v>0</v>
      </c>
    </row>
    <row r="43168" spans="1:4" x14ac:dyDescent="0.25">
      <c r="A43168" t="s">
        <v>60522</v>
      </c>
      <c r="B43168" t="s">
        <v>60527</v>
      </c>
      <c r="C43168">
        <v>2</v>
      </c>
      <c r="D43168">
        <v>0</v>
      </c>
    </row>
    <row r="43169" spans="1:4" x14ac:dyDescent="0.25">
      <c r="A43169" t="s">
        <v>60522</v>
      </c>
      <c r="B43169" t="s">
        <v>60528</v>
      </c>
      <c r="C43169">
        <v>2</v>
      </c>
      <c r="D43169">
        <v>0</v>
      </c>
    </row>
    <row r="43170" spans="1:4" x14ac:dyDescent="0.25">
      <c r="A43170" t="s">
        <v>60529</v>
      </c>
      <c r="B43170" t="s">
        <v>60530</v>
      </c>
      <c r="C43170">
        <v>2</v>
      </c>
      <c r="D43170">
        <v>0</v>
      </c>
    </row>
    <row r="43171" spans="1:4" x14ac:dyDescent="0.25">
      <c r="A43171" t="s">
        <v>60529</v>
      </c>
      <c r="B43171" t="s">
        <v>60531</v>
      </c>
      <c r="C43171">
        <v>2</v>
      </c>
      <c r="D43171">
        <v>0</v>
      </c>
    </row>
    <row r="43172" spans="1:4" x14ac:dyDescent="0.25">
      <c r="A43172" t="s">
        <v>60529</v>
      </c>
      <c r="B43172" t="s">
        <v>60532</v>
      </c>
      <c r="C43172">
        <v>2</v>
      </c>
      <c r="D43172">
        <v>0</v>
      </c>
    </row>
    <row r="43173" spans="1:4" x14ac:dyDescent="0.25">
      <c r="A43173" t="s">
        <v>60529</v>
      </c>
      <c r="B43173" t="s">
        <v>60533</v>
      </c>
      <c r="C43173">
        <v>1</v>
      </c>
      <c r="D43173">
        <v>0</v>
      </c>
    </row>
    <row r="43174" spans="1:4" x14ac:dyDescent="0.25">
      <c r="A43174" t="s">
        <v>60529</v>
      </c>
      <c r="B43174" t="s">
        <v>60533</v>
      </c>
      <c r="C43174">
        <v>1</v>
      </c>
      <c r="D43174">
        <v>0</v>
      </c>
    </row>
    <row r="43175" spans="1:4" x14ac:dyDescent="0.25">
      <c r="A43175" t="s">
        <v>60529</v>
      </c>
      <c r="B43175" t="s">
        <v>57022</v>
      </c>
      <c r="C43175">
        <v>1</v>
      </c>
      <c r="D43175">
        <v>0</v>
      </c>
    </row>
    <row r="43176" spans="1:4" x14ac:dyDescent="0.25">
      <c r="A43176" t="s">
        <v>60529</v>
      </c>
      <c r="B43176" t="s">
        <v>60534</v>
      </c>
      <c r="C43176">
        <v>1</v>
      </c>
      <c r="D43176">
        <v>0</v>
      </c>
    </row>
    <row r="43177" spans="1:4" x14ac:dyDescent="0.25">
      <c r="A43177" t="s">
        <v>60529</v>
      </c>
      <c r="B43177" t="s">
        <v>60535</v>
      </c>
      <c r="C43177">
        <v>1</v>
      </c>
      <c r="D43177">
        <v>0</v>
      </c>
    </row>
    <row r="43178" spans="1:4" x14ac:dyDescent="0.25">
      <c r="A43178" t="s">
        <v>60529</v>
      </c>
      <c r="B43178" t="s">
        <v>1294</v>
      </c>
      <c r="C43178">
        <v>1</v>
      </c>
      <c r="D43178">
        <v>0</v>
      </c>
    </row>
    <row r="43179" spans="1:4" x14ac:dyDescent="0.25">
      <c r="A43179" t="s">
        <v>60536</v>
      </c>
      <c r="B43179" t="s">
        <v>60537</v>
      </c>
      <c r="C43179">
        <v>0</v>
      </c>
      <c r="D43179">
        <v>0</v>
      </c>
    </row>
    <row r="43180" spans="1:4" x14ac:dyDescent="0.25">
      <c r="A43180" t="s">
        <v>60538</v>
      </c>
      <c r="B43180" t="s">
        <v>60539</v>
      </c>
      <c r="C43180">
        <v>1</v>
      </c>
      <c r="D43180">
        <v>0</v>
      </c>
    </row>
    <row r="43181" spans="1:4" x14ac:dyDescent="0.25">
      <c r="A43181" t="s">
        <v>60538</v>
      </c>
      <c r="B43181" t="s">
        <v>60540</v>
      </c>
      <c r="C43181">
        <v>1</v>
      </c>
      <c r="D43181">
        <v>0</v>
      </c>
    </row>
    <row r="43182" spans="1:4" x14ac:dyDescent="0.25">
      <c r="A43182" t="s">
        <v>60538</v>
      </c>
      <c r="B43182" t="s">
        <v>60541</v>
      </c>
      <c r="C43182">
        <v>1</v>
      </c>
      <c r="D43182">
        <v>0</v>
      </c>
    </row>
    <row r="43183" spans="1:4" x14ac:dyDescent="0.25">
      <c r="A43183" t="s">
        <v>60538</v>
      </c>
      <c r="B43183" t="s">
        <v>60542</v>
      </c>
      <c r="C43183">
        <v>0</v>
      </c>
      <c r="D43183">
        <v>0</v>
      </c>
    </row>
    <row r="43184" spans="1:4" x14ac:dyDescent="0.25">
      <c r="A43184" t="s">
        <v>60543</v>
      </c>
      <c r="B43184" t="s">
        <v>60544</v>
      </c>
      <c r="C43184">
        <v>0</v>
      </c>
      <c r="D43184">
        <v>0</v>
      </c>
    </row>
    <row r="43185" spans="1:4" x14ac:dyDescent="0.25">
      <c r="A43185" t="s">
        <v>60543</v>
      </c>
      <c r="B43185" t="s">
        <v>60545</v>
      </c>
      <c r="C43185">
        <v>0</v>
      </c>
      <c r="D43185">
        <v>0</v>
      </c>
    </row>
    <row r="43186" spans="1:4" x14ac:dyDescent="0.25">
      <c r="A43186" t="s">
        <v>60543</v>
      </c>
      <c r="B43186" t="s">
        <v>11075</v>
      </c>
      <c r="C43186">
        <v>1</v>
      </c>
      <c r="D43186">
        <v>0</v>
      </c>
    </row>
    <row r="43187" spans="1:4" x14ac:dyDescent="0.25">
      <c r="A43187" t="s">
        <v>60543</v>
      </c>
      <c r="B43187" t="s">
        <v>60546</v>
      </c>
      <c r="C43187">
        <v>0</v>
      </c>
      <c r="D43187">
        <v>0</v>
      </c>
    </row>
    <row r="43188" spans="1:4" x14ac:dyDescent="0.25">
      <c r="A43188" t="s">
        <v>60543</v>
      </c>
      <c r="B43188" t="s">
        <v>60547</v>
      </c>
      <c r="C43188">
        <v>0</v>
      </c>
      <c r="D43188">
        <v>0</v>
      </c>
    </row>
    <row r="43189" spans="1:4" x14ac:dyDescent="0.25">
      <c r="A43189" t="s">
        <v>60548</v>
      </c>
      <c r="B43189" t="s">
        <v>60549</v>
      </c>
      <c r="C43189">
        <v>2</v>
      </c>
      <c r="D43189">
        <v>0</v>
      </c>
    </row>
    <row r="43190" spans="1:4" x14ac:dyDescent="0.25">
      <c r="A43190" t="s">
        <v>60548</v>
      </c>
      <c r="B43190" t="s">
        <v>60550</v>
      </c>
      <c r="C43190">
        <v>2</v>
      </c>
      <c r="D43190">
        <v>0</v>
      </c>
    </row>
    <row r="43191" spans="1:4" x14ac:dyDescent="0.25">
      <c r="A43191" t="s">
        <v>60548</v>
      </c>
      <c r="B43191" t="s">
        <v>60551</v>
      </c>
      <c r="C43191">
        <v>1</v>
      </c>
      <c r="D43191">
        <v>0</v>
      </c>
    </row>
    <row r="43192" spans="1:4" x14ac:dyDescent="0.25">
      <c r="A43192" t="s">
        <v>60548</v>
      </c>
      <c r="B43192" t="s">
        <v>60552</v>
      </c>
      <c r="C43192">
        <v>2</v>
      </c>
      <c r="D43192">
        <v>0</v>
      </c>
    </row>
    <row r="43193" spans="1:4" x14ac:dyDescent="0.25">
      <c r="A43193" t="s">
        <v>60553</v>
      </c>
      <c r="B43193" t="s">
        <v>60554</v>
      </c>
      <c r="C43193">
        <v>1</v>
      </c>
      <c r="D43193">
        <v>0</v>
      </c>
    </row>
    <row r="43194" spans="1:4" x14ac:dyDescent="0.25">
      <c r="A43194" t="s">
        <v>60555</v>
      </c>
      <c r="B43194" t="s">
        <v>60556</v>
      </c>
      <c r="C43194">
        <v>1</v>
      </c>
      <c r="D43194">
        <v>0</v>
      </c>
    </row>
    <row r="43195" spans="1:4" x14ac:dyDescent="0.25">
      <c r="A43195" t="s">
        <v>60555</v>
      </c>
      <c r="B43195" t="s">
        <v>60557</v>
      </c>
      <c r="C43195">
        <v>1</v>
      </c>
      <c r="D43195">
        <v>0</v>
      </c>
    </row>
    <row r="43196" spans="1:4" x14ac:dyDescent="0.25">
      <c r="A43196" t="s">
        <v>60555</v>
      </c>
      <c r="B43196" t="s">
        <v>60558</v>
      </c>
      <c r="C43196">
        <v>0</v>
      </c>
      <c r="D43196">
        <v>0</v>
      </c>
    </row>
    <row r="43197" spans="1:4" x14ac:dyDescent="0.25">
      <c r="A43197" t="s">
        <v>60559</v>
      </c>
      <c r="B43197" t="s">
        <v>60560</v>
      </c>
      <c r="C43197">
        <v>1</v>
      </c>
      <c r="D43197">
        <v>0</v>
      </c>
    </row>
    <row r="43198" spans="1:4" x14ac:dyDescent="0.25">
      <c r="A43198" t="s">
        <v>60559</v>
      </c>
      <c r="B43198" t="s">
        <v>5047</v>
      </c>
      <c r="C43198">
        <v>0</v>
      </c>
      <c r="D43198">
        <v>0</v>
      </c>
    </row>
    <row r="43199" spans="1:4" x14ac:dyDescent="0.25">
      <c r="A43199" t="s">
        <v>60559</v>
      </c>
      <c r="B43199" t="s">
        <v>60561</v>
      </c>
      <c r="C43199">
        <v>2</v>
      </c>
      <c r="D43199">
        <v>0</v>
      </c>
    </row>
    <row r="43200" spans="1:4" x14ac:dyDescent="0.25">
      <c r="A43200" t="s">
        <v>60559</v>
      </c>
      <c r="B43200" t="s">
        <v>60562</v>
      </c>
      <c r="C43200">
        <v>0</v>
      </c>
      <c r="D43200">
        <v>0</v>
      </c>
    </row>
    <row r="43201" spans="1:4" x14ac:dyDescent="0.25">
      <c r="A43201" t="s">
        <v>60559</v>
      </c>
      <c r="B43201" t="s">
        <v>60563</v>
      </c>
      <c r="C43201">
        <v>0</v>
      </c>
      <c r="D43201">
        <v>0</v>
      </c>
    </row>
    <row r="43202" spans="1:4" x14ac:dyDescent="0.25">
      <c r="A43202" t="s">
        <v>60559</v>
      </c>
      <c r="B43202" t="s">
        <v>60564</v>
      </c>
      <c r="C43202">
        <v>0</v>
      </c>
      <c r="D43202">
        <v>0</v>
      </c>
    </row>
    <row r="43203" spans="1:4" x14ac:dyDescent="0.25">
      <c r="A43203" t="s">
        <v>60559</v>
      </c>
      <c r="B43203" t="s">
        <v>60565</v>
      </c>
      <c r="C43203">
        <v>0</v>
      </c>
      <c r="D43203">
        <v>0</v>
      </c>
    </row>
    <row r="43204" spans="1:4" x14ac:dyDescent="0.25">
      <c r="A43204" t="s">
        <v>60566</v>
      </c>
      <c r="B43204" t="s">
        <v>60567</v>
      </c>
      <c r="C43204">
        <v>2</v>
      </c>
      <c r="D43204">
        <v>0</v>
      </c>
    </row>
    <row r="43205" spans="1:4" x14ac:dyDescent="0.25">
      <c r="A43205" t="s">
        <v>60566</v>
      </c>
      <c r="B43205" t="s">
        <v>60568</v>
      </c>
      <c r="C43205">
        <v>1</v>
      </c>
      <c r="D43205">
        <v>0</v>
      </c>
    </row>
    <row r="43206" spans="1:4" x14ac:dyDescent="0.25">
      <c r="A43206" t="s">
        <v>60566</v>
      </c>
      <c r="B43206" t="s">
        <v>60569</v>
      </c>
      <c r="C43206">
        <v>1</v>
      </c>
      <c r="D43206">
        <v>0</v>
      </c>
    </row>
    <row r="43207" spans="1:4" x14ac:dyDescent="0.25">
      <c r="A43207" t="s">
        <v>60566</v>
      </c>
      <c r="B43207" t="s">
        <v>60570</v>
      </c>
      <c r="C43207">
        <v>1</v>
      </c>
      <c r="D43207">
        <v>0</v>
      </c>
    </row>
    <row r="43208" spans="1:4" x14ac:dyDescent="0.25">
      <c r="A43208" t="s">
        <v>60571</v>
      </c>
      <c r="B43208" t="s">
        <v>60572</v>
      </c>
      <c r="C43208">
        <v>1</v>
      </c>
      <c r="D43208">
        <v>0</v>
      </c>
    </row>
    <row r="43209" spans="1:4" x14ac:dyDescent="0.25">
      <c r="A43209" t="s">
        <v>60571</v>
      </c>
      <c r="B43209" t="s">
        <v>60573</v>
      </c>
      <c r="C43209">
        <v>2</v>
      </c>
      <c r="D43209">
        <v>0</v>
      </c>
    </row>
    <row r="43210" spans="1:4" x14ac:dyDescent="0.25">
      <c r="A43210" t="s">
        <v>60571</v>
      </c>
      <c r="B43210" t="s">
        <v>60574</v>
      </c>
      <c r="C43210">
        <v>2</v>
      </c>
      <c r="D43210">
        <v>0</v>
      </c>
    </row>
    <row r="43211" spans="1:4" x14ac:dyDescent="0.25">
      <c r="A43211" t="s">
        <v>60571</v>
      </c>
      <c r="B43211" t="s">
        <v>60575</v>
      </c>
      <c r="C43211">
        <v>1</v>
      </c>
      <c r="D43211">
        <v>0</v>
      </c>
    </row>
    <row r="43212" spans="1:4" x14ac:dyDescent="0.25">
      <c r="A43212" t="s">
        <v>60571</v>
      </c>
      <c r="B43212" t="s">
        <v>60576</v>
      </c>
      <c r="C43212">
        <v>2</v>
      </c>
      <c r="D43212">
        <v>0</v>
      </c>
    </row>
    <row r="43213" spans="1:4" x14ac:dyDescent="0.25">
      <c r="A43213" t="s">
        <v>60577</v>
      </c>
      <c r="B43213" t="s">
        <v>60578</v>
      </c>
      <c r="C43213">
        <v>2</v>
      </c>
      <c r="D43213">
        <v>0</v>
      </c>
    </row>
    <row r="43214" spans="1:4" x14ac:dyDescent="0.25">
      <c r="A43214" t="s">
        <v>60577</v>
      </c>
      <c r="B43214" t="s">
        <v>60579</v>
      </c>
      <c r="C43214">
        <v>0</v>
      </c>
      <c r="D43214">
        <v>0</v>
      </c>
    </row>
    <row r="43215" spans="1:4" x14ac:dyDescent="0.25">
      <c r="A43215" t="s">
        <v>60580</v>
      </c>
      <c r="B43215" t="s">
        <v>60581</v>
      </c>
      <c r="C43215">
        <v>1</v>
      </c>
      <c r="D43215">
        <v>0</v>
      </c>
    </row>
    <row r="43216" spans="1:4" x14ac:dyDescent="0.25">
      <c r="A43216" t="s">
        <v>60580</v>
      </c>
      <c r="B43216" t="s">
        <v>60582</v>
      </c>
      <c r="C43216">
        <v>1</v>
      </c>
      <c r="D43216">
        <v>0</v>
      </c>
    </row>
    <row r="43217" spans="1:4" x14ac:dyDescent="0.25">
      <c r="A43217" t="s">
        <v>60583</v>
      </c>
      <c r="B43217" t="s">
        <v>60584</v>
      </c>
      <c r="C43217">
        <v>0</v>
      </c>
      <c r="D43217">
        <v>0</v>
      </c>
    </row>
    <row r="43218" spans="1:4" x14ac:dyDescent="0.25">
      <c r="A43218" t="s">
        <v>60583</v>
      </c>
      <c r="B43218" t="s">
        <v>60585</v>
      </c>
      <c r="C43218">
        <v>2</v>
      </c>
      <c r="D43218">
        <v>0</v>
      </c>
    </row>
    <row r="43219" spans="1:4" x14ac:dyDescent="0.25">
      <c r="A43219" t="s">
        <v>60583</v>
      </c>
      <c r="B43219" t="s">
        <v>60586</v>
      </c>
      <c r="C43219">
        <v>1</v>
      </c>
      <c r="D43219">
        <v>0</v>
      </c>
    </row>
    <row r="43220" spans="1:4" x14ac:dyDescent="0.25">
      <c r="A43220" t="s">
        <v>60583</v>
      </c>
      <c r="B43220" t="s">
        <v>60587</v>
      </c>
      <c r="C43220">
        <v>0</v>
      </c>
      <c r="D43220">
        <v>0</v>
      </c>
    </row>
    <row r="43221" spans="1:4" x14ac:dyDescent="0.25">
      <c r="A43221" t="s">
        <v>60583</v>
      </c>
      <c r="B43221" t="s">
        <v>60588</v>
      </c>
      <c r="C43221">
        <v>1</v>
      </c>
      <c r="D43221">
        <v>0</v>
      </c>
    </row>
    <row r="43222" spans="1:4" x14ac:dyDescent="0.25">
      <c r="A43222" t="s">
        <v>60583</v>
      </c>
      <c r="B43222" t="s">
        <v>60589</v>
      </c>
      <c r="C43222">
        <v>0</v>
      </c>
      <c r="D43222">
        <v>0</v>
      </c>
    </row>
    <row r="43223" spans="1:4" x14ac:dyDescent="0.25">
      <c r="A43223" t="s">
        <v>60583</v>
      </c>
      <c r="B43223" t="s">
        <v>60590</v>
      </c>
      <c r="C43223">
        <v>1</v>
      </c>
      <c r="D43223">
        <v>0</v>
      </c>
    </row>
    <row r="43224" spans="1:4" x14ac:dyDescent="0.25">
      <c r="A43224" t="s">
        <v>60583</v>
      </c>
      <c r="B43224" t="s">
        <v>60591</v>
      </c>
      <c r="C43224">
        <v>1</v>
      </c>
      <c r="D43224">
        <v>0</v>
      </c>
    </row>
    <row r="43225" spans="1:4" x14ac:dyDescent="0.25">
      <c r="A43225" t="s">
        <v>60592</v>
      </c>
      <c r="B43225" t="s">
        <v>60593</v>
      </c>
      <c r="C43225">
        <v>2</v>
      </c>
      <c r="D43225">
        <v>0</v>
      </c>
    </row>
    <row r="43226" spans="1:4" x14ac:dyDescent="0.25">
      <c r="A43226" t="s">
        <v>60592</v>
      </c>
      <c r="B43226" t="s">
        <v>60594</v>
      </c>
      <c r="C43226">
        <v>0</v>
      </c>
      <c r="D43226">
        <v>0</v>
      </c>
    </row>
    <row r="43227" spans="1:4" x14ac:dyDescent="0.25">
      <c r="A43227" t="s">
        <v>60592</v>
      </c>
      <c r="B43227" t="s">
        <v>60595</v>
      </c>
      <c r="C43227">
        <v>0</v>
      </c>
      <c r="D43227">
        <v>0</v>
      </c>
    </row>
    <row r="43228" spans="1:4" x14ac:dyDescent="0.25">
      <c r="A43228" t="s">
        <v>60592</v>
      </c>
      <c r="B43228" t="s">
        <v>60596</v>
      </c>
      <c r="C43228">
        <v>1</v>
      </c>
      <c r="D43228">
        <v>0</v>
      </c>
    </row>
    <row r="43229" spans="1:4" x14ac:dyDescent="0.25">
      <c r="A43229" t="s">
        <v>60592</v>
      </c>
      <c r="B43229" t="s">
        <v>60597</v>
      </c>
      <c r="C43229">
        <v>0</v>
      </c>
      <c r="D43229">
        <v>0</v>
      </c>
    </row>
    <row r="43230" spans="1:4" x14ac:dyDescent="0.25">
      <c r="A43230" t="s">
        <v>60598</v>
      </c>
      <c r="B43230" t="s">
        <v>60599</v>
      </c>
      <c r="C43230">
        <v>1</v>
      </c>
      <c r="D43230">
        <v>0</v>
      </c>
    </row>
    <row r="43231" spans="1:4" x14ac:dyDescent="0.25">
      <c r="A43231" t="s">
        <v>60598</v>
      </c>
      <c r="B43231" t="s">
        <v>60600</v>
      </c>
      <c r="C43231">
        <v>2</v>
      </c>
      <c r="D43231">
        <v>0</v>
      </c>
    </row>
    <row r="43232" spans="1:4" x14ac:dyDescent="0.25">
      <c r="A43232" t="s">
        <v>60598</v>
      </c>
      <c r="B43232" t="s">
        <v>60601</v>
      </c>
      <c r="C43232">
        <v>2</v>
      </c>
      <c r="D43232">
        <v>0</v>
      </c>
    </row>
    <row r="43233" spans="1:4" x14ac:dyDescent="0.25">
      <c r="A43233" t="s">
        <v>60602</v>
      </c>
      <c r="B43233" t="s">
        <v>60603</v>
      </c>
      <c r="C43233">
        <v>0</v>
      </c>
      <c r="D43233">
        <v>0</v>
      </c>
    </row>
    <row r="43234" spans="1:4" x14ac:dyDescent="0.25">
      <c r="A43234" t="s">
        <v>60602</v>
      </c>
      <c r="B43234" t="s">
        <v>60604</v>
      </c>
      <c r="C43234">
        <v>2</v>
      </c>
      <c r="D43234">
        <v>0</v>
      </c>
    </row>
    <row r="43235" spans="1:4" x14ac:dyDescent="0.25">
      <c r="A43235" t="s">
        <v>60602</v>
      </c>
      <c r="B43235" t="s">
        <v>60605</v>
      </c>
      <c r="C43235">
        <v>0</v>
      </c>
      <c r="D43235">
        <v>0</v>
      </c>
    </row>
    <row r="43236" spans="1:4" x14ac:dyDescent="0.25">
      <c r="A43236" t="s">
        <v>60606</v>
      </c>
      <c r="B43236" t="s">
        <v>60607</v>
      </c>
      <c r="C43236">
        <v>2</v>
      </c>
      <c r="D43236">
        <v>0</v>
      </c>
    </row>
    <row r="43237" spans="1:4" x14ac:dyDescent="0.25">
      <c r="A43237" t="s">
        <v>60606</v>
      </c>
      <c r="B43237" t="s">
        <v>60608</v>
      </c>
      <c r="C43237">
        <v>1</v>
      </c>
      <c r="D43237">
        <v>0</v>
      </c>
    </row>
    <row r="43238" spans="1:4" x14ac:dyDescent="0.25">
      <c r="A43238" t="s">
        <v>60609</v>
      </c>
      <c r="B43238" t="s">
        <v>60610</v>
      </c>
      <c r="C43238">
        <v>1</v>
      </c>
      <c r="D43238">
        <v>0</v>
      </c>
    </row>
    <row r="43239" spans="1:4" x14ac:dyDescent="0.25">
      <c r="A43239" t="s">
        <v>60609</v>
      </c>
      <c r="B43239" t="s">
        <v>60611</v>
      </c>
      <c r="C43239">
        <v>1</v>
      </c>
      <c r="D43239">
        <v>0</v>
      </c>
    </row>
    <row r="43240" spans="1:4" x14ac:dyDescent="0.25">
      <c r="A43240" t="s">
        <v>60609</v>
      </c>
      <c r="B43240" t="s">
        <v>60612</v>
      </c>
      <c r="C43240">
        <v>1</v>
      </c>
      <c r="D43240">
        <v>0</v>
      </c>
    </row>
    <row r="43241" spans="1:4" x14ac:dyDescent="0.25">
      <c r="A43241" t="s">
        <v>60613</v>
      </c>
      <c r="B43241" t="s">
        <v>60614</v>
      </c>
      <c r="C43241">
        <v>0</v>
      </c>
      <c r="D43241">
        <v>0</v>
      </c>
    </row>
    <row r="43242" spans="1:4" x14ac:dyDescent="0.25">
      <c r="A43242" t="s">
        <v>60613</v>
      </c>
      <c r="B43242" t="s">
        <v>60615</v>
      </c>
      <c r="C43242">
        <v>0</v>
      </c>
      <c r="D43242">
        <v>0</v>
      </c>
    </row>
    <row r="43243" spans="1:4" x14ac:dyDescent="0.25">
      <c r="A43243" t="s">
        <v>60613</v>
      </c>
      <c r="B43243" t="s">
        <v>60616</v>
      </c>
      <c r="C43243">
        <v>0</v>
      </c>
      <c r="D43243">
        <v>0</v>
      </c>
    </row>
    <row r="43244" spans="1:4" x14ac:dyDescent="0.25">
      <c r="A43244" t="s">
        <v>60617</v>
      </c>
      <c r="B43244" t="s">
        <v>60618</v>
      </c>
      <c r="C43244">
        <v>2</v>
      </c>
      <c r="D43244">
        <v>0</v>
      </c>
    </row>
    <row r="43245" spans="1:4" x14ac:dyDescent="0.25">
      <c r="A43245" t="s">
        <v>60619</v>
      </c>
      <c r="B43245" t="s">
        <v>24345</v>
      </c>
      <c r="C43245">
        <v>1</v>
      </c>
      <c r="D43245">
        <v>0</v>
      </c>
    </row>
    <row r="43246" spans="1:4" x14ac:dyDescent="0.25">
      <c r="A43246" t="s">
        <v>60619</v>
      </c>
      <c r="B43246" t="s">
        <v>60620</v>
      </c>
      <c r="C43246">
        <v>1</v>
      </c>
      <c r="D43246">
        <v>0</v>
      </c>
    </row>
    <row r="43247" spans="1:4" x14ac:dyDescent="0.25">
      <c r="A43247" t="s">
        <v>60619</v>
      </c>
      <c r="B43247" t="s">
        <v>17593</v>
      </c>
      <c r="C43247">
        <v>0</v>
      </c>
      <c r="D43247">
        <v>0</v>
      </c>
    </row>
    <row r="43248" spans="1:4" x14ac:dyDescent="0.25">
      <c r="A43248" t="s">
        <v>60619</v>
      </c>
      <c r="B43248" t="s">
        <v>60621</v>
      </c>
      <c r="C43248">
        <v>0</v>
      </c>
      <c r="D43248">
        <v>0</v>
      </c>
    </row>
    <row r="43249" spans="1:4" x14ac:dyDescent="0.25">
      <c r="A43249" t="s">
        <v>60619</v>
      </c>
      <c r="B43249" t="s">
        <v>60622</v>
      </c>
      <c r="C43249">
        <v>1</v>
      </c>
      <c r="D43249">
        <v>0</v>
      </c>
    </row>
    <row r="43250" spans="1:4" x14ac:dyDescent="0.25">
      <c r="A43250" t="s">
        <v>60619</v>
      </c>
      <c r="B43250" t="s">
        <v>60623</v>
      </c>
      <c r="C43250">
        <v>0</v>
      </c>
      <c r="D43250">
        <v>0</v>
      </c>
    </row>
    <row r="43251" spans="1:4" x14ac:dyDescent="0.25">
      <c r="A43251" t="s">
        <v>60624</v>
      </c>
      <c r="B43251" t="s">
        <v>60625</v>
      </c>
      <c r="C43251">
        <v>1</v>
      </c>
      <c r="D43251">
        <v>0</v>
      </c>
    </row>
    <row r="43252" spans="1:4" x14ac:dyDescent="0.25">
      <c r="A43252" t="s">
        <v>60624</v>
      </c>
      <c r="B43252" t="s">
        <v>60626</v>
      </c>
      <c r="C43252">
        <v>1</v>
      </c>
      <c r="D43252">
        <v>0</v>
      </c>
    </row>
    <row r="43253" spans="1:4" x14ac:dyDescent="0.25">
      <c r="A43253" t="s">
        <v>60624</v>
      </c>
      <c r="B43253" t="s">
        <v>60627</v>
      </c>
      <c r="C43253">
        <v>2</v>
      </c>
      <c r="D43253">
        <v>0</v>
      </c>
    </row>
    <row r="43254" spans="1:4" x14ac:dyDescent="0.25">
      <c r="A43254" t="s">
        <v>60624</v>
      </c>
      <c r="B43254" t="s">
        <v>60628</v>
      </c>
      <c r="C43254">
        <v>1</v>
      </c>
      <c r="D43254">
        <v>0</v>
      </c>
    </row>
    <row r="43255" spans="1:4" x14ac:dyDescent="0.25">
      <c r="A43255" t="s">
        <v>60624</v>
      </c>
      <c r="B43255" t="s">
        <v>60629</v>
      </c>
      <c r="C43255">
        <v>0</v>
      </c>
      <c r="D43255">
        <v>0</v>
      </c>
    </row>
    <row r="43256" spans="1:4" x14ac:dyDescent="0.25">
      <c r="A43256" t="s">
        <v>60630</v>
      </c>
      <c r="B43256" t="s">
        <v>60631</v>
      </c>
      <c r="C43256">
        <v>1</v>
      </c>
      <c r="D43256">
        <v>0</v>
      </c>
    </row>
    <row r="43257" spans="1:4" x14ac:dyDescent="0.25">
      <c r="A43257" t="s">
        <v>60630</v>
      </c>
      <c r="B43257" t="s">
        <v>60632</v>
      </c>
      <c r="C43257">
        <v>2</v>
      </c>
      <c r="D43257">
        <v>0</v>
      </c>
    </row>
    <row r="43258" spans="1:4" x14ac:dyDescent="0.25">
      <c r="A43258" t="s">
        <v>60630</v>
      </c>
      <c r="B43258" t="s">
        <v>60633</v>
      </c>
      <c r="C43258">
        <v>1</v>
      </c>
      <c r="D43258">
        <v>0</v>
      </c>
    </row>
    <row r="43259" spans="1:4" x14ac:dyDescent="0.25">
      <c r="A43259" t="s">
        <v>60630</v>
      </c>
      <c r="B43259" t="s">
        <v>60634</v>
      </c>
      <c r="C43259">
        <v>2</v>
      </c>
      <c r="D43259">
        <v>0</v>
      </c>
    </row>
    <row r="43260" spans="1:4" x14ac:dyDescent="0.25">
      <c r="A43260" t="s">
        <v>60630</v>
      </c>
      <c r="B43260" t="s">
        <v>60635</v>
      </c>
      <c r="C43260">
        <v>1</v>
      </c>
      <c r="D43260">
        <v>0</v>
      </c>
    </row>
    <row r="43261" spans="1:4" x14ac:dyDescent="0.25">
      <c r="A43261" t="s">
        <v>60630</v>
      </c>
      <c r="B43261" t="s">
        <v>60636</v>
      </c>
      <c r="C43261">
        <v>1</v>
      </c>
      <c r="D43261">
        <v>0</v>
      </c>
    </row>
    <row r="43262" spans="1:4" x14ac:dyDescent="0.25">
      <c r="A43262" t="s">
        <v>60630</v>
      </c>
      <c r="B43262" t="s">
        <v>60637</v>
      </c>
      <c r="C43262">
        <v>2</v>
      </c>
      <c r="D43262">
        <v>0</v>
      </c>
    </row>
    <row r="43263" spans="1:4" x14ac:dyDescent="0.25">
      <c r="A43263" t="s">
        <v>60630</v>
      </c>
      <c r="B43263" t="s">
        <v>60638</v>
      </c>
      <c r="C43263">
        <v>1</v>
      </c>
      <c r="D43263">
        <v>0</v>
      </c>
    </row>
    <row r="43264" spans="1:4" x14ac:dyDescent="0.25">
      <c r="A43264" t="s">
        <v>60639</v>
      </c>
      <c r="B43264" t="s">
        <v>60640</v>
      </c>
      <c r="C43264">
        <v>0</v>
      </c>
      <c r="D43264">
        <v>0</v>
      </c>
    </row>
    <row r="43265" spans="1:4" x14ac:dyDescent="0.25">
      <c r="A43265" t="s">
        <v>60639</v>
      </c>
      <c r="B43265" t="s">
        <v>60641</v>
      </c>
      <c r="C43265">
        <v>1</v>
      </c>
      <c r="D43265">
        <v>0</v>
      </c>
    </row>
    <row r="43266" spans="1:4" x14ac:dyDescent="0.25">
      <c r="A43266" t="s">
        <v>60642</v>
      </c>
      <c r="B43266" t="s">
        <v>60643</v>
      </c>
      <c r="C43266">
        <v>1</v>
      </c>
      <c r="D43266">
        <v>0</v>
      </c>
    </row>
    <row r="43267" spans="1:4" x14ac:dyDescent="0.25">
      <c r="A43267" t="s">
        <v>60642</v>
      </c>
      <c r="B43267" t="s">
        <v>60644</v>
      </c>
      <c r="C43267">
        <v>1</v>
      </c>
      <c r="D43267">
        <v>0</v>
      </c>
    </row>
    <row r="43268" spans="1:4" x14ac:dyDescent="0.25">
      <c r="A43268" t="s">
        <v>60642</v>
      </c>
      <c r="B43268" t="s">
        <v>60645</v>
      </c>
      <c r="C43268">
        <v>1</v>
      </c>
      <c r="D43268">
        <v>0</v>
      </c>
    </row>
    <row r="43269" spans="1:4" x14ac:dyDescent="0.25">
      <c r="A43269" t="s">
        <v>60642</v>
      </c>
      <c r="B43269" t="s">
        <v>60646</v>
      </c>
      <c r="C43269">
        <v>2</v>
      </c>
      <c r="D43269">
        <v>0</v>
      </c>
    </row>
    <row r="43270" spans="1:4" x14ac:dyDescent="0.25">
      <c r="A43270" t="s">
        <v>60642</v>
      </c>
      <c r="B43270" t="s">
        <v>60647</v>
      </c>
      <c r="C43270">
        <v>1</v>
      </c>
      <c r="D43270">
        <v>0</v>
      </c>
    </row>
    <row r="43271" spans="1:4" x14ac:dyDescent="0.25">
      <c r="A43271" t="s">
        <v>60642</v>
      </c>
      <c r="B43271" t="s">
        <v>60648</v>
      </c>
      <c r="C43271">
        <v>1</v>
      </c>
      <c r="D43271">
        <v>0</v>
      </c>
    </row>
    <row r="43272" spans="1:4" x14ac:dyDescent="0.25">
      <c r="A43272" t="s">
        <v>60642</v>
      </c>
      <c r="B43272" t="s">
        <v>60649</v>
      </c>
      <c r="C43272">
        <v>2</v>
      </c>
      <c r="D43272">
        <v>0</v>
      </c>
    </row>
    <row r="43273" spans="1:4" x14ac:dyDescent="0.25">
      <c r="A43273" t="s">
        <v>60650</v>
      </c>
      <c r="B43273" t="s">
        <v>60651</v>
      </c>
      <c r="C43273">
        <v>0</v>
      </c>
      <c r="D43273">
        <v>0</v>
      </c>
    </row>
    <row r="43274" spans="1:4" x14ac:dyDescent="0.25">
      <c r="A43274" t="s">
        <v>60650</v>
      </c>
      <c r="B43274" t="s">
        <v>60652</v>
      </c>
      <c r="C43274">
        <v>1</v>
      </c>
      <c r="D43274">
        <v>0</v>
      </c>
    </row>
    <row r="43275" spans="1:4" x14ac:dyDescent="0.25">
      <c r="A43275" t="s">
        <v>60650</v>
      </c>
      <c r="B43275" t="s">
        <v>60653</v>
      </c>
      <c r="C43275">
        <v>0</v>
      </c>
      <c r="D43275">
        <v>0</v>
      </c>
    </row>
    <row r="43276" spans="1:4" x14ac:dyDescent="0.25">
      <c r="A43276" t="s">
        <v>60650</v>
      </c>
      <c r="B43276" t="s">
        <v>60654</v>
      </c>
      <c r="C43276">
        <v>1</v>
      </c>
      <c r="D43276">
        <v>0</v>
      </c>
    </row>
    <row r="43277" spans="1:4" x14ac:dyDescent="0.25">
      <c r="A43277" t="s">
        <v>60650</v>
      </c>
      <c r="B43277" t="s">
        <v>60655</v>
      </c>
      <c r="C43277">
        <v>1</v>
      </c>
      <c r="D43277">
        <v>0</v>
      </c>
    </row>
    <row r="43278" spans="1:4" x14ac:dyDescent="0.25">
      <c r="A43278" t="s">
        <v>60650</v>
      </c>
      <c r="B43278" t="s">
        <v>60656</v>
      </c>
      <c r="C43278">
        <v>1</v>
      </c>
      <c r="D43278">
        <v>0</v>
      </c>
    </row>
    <row r="43279" spans="1:4" x14ac:dyDescent="0.25">
      <c r="A43279" t="s">
        <v>60650</v>
      </c>
      <c r="B43279" t="s">
        <v>60657</v>
      </c>
      <c r="C43279">
        <v>2</v>
      </c>
      <c r="D43279">
        <v>0</v>
      </c>
    </row>
    <row r="43280" spans="1:4" x14ac:dyDescent="0.25">
      <c r="A43280" t="s">
        <v>60658</v>
      </c>
      <c r="B43280" t="s">
        <v>60659</v>
      </c>
      <c r="C43280">
        <v>1</v>
      </c>
      <c r="D43280">
        <v>0</v>
      </c>
    </row>
    <row r="43281" spans="1:4" x14ac:dyDescent="0.25">
      <c r="A43281" t="s">
        <v>60658</v>
      </c>
      <c r="B43281" t="s">
        <v>60660</v>
      </c>
      <c r="C43281">
        <v>1</v>
      </c>
      <c r="D43281">
        <v>0</v>
      </c>
    </row>
    <row r="43282" spans="1:4" x14ac:dyDescent="0.25">
      <c r="A43282" t="s">
        <v>60658</v>
      </c>
      <c r="B43282" t="s">
        <v>60661</v>
      </c>
      <c r="C43282">
        <v>1</v>
      </c>
      <c r="D43282">
        <v>0</v>
      </c>
    </row>
    <row r="43283" spans="1:4" x14ac:dyDescent="0.25">
      <c r="A43283" t="s">
        <v>60658</v>
      </c>
      <c r="B43283" t="s">
        <v>60662</v>
      </c>
      <c r="C43283">
        <v>1</v>
      </c>
      <c r="D43283">
        <v>0</v>
      </c>
    </row>
    <row r="43284" spans="1:4" x14ac:dyDescent="0.25">
      <c r="A43284" t="s">
        <v>60663</v>
      </c>
      <c r="B43284" t="s">
        <v>60664</v>
      </c>
      <c r="C43284">
        <v>1</v>
      </c>
      <c r="D43284">
        <v>0</v>
      </c>
    </row>
    <row r="43285" spans="1:4" x14ac:dyDescent="0.25">
      <c r="A43285" t="s">
        <v>60663</v>
      </c>
      <c r="B43285" t="s">
        <v>60665</v>
      </c>
      <c r="C43285">
        <v>1</v>
      </c>
      <c r="D43285">
        <v>0</v>
      </c>
    </row>
    <row r="43286" spans="1:4" x14ac:dyDescent="0.25">
      <c r="A43286" t="s">
        <v>60663</v>
      </c>
      <c r="B43286" t="s">
        <v>60666</v>
      </c>
      <c r="C43286">
        <v>2</v>
      </c>
      <c r="D43286">
        <v>0</v>
      </c>
    </row>
    <row r="43287" spans="1:4" x14ac:dyDescent="0.25">
      <c r="A43287" t="s">
        <v>60663</v>
      </c>
      <c r="B43287" t="s">
        <v>60667</v>
      </c>
      <c r="C43287">
        <v>1</v>
      </c>
      <c r="D43287">
        <v>0</v>
      </c>
    </row>
    <row r="43288" spans="1:4" x14ac:dyDescent="0.25">
      <c r="A43288" t="s">
        <v>60663</v>
      </c>
      <c r="B43288" t="s">
        <v>60668</v>
      </c>
      <c r="C43288">
        <v>0</v>
      </c>
      <c r="D43288">
        <v>0</v>
      </c>
    </row>
    <row r="43289" spans="1:4" x14ac:dyDescent="0.25">
      <c r="A43289" t="s">
        <v>60663</v>
      </c>
      <c r="B43289" t="s">
        <v>60669</v>
      </c>
      <c r="C43289">
        <v>1</v>
      </c>
      <c r="D43289">
        <v>0</v>
      </c>
    </row>
    <row r="43290" spans="1:4" x14ac:dyDescent="0.25">
      <c r="A43290" t="s">
        <v>60663</v>
      </c>
      <c r="B43290" t="s">
        <v>60670</v>
      </c>
      <c r="C43290">
        <v>0</v>
      </c>
      <c r="D43290">
        <v>0</v>
      </c>
    </row>
    <row r="43291" spans="1:4" x14ac:dyDescent="0.25">
      <c r="A43291" t="s">
        <v>60671</v>
      </c>
      <c r="B43291" t="s">
        <v>60672</v>
      </c>
      <c r="C43291">
        <v>2</v>
      </c>
      <c r="D43291">
        <v>0</v>
      </c>
    </row>
    <row r="43292" spans="1:4" x14ac:dyDescent="0.25">
      <c r="A43292" t="s">
        <v>60671</v>
      </c>
      <c r="B43292" t="s">
        <v>5713</v>
      </c>
      <c r="C43292">
        <v>1</v>
      </c>
      <c r="D43292">
        <v>0</v>
      </c>
    </row>
    <row r="43293" spans="1:4" x14ac:dyDescent="0.25">
      <c r="A43293" t="s">
        <v>60671</v>
      </c>
      <c r="B43293" t="s">
        <v>60673</v>
      </c>
      <c r="C43293">
        <v>0</v>
      </c>
      <c r="D43293">
        <v>0</v>
      </c>
    </row>
    <row r="43294" spans="1:4" x14ac:dyDescent="0.25">
      <c r="A43294" t="s">
        <v>60671</v>
      </c>
      <c r="B43294" t="s">
        <v>60674</v>
      </c>
      <c r="C43294">
        <v>2</v>
      </c>
      <c r="D43294">
        <v>0</v>
      </c>
    </row>
    <row r="43295" spans="1:4" x14ac:dyDescent="0.25">
      <c r="A43295" t="s">
        <v>60671</v>
      </c>
      <c r="B43295" t="s">
        <v>60675</v>
      </c>
      <c r="C43295">
        <v>0</v>
      </c>
      <c r="D43295">
        <v>0</v>
      </c>
    </row>
    <row r="43296" spans="1:4" x14ac:dyDescent="0.25">
      <c r="A43296" t="s">
        <v>60671</v>
      </c>
      <c r="B43296" t="s">
        <v>60676</v>
      </c>
      <c r="C43296">
        <v>2</v>
      </c>
      <c r="D43296">
        <v>0</v>
      </c>
    </row>
    <row r="43297" spans="1:4" x14ac:dyDescent="0.25">
      <c r="A43297" t="s">
        <v>60671</v>
      </c>
      <c r="B43297" t="s">
        <v>60677</v>
      </c>
      <c r="C43297">
        <v>1</v>
      </c>
      <c r="D43297">
        <v>0</v>
      </c>
    </row>
    <row r="43298" spans="1:4" x14ac:dyDescent="0.25">
      <c r="A43298" t="s">
        <v>60678</v>
      </c>
      <c r="B43298" t="s">
        <v>11948</v>
      </c>
      <c r="C43298">
        <v>1</v>
      </c>
      <c r="D43298">
        <v>0</v>
      </c>
    </row>
    <row r="43299" spans="1:4" x14ac:dyDescent="0.25">
      <c r="A43299" t="s">
        <v>60678</v>
      </c>
      <c r="B43299" t="s">
        <v>60679</v>
      </c>
      <c r="C43299">
        <v>1</v>
      </c>
      <c r="D43299">
        <v>0</v>
      </c>
    </row>
    <row r="43300" spans="1:4" x14ac:dyDescent="0.25">
      <c r="A43300" t="s">
        <v>60678</v>
      </c>
      <c r="B43300" t="s">
        <v>60680</v>
      </c>
      <c r="C43300">
        <v>0</v>
      </c>
      <c r="D43300">
        <v>0</v>
      </c>
    </row>
    <row r="43301" spans="1:4" x14ac:dyDescent="0.25">
      <c r="A43301" t="s">
        <v>60678</v>
      </c>
      <c r="B43301" t="s">
        <v>60681</v>
      </c>
      <c r="C43301">
        <v>0</v>
      </c>
      <c r="D43301">
        <v>0</v>
      </c>
    </row>
    <row r="43302" spans="1:4" x14ac:dyDescent="0.25">
      <c r="A43302" t="s">
        <v>60678</v>
      </c>
      <c r="B43302" t="s">
        <v>60682</v>
      </c>
      <c r="C43302">
        <v>2</v>
      </c>
      <c r="D43302">
        <v>0</v>
      </c>
    </row>
    <row r="43303" spans="1:4" x14ac:dyDescent="0.25">
      <c r="A43303" t="s">
        <v>60683</v>
      </c>
      <c r="B43303" t="s">
        <v>60684</v>
      </c>
      <c r="C43303">
        <v>2</v>
      </c>
      <c r="D43303">
        <v>0</v>
      </c>
    </row>
    <row r="43304" spans="1:4" x14ac:dyDescent="0.25">
      <c r="A43304" t="s">
        <v>60683</v>
      </c>
      <c r="B43304" t="s">
        <v>60685</v>
      </c>
      <c r="C43304">
        <v>2</v>
      </c>
      <c r="D43304">
        <v>0</v>
      </c>
    </row>
    <row r="43305" spans="1:4" x14ac:dyDescent="0.25">
      <c r="A43305" t="s">
        <v>60683</v>
      </c>
      <c r="B43305" t="s">
        <v>60686</v>
      </c>
      <c r="C43305">
        <v>0</v>
      </c>
      <c r="D43305">
        <v>0</v>
      </c>
    </row>
    <row r="43306" spans="1:4" x14ac:dyDescent="0.25">
      <c r="A43306" t="s">
        <v>60683</v>
      </c>
      <c r="B43306" t="s">
        <v>60687</v>
      </c>
      <c r="C43306">
        <v>0</v>
      </c>
      <c r="D43306">
        <v>0</v>
      </c>
    </row>
    <row r="43307" spans="1:4" x14ac:dyDescent="0.25">
      <c r="A43307" t="s">
        <v>60683</v>
      </c>
      <c r="B43307" t="s">
        <v>60688</v>
      </c>
      <c r="C43307">
        <v>1</v>
      </c>
      <c r="D43307">
        <v>0</v>
      </c>
    </row>
    <row r="43308" spans="1:4" x14ac:dyDescent="0.25">
      <c r="A43308" t="s">
        <v>60689</v>
      </c>
      <c r="B43308" t="s">
        <v>60690</v>
      </c>
      <c r="C43308">
        <v>1</v>
      </c>
      <c r="D43308">
        <v>0</v>
      </c>
    </row>
    <row r="43309" spans="1:4" x14ac:dyDescent="0.25">
      <c r="A43309" t="s">
        <v>60689</v>
      </c>
      <c r="B43309" t="s">
        <v>60691</v>
      </c>
      <c r="C43309">
        <v>1</v>
      </c>
      <c r="D43309">
        <v>0</v>
      </c>
    </row>
    <row r="43310" spans="1:4" x14ac:dyDescent="0.25">
      <c r="A43310" t="s">
        <v>60689</v>
      </c>
      <c r="B43310" t="s">
        <v>60692</v>
      </c>
      <c r="C43310">
        <v>0</v>
      </c>
      <c r="D43310">
        <v>0</v>
      </c>
    </row>
    <row r="43311" spans="1:4" x14ac:dyDescent="0.25">
      <c r="A43311" t="s">
        <v>60689</v>
      </c>
      <c r="B43311" t="s">
        <v>60693</v>
      </c>
      <c r="C43311">
        <v>1</v>
      </c>
      <c r="D43311">
        <v>0</v>
      </c>
    </row>
    <row r="43312" spans="1:4" x14ac:dyDescent="0.25">
      <c r="A43312" t="s">
        <v>60689</v>
      </c>
      <c r="B43312" t="s">
        <v>60694</v>
      </c>
      <c r="C43312">
        <v>1</v>
      </c>
      <c r="D43312">
        <v>0</v>
      </c>
    </row>
    <row r="43313" spans="1:4" x14ac:dyDescent="0.25">
      <c r="A43313" t="s">
        <v>60689</v>
      </c>
      <c r="B43313" t="s">
        <v>60695</v>
      </c>
      <c r="C43313">
        <v>0</v>
      </c>
      <c r="D43313">
        <v>0</v>
      </c>
    </row>
    <row r="43314" spans="1:4" x14ac:dyDescent="0.25">
      <c r="A43314" t="s">
        <v>60689</v>
      </c>
      <c r="B43314" t="s">
        <v>60696</v>
      </c>
      <c r="C43314">
        <v>1</v>
      </c>
      <c r="D43314">
        <v>0</v>
      </c>
    </row>
    <row r="43315" spans="1:4" x14ac:dyDescent="0.25">
      <c r="A43315" t="s">
        <v>60689</v>
      </c>
      <c r="B43315" t="s">
        <v>60697</v>
      </c>
      <c r="C43315">
        <v>1</v>
      </c>
      <c r="D43315">
        <v>0</v>
      </c>
    </row>
    <row r="43316" spans="1:4" x14ac:dyDescent="0.25">
      <c r="A43316" t="s">
        <v>60689</v>
      </c>
      <c r="B43316" t="s">
        <v>60692</v>
      </c>
      <c r="C43316">
        <v>1</v>
      </c>
      <c r="D43316">
        <v>0</v>
      </c>
    </row>
    <row r="43317" spans="1:4" x14ac:dyDescent="0.25">
      <c r="A43317" t="s">
        <v>60689</v>
      </c>
      <c r="B43317" t="s">
        <v>60692</v>
      </c>
      <c r="C43317">
        <v>0</v>
      </c>
      <c r="D43317">
        <v>0</v>
      </c>
    </row>
    <row r="43318" spans="1:4" x14ac:dyDescent="0.25">
      <c r="A43318" t="s">
        <v>60698</v>
      </c>
      <c r="B43318" t="s">
        <v>60699</v>
      </c>
      <c r="C43318">
        <v>2</v>
      </c>
      <c r="D43318">
        <v>0</v>
      </c>
    </row>
    <row r="43319" spans="1:4" x14ac:dyDescent="0.25">
      <c r="A43319" t="s">
        <v>60698</v>
      </c>
      <c r="B43319" t="s">
        <v>60700</v>
      </c>
      <c r="C43319">
        <v>1</v>
      </c>
      <c r="D43319">
        <v>0</v>
      </c>
    </row>
    <row r="43320" spans="1:4" x14ac:dyDescent="0.25">
      <c r="A43320" t="s">
        <v>60698</v>
      </c>
      <c r="B43320" t="s">
        <v>60701</v>
      </c>
      <c r="C43320">
        <v>2</v>
      </c>
      <c r="D43320">
        <v>0</v>
      </c>
    </row>
    <row r="43321" spans="1:4" x14ac:dyDescent="0.25">
      <c r="A43321" t="s">
        <v>60698</v>
      </c>
      <c r="B43321" t="s">
        <v>60702</v>
      </c>
      <c r="C43321">
        <v>1</v>
      </c>
      <c r="D43321">
        <v>0</v>
      </c>
    </row>
    <row r="43322" spans="1:4" x14ac:dyDescent="0.25">
      <c r="A43322" t="s">
        <v>60698</v>
      </c>
      <c r="B43322" t="s">
        <v>60703</v>
      </c>
      <c r="C43322">
        <v>2</v>
      </c>
      <c r="D43322">
        <v>0</v>
      </c>
    </row>
    <row r="43323" spans="1:4" x14ac:dyDescent="0.25">
      <c r="A43323" t="s">
        <v>60698</v>
      </c>
      <c r="B43323" t="s">
        <v>60704</v>
      </c>
      <c r="C43323">
        <v>1</v>
      </c>
      <c r="D43323">
        <v>0</v>
      </c>
    </row>
    <row r="43324" spans="1:4" x14ac:dyDescent="0.25">
      <c r="A43324" t="s">
        <v>60705</v>
      </c>
      <c r="B43324" t="s">
        <v>60706</v>
      </c>
      <c r="C43324">
        <v>0</v>
      </c>
      <c r="D43324">
        <v>0</v>
      </c>
    </row>
    <row r="43325" spans="1:4" x14ac:dyDescent="0.25">
      <c r="A43325" t="s">
        <v>60705</v>
      </c>
      <c r="B43325" t="s">
        <v>60707</v>
      </c>
      <c r="C43325">
        <v>1</v>
      </c>
      <c r="D43325">
        <v>0</v>
      </c>
    </row>
    <row r="43326" spans="1:4" x14ac:dyDescent="0.25">
      <c r="A43326" t="s">
        <v>60705</v>
      </c>
      <c r="B43326" t="s">
        <v>60708</v>
      </c>
      <c r="C43326">
        <v>0</v>
      </c>
      <c r="D43326">
        <v>0</v>
      </c>
    </row>
    <row r="43327" spans="1:4" x14ac:dyDescent="0.25">
      <c r="A43327" t="s">
        <v>60705</v>
      </c>
      <c r="B43327" t="s">
        <v>60709</v>
      </c>
      <c r="C43327">
        <v>1</v>
      </c>
      <c r="D43327">
        <v>0</v>
      </c>
    </row>
    <row r="43328" spans="1:4" x14ac:dyDescent="0.25">
      <c r="A43328" t="s">
        <v>60710</v>
      </c>
      <c r="B43328" t="s">
        <v>60711</v>
      </c>
      <c r="C43328">
        <v>0</v>
      </c>
      <c r="D43328">
        <v>0</v>
      </c>
    </row>
    <row r="43329" spans="1:4" x14ac:dyDescent="0.25">
      <c r="A43329" t="s">
        <v>60710</v>
      </c>
      <c r="B43329" t="s">
        <v>60712</v>
      </c>
      <c r="C43329">
        <v>2</v>
      </c>
      <c r="D43329">
        <v>0</v>
      </c>
    </row>
    <row r="43330" spans="1:4" x14ac:dyDescent="0.25">
      <c r="A43330" t="s">
        <v>60710</v>
      </c>
      <c r="B43330" t="s">
        <v>60713</v>
      </c>
      <c r="C43330">
        <v>2</v>
      </c>
      <c r="D43330">
        <v>0</v>
      </c>
    </row>
    <row r="43331" spans="1:4" x14ac:dyDescent="0.25">
      <c r="A43331" t="s">
        <v>60710</v>
      </c>
      <c r="B43331" t="s">
        <v>60714</v>
      </c>
      <c r="C43331">
        <v>1</v>
      </c>
      <c r="D43331">
        <v>0</v>
      </c>
    </row>
    <row r="43332" spans="1:4" x14ac:dyDescent="0.25">
      <c r="A43332" t="s">
        <v>60710</v>
      </c>
      <c r="B43332" t="s">
        <v>60715</v>
      </c>
      <c r="C43332">
        <v>1</v>
      </c>
      <c r="D43332">
        <v>0</v>
      </c>
    </row>
    <row r="43333" spans="1:4" x14ac:dyDescent="0.25">
      <c r="A43333" t="s">
        <v>60716</v>
      </c>
      <c r="B43333" t="s">
        <v>60717</v>
      </c>
      <c r="C43333">
        <v>1</v>
      </c>
      <c r="D43333">
        <v>0</v>
      </c>
    </row>
    <row r="43334" spans="1:4" x14ac:dyDescent="0.25">
      <c r="A43334" t="s">
        <v>60716</v>
      </c>
      <c r="B43334" t="s">
        <v>60718</v>
      </c>
      <c r="C43334">
        <v>1</v>
      </c>
      <c r="D43334">
        <v>0</v>
      </c>
    </row>
    <row r="43335" spans="1:4" x14ac:dyDescent="0.25">
      <c r="A43335" t="s">
        <v>60716</v>
      </c>
      <c r="B43335" t="s">
        <v>60719</v>
      </c>
      <c r="C43335">
        <v>0</v>
      </c>
      <c r="D43335">
        <v>0</v>
      </c>
    </row>
    <row r="43336" spans="1:4" x14ac:dyDescent="0.25">
      <c r="A43336" t="s">
        <v>60716</v>
      </c>
      <c r="B43336" t="s">
        <v>60720</v>
      </c>
      <c r="C43336">
        <v>0</v>
      </c>
      <c r="D43336">
        <v>0</v>
      </c>
    </row>
    <row r="43337" spans="1:4" x14ac:dyDescent="0.25">
      <c r="A43337" t="s">
        <v>60716</v>
      </c>
      <c r="B43337" t="s">
        <v>60721</v>
      </c>
      <c r="C43337">
        <v>0</v>
      </c>
      <c r="D43337">
        <v>0</v>
      </c>
    </row>
    <row r="43338" spans="1:4" x14ac:dyDescent="0.25">
      <c r="A43338" t="s">
        <v>60722</v>
      </c>
      <c r="B43338" t="s">
        <v>60723</v>
      </c>
      <c r="C43338">
        <v>0</v>
      </c>
      <c r="D43338">
        <v>0</v>
      </c>
    </row>
    <row r="43339" spans="1:4" x14ac:dyDescent="0.25">
      <c r="A43339" t="s">
        <v>60722</v>
      </c>
      <c r="B43339" t="s">
        <v>60724</v>
      </c>
      <c r="C43339">
        <v>0</v>
      </c>
      <c r="D43339">
        <v>0</v>
      </c>
    </row>
    <row r="43340" spans="1:4" x14ac:dyDescent="0.25">
      <c r="A43340" t="s">
        <v>60725</v>
      </c>
      <c r="B43340" t="s">
        <v>60726</v>
      </c>
      <c r="C43340">
        <v>0</v>
      </c>
      <c r="D43340">
        <v>0</v>
      </c>
    </row>
    <row r="43341" spans="1:4" x14ac:dyDescent="0.25">
      <c r="A43341" t="s">
        <v>60725</v>
      </c>
      <c r="B43341" t="s">
        <v>60726</v>
      </c>
      <c r="C43341">
        <v>0</v>
      </c>
      <c r="D43341">
        <v>0</v>
      </c>
    </row>
    <row r="43342" spans="1:4" x14ac:dyDescent="0.25">
      <c r="A43342" t="s">
        <v>60727</v>
      </c>
      <c r="B43342" t="s">
        <v>60728</v>
      </c>
      <c r="C43342">
        <v>1</v>
      </c>
      <c r="D43342">
        <v>0</v>
      </c>
    </row>
    <row r="43343" spans="1:4" x14ac:dyDescent="0.25">
      <c r="A43343" t="s">
        <v>60727</v>
      </c>
      <c r="B43343" t="s">
        <v>60729</v>
      </c>
      <c r="C43343">
        <v>1</v>
      </c>
      <c r="D43343">
        <v>0</v>
      </c>
    </row>
    <row r="43344" spans="1:4" x14ac:dyDescent="0.25">
      <c r="A43344" t="s">
        <v>60727</v>
      </c>
      <c r="B43344" t="s">
        <v>60730</v>
      </c>
      <c r="C43344">
        <v>0</v>
      </c>
      <c r="D43344">
        <v>0</v>
      </c>
    </row>
    <row r="43345" spans="1:4" x14ac:dyDescent="0.25">
      <c r="A43345" t="s">
        <v>60727</v>
      </c>
      <c r="B43345" t="s">
        <v>60731</v>
      </c>
      <c r="C43345">
        <v>1</v>
      </c>
      <c r="D43345">
        <v>0</v>
      </c>
    </row>
    <row r="43346" spans="1:4" x14ac:dyDescent="0.25">
      <c r="A43346" t="s">
        <v>60727</v>
      </c>
      <c r="B43346" t="s">
        <v>60732</v>
      </c>
      <c r="C43346">
        <v>1</v>
      </c>
      <c r="D43346">
        <v>0</v>
      </c>
    </row>
    <row r="43347" spans="1:4" x14ac:dyDescent="0.25">
      <c r="A43347" t="s">
        <v>60727</v>
      </c>
      <c r="B43347" t="s">
        <v>45959</v>
      </c>
      <c r="C43347">
        <v>1</v>
      </c>
      <c r="D43347">
        <v>0</v>
      </c>
    </row>
    <row r="43348" spans="1:4" x14ac:dyDescent="0.25">
      <c r="A43348" t="s">
        <v>60727</v>
      </c>
      <c r="B43348" t="s">
        <v>60733</v>
      </c>
      <c r="C43348">
        <v>1</v>
      </c>
      <c r="D43348">
        <v>0</v>
      </c>
    </row>
    <row r="43349" spans="1:4" x14ac:dyDescent="0.25">
      <c r="A43349" t="s">
        <v>60734</v>
      </c>
      <c r="B43349" t="s">
        <v>60735</v>
      </c>
      <c r="C43349">
        <v>2</v>
      </c>
      <c r="D43349">
        <v>0</v>
      </c>
    </row>
    <row r="43350" spans="1:4" x14ac:dyDescent="0.25">
      <c r="A43350" t="s">
        <v>60734</v>
      </c>
      <c r="B43350" t="s">
        <v>60736</v>
      </c>
      <c r="C43350">
        <v>2</v>
      </c>
      <c r="D43350">
        <v>0</v>
      </c>
    </row>
    <row r="43351" spans="1:4" x14ac:dyDescent="0.25">
      <c r="A43351" t="s">
        <v>60734</v>
      </c>
      <c r="B43351" t="s">
        <v>60737</v>
      </c>
      <c r="C43351">
        <v>2</v>
      </c>
      <c r="D43351">
        <v>0</v>
      </c>
    </row>
    <row r="43352" spans="1:4" x14ac:dyDescent="0.25">
      <c r="A43352" t="s">
        <v>60734</v>
      </c>
      <c r="B43352" t="s">
        <v>60738</v>
      </c>
      <c r="C43352">
        <v>1</v>
      </c>
      <c r="D43352">
        <v>0</v>
      </c>
    </row>
    <row r="43353" spans="1:4" x14ac:dyDescent="0.25">
      <c r="A43353" t="s">
        <v>60734</v>
      </c>
      <c r="B43353" t="s">
        <v>60739</v>
      </c>
      <c r="C43353">
        <v>2</v>
      </c>
      <c r="D43353">
        <v>0</v>
      </c>
    </row>
    <row r="43354" spans="1:4" x14ac:dyDescent="0.25">
      <c r="A43354" t="s">
        <v>60734</v>
      </c>
      <c r="B43354" t="s">
        <v>60740</v>
      </c>
      <c r="C43354">
        <v>1</v>
      </c>
      <c r="D43354">
        <v>0</v>
      </c>
    </row>
    <row r="43355" spans="1:4" x14ac:dyDescent="0.25">
      <c r="A43355" t="s">
        <v>60734</v>
      </c>
      <c r="B43355" t="s">
        <v>60741</v>
      </c>
      <c r="C43355">
        <v>2</v>
      </c>
      <c r="D43355">
        <v>0</v>
      </c>
    </row>
    <row r="43356" spans="1:4" x14ac:dyDescent="0.25">
      <c r="A43356" t="s">
        <v>60734</v>
      </c>
      <c r="B43356" t="s">
        <v>60742</v>
      </c>
      <c r="C43356">
        <v>2</v>
      </c>
      <c r="D43356">
        <v>0</v>
      </c>
    </row>
    <row r="43357" spans="1:4" x14ac:dyDescent="0.25">
      <c r="A43357" t="s">
        <v>60734</v>
      </c>
      <c r="B43357" t="s">
        <v>60743</v>
      </c>
      <c r="C43357">
        <v>2</v>
      </c>
      <c r="D43357">
        <v>0</v>
      </c>
    </row>
    <row r="43358" spans="1:4" x14ac:dyDescent="0.25">
      <c r="A43358" t="s">
        <v>60744</v>
      </c>
      <c r="B43358" t="s">
        <v>60745</v>
      </c>
      <c r="C43358">
        <v>1</v>
      </c>
      <c r="D43358">
        <v>0</v>
      </c>
    </row>
    <row r="43359" spans="1:4" x14ac:dyDescent="0.25">
      <c r="A43359" t="s">
        <v>60746</v>
      </c>
      <c r="B43359" t="s">
        <v>60747</v>
      </c>
      <c r="C43359">
        <v>1</v>
      </c>
      <c r="D43359">
        <v>0</v>
      </c>
    </row>
    <row r="43360" spans="1:4" x14ac:dyDescent="0.25">
      <c r="A43360" t="s">
        <v>60746</v>
      </c>
      <c r="B43360" t="s">
        <v>60748</v>
      </c>
      <c r="C43360">
        <v>1</v>
      </c>
      <c r="D43360">
        <v>0</v>
      </c>
    </row>
    <row r="43361" spans="1:4" x14ac:dyDescent="0.25">
      <c r="A43361" t="s">
        <v>60746</v>
      </c>
      <c r="B43361" t="s">
        <v>60749</v>
      </c>
      <c r="C43361">
        <v>1</v>
      </c>
      <c r="D43361">
        <v>0</v>
      </c>
    </row>
    <row r="43362" spans="1:4" x14ac:dyDescent="0.25">
      <c r="A43362" t="s">
        <v>60746</v>
      </c>
      <c r="B43362" t="s">
        <v>22326</v>
      </c>
      <c r="C43362">
        <v>1</v>
      </c>
      <c r="D43362">
        <v>0</v>
      </c>
    </row>
    <row r="43363" spans="1:4" x14ac:dyDescent="0.25">
      <c r="A43363" t="s">
        <v>60746</v>
      </c>
      <c r="B43363" t="s">
        <v>60750</v>
      </c>
      <c r="C43363">
        <v>1</v>
      </c>
      <c r="D43363">
        <v>0</v>
      </c>
    </row>
    <row r="43364" spans="1:4" x14ac:dyDescent="0.25">
      <c r="A43364" t="s">
        <v>60746</v>
      </c>
      <c r="B43364" t="s">
        <v>60751</v>
      </c>
      <c r="C43364">
        <v>1</v>
      </c>
      <c r="D43364">
        <v>0</v>
      </c>
    </row>
    <row r="43365" spans="1:4" x14ac:dyDescent="0.25">
      <c r="A43365" t="s">
        <v>60746</v>
      </c>
      <c r="B43365" t="s">
        <v>60752</v>
      </c>
      <c r="C43365">
        <v>0</v>
      </c>
      <c r="D43365">
        <v>0</v>
      </c>
    </row>
    <row r="43366" spans="1:4" x14ac:dyDescent="0.25">
      <c r="A43366" t="s">
        <v>60753</v>
      </c>
      <c r="B43366" t="s">
        <v>60754</v>
      </c>
      <c r="C43366">
        <v>1</v>
      </c>
      <c r="D43366">
        <v>0</v>
      </c>
    </row>
    <row r="43367" spans="1:4" x14ac:dyDescent="0.25">
      <c r="A43367" t="s">
        <v>60753</v>
      </c>
      <c r="B43367" t="s">
        <v>60755</v>
      </c>
      <c r="C43367">
        <v>2</v>
      </c>
      <c r="D43367">
        <v>0</v>
      </c>
    </row>
    <row r="43368" spans="1:4" x14ac:dyDescent="0.25">
      <c r="A43368" t="s">
        <v>60753</v>
      </c>
      <c r="B43368" t="s">
        <v>60756</v>
      </c>
      <c r="C43368">
        <v>1</v>
      </c>
      <c r="D43368">
        <v>0</v>
      </c>
    </row>
    <row r="43369" spans="1:4" x14ac:dyDescent="0.25">
      <c r="A43369" t="s">
        <v>60753</v>
      </c>
      <c r="B43369" t="s">
        <v>60757</v>
      </c>
      <c r="C43369">
        <v>0</v>
      </c>
      <c r="D43369">
        <v>0</v>
      </c>
    </row>
    <row r="43370" spans="1:4" x14ac:dyDescent="0.25">
      <c r="A43370" t="s">
        <v>60753</v>
      </c>
      <c r="B43370" t="s">
        <v>60758</v>
      </c>
      <c r="C43370">
        <v>1</v>
      </c>
      <c r="D43370">
        <v>0</v>
      </c>
    </row>
    <row r="43371" spans="1:4" x14ac:dyDescent="0.25">
      <c r="A43371" t="s">
        <v>60759</v>
      </c>
      <c r="B43371" t="s">
        <v>60760</v>
      </c>
      <c r="C43371">
        <v>0</v>
      </c>
      <c r="D43371">
        <v>0</v>
      </c>
    </row>
    <row r="43372" spans="1:4" x14ac:dyDescent="0.25">
      <c r="A43372" t="s">
        <v>60761</v>
      </c>
      <c r="B43372" t="s">
        <v>60762</v>
      </c>
      <c r="C43372">
        <v>0</v>
      </c>
      <c r="D43372">
        <v>0</v>
      </c>
    </row>
    <row r="43373" spans="1:4" x14ac:dyDescent="0.25">
      <c r="A43373" t="s">
        <v>60761</v>
      </c>
      <c r="B43373" t="s">
        <v>60763</v>
      </c>
      <c r="C43373">
        <v>2</v>
      </c>
      <c r="D43373">
        <v>0</v>
      </c>
    </row>
    <row r="43374" spans="1:4" x14ac:dyDescent="0.25">
      <c r="A43374" t="s">
        <v>60764</v>
      </c>
      <c r="B43374" t="s">
        <v>60765</v>
      </c>
      <c r="C43374">
        <v>2</v>
      </c>
      <c r="D43374">
        <v>0</v>
      </c>
    </row>
    <row r="43375" spans="1:4" x14ac:dyDescent="0.25">
      <c r="A43375" t="s">
        <v>60766</v>
      </c>
      <c r="B43375" t="s">
        <v>60767</v>
      </c>
      <c r="C43375">
        <v>2</v>
      </c>
      <c r="D43375">
        <v>0</v>
      </c>
    </row>
    <row r="43376" spans="1:4" x14ac:dyDescent="0.25">
      <c r="A43376" t="s">
        <v>60766</v>
      </c>
      <c r="B43376" t="s">
        <v>60768</v>
      </c>
      <c r="C43376">
        <v>2</v>
      </c>
      <c r="D43376">
        <v>0</v>
      </c>
    </row>
    <row r="43377" spans="1:4" x14ac:dyDescent="0.25">
      <c r="A43377" t="s">
        <v>60766</v>
      </c>
      <c r="B43377" t="s">
        <v>60769</v>
      </c>
      <c r="C43377">
        <v>1</v>
      </c>
      <c r="D43377">
        <v>0</v>
      </c>
    </row>
    <row r="43378" spans="1:4" x14ac:dyDescent="0.25">
      <c r="A43378" t="s">
        <v>60766</v>
      </c>
      <c r="B43378" t="s">
        <v>60770</v>
      </c>
      <c r="C43378">
        <v>1</v>
      </c>
      <c r="D43378">
        <v>0</v>
      </c>
    </row>
    <row r="43379" spans="1:4" x14ac:dyDescent="0.25">
      <c r="A43379" t="s">
        <v>60766</v>
      </c>
      <c r="B43379" t="s">
        <v>60771</v>
      </c>
      <c r="C43379">
        <v>1</v>
      </c>
      <c r="D43379">
        <v>0</v>
      </c>
    </row>
    <row r="43380" spans="1:4" x14ac:dyDescent="0.25">
      <c r="A43380" t="s">
        <v>60766</v>
      </c>
      <c r="B43380" t="s">
        <v>60772</v>
      </c>
      <c r="C43380">
        <v>0</v>
      </c>
      <c r="D43380">
        <v>0</v>
      </c>
    </row>
    <row r="43381" spans="1:4" x14ac:dyDescent="0.25">
      <c r="A43381" t="s">
        <v>60773</v>
      </c>
      <c r="B43381" t="s">
        <v>60774</v>
      </c>
      <c r="C43381">
        <v>1</v>
      </c>
      <c r="D43381">
        <v>0</v>
      </c>
    </row>
    <row r="43382" spans="1:4" x14ac:dyDescent="0.25">
      <c r="A43382" t="s">
        <v>60773</v>
      </c>
      <c r="B43382" t="s">
        <v>60775</v>
      </c>
      <c r="C43382">
        <v>1</v>
      </c>
      <c r="D43382">
        <v>0</v>
      </c>
    </row>
    <row r="43383" spans="1:4" x14ac:dyDescent="0.25">
      <c r="A43383" t="s">
        <v>60773</v>
      </c>
      <c r="B43383" t="s">
        <v>60776</v>
      </c>
      <c r="C43383">
        <v>1</v>
      </c>
      <c r="D43383">
        <v>0</v>
      </c>
    </row>
    <row r="43384" spans="1:4" x14ac:dyDescent="0.25">
      <c r="A43384" t="s">
        <v>60773</v>
      </c>
      <c r="B43384" t="s">
        <v>60777</v>
      </c>
      <c r="C43384">
        <v>1</v>
      </c>
      <c r="D43384">
        <v>0</v>
      </c>
    </row>
    <row r="43385" spans="1:4" x14ac:dyDescent="0.25">
      <c r="A43385" t="s">
        <v>60773</v>
      </c>
      <c r="B43385" t="s">
        <v>60778</v>
      </c>
      <c r="C43385">
        <v>2</v>
      </c>
      <c r="D43385">
        <v>0</v>
      </c>
    </row>
    <row r="43386" spans="1:4" x14ac:dyDescent="0.25">
      <c r="A43386" t="s">
        <v>60773</v>
      </c>
      <c r="B43386" t="s">
        <v>60779</v>
      </c>
      <c r="C43386">
        <v>1</v>
      </c>
      <c r="D43386">
        <v>0</v>
      </c>
    </row>
    <row r="43387" spans="1:4" x14ac:dyDescent="0.25">
      <c r="A43387" t="s">
        <v>60773</v>
      </c>
      <c r="B43387" t="s">
        <v>60780</v>
      </c>
      <c r="C43387">
        <v>0</v>
      </c>
      <c r="D43387">
        <v>0</v>
      </c>
    </row>
    <row r="43388" spans="1:4" x14ac:dyDescent="0.25">
      <c r="A43388" t="s">
        <v>60781</v>
      </c>
      <c r="B43388" t="s">
        <v>60782</v>
      </c>
      <c r="C43388">
        <v>0</v>
      </c>
      <c r="D43388">
        <v>0</v>
      </c>
    </row>
    <row r="43389" spans="1:4" x14ac:dyDescent="0.25">
      <c r="A43389" t="s">
        <v>60781</v>
      </c>
      <c r="B43389" t="s">
        <v>60783</v>
      </c>
      <c r="C43389">
        <v>0</v>
      </c>
      <c r="D43389">
        <v>0</v>
      </c>
    </row>
    <row r="43390" spans="1:4" x14ac:dyDescent="0.25">
      <c r="A43390" t="s">
        <v>60781</v>
      </c>
      <c r="B43390" t="s">
        <v>60784</v>
      </c>
      <c r="C43390">
        <v>1</v>
      </c>
      <c r="D43390">
        <v>0</v>
      </c>
    </row>
    <row r="43391" spans="1:4" x14ac:dyDescent="0.25">
      <c r="A43391" t="s">
        <v>60781</v>
      </c>
      <c r="B43391" t="s">
        <v>60785</v>
      </c>
      <c r="C43391">
        <v>0</v>
      </c>
      <c r="D43391">
        <v>0</v>
      </c>
    </row>
    <row r="43392" spans="1:4" x14ac:dyDescent="0.25">
      <c r="A43392" t="s">
        <v>60781</v>
      </c>
      <c r="B43392" t="s">
        <v>60786</v>
      </c>
      <c r="C43392">
        <v>0</v>
      </c>
      <c r="D43392">
        <v>0</v>
      </c>
    </row>
    <row r="43393" spans="1:4" x14ac:dyDescent="0.25">
      <c r="A43393" t="s">
        <v>60787</v>
      </c>
      <c r="B43393" t="s">
        <v>60788</v>
      </c>
      <c r="C43393">
        <v>1</v>
      </c>
      <c r="D43393">
        <v>0</v>
      </c>
    </row>
    <row r="43394" spans="1:4" x14ac:dyDescent="0.25">
      <c r="A43394" t="s">
        <v>60787</v>
      </c>
      <c r="B43394" t="s">
        <v>60789</v>
      </c>
      <c r="C43394">
        <v>1</v>
      </c>
      <c r="D43394">
        <v>0</v>
      </c>
    </row>
    <row r="43395" spans="1:4" x14ac:dyDescent="0.25">
      <c r="A43395" t="s">
        <v>60787</v>
      </c>
      <c r="B43395" t="s">
        <v>60790</v>
      </c>
      <c r="C43395">
        <v>1</v>
      </c>
      <c r="D43395">
        <v>0</v>
      </c>
    </row>
    <row r="43396" spans="1:4" x14ac:dyDescent="0.25">
      <c r="A43396" t="s">
        <v>60787</v>
      </c>
      <c r="B43396" t="s">
        <v>51161</v>
      </c>
      <c r="C43396">
        <v>0</v>
      </c>
      <c r="D43396">
        <v>0</v>
      </c>
    </row>
    <row r="43397" spans="1:4" x14ac:dyDescent="0.25">
      <c r="A43397" t="s">
        <v>60787</v>
      </c>
      <c r="B43397" t="s">
        <v>60791</v>
      </c>
      <c r="C43397">
        <v>1</v>
      </c>
      <c r="D43397">
        <v>0</v>
      </c>
    </row>
    <row r="43398" spans="1:4" x14ac:dyDescent="0.25">
      <c r="A43398" t="s">
        <v>60787</v>
      </c>
      <c r="B43398" t="s">
        <v>60792</v>
      </c>
      <c r="C43398">
        <v>2</v>
      </c>
      <c r="D43398">
        <v>0</v>
      </c>
    </row>
    <row r="43399" spans="1:4" x14ac:dyDescent="0.25">
      <c r="A43399" t="s">
        <v>60787</v>
      </c>
      <c r="B43399" t="s">
        <v>60793</v>
      </c>
      <c r="C43399">
        <v>2</v>
      </c>
      <c r="D43399">
        <v>0</v>
      </c>
    </row>
    <row r="43400" spans="1:4" x14ac:dyDescent="0.25">
      <c r="A43400" t="s">
        <v>60794</v>
      </c>
      <c r="B43400" t="s">
        <v>60795</v>
      </c>
      <c r="C43400">
        <v>1</v>
      </c>
      <c r="D43400">
        <v>0</v>
      </c>
    </row>
    <row r="43401" spans="1:4" x14ac:dyDescent="0.25">
      <c r="A43401" t="s">
        <v>60794</v>
      </c>
      <c r="B43401" t="s">
        <v>60796</v>
      </c>
      <c r="C43401">
        <v>1</v>
      </c>
      <c r="D43401">
        <v>0</v>
      </c>
    </row>
    <row r="43402" spans="1:4" x14ac:dyDescent="0.25">
      <c r="A43402" t="s">
        <v>60794</v>
      </c>
      <c r="B43402" t="s">
        <v>60797</v>
      </c>
      <c r="C43402">
        <v>1</v>
      </c>
      <c r="D43402">
        <v>0</v>
      </c>
    </row>
    <row r="43403" spans="1:4" x14ac:dyDescent="0.25">
      <c r="A43403" t="s">
        <v>60794</v>
      </c>
      <c r="B43403" t="s">
        <v>60798</v>
      </c>
      <c r="C43403">
        <v>1</v>
      </c>
      <c r="D43403">
        <v>0</v>
      </c>
    </row>
    <row r="43404" spans="1:4" x14ac:dyDescent="0.25">
      <c r="A43404" t="s">
        <v>60799</v>
      </c>
      <c r="B43404" t="s">
        <v>60800</v>
      </c>
      <c r="C43404">
        <v>2</v>
      </c>
      <c r="D43404">
        <v>0</v>
      </c>
    </row>
    <row r="43405" spans="1:4" x14ac:dyDescent="0.25">
      <c r="A43405" t="s">
        <v>60799</v>
      </c>
      <c r="B43405" t="s">
        <v>60801</v>
      </c>
      <c r="C43405">
        <v>1</v>
      </c>
      <c r="D43405">
        <v>0</v>
      </c>
    </row>
    <row r="43406" spans="1:4" x14ac:dyDescent="0.25">
      <c r="A43406" t="s">
        <v>60799</v>
      </c>
      <c r="B43406" t="s">
        <v>60802</v>
      </c>
      <c r="C43406">
        <v>0</v>
      </c>
      <c r="D43406">
        <v>0</v>
      </c>
    </row>
    <row r="43407" spans="1:4" x14ac:dyDescent="0.25">
      <c r="A43407" t="s">
        <v>60799</v>
      </c>
      <c r="B43407" t="s">
        <v>60803</v>
      </c>
      <c r="C43407">
        <v>2</v>
      </c>
      <c r="D43407">
        <v>0</v>
      </c>
    </row>
    <row r="43408" spans="1:4" x14ac:dyDescent="0.25">
      <c r="A43408" t="s">
        <v>60799</v>
      </c>
      <c r="B43408" t="s">
        <v>60804</v>
      </c>
      <c r="C43408">
        <v>0</v>
      </c>
      <c r="D43408">
        <v>0</v>
      </c>
    </row>
    <row r="43409" spans="1:4" x14ac:dyDescent="0.25">
      <c r="A43409" t="s">
        <v>60799</v>
      </c>
      <c r="B43409" t="s">
        <v>60805</v>
      </c>
      <c r="C43409">
        <v>1</v>
      </c>
      <c r="D43409">
        <v>0</v>
      </c>
    </row>
    <row r="43410" spans="1:4" x14ac:dyDescent="0.25">
      <c r="A43410" t="s">
        <v>60806</v>
      </c>
      <c r="B43410" t="s">
        <v>60807</v>
      </c>
      <c r="C43410">
        <v>2</v>
      </c>
      <c r="D43410">
        <v>0</v>
      </c>
    </row>
    <row r="43411" spans="1:4" x14ac:dyDescent="0.25">
      <c r="A43411" t="s">
        <v>60806</v>
      </c>
      <c r="B43411" t="s">
        <v>60808</v>
      </c>
      <c r="C43411">
        <v>1</v>
      </c>
      <c r="D43411">
        <v>0</v>
      </c>
    </row>
    <row r="43412" spans="1:4" x14ac:dyDescent="0.25">
      <c r="A43412" t="s">
        <v>60806</v>
      </c>
      <c r="B43412" t="s">
        <v>60809</v>
      </c>
      <c r="C43412">
        <v>1</v>
      </c>
      <c r="D43412">
        <v>0</v>
      </c>
    </row>
    <row r="43413" spans="1:4" x14ac:dyDescent="0.25">
      <c r="A43413" t="s">
        <v>60806</v>
      </c>
      <c r="B43413" t="s">
        <v>60810</v>
      </c>
      <c r="C43413">
        <v>1</v>
      </c>
      <c r="D43413">
        <v>0</v>
      </c>
    </row>
    <row r="43414" spans="1:4" x14ac:dyDescent="0.25">
      <c r="A43414" t="s">
        <v>60806</v>
      </c>
      <c r="B43414" t="s">
        <v>60811</v>
      </c>
      <c r="C43414">
        <v>1</v>
      </c>
      <c r="D43414">
        <v>0</v>
      </c>
    </row>
    <row r="43415" spans="1:4" x14ac:dyDescent="0.25">
      <c r="A43415" t="s">
        <v>60812</v>
      </c>
      <c r="B43415" t="s">
        <v>60813</v>
      </c>
      <c r="C43415">
        <v>2</v>
      </c>
      <c r="D43415">
        <v>0</v>
      </c>
    </row>
    <row r="43416" spans="1:4" x14ac:dyDescent="0.25">
      <c r="A43416" t="s">
        <v>60812</v>
      </c>
      <c r="B43416" t="s">
        <v>60814</v>
      </c>
      <c r="C43416">
        <v>1</v>
      </c>
      <c r="D43416">
        <v>0</v>
      </c>
    </row>
    <row r="43417" spans="1:4" x14ac:dyDescent="0.25">
      <c r="A43417" t="s">
        <v>60812</v>
      </c>
      <c r="B43417" t="s">
        <v>60815</v>
      </c>
      <c r="C43417">
        <v>1</v>
      </c>
      <c r="D43417">
        <v>0</v>
      </c>
    </row>
    <row r="43418" spans="1:4" x14ac:dyDescent="0.25">
      <c r="A43418" t="s">
        <v>60812</v>
      </c>
      <c r="B43418" t="s">
        <v>60816</v>
      </c>
      <c r="C43418">
        <v>2</v>
      </c>
      <c r="D43418">
        <v>0</v>
      </c>
    </row>
    <row r="43419" spans="1:4" x14ac:dyDescent="0.25">
      <c r="A43419" t="s">
        <v>60812</v>
      </c>
      <c r="B43419" t="s">
        <v>60817</v>
      </c>
      <c r="C43419">
        <v>2</v>
      </c>
      <c r="D43419">
        <v>0</v>
      </c>
    </row>
    <row r="43420" spans="1:4" x14ac:dyDescent="0.25">
      <c r="A43420" t="s">
        <v>60818</v>
      </c>
      <c r="B43420" t="s">
        <v>60819</v>
      </c>
      <c r="C43420">
        <v>0</v>
      </c>
      <c r="D43420">
        <v>0</v>
      </c>
    </row>
    <row r="43421" spans="1:4" x14ac:dyDescent="0.25">
      <c r="A43421" t="s">
        <v>60818</v>
      </c>
      <c r="B43421" t="s">
        <v>60820</v>
      </c>
      <c r="C43421">
        <v>2</v>
      </c>
      <c r="D43421">
        <v>0</v>
      </c>
    </row>
    <row r="43422" spans="1:4" x14ac:dyDescent="0.25">
      <c r="A43422" t="s">
        <v>60818</v>
      </c>
      <c r="B43422" t="s">
        <v>42932</v>
      </c>
      <c r="C43422">
        <v>1</v>
      </c>
      <c r="D43422">
        <v>0</v>
      </c>
    </row>
    <row r="43423" spans="1:4" x14ac:dyDescent="0.25">
      <c r="A43423" t="s">
        <v>60818</v>
      </c>
      <c r="B43423" t="s">
        <v>60821</v>
      </c>
      <c r="C43423">
        <v>0</v>
      </c>
      <c r="D43423">
        <v>0</v>
      </c>
    </row>
    <row r="43424" spans="1:4" x14ac:dyDescent="0.25">
      <c r="A43424" t="s">
        <v>60818</v>
      </c>
      <c r="B43424" t="s">
        <v>60822</v>
      </c>
      <c r="C43424">
        <v>1</v>
      </c>
      <c r="D43424">
        <v>0</v>
      </c>
    </row>
    <row r="43425" spans="1:4" x14ac:dyDescent="0.25">
      <c r="A43425" t="s">
        <v>60823</v>
      </c>
      <c r="B43425" t="s">
        <v>60824</v>
      </c>
      <c r="C43425">
        <v>0</v>
      </c>
      <c r="D43425">
        <v>0</v>
      </c>
    </row>
    <row r="43426" spans="1:4" x14ac:dyDescent="0.25">
      <c r="A43426" t="s">
        <v>60823</v>
      </c>
      <c r="B43426" t="s">
        <v>60825</v>
      </c>
      <c r="C43426">
        <v>2</v>
      </c>
      <c r="D43426">
        <v>0</v>
      </c>
    </row>
    <row r="43427" spans="1:4" x14ac:dyDescent="0.25">
      <c r="A43427" t="s">
        <v>60826</v>
      </c>
      <c r="B43427" t="s">
        <v>60827</v>
      </c>
      <c r="C43427">
        <v>1</v>
      </c>
      <c r="D43427">
        <v>0</v>
      </c>
    </row>
    <row r="43428" spans="1:4" x14ac:dyDescent="0.25">
      <c r="A43428" t="s">
        <v>60826</v>
      </c>
      <c r="B43428" t="s">
        <v>60828</v>
      </c>
      <c r="C43428">
        <v>1</v>
      </c>
      <c r="D43428">
        <v>0</v>
      </c>
    </row>
    <row r="43429" spans="1:4" x14ac:dyDescent="0.25">
      <c r="A43429" t="s">
        <v>60826</v>
      </c>
      <c r="B43429" t="s">
        <v>60829</v>
      </c>
      <c r="C43429">
        <v>1</v>
      </c>
      <c r="D43429">
        <v>0</v>
      </c>
    </row>
    <row r="43430" spans="1:4" x14ac:dyDescent="0.25">
      <c r="A43430" t="s">
        <v>60826</v>
      </c>
      <c r="B43430" t="s">
        <v>60830</v>
      </c>
      <c r="C43430">
        <v>1</v>
      </c>
      <c r="D43430">
        <v>0</v>
      </c>
    </row>
    <row r="43431" spans="1:4" x14ac:dyDescent="0.25">
      <c r="A43431" t="s">
        <v>60826</v>
      </c>
      <c r="B43431" t="s">
        <v>60831</v>
      </c>
      <c r="C43431">
        <v>0</v>
      </c>
      <c r="D43431">
        <v>0</v>
      </c>
    </row>
    <row r="43432" spans="1:4" x14ac:dyDescent="0.25">
      <c r="A43432" t="s">
        <v>60826</v>
      </c>
      <c r="B43432" t="s">
        <v>60832</v>
      </c>
      <c r="C43432">
        <v>0</v>
      </c>
      <c r="D43432">
        <v>0</v>
      </c>
    </row>
    <row r="43433" spans="1:4" x14ac:dyDescent="0.25">
      <c r="A43433" t="s">
        <v>60826</v>
      </c>
      <c r="B43433" t="s">
        <v>60833</v>
      </c>
      <c r="C43433">
        <v>1</v>
      </c>
      <c r="D43433">
        <v>0</v>
      </c>
    </row>
    <row r="43434" spans="1:4" x14ac:dyDescent="0.25">
      <c r="A43434" t="s">
        <v>60826</v>
      </c>
      <c r="B43434" t="s">
        <v>60834</v>
      </c>
      <c r="C43434">
        <v>0</v>
      </c>
      <c r="D43434">
        <v>0</v>
      </c>
    </row>
    <row r="43435" spans="1:4" x14ac:dyDescent="0.25">
      <c r="A43435" t="s">
        <v>60835</v>
      </c>
      <c r="B43435" t="s">
        <v>60836</v>
      </c>
      <c r="C43435">
        <v>0</v>
      </c>
      <c r="D43435">
        <v>0</v>
      </c>
    </row>
    <row r="43436" spans="1:4" x14ac:dyDescent="0.25">
      <c r="A43436" t="s">
        <v>60835</v>
      </c>
      <c r="B43436" t="s">
        <v>60837</v>
      </c>
      <c r="C43436">
        <v>1</v>
      </c>
      <c r="D43436">
        <v>0</v>
      </c>
    </row>
    <row r="43437" spans="1:4" x14ac:dyDescent="0.25">
      <c r="A43437" t="s">
        <v>60838</v>
      </c>
      <c r="B43437" t="s">
        <v>60839</v>
      </c>
      <c r="C43437">
        <v>0</v>
      </c>
      <c r="D43437">
        <v>0</v>
      </c>
    </row>
    <row r="43438" spans="1:4" x14ac:dyDescent="0.25">
      <c r="A43438" t="s">
        <v>60838</v>
      </c>
      <c r="B43438" t="s">
        <v>60840</v>
      </c>
      <c r="C43438">
        <v>0</v>
      </c>
      <c r="D43438">
        <v>0</v>
      </c>
    </row>
    <row r="43439" spans="1:4" x14ac:dyDescent="0.25">
      <c r="A43439" t="s">
        <v>60841</v>
      </c>
      <c r="B43439" t="s">
        <v>60842</v>
      </c>
      <c r="C43439">
        <v>0</v>
      </c>
      <c r="D43439">
        <v>0</v>
      </c>
    </row>
    <row r="43440" spans="1:4" x14ac:dyDescent="0.25">
      <c r="A43440" t="s">
        <v>60841</v>
      </c>
      <c r="B43440" t="s">
        <v>60843</v>
      </c>
      <c r="C43440">
        <v>0</v>
      </c>
      <c r="D43440">
        <v>0</v>
      </c>
    </row>
    <row r="43441" spans="1:4" x14ac:dyDescent="0.25">
      <c r="A43441" t="s">
        <v>60841</v>
      </c>
      <c r="B43441" t="s">
        <v>60844</v>
      </c>
      <c r="C43441">
        <v>1</v>
      </c>
      <c r="D43441">
        <v>0</v>
      </c>
    </row>
    <row r="43442" spans="1:4" x14ac:dyDescent="0.25">
      <c r="A43442" t="s">
        <v>60841</v>
      </c>
      <c r="B43442" t="s">
        <v>60845</v>
      </c>
      <c r="C43442">
        <v>0</v>
      </c>
      <c r="D43442">
        <v>0</v>
      </c>
    </row>
    <row r="43443" spans="1:4" x14ac:dyDescent="0.25">
      <c r="A43443" t="s">
        <v>60841</v>
      </c>
      <c r="B43443" t="s">
        <v>60846</v>
      </c>
      <c r="C43443">
        <v>2</v>
      </c>
      <c r="D43443">
        <v>0</v>
      </c>
    </row>
    <row r="43444" spans="1:4" x14ac:dyDescent="0.25">
      <c r="A43444" t="s">
        <v>60847</v>
      </c>
      <c r="B43444" t="s">
        <v>60848</v>
      </c>
      <c r="C43444">
        <v>0</v>
      </c>
      <c r="D43444">
        <v>0</v>
      </c>
    </row>
    <row r="43445" spans="1:4" x14ac:dyDescent="0.25">
      <c r="A43445" t="s">
        <v>60847</v>
      </c>
      <c r="B43445" t="s">
        <v>60849</v>
      </c>
      <c r="C43445">
        <v>1</v>
      </c>
      <c r="D43445">
        <v>0</v>
      </c>
    </row>
    <row r="43446" spans="1:4" x14ac:dyDescent="0.25">
      <c r="A43446" t="s">
        <v>60847</v>
      </c>
      <c r="B43446" t="s">
        <v>60850</v>
      </c>
      <c r="C43446">
        <v>1</v>
      </c>
      <c r="D43446">
        <v>0</v>
      </c>
    </row>
    <row r="43447" spans="1:4" x14ac:dyDescent="0.25">
      <c r="A43447" t="s">
        <v>60847</v>
      </c>
      <c r="B43447" t="s">
        <v>60851</v>
      </c>
      <c r="C43447">
        <v>1</v>
      </c>
      <c r="D43447">
        <v>0</v>
      </c>
    </row>
    <row r="43448" spans="1:4" x14ac:dyDescent="0.25">
      <c r="A43448" t="s">
        <v>60847</v>
      </c>
      <c r="B43448" t="s">
        <v>60852</v>
      </c>
      <c r="C43448">
        <v>1</v>
      </c>
      <c r="D43448">
        <v>0</v>
      </c>
    </row>
    <row r="43449" spans="1:4" x14ac:dyDescent="0.25">
      <c r="A43449" t="s">
        <v>60853</v>
      </c>
      <c r="B43449" t="s">
        <v>60854</v>
      </c>
      <c r="C43449">
        <v>0</v>
      </c>
      <c r="D43449">
        <v>0</v>
      </c>
    </row>
    <row r="43450" spans="1:4" x14ac:dyDescent="0.25">
      <c r="A43450" t="s">
        <v>60853</v>
      </c>
      <c r="B43450" t="s">
        <v>60855</v>
      </c>
      <c r="C43450">
        <v>1</v>
      </c>
      <c r="D43450">
        <v>0</v>
      </c>
    </row>
    <row r="43451" spans="1:4" x14ac:dyDescent="0.25">
      <c r="A43451" t="s">
        <v>60856</v>
      </c>
      <c r="B43451" t="s">
        <v>60857</v>
      </c>
      <c r="C43451">
        <v>2</v>
      </c>
      <c r="D43451">
        <v>0</v>
      </c>
    </row>
    <row r="43452" spans="1:4" x14ac:dyDescent="0.25">
      <c r="A43452" t="s">
        <v>60856</v>
      </c>
      <c r="B43452" t="s">
        <v>60858</v>
      </c>
      <c r="C43452">
        <v>1</v>
      </c>
      <c r="D43452">
        <v>0</v>
      </c>
    </row>
    <row r="43453" spans="1:4" x14ac:dyDescent="0.25">
      <c r="A43453" t="s">
        <v>60859</v>
      </c>
      <c r="B43453" t="s">
        <v>60860</v>
      </c>
      <c r="C43453">
        <v>1</v>
      </c>
      <c r="D43453">
        <v>0</v>
      </c>
    </row>
    <row r="43454" spans="1:4" x14ac:dyDescent="0.25">
      <c r="A43454" t="s">
        <v>60859</v>
      </c>
      <c r="B43454" t="s">
        <v>60861</v>
      </c>
      <c r="C43454">
        <v>2</v>
      </c>
      <c r="D43454">
        <v>0</v>
      </c>
    </row>
    <row r="43455" spans="1:4" x14ac:dyDescent="0.25">
      <c r="A43455" t="s">
        <v>60859</v>
      </c>
      <c r="B43455" t="s">
        <v>60862</v>
      </c>
      <c r="C43455">
        <v>1</v>
      </c>
      <c r="D43455">
        <v>0</v>
      </c>
    </row>
    <row r="43456" spans="1:4" x14ac:dyDescent="0.25">
      <c r="A43456" t="s">
        <v>60859</v>
      </c>
      <c r="B43456" t="s">
        <v>60863</v>
      </c>
      <c r="C43456">
        <v>1</v>
      </c>
      <c r="D43456">
        <v>0</v>
      </c>
    </row>
    <row r="43457" spans="1:4" x14ac:dyDescent="0.25">
      <c r="A43457" t="s">
        <v>60859</v>
      </c>
      <c r="B43457" t="s">
        <v>60864</v>
      </c>
      <c r="C43457">
        <v>1</v>
      </c>
      <c r="D43457">
        <v>0</v>
      </c>
    </row>
    <row r="43458" spans="1:4" x14ac:dyDescent="0.25">
      <c r="A43458" t="s">
        <v>60859</v>
      </c>
      <c r="B43458" t="s">
        <v>60865</v>
      </c>
      <c r="C43458">
        <v>0</v>
      </c>
      <c r="D43458">
        <v>0</v>
      </c>
    </row>
    <row r="43459" spans="1:4" x14ac:dyDescent="0.25">
      <c r="A43459" t="s">
        <v>60866</v>
      </c>
      <c r="B43459" t="s">
        <v>60867</v>
      </c>
      <c r="C43459">
        <v>1</v>
      </c>
      <c r="D43459">
        <v>0</v>
      </c>
    </row>
    <row r="43460" spans="1:4" x14ac:dyDescent="0.25">
      <c r="A43460" t="s">
        <v>60866</v>
      </c>
      <c r="B43460" t="s">
        <v>60868</v>
      </c>
      <c r="C43460">
        <v>1</v>
      </c>
      <c r="D43460">
        <v>0</v>
      </c>
    </row>
    <row r="43461" spans="1:4" x14ac:dyDescent="0.25">
      <c r="A43461" t="s">
        <v>60869</v>
      </c>
      <c r="B43461" t="s">
        <v>60870</v>
      </c>
      <c r="C43461">
        <v>1</v>
      </c>
      <c r="D43461">
        <v>0</v>
      </c>
    </row>
    <row r="43462" spans="1:4" x14ac:dyDescent="0.25">
      <c r="A43462" t="s">
        <v>60869</v>
      </c>
      <c r="B43462" t="s">
        <v>60871</v>
      </c>
      <c r="C43462">
        <v>1</v>
      </c>
      <c r="D43462">
        <v>0</v>
      </c>
    </row>
    <row r="43463" spans="1:4" x14ac:dyDescent="0.25">
      <c r="A43463" t="s">
        <v>60869</v>
      </c>
      <c r="B43463" t="s">
        <v>60872</v>
      </c>
      <c r="C43463">
        <v>1</v>
      </c>
      <c r="D43463">
        <v>0</v>
      </c>
    </row>
    <row r="43464" spans="1:4" x14ac:dyDescent="0.25">
      <c r="A43464" t="s">
        <v>60873</v>
      </c>
      <c r="B43464" t="s">
        <v>60874</v>
      </c>
      <c r="C43464">
        <v>1</v>
      </c>
      <c r="D43464">
        <v>0</v>
      </c>
    </row>
    <row r="43465" spans="1:4" x14ac:dyDescent="0.25">
      <c r="A43465" t="s">
        <v>60873</v>
      </c>
      <c r="B43465" t="s">
        <v>60875</v>
      </c>
      <c r="C43465">
        <v>1</v>
      </c>
      <c r="D43465">
        <v>0</v>
      </c>
    </row>
    <row r="43466" spans="1:4" x14ac:dyDescent="0.25">
      <c r="A43466" t="s">
        <v>60876</v>
      </c>
      <c r="B43466" t="s">
        <v>60877</v>
      </c>
      <c r="C43466">
        <v>1</v>
      </c>
      <c r="D43466">
        <v>0</v>
      </c>
    </row>
    <row r="43467" spans="1:4" x14ac:dyDescent="0.25">
      <c r="A43467" t="s">
        <v>60876</v>
      </c>
      <c r="B43467" t="s">
        <v>60878</v>
      </c>
      <c r="C43467">
        <v>1</v>
      </c>
      <c r="D43467">
        <v>0</v>
      </c>
    </row>
    <row r="43468" spans="1:4" x14ac:dyDescent="0.25">
      <c r="A43468" t="s">
        <v>60876</v>
      </c>
      <c r="B43468" t="s">
        <v>60879</v>
      </c>
      <c r="C43468">
        <v>1</v>
      </c>
      <c r="D43468">
        <v>0</v>
      </c>
    </row>
    <row r="43469" spans="1:4" x14ac:dyDescent="0.25">
      <c r="A43469" t="s">
        <v>60876</v>
      </c>
      <c r="B43469" t="s">
        <v>60880</v>
      </c>
      <c r="C43469">
        <v>0</v>
      </c>
      <c r="D43469">
        <v>0</v>
      </c>
    </row>
    <row r="43470" spans="1:4" x14ac:dyDescent="0.25">
      <c r="A43470" t="s">
        <v>60876</v>
      </c>
      <c r="B43470" t="s">
        <v>60881</v>
      </c>
      <c r="C43470">
        <v>2</v>
      </c>
      <c r="D43470">
        <v>0</v>
      </c>
    </row>
    <row r="43471" spans="1:4" x14ac:dyDescent="0.25">
      <c r="A43471" t="s">
        <v>60876</v>
      </c>
      <c r="B43471" t="s">
        <v>60882</v>
      </c>
      <c r="C43471">
        <v>1</v>
      </c>
      <c r="D43471">
        <v>0</v>
      </c>
    </row>
    <row r="43472" spans="1:4" x14ac:dyDescent="0.25">
      <c r="A43472" t="s">
        <v>60883</v>
      </c>
      <c r="B43472" t="s">
        <v>60884</v>
      </c>
      <c r="C43472">
        <v>0</v>
      </c>
      <c r="D43472">
        <v>0</v>
      </c>
    </row>
    <row r="43473" spans="1:4" x14ac:dyDescent="0.25">
      <c r="A43473" t="s">
        <v>60885</v>
      </c>
      <c r="B43473" t="s">
        <v>52883</v>
      </c>
      <c r="C43473">
        <v>1</v>
      </c>
      <c r="D43473">
        <v>0</v>
      </c>
    </row>
    <row r="43474" spans="1:4" x14ac:dyDescent="0.25">
      <c r="A43474" t="s">
        <v>60886</v>
      </c>
      <c r="B43474" t="s">
        <v>60887</v>
      </c>
      <c r="C43474">
        <v>1</v>
      </c>
      <c r="D43474">
        <v>0</v>
      </c>
    </row>
    <row r="43475" spans="1:4" x14ac:dyDescent="0.25">
      <c r="A43475" t="s">
        <v>60886</v>
      </c>
      <c r="B43475" t="s">
        <v>60888</v>
      </c>
      <c r="C43475">
        <v>1</v>
      </c>
      <c r="D43475">
        <v>0</v>
      </c>
    </row>
    <row r="43476" spans="1:4" x14ac:dyDescent="0.25">
      <c r="A43476" t="s">
        <v>60886</v>
      </c>
      <c r="B43476" t="s">
        <v>60889</v>
      </c>
      <c r="C43476">
        <v>1</v>
      </c>
      <c r="D43476">
        <v>0</v>
      </c>
    </row>
    <row r="43477" spans="1:4" x14ac:dyDescent="0.25">
      <c r="A43477" t="s">
        <v>60886</v>
      </c>
      <c r="B43477" t="s">
        <v>60890</v>
      </c>
      <c r="C43477">
        <v>1</v>
      </c>
      <c r="D43477">
        <v>0</v>
      </c>
    </row>
    <row r="43478" spans="1:4" x14ac:dyDescent="0.25">
      <c r="A43478" t="s">
        <v>60886</v>
      </c>
      <c r="B43478" t="s">
        <v>1655</v>
      </c>
      <c r="C43478">
        <v>1</v>
      </c>
      <c r="D43478">
        <v>0</v>
      </c>
    </row>
    <row r="43479" spans="1:4" x14ac:dyDescent="0.25">
      <c r="A43479" t="s">
        <v>60891</v>
      </c>
      <c r="B43479" t="s">
        <v>60892</v>
      </c>
      <c r="C43479">
        <v>0</v>
      </c>
      <c r="D43479">
        <v>0</v>
      </c>
    </row>
    <row r="43480" spans="1:4" x14ac:dyDescent="0.25">
      <c r="A43480" t="s">
        <v>60891</v>
      </c>
      <c r="B43480" t="s">
        <v>60893</v>
      </c>
      <c r="C43480">
        <v>1</v>
      </c>
      <c r="D43480">
        <v>0</v>
      </c>
    </row>
    <row r="43481" spans="1:4" x14ac:dyDescent="0.25">
      <c r="A43481" t="s">
        <v>60891</v>
      </c>
      <c r="B43481" t="s">
        <v>60894</v>
      </c>
      <c r="C43481">
        <v>0</v>
      </c>
      <c r="D43481">
        <v>0</v>
      </c>
    </row>
    <row r="43482" spans="1:4" x14ac:dyDescent="0.25">
      <c r="A43482" t="s">
        <v>60895</v>
      </c>
      <c r="B43482" t="s">
        <v>60896</v>
      </c>
      <c r="C43482">
        <v>1</v>
      </c>
      <c r="D43482">
        <v>0</v>
      </c>
    </row>
    <row r="43483" spans="1:4" x14ac:dyDescent="0.25">
      <c r="A43483" t="s">
        <v>60895</v>
      </c>
      <c r="B43483" t="s">
        <v>60897</v>
      </c>
      <c r="C43483">
        <v>1</v>
      </c>
      <c r="D43483">
        <v>0</v>
      </c>
    </row>
    <row r="43484" spans="1:4" x14ac:dyDescent="0.25">
      <c r="A43484" t="s">
        <v>60895</v>
      </c>
      <c r="B43484" t="s">
        <v>60898</v>
      </c>
      <c r="C43484">
        <v>2</v>
      </c>
      <c r="D43484">
        <v>0</v>
      </c>
    </row>
    <row r="43485" spans="1:4" x14ac:dyDescent="0.25">
      <c r="A43485" t="s">
        <v>60895</v>
      </c>
      <c r="B43485" t="s">
        <v>60899</v>
      </c>
      <c r="C43485">
        <v>1</v>
      </c>
      <c r="D43485">
        <v>0</v>
      </c>
    </row>
    <row r="43486" spans="1:4" x14ac:dyDescent="0.25">
      <c r="A43486" t="s">
        <v>60895</v>
      </c>
      <c r="B43486" t="s">
        <v>60900</v>
      </c>
      <c r="C43486">
        <v>1</v>
      </c>
      <c r="D43486">
        <v>0</v>
      </c>
    </row>
    <row r="43487" spans="1:4" x14ac:dyDescent="0.25">
      <c r="A43487" t="s">
        <v>60901</v>
      </c>
      <c r="B43487" t="s">
        <v>60902</v>
      </c>
      <c r="C43487">
        <v>0</v>
      </c>
      <c r="D43487">
        <v>0</v>
      </c>
    </row>
    <row r="43488" spans="1:4" x14ac:dyDescent="0.25">
      <c r="A43488" t="s">
        <v>60903</v>
      </c>
      <c r="B43488" t="s">
        <v>60904</v>
      </c>
      <c r="C43488">
        <v>1</v>
      </c>
      <c r="D43488">
        <v>0</v>
      </c>
    </row>
    <row r="43489" spans="1:4" x14ac:dyDescent="0.25">
      <c r="A43489" t="s">
        <v>60903</v>
      </c>
      <c r="B43489" t="s">
        <v>60905</v>
      </c>
      <c r="C43489">
        <v>2</v>
      </c>
      <c r="D43489">
        <v>0</v>
      </c>
    </row>
    <row r="43490" spans="1:4" x14ac:dyDescent="0.25">
      <c r="A43490" t="s">
        <v>60903</v>
      </c>
      <c r="B43490" t="s">
        <v>60906</v>
      </c>
      <c r="C43490">
        <v>1</v>
      </c>
      <c r="D43490">
        <v>0</v>
      </c>
    </row>
    <row r="43491" spans="1:4" x14ac:dyDescent="0.25">
      <c r="A43491" t="s">
        <v>60903</v>
      </c>
      <c r="B43491" t="s">
        <v>60907</v>
      </c>
      <c r="C43491">
        <v>2</v>
      </c>
      <c r="D43491">
        <v>0</v>
      </c>
    </row>
    <row r="43492" spans="1:4" x14ac:dyDescent="0.25">
      <c r="A43492" t="s">
        <v>60903</v>
      </c>
      <c r="B43492" t="s">
        <v>60908</v>
      </c>
      <c r="C43492">
        <v>1</v>
      </c>
      <c r="D43492">
        <v>0</v>
      </c>
    </row>
    <row r="43493" spans="1:4" x14ac:dyDescent="0.25">
      <c r="A43493" t="s">
        <v>60903</v>
      </c>
      <c r="B43493" t="s">
        <v>60909</v>
      </c>
      <c r="C43493">
        <v>1</v>
      </c>
      <c r="D43493">
        <v>0</v>
      </c>
    </row>
    <row r="43494" spans="1:4" x14ac:dyDescent="0.25">
      <c r="A43494" t="s">
        <v>60903</v>
      </c>
      <c r="B43494" t="s">
        <v>2061</v>
      </c>
      <c r="C43494">
        <v>0</v>
      </c>
      <c r="D43494">
        <v>0</v>
      </c>
    </row>
    <row r="43495" spans="1:4" x14ac:dyDescent="0.25">
      <c r="A43495" t="s">
        <v>60910</v>
      </c>
      <c r="B43495" t="s">
        <v>2651</v>
      </c>
      <c r="C43495">
        <v>0</v>
      </c>
      <c r="D43495">
        <v>0</v>
      </c>
    </row>
    <row r="43496" spans="1:4" x14ac:dyDescent="0.25">
      <c r="A43496" t="s">
        <v>60910</v>
      </c>
      <c r="B43496" t="s">
        <v>60911</v>
      </c>
      <c r="C43496">
        <v>1</v>
      </c>
      <c r="D43496">
        <v>0</v>
      </c>
    </row>
    <row r="43497" spans="1:4" x14ac:dyDescent="0.25">
      <c r="A43497" t="s">
        <v>60910</v>
      </c>
      <c r="B43497" t="s">
        <v>60912</v>
      </c>
      <c r="C43497">
        <v>1</v>
      </c>
      <c r="D43497">
        <v>0</v>
      </c>
    </row>
    <row r="43498" spans="1:4" x14ac:dyDescent="0.25">
      <c r="A43498" t="s">
        <v>60910</v>
      </c>
      <c r="B43498" t="s">
        <v>60913</v>
      </c>
      <c r="C43498">
        <v>0</v>
      </c>
      <c r="D43498">
        <v>0</v>
      </c>
    </row>
    <row r="43499" spans="1:4" x14ac:dyDescent="0.25">
      <c r="A43499" t="s">
        <v>60910</v>
      </c>
      <c r="B43499" t="s">
        <v>60914</v>
      </c>
      <c r="C43499">
        <v>2</v>
      </c>
      <c r="D43499">
        <v>0</v>
      </c>
    </row>
    <row r="43500" spans="1:4" x14ac:dyDescent="0.25">
      <c r="A43500" t="s">
        <v>60910</v>
      </c>
      <c r="B43500" t="s">
        <v>60915</v>
      </c>
      <c r="C43500">
        <v>1</v>
      </c>
      <c r="D43500">
        <v>0</v>
      </c>
    </row>
    <row r="43501" spans="1:4" x14ac:dyDescent="0.25">
      <c r="A43501" t="s">
        <v>60916</v>
      </c>
      <c r="B43501" t="s">
        <v>60917</v>
      </c>
      <c r="C43501">
        <v>1</v>
      </c>
      <c r="D43501">
        <v>0</v>
      </c>
    </row>
    <row r="43502" spans="1:4" x14ac:dyDescent="0.25">
      <c r="A43502" t="s">
        <v>60918</v>
      </c>
      <c r="B43502" t="s">
        <v>60919</v>
      </c>
      <c r="C43502">
        <v>2</v>
      </c>
      <c r="D43502">
        <v>0</v>
      </c>
    </row>
    <row r="43503" spans="1:4" x14ac:dyDescent="0.25">
      <c r="A43503" t="s">
        <v>60918</v>
      </c>
      <c r="B43503" t="s">
        <v>60920</v>
      </c>
      <c r="C43503">
        <v>0</v>
      </c>
      <c r="D43503">
        <v>0</v>
      </c>
    </row>
    <row r="43504" spans="1:4" x14ac:dyDescent="0.25">
      <c r="A43504" t="s">
        <v>60918</v>
      </c>
      <c r="B43504" t="s">
        <v>60921</v>
      </c>
      <c r="C43504">
        <v>2</v>
      </c>
      <c r="D43504">
        <v>0</v>
      </c>
    </row>
    <row r="43505" spans="1:4" x14ac:dyDescent="0.25">
      <c r="A43505" t="s">
        <v>60918</v>
      </c>
      <c r="B43505" t="s">
        <v>60922</v>
      </c>
      <c r="C43505">
        <v>2</v>
      </c>
      <c r="D43505">
        <v>0</v>
      </c>
    </row>
    <row r="43506" spans="1:4" x14ac:dyDescent="0.25">
      <c r="A43506" t="s">
        <v>60918</v>
      </c>
      <c r="B43506" t="s">
        <v>60923</v>
      </c>
      <c r="C43506">
        <v>2</v>
      </c>
      <c r="D43506">
        <v>0</v>
      </c>
    </row>
    <row r="43507" spans="1:4" x14ac:dyDescent="0.25">
      <c r="A43507" t="s">
        <v>60918</v>
      </c>
      <c r="B43507" t="s">
        <v>60924</v>
      </c>
      <c r="C43507">
        <v>0</v>
      </c>
      <c r="D43507">
        <v>0</v>
      </c>
    </row>
    <row r="43508" spans="1:4" x14ac:dyDescent="0.25">
      <c r="A43508" t="s">
        <v>60925</v>
      </c>
      <c r="B43508" t="s">
        <v>5713</v>
      </c>
      <c r="C43508">
        <v>1</v>
      </c>
      <c r="D43508">
        <v>0</v>
      </c>
    </row>
    <row r="43509" spans="1:4" x14ac:dyDescent="0.25">
      <c r="A43509" t="s">
        <v>60925</v>
      </c>
      <c r="B43509" t="s">
        <v>60926</v>
      </c>
      <c r="C43509">
        <v>1</v>
      </c>
      <c r="D43509">
        <v>0</v>
      </c>
    </row>
    <row r="43510" spans="1:4" x14ac:dyDescent="0.25">
      <c r="A43510" t="s">
        <v>60925</v>
      </c>
      <c r="B43510" t="s">
        <v>5713</v>
      </c>
      <c r="C43510">
        <v>1</v>
      </c>
      <c r="D43510">
        <v>0</v>
      </c>
    </row>
    <row r="43511" spans="1:4" x14ac:dyDescent="0.25">
      <c r="A43511" t="s">
        <v>60925</v>
      </c>
      <c r="B43511" t="s">
        <v>60927</v>
      </c>
      <c r="C43511">
        <v>1</v>
      </c>
      <c r="D43511">
        <v>0</v>
      </c>
    </row>
    <row r="43512" spans="1:4" x14ac:dyDescent="0.25">
      <c r="A43512" t="s">
        <v>60925</v>
      </c>
      <c r="B43512" t="s">
        <v>60928</v>
      </c>
      <c r="C43512">
        <v>1</v>
      </c>
      <c r="D43512">
        <v>0</v>
      </c>
    </row>
    <row r="43513" spans="1:4" x14ac:dyDescent="0.25">
      <c r="A43513" t="s">
        <v>60925</v>
      </c>
      <c r="B43513" t="s">
        <v>60929</v>
      </c>
      <c r="C43513">
        <v>0</v>
      </c>
      <c r="D43513">
        <v>0</v>
      </c>
    </row>
    <row r="43514" spans="1:4" x14ac:dyDescent="0.25">
      <c r="A43514" t="s">
        <v>60930</v>
      </c>
      <c r="B43514" t="s">
        <v>60931</v>
      </c>
      <c r="C43514">
        <v>0</v>
      </c>
      <c r="D43514">
        <v>0</v>
      </c>
    </row>
    <row r="43515" spans="1:4" x14ac:dyDescent="0.25">
      <c r="A43515" t="s">
        <v>60932</v>
      </c>
      <c r="B43515" t="s">
        <v>60933</v>
      </c>
      <c r="C43515">
        <v>1</v>
      </c>
      <c r="D43515">
        <v>0</v>
      </c>
    </row>
    <row r="43516" spans="1:4" x14ac:dyDescent="0.25">
      <c r="A43516" t="s">
        <v>60932</v>
      </c>
      <c r="B43516" t="s">
        <v>60934</v>
      </c>
      <c r="C43516">
        <v>1</v>
      </c>
      <c r="D43516">
        <v>0</v>
      </c>
    </row>
    <row r="43517" spans="1:4" x14ac:dyDescent="0.25">
      <c r="A43517" t="s">
        <v>60935</v>
      </c>
      <c r="B43517" t="s">
        <v>2825</v>
      </c>
      <c r="C43517">
        <v>1</v>
      </c>
      <c r="D43517">
        <v>0</v>
      </c>
    </row>
    <row r="43518" spans="1:4" x14ac:dyDescent="0.25">
      <c r="A43518" t="s">
        <v>60935</v>
      </c>
      <c r="B43518" t="s">
        <v>60936</v>
      </c>
      <c r="C43518">
        <v>2</v>
      </c>
      <c r="D43518">
        <v>0</v>
      </c>
    </row>
    <row r="43519" spans="1:4" x14ac:dyDescent="0.25">
      <c r="A43519" t="s">
        <v>60937</v>
      </c>
      <c r="B43519" t="s">
        <v>60938</v>
      </c>
      <c r="C43519">
        <v>1</v>
      </c>
      <c r="D43519">
        <v>0</v>
      </c>
    </row>
    <row r="43520" spans="1:4" x14ac:dyDescent="0.25">
      <c r="A43520" t="s">
        <v>60937</v>
      </c>
      <c r="B43520" t="s">
        <v>60939</v>
      </c>
      <c r="C43520">
        <v>2</v>
      </c>
      <c r="D43520">
        <v>0</v>
      </c>
    </row>
    <row r="43521" spans="1:4" x14ac:dyDescent="0.25">
      <c r="A43521" t="s">
        <v>60937</v>
      </c>
      <c r="B43521" t="s">
        <v>60940</v>
      </c>
      <c r="C43521">
        <v>0</v>
      </c>
      <c r="D43521">
        <v>0</v>
      </c>
    </row>
    <row r="43522" spans="1:4" x14ac:dyDescent="0.25">
      <c r="A43522" t="s">
        <v>60937</v>
      </c>
      <c r="B43522" t="s">
        <v>60941</v>
      </c>
      <c r="C43522">
        <v>0</v>
      </c>
      <c r="D43522">
        <v>0</v>
      </c>
    </row>
    <row r="43523" spans="1:4" x14ac:dyDescent="0.25">
      <c r="A43523" t="s">
        <v>60937</v>
      </c>
      <c r="B43523" t="s">
        <v>60942</v>
      </c>
      <c r="C43523">
        <v>0</v>
      </c>
      <c r="D43523">
        <v>0</v>
      </c>
    </row>
    <row r="43524" spans="1:4" x14ac:dyDescent="0.25">
      <c r="A43524" t="s">
        <v>60937</v>
      </c>
      <c r="B43524" t="s">
        <v>60943</v>
      </c>
      <c r="C43524">
        <v>0</v>
      </c>
      <c r="D43524">
        <v>0</v>
      </c>
    </row>
    <row r="43525" spans="1:4" x14ac:dyDescent="0.25">
      <c r="A43525" t="s">
        <v>60944</v>
      </c>
      <c r="B43525" t="s">
        <v>60945</v>
      </c>
      <c r="C43525">
        <v>1</v>
      </c>
      <c r="D43525">
        <v>0</v>
      </c>
    </row>
    <row r="43526" spans="1:4" x14ac:dyDescent="0.25">
      <c r="A43526" t="s">
        <v>60944</v>
      </c>
      <c r="B43526" t="s">
        <v>60946</v>
      </c>
      <c r="C43526">
        <v>1</v>
      </c>
      <c r="D43526">
        <v>0</v>
      </c>
    </row>
    <row r="43527" spans="1:4" x14ac:dyDescent="0.25">
      <c r="A43527" t="s">
        <v>60944</v>
      </c>
      <c r="B43527" t="s">
        <v>60947</v>
      </c>
      <c r="C43527">
        <v>1</v>
      </c>
      <c r="D43527">
        <v>0</v>
      </c>
    </row>
    <row r="43528" spans="1:4" x14ac:dyDescent="0.25">
      <c r="A43528" t="s">
        <v>60944</v>
      </c>
      <c r="B43528" t="s">
        <v>60948</v>
      </c>
      <c r="C43528">
        <v>1</v>
      </c>
      <c r="D43528">
        <v>0</v>
      </c>
    </row>
    <row r="43529" spans="1:4" x14ac:dyDescent="0.25">
      <c r="A43529" t="s">
        <v>60944</v>
      </c>
      <c r="B43529" t="s">
        <v>60949</v>
      </c>
      <c r="C43529">
        <v>1</v>
      </c>
      <c r="D43529">
        <v>0</v>
      </c>
    </row>
    <row r="43530" spans="1:4" x14ac:dyDescent="0.25">
      <c r="A43530" t="s">
        <v>60944</v>
      </c>
      <c r="B43530" t="s">
        <v>60950</v>
      </c>
      <c r="C43530">
        <v>0</v>
      </c>
      <c r="D43530">
        <v>0</v>
      </c>
    </row>
    <row r="43531" spans="1:4" x14ac:dyDescent="0.25">
      <c r="A43531" t="s">
        <v>60951</v>
      </c>
      <c r="B43531" t="s">
        <v>60952</v>
      </c>
      <c r="C43531">
        <v>1</v>
      </c>
      <c r="D43531">
        <v>0</v>
      </c>
    </row>
    <row r="43532" spans="1:4" x14ac:dyDescent="0.25">
      <c r="A43532" t="s">
        <v>60951</v>
      </c>
      <c r="B43532" t="s">
        <v>60953</v>
      </c>
      <c r="C43532">
        <v>1</v>
      </c>
      <c r="D43532">
        <v>0</v>
      </c>
    </row>
    <row r="43533" spans="1:4" x14ac:dyDescent="0.25">
      <c r="A43533" t="s">
        <v>60951</v>
      </c>
      <c r="B43533" t="s">
        <v>5713</v>
      </c>
      <c r="C43533">
        <v>1</v>
      </c>
      <c r="D43533">
        <v>0</v>
      </c>
    </row>
    <row r="43534" spans="1:4" x14ac:dyDescent="0.25">
      <c r="A43534" t="s">
        <v>60951</v>
      </c>
      <c r="B43534" t="s">
        <v>60954</v>
      </c>
      <c r="C43534">
        <v>1</v>
      </c>
      <c r="D43534">
        <v>0</v>
      </c>
    </row>
    <row r="43535" spans="1:4" x14ac:dyDescent="0.25">
      <c r="A43535" t="s">
        <v>60951</v>
      </c>
      <c r="B43535" t="s">
        <v>60955</v>
      </c>
      <c r="C43535">
        <v>1</v>
      </c>
      <c r="D43535">
        <v>0</v>
      </c>
    </row>
    <row r="43536" spans="1:4" x14ac:dyDescent="0.25">
      <c r="A43536" t="s">
        <v>60956</v>
      </c>
      <c r="B43536" t="s">
        <v>60957</v>
      </c>
      <c r="C43536">
        <v>1</v>
      </c>
      <c r="D43536">
        <v>0</v>
      </c>
    </row>
    <row r="43537" spans="1:4" x14ac:dyDescent="0.25">
      <c r="A43537" t="s">
        <v>60956</v>
      </c>
      <c r="B43537" t="s">
        <v>60958</v>
      </c>
      <c r="C43537">
        <v>1</v>
      </c>
      <c r="D43537">
        <v>0</v>
      </c>
    </row>
    <row r="43538" spans="1:4" x14ac:dyDescent="0.25">
      <c r="A43538" t="s">
        <v>60956</v>
      </c>
      <c r="B43538" t="s">
        <v>60959</v>
      </c>
      <c r="C43538">
        <v>1</v>
      </c>
      <c r="D43538">
        <v>0</v>
      </c>
    </row>
    <row r="43539" spans="1:4" x14ac:dyDescent="0.25">
      <c r="A43539" t="s">
        <v>60956</v>
      </c>
      <c r="B43539" t="s">
        <v>60960</v>
      </c>
      <c r="C43539">
        <v>1</v>
      </c>
      <c r="D43539">
        <v>0</v>
      </c>
    </row>
    <row r="43540" spans="1:4" x14ac:dyDescent="0.25">
      <c r="A43540" t="s">
        <v>60956</v>
      </c>
      <c r="B43540" t="s">
        <v>2865</v>
      </c>
      <c r="C43540">
        <v>1</v>
      </c>
      <c r="D43540">
        <v>0</v>
      </c>
    </row>
    <row r="43541" spans="1:4" x14ac:dyDescent="0.25">
      <c r="A43541" t="s">
        <v>60961</v>
      </c>
      <c r="B43541" t="s">
        <v>60962</v>
      </c>
      <c r="C43541">
        <v>1</v>
      </c>
      <c r="D43541">
        <v>0</v>
      </c>
    </row>
    <row r="43542" spans="1:4" x14ac:dyDescent="0.25">
      <c r="A43542" t="s">
        <v>60961</v>
      </c>
      <c r="B43542" t="s">
        <v>60963</v>
      </c>
      <c r="C43542">
        <v>1</v>
      </c>
      <c r="D43542">
        <v>0</v>
      </c>
    </row>
    <row r="43543" spans="1:4" x14ac:dyDescent="0.25">
      <c r="A43543" t="s">
        <v>60961</v>
      </c>
      <c r="B43543" t="s">
        <v>60964</v>
      </c>
      <c r="C43543">
        <v>1</v>
      </c>
      <c r="D43543">
        <v>0</v>
      </c>
    </row>
    <row r="43544" spans="1:4" x14ac:dyDescent="0.25">
      <c r="A43544" t="s">
        <v>60961</v>
      </c>
      <c r="B43544" t="s">
        <v>60965</v>
      </c>
      <c r="C43544">
        <v>1</v>
      </c>
      <c r="D43544">
        <v>0</v>
      </c>
    </row>
    <row r="43545" spans="1:4" x14ac:dyDescent="0.25">
      <c r="A43545" t="s">
        <v>60961</v>
      </c>
      <c r="B43545" t="s">
        <v>60966</v>
      </c>
      <c r="C43545">
        <v>1</v>
      </c>
      <c r="D43545">
        <v>0</v>
      </c>
    </row>
    <row r="43546" spans="1:4" x14ac:dyDescent="0.25">
      <c r="A43546" t="s">
        <v>60967</v>
      </c>
      <c r="B43546" t="s">
        <v>60968</v>
      </c>
      <c r="C43546">
        <v>0</v>
      </c>
      <c r="D43546">
        <v>0</v>
      </c>
    </row>
    <row r="43547" spans="1:4" x14ac:dyDescent="0.25">
      <c r="A43547" t="s">
        <v>60969</v>
      </c>
      <c r="B43547" t="s">
        <v>60970</v>
      </c>
      <c r="C43547">
        <v>1</v>
      </c>
      <c r="D43547">
        <v>0</v>
      </c>
    </row>
    <row r="43548" spans="1:4" x14ac:dyDescent="0.25">
      <c r="A43548" t="s">
        <v>60969</v>
      </c>
      <c r="B43548" t="s">
        <v>3173</v>
      </c>
      <c r="C43548">
        <v>1</v>
      </c>
      <c r="D43548">
        <v>0</v>
      </c>
    </row>
    <row r="43549" spans="1:4" x14ac:dyDescent="0.25">
      <c r="A43549" t="s">
        <v>60969</v>
      </c>
      <c r="B43549" t="s">
        <v>60971</v>
      </c>
      <c r="C43549">
        <v>1</v>
      </c>
      <c r="D43549">
        <v>0</v>
      </c>
    </row>
    <row r="43550" spans="1:4" x14ac:dyDescent="0.25">
      <c r="A43550" t="s">
        <v>60969</v>
      </c>
      <c r="B43550" t="s">
        <v>60972</v>
      </c>
      <c r="C43550">
        <v>1</v>
      </c>
      <c r="D43550">
        <v>0</v>
      </c>
    </row>
    <row r="43551" spans="1:4" x14ac:dyDescent="0.25">
      <c r="A43551" t="s">
        <v>60973</v>
      </c>
      <c r="B43551" t="s">
        <v>60974</v>
      </c>
      <c r="C43551">
        <v>1</v>
      </c>
      <c r="D43551">
        <v>0</v>
      </c>
    </row>
    <row r="43552" spans="1:4" x14ac:dyDescent="0.25">
      <c r="A43552" t="s">
        <v>60973</v>
      </c>
      <c r="B43552" t="s">
        <v>60975</v>
      </c>
      <c r="C43552">
        <v>1</v>
      </c>
      <c r="D43552">
        <v>0</v>
      </c>
    </row>
    <row r="43553" spans="1:4" x14ac:dyDescent="0.25">
      <c r="A43553" t="s">
        <v>60973</v>
      </c>
      <c r="B43553" t="s">
        <v>60976</v>
      </c>
      <c r="C43553">
        <v>1</v>
      </c>
      <c r="D43553">
        <v>0</v>
      </c>
    </row>
    <row r="43554" spans="1:4" x14ac:dyDescent="0.25">
      <c r="A43554" t="s">
        <v>60973</v>
      </c>
      <c r="B43554" t="s">
        <v>60977</v>
      </c>
      <c r="C43554">
        <v>1</v>
      </c>
      <c r="D43554">
        <v>0</v>
      </c>
    </row>
    <row r="43555" spans="1:4" x14ac:dyDescent="0.25">
      <c r="A43555" t="s">
        <v>60973</v>
      </c>
      <c r="B43555" t="s">
        <v>60978</v>
      </c>
      <c r="C43555">
        <v>1</v>
      </c>
      <c r="D43555">
        <v>0</v>
      </c>
    </row>
    <row r="43556" spans="1:4" x14ac:dyDescent="0.25">
      <c r="A43556" t="s">
        <v>60973</v>
      </c>
      <c r="B43556" t="s">
        <v>60979</v>
      </c>
      <c r="C43556">
        <v>1</v>
      </c>
      <c r="D43556">
        <v>0</v>
      </c>
    </row>
    <row r="43557" spans="1:4" x14ac:dyDescent="0.25">
      <c r="A43557" t="s">
        <v>60973</v>
      </c>
      <c r="B43557" t="s">
        <v>60980</v>
      </c>
      <c r="C43557">
        <v>1</v>
      </c>
      <c r="D43557">
        <v>0</v>
      </c>
    </row>
    <row r="43558" spans="1:4" x14ac:dyDescent="0.25">
      <c r="A43558" t="s">
        <v>60973</v>
      </c>
      <c r="B43558" t="s">
        <v>60981</v>
      </c>
      <c r="C43558">
        <v>0</v>
      </c>
      <c r="D43558">
        <v>0</v>
      </c>
    </row>
    <row r="43559" spans="1:4" x14ac:dyDescent="0.25">
      <c r="A43559" t="s">
        <v>60973</v>
      </c>
      <c r="B43559" t="s">
        <v>60982</v>
      </c>
      <c r="C43559">
        <v>1</v>
      </c>
      <c r="D43559">
        <v>0</v>
      </c>
    </row>
    <row r="43560" spans="1:4" x14ac:dyDescent="0.25">
      <c r="A43560" t="s">
        <v>60973</v>
      </c>
      <c r="B43560" t="s">
        <v>60983</v>
      </c>
      <c r="C43560">
        <v>0</v>
      </c>
      <c r="D43560">
        <v>0</v>
      </c>
    </row>
    <row r="43561" spans="1:4" x14ac:dyDescent="0.25">
      <c r="A43561" t="s">
        <v>60973</v>
      </c>
      <c r="B43561" t="s">
        <v>60984</v>
      </c>
      <c r="C43561">
        <v>2</v>
      </c>
      <c r="D43561">
        <v>0</v>
      </c>
    </row>
    <row r="43562" spans="1:4" x14ac:dyDescent="0.25">
      <c r="A43562" t="s">
        <v>60985</v>
      </c>
      <c r="B43562" t="s">
        <v>60986</v>
      </c>
      <c r="C43562">
        <v>0</v>
      </c>
      <c r="D43562">
        <v>0</v>
      </c>
    </row>
    <row r="43563" spans="1:4" x14ac:dyDescent="0.25">
      <c r="A43563" t="s">
        <v>60985</v>
      </c>
      <c r="B43563" t="s">
        <v>60987</v>
      </c>
      <c r="C43563">
        <v>2</v>
      </c>
      <c r="D43563">
        <v>0</v>
      </c>
    </row>
    <row r="43564" spans="1:4" x14ac:dyDescent="0.25">
      <c r="A43564" t="s">
        <v>60985</v>
      </c>
      <c r="B43564" t="s">
        <v>60988</v>
      </c>
      <c r="C43564">
        <v>2</v>
      </c>
      <c r="D43564">
        <v>0</v>
      </c>
    </row>
    <row r="43565" spans="1:4" x14ac:dyDescent="0.25">
      <c r="A43565" t="s">
        <v>60989</v>
      </c>
      <c r="B43565" t="s">
        <v>60990</v>
      </c>
      <c r="C43565">
        <v>1</v>
      </c>
      <c r="D43565">
        <v>0</v>
      </c>
    </row>
    <row r="43566" spans="1:4" x14ac:dyDescent="0.25">
      <c r="A43566" t="s">
        <v>60989</v>
      </c>
      <c r="B43566" t="s">
        <v>60991</v>
      </c>
      <c r="C43566">
        <v>0</v>
      </c>
      <c r="D43566">
        <v>0</v>
      </c>
    </row>
    <row r="43567" spans="1:4" x14ac:dyDescent="0.25">
      <c r="A43567" t="s">
        <v>60989</v>
      </c>
      <c r="B43567" t="s">
        <v>60992</v>
      </c>
      <c r="C43567">
        <v>0</v>
      </c>
      <c r="D43567">
        <v>0</v>
      </c>
    </row>
    <row r="43568" spans="1:4" x14ac:dyDescent="0.25">
      <c r="A43568" t="s">
        <v>60989</v>
      </c>
      <c r="B43568" t="s">
        <v>60993</v>
      </c>
      <c r="C43568">
        <v>0</v>
      </c>
      <c r="D43568">
        <v>0</v>
      </c>
    </row>
    <row r="43569" spans="1:4" x14ac:dyDescent="0.25">
      <c r="A43569" t="s">
        <v>60989</v>
      </c>
      <c r="B43569" t="s">
        <v>60994</v>
      </c>
      <c r="C43569">
        <v>0</v>
      </c>
      <c r="D43569">
        <v>0</v>
      </c>
    </row>
    <row r="43570" spans="1:4" x14ac:dyDescent="0.25">
      <c r="A43570" t="s">
        <v>60989</v>
      </c>
      <c r="B43570" t="s">
        <v>60995</v>
      </c>
      <c r="C43570">
        <v>0</v>
      </c>
      <c r="D43570">
        <v>0</v>
      </c>
    </row>
    <row r="43571" spans="1:4" x14ac:dyDescent="0.25">
      <c r="A43571" t="s">
        <v>60989</v>
      </c>
      <c r="B43571" t="s">
        <v>60996</v>
      </c>
      <c r="C43571">
        <v>1</v>
      </c>
      <c r="D43571">
        <v>0</v>
      </c>
    </row>
    <row r="43572" spans="1:4" x14ac:dyDescent="0.25">
      <c r="A43572" t="s">
        <v>60989</v>
      </c>
      <c r="B43572" t="s">
        <v>60997</v>
      </c>
      <c r="C43572">
        <v>1</v>
      </c>
      <c r="D43572">
        <v>0</v>
      </c>
    </row>
    <row r="43573" spans="1:4" x14ac:dyDescent="0.25">
      <c r="A43573" t="s">
        <v>60989</v>
      </c>
      <c r="B43573" t="s">
        <v>60998</v>
      </c>
      <c r="C43573">
        <v>1</v>
      </c>
      <c r="D43573">
        <v>0</v>
      </c>
    </row>
    <row r="43574" spans="1:4" x14ac:dyDescent="0.25">
      <c r="A43574" t="s">
        <v>60999</v>
      </c>
      <c r="B43574" t="s">
        <v>61000</v>
      </c>
      <c r="C43574">
        <v>1</v>
      </c>
      <c r="D43574">
        <v>0</v>
      </c>
    </row>
    <row r="43575" spans="1:4" x14ac:dyDescent="0.25">
      <c r="A43575" t="s">
        <v>60999</v>
      </c>
      <c r="B43575" t="s">
        <v>61001</v>
      </c>
      <c r="C43575">
        <v>2</v>
      </c>
      <c r="D43575">
        <v>0</v>
      </c>
    </row>
    <row r="43576" spans="1:4" x14ac:dyDescent="0.25">
      <c r="A43576" t="s">
        <v>60999</v>
      </c>
      <c r="B43576" t="s">
        <v>61002</v>
      </c>
      <c r="C43576">
        <v>1</v>
      </c>
      <c r="D43576">
        <v>0</v>
      </c>
    </row>
    <row r="43577" spans="1:4" x14ac:dyDescent="0.25">
      <c r="A43577" t="s">
        <v>60999</v>
      </c>
      <c r="B43577" t="s">
        <v>61003</v>
      </c>
      <c r="C43577">
        <v>2</v>
      </c>
      <c r="D43577">
        <v>0</v>
      </c>
    </row>
    <row r="43578" spans="1:4" x14ac:dyDescent="0.25">
      <c r="A43578" t="s">
        <v>61004</v>
      </c>
      <c r="B43578" t="s">
        <v>61005</v>
      </c>
      <c r="C43578">
        <v>1</v>
      </c>
      <c r="D43578">
        <v>0</v>
      </c>
    </row>
    <row r="43579" spans="1:4" x14ac:dyDescent="0.25">
      <c r="A43579" t="s">
        <v>61004</v>
      </c>
      <c r="B43579" t="s">
        <v>61006</v>
      </c>
      <c r="C43579">
        <v>0</v>
      </c>
      <c r="D43579">
        <v>0</v>
      </c>
    </row>
    <row r="43580" spans="1:4" x14ac:dyDescent="0.25">
      <c r="A43580" t="s">
        <v>61004</v>
      </c>
      <c r="B43580" t="s">
        <v>61007</v>
      </c>
      <c r="C43580">
        <v>1</v>
      </c>
      <c r="D43580">
        <v>0</v>
      </c>
    </row>
    <row r="43581" spans="1:4" x14ac:dyDescent="0.25">
      <c r="A43581" t="s">
        <v>61004</v>
      </c>
      <c r="B43581" t="s">
        <v>61008</v>
      </c>
      <c r="C43581">
        <v>1</v>
      </c>
      <c r="D43581">
        <v>0</v>
      </c>
    </row>
    <row r="43582" spans="1:4" x14ac:dyDescent="0.25">
      <c r="A43582" t="s">
        <v>61009</v>
      </c>
      <c r="B43582" t="s">
        <v>25060</v>
      </c>
      <c r="C43582">
        <v>0</v>
      </c>
      <c r="D43582">
        <v>0</v>
      </c>
    </row>
    <row r="43583" spans="1:4" x14ac:dyDescent="0.25">
      <c r="A43583" t="s">
        <v>61009</v>
      </c>
      <c r="B43583" t="s">
        <v>61010</v>
      </c>
      <c r="C43583">
        <v>0</v>
      </c>
      <c r="D43583">
        <v>0</v>
      </c>
    </row>
    <row r="43584" spans="1:4" x14ac:dyDescent="0.25">
      <c r="A43584" t="s">
        <v>61011</v>
      </c>
      <c r="B43584" t="s">
        <v>61012</v>
      </c>
      <c r="C43584">
        <v>2</v>
      </c>
      <c r="D43584">
        <v>0</v>
      </c>
    </row>
    <row r="43585" spans="1:4" x14ac:dyDescent="0.25">
      <c r="A43585" t="s">
        <v>61011</v>
      </c>
      <c r="B43585" t="s">
        <v>61013</v>
      </c>
      <c r="C43585">
        <v>2</v>
      </c>
      <c r="D43585">
        <v>0</v>
      </c>
    </row>
    <row r="43586" spans="1:4" x14ac:dyDescent="0.25">
      <c r="A43586" t="s">
        <v>61011</v>
      </c>
      <c r="B43586" t="s">
        <v>61014</v>
      </c>
      <c r="C43586">
        <v>2</v>
      </c>
      <c r="D43586">
        <v>0</v>
      </c>
    </row>
    <row r="43587" spans="1:4" x14ac:dyDescent="0.25">
      <c r="A43587" t="s">
        <v>61011</v>
      </c>
      <c r="B43587" t="s">
        <v>17257</v>
      </c>
      <c r="C43587">
        <v>1</v>
      </c>
      <c r="D43587">
        <v>0</v>
      </c>
    </row>
    <row r="43588" spans="1:4" x14ac:dyDescent="0.25">
      <c r="A43588" t="s">
        <v>61015</v>
      </c>
      <c r="B43588" t="s">
        <v>61016</v>
      </c>
      <c r="C43588">
        <v>0</v>
      </c>
      <c r="D43588">
        <v>0</v>
      </c>
    </row>
    <row r="43589" spans="1:4" x14ac:dyDescent="0.25">
      <c r="A43589" t="s">
        <v>61015</v>
      </c>
      <c r="B43589" t="s">
        <v>61017</v>
      </c>
      <c r="C43589">
        <v>0</v>
      </c>
      <c r="D43589">
        <v>0</v>
      </c>
    </row>
    <row r="43590" spans="1:4" x14ac:dyDescent="0.25">
      <c r="A43590" t="s">
        <v>61015</v>
      </c>
      <c r="B43590" t="s">
        <v>61018</v>
      </c>
      <c r="C43590">
        <v>1</v>
      </c>
      <c r="D43590">
        <v>0</v>
      </c>
    </row>
    <row r="43591" spans="1:4" x14ac:dyDescent="0.25">
      <c r="A43591" t="s">
        <v>61015</v>
      </c>
      <c r="B43591" t="s">
        <v>61019</v>
      </c>
      <c r="C43591">
        <v>0</v>
      </c>
      <c r="D43591">
        <v>0</v>
      </c>
    </row>
    <row r="43592" spans="1:4" x14ac:dyDescent="0.25">
      <c r="A43592" t="s">
        <v>61015</v>
      </c>
      <c r="B43592" t="s">
        <v>61020</v>
      </c>
      <c r="C43592">
        <v>0</v>
      </c>
      <c r="D43592">
        <v>0</v>
      </c>
    </row>
    <row r="43593" spans="1:4" x14ac:dyDescent="0.25">
      <c r="A43593" t="s">
        <v>61021</v>
      </c>
      <c r="B43593" t="s">
        <v>61022</v>
      </c>
      <c r="C43593">
        <v>0</v>
      </c>
      <c r="D43593">
        <v>0</v>
      </c>
    </row>
    <row r="43594" spans="1:4" x14ac:dyDescent="0.25">
      <c r="A43594" t="s">
        <v>61023</v>
      </c>
      <c r="B43594" t="s">
        <v>61024</v>
      </c>
      <c r="C43594">
        <v>1</v>
      </c>
      <c r="D43594">
        <v>0</v>
      </c>
    </row>
    <row r="43595" spans="1:4" x14ac:dyDescent="0.25">
      <c r="A43595" t="s">
        <v>61023</v>
      </c>
      <c r="B43595" t="s">
        <v>61025</v>
      </c>
      <c r="C43595">
        <v>1</v>
      </c>
      <c r="D43595">
        <v>0</v>
      </c>
    </row>
    <row r="43596" spans="1:4" x14ac:dyDescent="0.25">
      <c r="A43596" t="s">
        <v>61023</v>
      </c>
      <c r="B43596" t="s">
        <v>61026</v>
      </c>
      <c r="C43596">
        <v>1</v>
      </c>
      <c r="D43596">
        <v>0</v>
      </c>
    </row>
    <row r="43597" spans="1:4" x14ac:dyDescent="0.25">
      <c r="A43597" t="s">
        <v>61023</v>
      </c>
      <c r="B43597" t="s">
        <v>61025</v>
      </c>
      <c r="C43597">
        <v>1</v>
      </c>
      <c r="D43597">
        <v>0</v>
      </c>
    </row>
    <row r="43598" spans="1:4" x14ac:dyDescent="0.25">
      <c r="A43598" t="s">
        <v>61027</v>
      </c>
      <c r="B43598" t="s">
        <v>61028</v>
      </c>
      <c r="C43598">
        <v>1</v>
      </c>
      <c r="D43598">
        <v>0</v>
      </c>
    </row>
    <row r="43599" spans="1:4" x14ac:dyDescent="0.25">
      <c r="A43599" t="s">
        <v>61027</v>
      </c>
      <c r="B43599" t="s">
        <v>61029</v>
      </c>
      <c r="C43599">
        <v>1</v>
      </c>
      <c r="D43599">
        <v>0</v>
      </c>
    </row>
    <row r="43600" spans="1:4" x14ac:dyDescent="0.25">
      <c r="A43600" t="s">
        <v>61027</v>
      </c>
      <c r="B43600" t="s">
        <v>61030</v>
      </c>
      <c r="C43600">
        <v>1</v>
      </c>
      <c r="D43600">
        <v>0</v>
      </c>
    </row>
    <row r="43601" spans="1:4" x14ac:dyDescent="0.25">
      <c r="A43601" t="s">
        <v>61027</v>
      </c>
      <c r="B43601" t="s">
        <v>61031</v>
      </c>
      <c r="C43601">
        <v>0</v>
      </c>
      <c r="D43601">
        <v>0</v>
      </c>
    </row>
    <row r="43602" spans="1:4" x14ac:dyDescent="0.25">
      <c r="A43602" t="s">
        <v>61027</v>
      </c>
      <c r="B43602" t="s">
        <v>61032</v>
      </c>
      <c r="C43602">
        <v>1</v>
      </c>
      <c r="D43602">
        <v>0</v>
      </c>
    </row>
    <row r="43603" spans="1:4" x14ac:dyDescent="0.25">
      <c r="A43603" t="s">
        <v>61033</v>
      </c>
      <c r="B43603" t="s">
        <v>61034</v>
      </c>
      <c r="C43603">
        <v>1</v>
      </c>
      <c r="D43603">
        <v>0</v>
      </c>
    </row>
    <row r="43604" spans="1:4" x14ac:dyDescent="0.25">
      <c r="A43604" t="s">
        <v>61033</v>
      </c>
      <c r="B43604" t="s">
        <v>61035</v>
      </c>
      <c r="C43604">
        <v>0</v>
      </c>
      <c r="D43604">
        <v>0</v>
      </c>
    </row>
    <row r="43605" spans="1:4" x14ac:dyDescent="0.25">
      <c r="A43605" t="s">
        <v>61033</v>
      </c>
      <c r="B43605" t="s">
        <v>61036</v>
      </c>
      <c r="C43605">
        <v>2</v>
      </c>
      <c r="D43605">
        <v>0</v>
      </c>
    </row>
    <row r="43606" spans="1:4" x14ac:dyDescent="0.25">
      <c r="A43606" t="s">
        <v>61033</v>
      </c>
      <c r="B43606" t="s">
        <v>61037</v>
      </c>
      <c r="C43606">
        <v>2</v>
      </c>
      <c r="D43606">
        <v>0</v>
      </c>
    </row>
    <row r="43607" spans="1:4" x14ac:dyDescent="0.25">
      <c r="A43607" t="s">
        <v>61033</v>
      </c>
      <c r="B43607" t="s">
        <v>61038</v>
      </c>
      <c r="C43607">
        <v>1</v>
      </c>
      <c r="D43607">
        <v>0</v>
      </c>
    </row>
    <row r="43608" spans="1:4" x14ac:dyDescent="0.25">
      <c r="A43608" t="s">
        <v>61039</v>
      </c>
      <c r="B43608" t="s">
        <v>61040</v>
      </c>
      <c r="C43608">
        <v>2</v>
      </c>
      <c r="D43608">
        <v>0</v>
      </c>
    </row>
    <row r="43609" spans="1:4" x14ac:dyDescent="0.25">
      <c r="A43609" t="s">
        <v>61039</v>
      </c>
      <c r="B43609" t="s">
        <v>29146</v>
      </c>
      <c r="C43609">
        <v>1</v>
      </c>
      <c r="D43609">
        <v>0</v>
      </c>
    </row>
    <row r="43610" spans="1:4" x14ac:dyDescent="0.25">
      <c r="A43610" t="s">
        <v>61039</v>
      </c>
      <c r="B43610" t="s">
        <v>61041</v>
      </c>
      <c r="C43610">
        <v>0</v>
      </c>
      <c r="D43610">
        <v>0</v>
      </c>
    </row>
    <row r="43611" spans="1:4" x14ac:dyDescent="0.25">
      <c r="A43611" t="s">
        <v>61042</v>
      </c>
      <c r="B43611" t="s">
        <v>61043</v>
      </c>
      <c r="C43611">
        <v>1</v>
      </c>
      <c r="D43611">
        <v>0</v>
      </c>
    </row>
    <row r="43612" spans="1:4" x14ac:dyDescent="0.25">
      <c r="A43612" t="s">
        <v>61042</v>
      </c>
      <c r="B43612" t="s">
        <v>61044</v>
      </c>
      <c r="C43612">
        <v>1</v>
      </c>
      <c r="D43612">
        <v>0</v>
      </c>
    </row>
    <row r="43613" spans="1:4" x14ac:dyDescent="0.25">
      <c r="A43613" t="s">
        <v>61042</v>
      </c>
      <c r="B43613" t="s">
        <v>61045</v>
      </c>
      <c r="C43613">
        <v>1</v>
      </c>
      <c r="D43613">
        <v>0</v>
      </c>
    </row>
    <row r="43614" spans="1:4" x14ac:dyDescent="0.25">
      <c r="A43614" t="s">
        <v>61046</v>
      </c>
      <c r="B43614" t="s">
        <v>61047</v>
      </c>
      <c r="C43614">
        <v>1</v>
      </c>
      <c r="D43614">
        <v>0</v>
      </c>
    </row>
    <row r="43615" spans="1:4" x14ac:dyDescent="0.25">
      <c r="A43615" t="s">
        <v>61046</v>
      </c>
      <c r="B43615" t="s">
        <v>61048</v>
      </c>
      <c r="C43615">
        <v>0</v>
      </c>
      <c r="D43615">
        <v>0</v>
      </c>
    </row>
    <row r="43616" spans="1:4" x14ac:dyDescent="0.25">
      <c r="A43616" t="s">
        <v>61046</v>
      </c>
      <c r="B43616" t="s">
        <v>61049</v>
      </c>
      <c r="C43616">
        <v>1</v>
      </c>
      <c r="D43616">
        <v>0</v>
      </c>
    </row>
    <row r="43617" spans="1:4" x14ac:dyDescent="0.25">
      <c r="A43617" t="s">
        <v>61046</v>
      </c>
      <c r="B43617" t="s">
        <v>61050</v>
      </c>
      <c r="C43617">
        <v>0</v>
      </c>
      <c r="D43617">
        <v>0</v>
      </c>
    </row>
    <row r="43618" spans="1:4" x14ac:dyDescent="0.25">
      <c r="A43618" t="s">
        <v>61046</v>
      </c>
      <c r="B43618" t="s">
        <v>61051</v>
      </c>
      <c r="C43618">
        <v>2</v>
      </c>
      <c r="D43618">
        <v>0</v>
      </c>
    </row>
    <row r="43619" spans="1:4" x14ac:dyDescent="0.25">
      <c r="A43619" t="s">
        <v>61046</v>
      </c>
      <c r="B43619" t="s">
        <v>61052</v>
      </c>
      <c r="C43619">
        <v>0</v>
      </c>
      <c r="D43619">
        <v>0</v>
      </c>
    </row>
    <row r="43620" spans="1:4" x14ac:dyDescent="0.25">
      <c r="A43620" t="s">
        <v>61046</v>
      </c>
      <c r="B43620" t="s">
        <v>5434</v>
      </c>
      <c r="C43620">
        <v>1</v>
      </c>
      <c r="D43620">
        <v>0</v>
      </c>
    </row>
    <row r="43621" spans="1:4" x14ac:dyDescent="0.25">
      <c r="A43621" t="s">
        <v>61053</v>
      </c>
      <c r="B43621" t="s">
        <v>61054</v>
      </c>
      <c r="C43621">
        <v>1</v>
      </c>
      <c r="D43621">
        <v>0</v>
      </c>
    </row>
    <row r="43622" spans="1:4" x14ac:dyDescent="0.25">
      <c r="A43622" t="s">
        <v>61053</v>
      </c>
      <c r="B43622" t="s">
        <v>61055</v>
      </c>
      <c r="C43622">
        <v>0</v>
      </c>
      <c r="D43622">
        <v>0</v>
      </c>
    </row>
    <row r="43623" spans="1:4" x14ac:dyDescent="0.25">
      <c r="A43623" t="s">
        <v>61053</v>
      </c>
      <c r="B43623" t="s">
        <v>61056</v>
      </c>
      <c r="C43623">
        <v>1</v>
      </c>
      <c r="D43623">
        <v>0</v>
      </c>
    </row>
    <row r="43624" spans="1:4" x14ac:dyDescent="0.25">
      <c r="A43624" t="s">
        <v>61053</v>
      </c>
      <c r="B43624" t="s">
        <v>61057</v>
      </c>
      <c r="C43624">
        <v>2</v>
      </c>
      <c r="D43624">
        <v>0</v>
      </c>
    </row>
    <row r="43625" spans="1:4" x14ac:dyDescent="0.25">
      <c r="A43625" t="s">
        <v>61058</v>
      </c>
      <c r="B43625" t="s">
        <v>61059</v>
      </c>
      <c r="C43625">
        <v>2</v>
      </c>
      <c r="D43625">
        <v>0</v>
      </c>
    </row>
    <row r="43626" spans="1:4" x14ac:dyDescent="0.25">
      <c r="A43626" t="s">
        <v>61058</v>
      </c>
      <c r="B43626" t="s">
        <v>61060</v>
      </c>
      <c r="C43626">
        <v>2</v>
      </c>
      <c r="D43626">
        <v>0</v>
      </c>
    </row>
    <row r="43627" spans="1:4" x14ac:dyDescent="0.25">
      <c r="A43627" t="s">
        <v>61058</v>
      </c>
      <c r="B43627" t="s">
        <v>61061</v>
      </c>
      <c r="C43627">
        <v>1</v>
      </c>
      <c r="D43627">
        <v>0</v>
      </c>
    </row>
    <row r="43628" spans="1:4" x14ac:dyDescent="0.25">
      <c r="A43628" t="s">
        <v>61058</v>
      </c>
      <c r="B43628" t="s">
        <v>61062</v>
      </c>
      <c r="C43628">
        <v>0</v>
      </c>
      <c r="D43628">
        <v>0</v>
      </c>
    </row>
    <row r="43629" spans="1:4" x14ac:dyDescent="0.25">
      <c r="A43629" t="s">
        <v>61058</v>
      </c>
      <c r="B43629" t="s">
        <v>61063</v>
      </c>
      <c r="C43629">
        <v>1</v>
      </c>
      <c r="D43629">
        <v>0</v>
      </c>
    </row>
    <row r="43630" spans="1:4" x14ac:dyDescent="0.25">
      <c r="A43630" t="s">
        <v>61058</v>
      </c>
      <c r="B43630" t="s">
        <v>61064</v>
      </c>
      <c r="C43630">
        <v>0</v>
      </c>
      <c r="D43630">
        <v>0</v>
      </c>
    </row>
    <row r="43631" spans="1:4" x14ac:dyDescent="0.25">
      <c r="A43631" t="s">
        <v>61065</v>
      </c>
      <c r="B43631" t="s">
        <v>61066</v>
      </c>
      <c r="C43631">
        <v>2</v>
      </c>
      <c r="D43631">
        <v>0</v>
      </c>
    </row>
    <row r="43632" spans="1:4" x14ac:dyDescent="0.25">
      <c r="A43632" t="s">
        <v>61065</v>
      </c>
      <c r="B43632" t="s">
        <v>61067</v>
      </c>
      <c r="C43632">
        <v>1</v>
      </c>
      <c r="D43632">
        <v>0</v>
      </c>
    </row>
    <row r="43633" spans="1:4" x14ac:dyDescent="0.25">
      <c r="A43633" t="s">
        <v>61065</v>
      </c>
      <c r="B43633" t="s">
        <v>61068</v>
      </c>
      <c r="C43633">
        <v>0</v>
      </c>
      <c r="D43633">
        <v>0</v>
      </c>
    </row>
    <row r="43634" spans="1:4" x14ac:dyDescent="0.25">
      <c r="A43634" t="s">
        <v>61065</v>
      </c>
      <c r="B43634" t="s">
        <v>61069</v>
      </c>
      <c r="C43634">
        <v>0</v>
      </c>
      <c r="D43634">
        <v>0</v>
      </c>
    </row>
    <row r="43635" spans="1:4" x14ac:dyDescent="0.25">
      <c r="A43635" t="s">
        <v>61070</v>
      </c>
      <c r="B43635" t="s">
        <v>61071</v>
      </c>
      <c r="C43635">
        <v>1</v>
      </c>
      <c r="D43635">
        <v>0</v>
      </c>
    </row>
    <row r="43636" spans="1:4" x14ac:dyDescent="0.25">
      <c r="A43636" t="s">
        <v>61070</v>
      </c>
      <c r="B43636" t="s">
        <v>61072</v>
      </c>
      <c r="C43636">
        <v>1</v>
      </c>
      <c r="D43636">
        <v>0</v>
      </c>
    </row>
    <row r="43637" spans="1:4" x14ac:dyDescent="0.25">
      <c r="A43637" t="s">
        <v>61070</v>
      </c>
      <c r="B43637" t="s">
        <v>61073</v>
      </c>
      <c r="C43637">
        <v>1</v>
      </c>
      <c r="D43637">
        <v>0</v>
      </c>
    </row>
    <row r="43638" spans="1:4" x14ac:dyDescent="0.25">
      <c r="A43638" t="s">
        <v>61074</v>
      </c>
      <c r="B43638" t="s">
        <v>61075</v>
      </c>
      <c r="C43638">
        <v>1</v>
      </c>
      <c r="D43638">
        <v>0</v>
      </c>
    </row>
    <row r="43639" spans="1:4" x14ac:dyDescent="0.25">
      <c r="A43639" t="s">
        <v>61074</v>
      </c>
      <c r="B43639" t="s">
        <v>61076</v>
      </c>
      <c r="C43639">
        <v>1</v>
      </c>
      <c r="D43639">
        <v>0</v>
      </c>
    </row>
    <row r="43640" spans="1:4" x14ac:dyDescent="0.25">
      <c r="A43640" t="s">
        <v>61074</v>
      </c>
      <c r="B43640" t="s">
        <v>61077</v>
      </c>
      <c r="C43640">
        <v>1</v>
      </c>
      <c r="D43640">
        <v>0</v>
      </c>
    </row>
    <row r="43641" spans="1:4" x14ac:dyDescent="0.25">
      <c r="A43641" t="s">
        <v>61074</v>
      </c>
      <c r="B43641" t="s">
        <v>61078</v>
      </c>
      <c r="C43641">
        <v>1</v>
      </c>
      <c r="D43641">
        <v>0</v>
      </c>
    </row>
    <row r="43642" spans="1:4" x14ac:dyDescent="0.25">
      <c r="A43642" t="s">
        <v>61074</v>
      </c>
      <c r="B43642" t="s">
        <v>61079</v>
      </c>
      <c r="C43642">
        <v>0</v>
      </c>
      <c r="D43642">
        <v>0</v>
      </c>
    </row>
    <row r="43643" spans="1:4" x14ac:dyDescent="0.25">
      <c r="A43643" t="s">
        <v>61074</v>
      </c>
      <c r="B43643" t="s">
        <v>61080</v>
      </c>
      <c r="C43643">
        <v>2</v>
      </c>
      <c r="D43643">
        <v>0</v>
      </c>
    </row>
    <row r="43644" spans="1:4" x14ac:dyDescent="0.25">
      <c r="A43644" t="s">
        <v>61074</v>
      </c>
      <c r="B43644" t="s">
        <v>61081</v>
      </c>
      <c r="C43644">
        <v>0</v>
      </c>
      <c r="D43644">
        <v>0</v>
      </c>
    </row>
    <row r="43645" spans="1:4" x14ac:dyDescent="0.25">
      <c r="A43645" t="s">
        <v>61074</v>
      </c>
      <c r="B43645" t="s">
        <v>61076</v>
      </c>
      <c r="C43645">
        <v>0</v>
      </c>
      <c r="D43645">
        <v>0</v>
      </c>
    </row>
    <row r="43646" spans="1:4" x14ac:dyDescent="0.25">
      <c r="A43646" t="s">
        <v>61082</v>
      </c>
      <c r="B43646" t="s">
        <v>61083</v>
      </c>
      <c r="C43646">
        <v>1</v>
      </c>
      <c r="D43646">
        <v>0</v>
      </c>
    </row>
    <row r="43647" spans="1:4" x14ac:dyDescent="0.25">
      <c r="A43647" t="s">
        <v>61082</v>
      </c>
      <c r="B43647" t="s">
        <v>61084</v>
      </c>
      <c r="C43647">
        <v>1</v>
      </c>
      <c r="D43647">
        <v>0</v>
      </c>
    </row>
    <row r="43648" spans="1:4" x14ac:dyDescent="0.25">
      <c r="A43648" t="s">
        <v>61085</v>
      </c>
      <c r="B43648" t="s">
        <v>61086</v>
      </c>
      <c r="C43648">
        <v>0</v>
      </c>
      <c r="D43648">
        <v>0</v>
      </c>
    </row>
    <row r="43649" spans="1:4" x14ac:dyDescent="0.25">
      <c r="A43649" t="s">
        <v>61085</v>
      </c>
      <c r="B43649" t="s">
        <v>61087</v>
      </c>
      <c r="C43649">
        <v>0</v>
      </c>
      <c r="D43649">
        <v>0</v>
      </c>
    </row>
    <row r="43650" spans="1:4" x14ac:dyDescent="0.25">
      <c r="A43650" t="s">
        <v>61085</v>
      </c>
      <c r="B43650" t="s">
        <v>61088</v>
      </c>
      <c r="C43650">
        <v>2</v>
      </c>
      <c r="D43650">
        <v>0</v>
      </c>
    </row>
    <row r="43651" spans="1:4" x14ac:dyDescent="0.25">
      <c r="A43651" t="s">
        <v>61089</v>
      </c>
      <c r="B43651" t="s">
        <v>61090</v>
      </c>
      <c r="C43651">
        <v>1</v>
      </c>
      <c r="D43651">
        <v>0</v>
      </c>
    </row>
    <row r="43652" spans="1:4" x14ac:dyDescent="0.25">
      <c r="A43652" t="s">
        <v>61089</v>
      </c>
      <c r="B43652" t="s">
        <v>61091</v>
      </c>
      <c r="C43652">
        <v>0</v>
      </c>
      <c r="D43652">
        <v>0</v>
      </c>
    </row>
    <row r="43653" spans="1:4" x14ac:dyDescent="0.25">
      <c r="A43653" t="s">
        <v>61092</v>
      </c>
      <c r="B43653" t="s">
        <v>61093</v>
      </c>
      <c r="C43653">
        <v>0</v>
      </c>
      <c r="D43653">
        <v>0</v>
      </c>
    </row>
    <row r="43654" spans="1:4" x14ac:dyDescent="0.25">
      <c r="A43654" t="s">
        <v>61092</v>
      </c>
      <c r="B43654" t="s">
        <v>2651</v>
      </c>
      <c r="C43654">
        <v>0</v>
      </c>
      <c r="D43654">
        <v>0</v>
      </c>
    </row>
    <row r="43655" spans="1:4" x14ac:dyDescent="0.25">
      <c r="A43655" t="s">
        <v>61092</v>
      </c>
      <c r="B43655" t="s">
        <v>61094</v>
      </c>
      <c r="C43655">
        <v>0</v>
      </c>
      <c r="D43655">
        <v>0</v>
      </c>
    </row>
    <row r="43656" spans="1:4" x14ac:dyDescent="0.25">
      <c r="A43656" t="s">
        <v>61092</v>
      </c>
      <c r="B43656" t="s">
        <v>61095</v>
      </c>
      <c r="C43656">
        <v>2</v>
      </c>
      <c r="D43656">
        <v>0</v>
      </c>
    </row>
    <row r="43657" spans="1:4" x14ac:dyDescent="0.25">
      <c r="A43657" t="s">
        <v>61092</v>
      </c>
      <c r="B43657" t="s">
        <v>61096</v>
      </c>
      <c r="C43657">
        <v>0</v>
      </c>
      <c r="D43657">
        <v>0</v>
      </c>
    </row>
    <row r="43658" spans="1:4" x14ac:dyDescent="0.25">
      <c r="A43658" t="s">
        <v>61097</v>
      </c>
      <c r="B43658" t="s">
        <v>61098</v>
      </c>
      <c r="C43658">
        <v>2</v>
      </c>
      <c r="D43658">
        <v>0</v>
      </c>
    </row>
    <row r="43659" spans="1:4" x14ac:dyDescent="0.25">
      <c r="A43659" t="s">
        <v>61099</v>
      </c>
      <c r="B43659" t="s">
        <v>61100</v>
      </c>
      <c r="C43659">
        <v>0</v>
      </c>
      <c r="D43659">
        <v>0</v>
      </c>
    </row>
    <row r="43660" spans="1:4" x14ac:dyDescent="0.25">
      <c r="A43660" t="s">
        <v>61101</v>
      </c>
      <c r="B43660" t="s">
        <v>61102</v>
      </c>
      <c r="C43660">
        <v>1</v>
      </c>
      <c r="D43660">
        <v>0</v>
      </c>
    </row>
    <row r="43661" spans="1:4" x14ac:dyDescent="0.25">
      <c r="A43661" t="s">
        <v>61101</v>
      </c>
      <c r="B43661" t="s">
        <v>61103</v>
      </c>
      <c r="C43661">
        <v>1</v>
      </c>
      <c r="D43661">
        <v>0</v>
      </c>
    </row>
    <row r="43662" spans="1:4" x14ac:dyDescent="0.25">
      <c r="A43662" t="s">
        <v>61101</v>
      </c>
      <c r="B43662" t="s">
        <v>11948</v>
      </c>
      <c r="C43662">
        <v>0</v>
      </c>
      <c r="D43662">
        <v>0</v>
      </c>
    </row>
    <row r="43663" spans="1:4" x14ac:dyDescent="0.25">
      <c r="A43663" t="s">
        <v>61101</v>
      </c>
      <c r="B43663" t="s">
        <v>61104</v>
      </c>
      <c r="C43663">
        <v>1</v>
      </c>
      <c r="D43663">
        <v>0</v>
      </c>
    </row>
    <row r="43664" spans="1:4" x14ac:dyDescent="0.25">
      <c r="A43664" t="s">
        <v>61101</v>
      </c>
      <c r="B43664" t="s">
        <v>61105</v>
      </c>
      <c r="C43664">
        <v>1</v>
      </c>
      <c r="D43664">
        <v>0</v>
      </c>
    </row>
    <row r="43665" spans="1:4" x14ac:dyDescent="0.25">
      <c r="A43665" t="s">
        <v>61101</v>
      </c>
      <c r="B43665" t="s">
        <v>61106</v>
      </c>
      <c r="C43665">
        <v>1</v>
      </c>
      <c r="D43665">
        <v>0</v>
      </c>
    </row>
    <row r="43666" spans="1:4" x14ac:dyDescent="0.25">
      <c r="A43666" t="s">
        <v>61107</v>
      </c>
      <c r="B43666" t="s">
        <v>61108</v>
      </c>
      <c r="C43666">
        <v>1</v>
      </c>
      <c r="D43666">
        <v>0</v>
      </c>
    </row>
    <row r="43667" spans="1:4" x14ac:dyDescent="0.25">
      <c r="A43667" t="s">
        <v>61107</v>
      </c>
      <c r="B43667" t="s">
        <v>61109</v>
      </c>
      <c r="C43667">
        <v>2</v>
      </c>
      <c r="D43667">
        <v>0</v>
      </c>
    </row>
    <row r="43668" spans="1:4" x14ac:dyDescent="0.25">
      <c r="A43668" t="s">
        <v>61107</v>
      </c>
      <c r="B43668" t="s">
        <v>61110</v>
      </c>
      <c r="C43668">
        <v>2</v>
      </c>
      <c r="D43668">
        <v>0</v>
      </c>
    </row>
    <row r="43669" spans="1:4" x14ac:dyDescent="0.25">
      <c r="A43669" t="s">
        <v>61107</v>
      </c>
      <c r="B43669" t="s">
        <v>61111</v>
      </c>
      <c r="C43669">
        <v>2</v>
      </c>
      <c r="D43669">
        <v>0</v>
      </c>
    </row>
    <row r="43670" spans="1:4" x14ac:dyDescent="0.25">
      <c r="A43670" t="s">
        <v>61107</v>
      </c>
      <c r="B43670" t="s">
        <v>61112</v>
      </c>
      <c r="C43670">
        <v>2</v>
      </c>
      <c r="D43670">
        <v>0</v>
      </c>
    </row>
    <row r="43671" spans="1:4" x14ac:dyDescent="0.25">
      <c r="A43671" t="s">
        <v>61107</v>
      </c>
      <c r="B43671" t="s">
        <v>61113</v>
      </c>
      <c r="C43671">
        <v>1</v>
      </c>
      <c r="D43671">
        <v>0</v>
      </c>
    </row>
    <row r="43672" spans="1:4" x14ac:dyDescent="0.25">
      <c r="A43672" t="s">
        <v>61107</v>
      </c>
      <c r="B43672" t="s">
        <v>61114</v>
      </c>
      <c r="C43672">
        <v>2</v>
      </c>
      <c r="D43672">
        <v>0</v>
      </c>
    </row>
    <row r="43673" spans="1:4" x14ac:dyDescent="0.25">
      <c r="A43673" t="s">
        <v>61107</v>
      </c>
      <c r="B43673" t="s">
        <v>61115</v>
      </c>
      <c r="C43673">
        <v>2</v>
      </c>
      <c r="D43673">
        <v>0</v>
      </c>
    </row>
    <row r="43674" spans="1:4" x14ac:dyDescent="0.25">
      <c r="A43674" t="s">
        <v>61116</v>
      </c>
      <c r="B43674" t="s">
        <v>61117</v>
      </c>
      <c r="C43674">
        <v>1</v>
      </c>
      <c r="D43674">
        <v>0</v>
      </c>
    </row>
    <row r="43675" spans="1:4" x14ac:dyDescent="0.25">
      <c r="A43675" t="s">
        <v>61116</v>
      </c>
      <c r="B43675" t="s">
        <v>61118</v>
      </c>
      <c r="C43675">
        <v>0</v>
      </c>
      <c r="D43675">
        <v>0</v>
      </c>
    </row>
    <row r="43676" spans="1:4" x14ac:dyDescent="0.25">
      <c r="A43676" t="s">
        <v>61116</v>
      </c>
      <c r="B43676" t="s">
        <v>61119</v>
      </c>
      <c r="C43676">
        <v>1</v>
      </c>
      <c r="D43676">
        <v>0</v>
      </c>
    </row>
    <row r="43677" spans="1:4" x14ac:dyDescent="0.25">
      <c r="A43677" t="s">
        <v>61120</v>
      </c>
      <c r="B43677" t="s">
        <v>61121</v>
      </c>
      <c r="C43677">
        <v>2</v>
      </c>
      <c r="D43677">
        <v>0</v>
      </c>
    </row>
    <row r="43678" spans="1:4" x14ac:dyDescent="0.25">
      <c r="A43678" t="s">
        <v>61120</v>
      </c>
      <c r="B43678" t="s">
        <v>61122</v>
      </c>
      <c r="C43678">
        <v>2</v>
      </c>
      <c r="D43678">
        <v>0</v>
      </c>
    </row>
    <row r="43679" spans="1:4" x14ac:dyDescent="0.25">
      <c r="A43679" t="s">
        <v>61123</v>
      </c>
      <c r="B43679" t="s">
        <v>61124</v>
      </c>
      <c r="C43679">
        <v>1</v>
      </c>
      <c r="D43679">
        <v>0</v>
      </c>
    </row>
    <row r="43680" spans="1:4" x14ac:dyDescent="0.25">
      <c r="A43680" t="s">
        <v>61123</v>
      </c>
      <c r="B43680" t="s">
        <v>61125</v>
      </c>
      <c r="C43680">
        <v>1</v>
      </c>
      <c r="D43680">
        <v>0</v>
      </c>
    </row>
    <row r="43681" spans="1:4" x14ac:dyDescent="0.25">
      <c r="A43681" t="s">
        <v>61123</v>
      </c>
      <c r="B43681" t="s">
        <v>61126</v>
      </c>
      <c r="C43681">
        <v>1</v>
      </c>
      <c r="D43681">
        <v>0</v>
      </c>
    </row>
    <row r="43682" spans="1:4" x14ac:dyDescent="0.25">
      <c r="A43682" t="s">
        <v>61123</v>
      </c>
      <c r="B43682" t="s">
        <v>61127</v>
      </c>
      <c r="C43682">
        <v>1</v>
      </c>
      <c r="D43682">
        <v>0</v>
      </c>
    </row>
    <row r="43683" spans="1:4" x14ac:dyDescent="0.25">
      <c r="A43683" t="s">
        <v>61123</v>
      </c>
      <c r="B43683" t="s">
        <v>61128</v>
      </c>
      <c r="C43683">
        <v>1</v>
      </c>
      <c r="D43683">
        <v>0</v>
      </c>
    </row>
    <row r="43684" spans="1:4" x14ac:dyDescent="0.25">
      <c r="A43684" t="s">
        <v>61123</v>
      </c>
      <c r="B43684" t="s">
        <v>61129</v>
      </c>
      <c r="C43684">
        <v>1</v>
      </c>
      <c r="D43684">
        <v>0</v>
      </c>
    </row>
    <row r="43685" spans="1:4" x14ac:dyDescent="0.25">
      <c r="A43685" t="s">
        <v>61123</v>
      </c>
      <c r="B43685" t="s">
        <v>61129</v>
      </c>
      <c r="C43685">
        <v>1</v>
      </c>
      <c r="D43685">
        <v>0</v>
      </c>
    </row>
    <row r="43686" spans="1:4" x14ac:dyDescent="0.25">
      <c r="A43686" t="s">
        <v>61123</v>
      </c>
      <c r="B43686" t="s">
        <v>61130</v>
      </c>
      <c r="C43686">
        <v>1</v>
      </c>
      <c r="D43686">
        <v>0</v>
      </c>
    </row>
    <row r="43687" spans="1:4" x14ac:dyDescent="0.25">
      <c r="A43687" t="s">
        <v>61131</v>
      </c>
      <c r="B43687" t="s">
        <v>61132</v>
      </c>
      <c r="C43687">
        <v>1</v>
      </c>
      <c r="D43687">
        <v>0</v>
      </c>
    </row>
    <row r="43688" spans="1:4" x14ac:dyDescent="0.25">
      <c r="A43688" t="s">
        <v>61131</v>
      </c>
      <c r="B43688" t="s">
        <v>61133</v>
      </c>
      <c r="C43688">
        <v>1</v>
      </c>
      <c r="D43688">
        <v>0</v>
      </c>
    </row>
    <row r="43689" spans="1:4" x14ac:dyDescent="0.25">
      <c r="A43689" t="s">
        <v>61131</v>
      </c>
      <c r="B43689" t="s">
        <v>61134</v>
      </c>
      <c r="C43689">
        <v>1</v>
      </c>
      <c r="D43689">
        <v>0</v>
      </c>
    </row>
    <row r="43690" spans="1:4" x14ac:dyDescent="0.25">
      <c r="A43690" t="s">
        <v>61131</v>
      </c>
      <c r="B43690" t="s">
        <v>61135</v>
      </c>
      <c r="C43690">
        <v>0</v>
      </c>
      <c r="D43690">
        <v>0</v>
      </c>
    </row>
    <row r="43691" spans="1:4" x14ac:dyDescent="0.25">
      <c r="A43691" t="s">
        <v>61136</v>
      </c>
      <c r="B43691" t="s">
        <v>61137</v>
      </c>
      <c r="C43691">
        <v>1</v>
      </c>
      <c r="D43691">
        <v>0</v>
      </c>
    </row>
    <row r="43692" spans="1:4" x14ac:dyDescent="0.25">
      <c r="A43692" t="s">
        <v>61136</v>
      </c>
      <c r="B43692" t="s">
        <v>61138</v>
      </c>
      <c r="C43692">
        <v>0</v>
      </c>
      <c r="D43692">
        <v>0</v>
      </c>
    </row>
    <row r="43693" spans="1:4" x14ac:dyDescent="0.25">
      <c r="A43693" t="s">
        <v>61136</v>
      </c>
      <c r="B43693" t="s">
        <v>61139</v>
      </c>
      <c r="C43693">
        <v>2</v>
      </c>
      <c r="D43693">
        <v>0</v>
      </c>
    </row>
    <row r="43694" spans="1:4" x14ac:dyDescent="0.25">
      <c r="A43694" t="s">
        <v>61136</v>
      </c>
      <c r="B43694" t="s">
        <v>61140</v>
      </c>
      <c r="C43694">
        <v>2</v>
      </c>
      <c r="D43694">
        <v>0</v>
      </c>
    </row>
    <row r="43695" spans="1:4" x14ac:dyDescent="0.25">
      <c r="A43695" t="s">
        <v>61136</v>
      </c>
      <c r="B43695" t="s">
        <v>61141</v>
      </c>
      <c r="C43695">
        <v>2</v>
      </c>
      <c r="D43695">
        <v>0</v>
      </c>
    </row>
    <row r="43696" spans="1:4" x14ac:dyDescent="0.25">
      <c r="A43696" t="s">
        <v>61136</v>
      </c>
      <c r="B43696" t="s">
        <v>61142</v>
      </c>
      <c r="C43696">
        <v>1</v>
      </c>
      <c r="D43696">
        <v>0</v>
      </c>
    </row>
    <row r="43697" spans="1:4" x14ac:dyDescent="0.25">
      <c r="A43697" t="s">
        <v>61143</v>
      </c>
      <c r="B43697" t="s">
        <v>61144</v>
      </c>
      <c r="C43697">
        <v>1</v>
      </c>
      <c r="D43697">
        <v>0</v>
      </c>
    </row>
    <row r="43698" spans="1:4" x14ac:dyDescent="0.25">
      <c r="A43698" t="s">
        <v>61143</v>
      </c>
      <c r="B43698" t="s">
        <v>61145</v>
      </c>
      <c r="C43698">
        <v>1</v>
      </c>
      <c r="D43698">
        <v>0</v>
      </c>
    </row>
    <row r="43699" spans="1:4" x14ac:dyDescent="0.25">
      <c r="A43699" t="s">
        <v>61143</v>
      </c>
      <c r="B43699" t="s">
        <v>61146</v>
      </c>
      <c r="C43699">
        <v>1</v>
      </c>
      <c r="D43699">
        <v>0</v>
      </c>
    </row>
    <row r="43700" spans="1:4" x14ac:dyDescent="0.25">
      <c r="A43700" t="s">
        <v>61143</v>
      </c>
      <c r="B43700" t="s">
        <v>61147</v>
      </c>
      <c r="C43700">
        <v>2</v>
      </c>
      <c r="D43700">
        <v>0</v>
      </c>
    </row>
    <row r="43701" spans="1:4" x14ac:dyDescent="0.25">
      <c r="A43701" t="s">
        <v>61148</v>
      </c>
      <c r="B43701" t="s">
        <v>61149</v>
      </c>
      <c r="C43701">
        <v>2</v>
      </c>
      <c r="D43701">
        <v>0</v>
      </c>
    </row>
    <row r="43702" spans="1:4" x14ac:dyDescent="0.25">
      <c r="A43702" t="s">
        <v>61148</v>
      </c>
      <c r="B43702" t="s">
        <v>61150</v>
      </c>
      <c r="C43702">
        <v>0</v>
      </c>
      <c r="D43702">
        <v>0</v>
      </c>
    </row>
    <row r="43703" spans="1:4" x14ac:dyDescent="0.25">
      <c r="A43703" t="s">
        <v>61148</v>
      </c>
      <c r="B43703" t="s">
        <v>61151</v>
      </c>
      <c r="C43703">
        <v>2</v>
      </c>
      <c r="D43703">
        <v>0</v>
      </c>
    </row>
    <row r="43704" spans="1:4" x14ac:dyDescent="0.25">
      <c r="A43704" t="s">
        <v>61148</v>
      </c>
      <c r="B43704" t="s">
        <v>61152</v>
      </c>
      <c r="C43704">
        <v>2</v>
      </c>
      <c r="D43704">
        <v>0</v>
      </c>
    </row>
    <row r="43705" spans="1:4" x14ac:dyDescent="0.25">
      <c r="A43705" t="s">
        <v>61153</v>
      </c>
      <c r="B43705" t="s">
        <v>61154</v>
      </c>
      <c r="C43705">
        <v>1</v>
      </c>
      <c r="D43705">
        <v>0</v>
      </c>
    </row>
    <row r="43706" spans="1:4" x14ac:dyDescent="0.25">
      <c r="A43706" t="s">
        <v>61153</v>
      </c>
      <c r="B43706" t="s">
        <v>61155</v>
      </c>
      <c r="C43706">
        <v>0</v>
      </c>
      <c r="D43706">
        <v>0</v>
      </c>
    </row>
    <row r="43707" spans="1:4" x14ac:dyDescent="0.25">
      <c r="A43707" t="s">
        <v>61153</v>
      </c>
      <c r="B43707" t="s">
        <v>61156</v>
      </c>
      <c r="C43707">
        <v>2</v>
      </c>
      <c r="D43707">
        <v>0</v>
      </c>
    </row>
    <row r="43708" spans="1:4" x14ac:dyDescent="0.25">
      <c r="A43708" t="s">
        <v>61153</v>
      </c>
      <c r="B43708" t="s">
        <v>61157</v>
      </c>
      <c r="C43708">
        <v>1</v>
      </c>
      <c r="D43708">
        <v>0</v>
      </c>
    </row>
    <row r="43709" spans="1:4" x14ac:dyDescent="0.25">
      <c r="A43709" t="s">
        <v>61153</v>
      </c>
      <c r="B43709" t="s">
        <v>61158</v>
      </c>
      <c r="C43709">
        <v>0</v>
      </c>
      <c r="D43709">
        <v>0</v>
      </c>
    </row>
    <row r="43710" spans="1:4" x14ac:dyDescent="0.25">
      <c r="A43710" t="s">
        <v>61153</v>
      </c>
      <c r="B43710" t="s">
        <v>61159</v>
      </c>
      <c r="C43710">
        <v>2</v>
      </c>
      <c r="D43710">
        <v>0</v>
      </c>
    </row>
    <row r="43711" spans="1:4" x14ac:dyDescent="0.25">
      <c r="A43711" t="s">
        <v>61160</v>
      </c>
      <c r="B43711" t="s">
        <v>61161</v>
      </c>
      <c r="C43711">
        <v>1</v>
      </c>
      <c r="D43711">
        <v>0</v>
      </c>
    </row>
    <row r="43712" spans="1:4" x14ac:dyDescent="0.25">
      <c r="A43712" t="s">
        <v>61160</v>
      </c>
      <c r="B43712" t="s">
        <v>61162</v>
      </c>
      <c r="C43712">
        <v>1</v>
      </c>
      <c r="D43712">
        <v>0</v>
      </c>
    </row>
    <row r="43713" spans="1:4" x14ac:dyDescent="0.25">
      <c r="A43713" t="s">
        <v>61160</v>
      </c>
      <c r="B43713" t="s">
        <v>61163</v>
      </c>
      <c r="C43713">
        <v>1</v>
      </c>
      <c r="D43713">
        <v>0</v>
      </c>
    </row>
    <row r="43714" spans="1:4" x14ac:dyDescent="0.25">
      <c r="A43714" t="s">
        <v>61160</v>
      </c>
      <c r="B43714" t="s">
        <v>61164</v>
      </c>
      <c r="C43714">
        <v>1</v>
      </c>
      <c r="D43714">
        <v>0</v>
      </c>
    </row>
    <row r="43715" spans="1:4" x14ac:dyDescent="0.25">
      <c r="A43715" t="s">
        <v>61160</v>
      </c>
      <c r="B43715" t="s">
        <v>61165</v>
      </c>
      <c r="C43715">
        <v>0</v>
      </c>
      <c r="D43715">
        <v>0</v>
      </c>
    </row>
    <row r="43716" spans="1:4" x14ac:dyDescent="0.25">
      <c r="A43716" t="s">
        <v>61166</v>
      </c>
      <c r="B43716" t="s">
        <v>61167</v>
      </c>
      <c r="C43716">
        <v>1</v>
      </c>
      <c r="D43716">
        <v>0</v>
      </c>
    </row>
    <row r="43717" spans="1:4" x14ac:dyDescent="0.25">
      <c r="A43717" t="s">
        <v>61166</v>
      </c>
      <c r="B43717" t="s">
        <v>4179</v>
      </c>
      <c r="C43717">
        <v>1</v>
      </c>
      <c r="D43717">
        <v>0</v>
      </c>
    </row>
    <row r="43718" spans="1:4" x14ac:dyDescent="0.25">
      <c r="A43718" t="s">
        <v>61166</v>
      </c>
      <c r="B43718" t="s">
        <v>61168</v>
      </c>
      <c r="C43718">
        <v>1</v>
      </c>
      <c r="D43718">
        <v>0</v>
      </c>
    </row>
    <row r="43719" spans="1:4" x14ac:dyDescent="0.25">
      <c r="A43719" t="s">
        <v>61169</v>
      </c>
      <c r="B43719" t="s">
        <v>61170</v>
      </c>
      <c r="C43719">
        <v>1</v>
      </c>
      <c r="D43719">
        <v>0</v>
      </c>
    </row>
    <row r="43720" spans="1:4" x14ac:dyDescent="0.25">
      <c r="A43720" t="s">
        <v>61169</v>
      </c>
      <c r="B43720" t="s">
        <v>61171</v>
      </c>
      <c r="C43720">
        <v>1</v>
      </c>
      <c r="D43720">
        <v>0</v>
      </c>
    </row>
    <row r="43721" spans="1:4" x14ac:dyDescent="0.25">
      <c r="A43721" t="s">
        <v>61169</v>
      </c>
      <c r="B43721" t="s">
        <v>61172</v>
      </c>
      <c r="C43721">
        <v>1</v>
      </c>
      <c r="D43721">
        <v>0</v>
      </c>
    </row>
    <row r="43722" spans="1:4" x14ac:dyDescent="0.25">
      <c r="A43722" t="s">
        <v>61169</v>
      </c>
      <c r="B43722" t="s">
        <v>61173</v>
      </c>
      <c r="C43722">
        <v>1</v>
      </c>
      <c r="D43722">
        <v>0</v>
      </c>
    </row>
    <row r="43723" spans="1:4" x14ac:dyDescent="0.25">
      <c r="A43723" t="s">
        <v>61169</v>
      </c>
      <c r="B43723" t="s">
        <v>61174</v>
      </c>
      <c r="C43723">
        <v>1</v>
      </c>
      <c r="D43723">
        <v>0</v>
      </c>
    </row>
    <row r="43724" spans="1:4" x14ac:dyDescent="0.25">
      <c r="A43724" t="s">
        <v>61169</v>
      </c>
      <c r="B43724" t="s">
        <v>61175</v>
      </c>
      <c r="C43724">
        <v>2</v>
      </c>
      <c r="D43724">
        <v>0</v>
      </c>
    </row>
    <row r="43725" spans="1:4" x14ac:dyDescent="0.25">
      <c r="A43725" t="s">
        <v>61169</v>
      </c>
      <c r="B43725" t="s">
        <v>61176</v>
      </c>
      <c r="C43725">
        <v>1</v>
      </c>
      <c r="D43725">
        <v>0</v>
      </c>
    </row>
    <row r="43726" spans="1:4" x14ac:dyDescent="0.25">
      <c r="A43726" t="s">
        <v>61169</v>
      </c>
      <c r="B43726" t="s">
        <v>61177</v>
      </c>
      <c r="C43726">
        <v>0</v>
      </c>
      <c r="D43726">
        <v>0</v>
      </c>
    </row>
    <row r="43727" spans="1:4" x14ac:dyDescent="0.25">
      <c r="A43727" t="s">
        <v>61169</v>
      </c>
      <c r="B43727" t="s">
        <v>61178</v>
      </c>
      <c r="C43727">
        <v>1</v>
      </c>
      <c r="D43727">
        <v>0</v>
      </c>
    </row>
    <row r="43728" spans="1:4" x14ac:dyDescent="0.25">
      <c r="A43728" t="s">
        <v>61169</v>
      </c>
      <c r="B43728" t="s">
        <v>61179</v>
      </c>
      <c r="C43728">
        <v>2</v>
      </c>
      <c r="D43728">
        <v>0</v>
      </c>
    </row>
    <row r="43729" spans="1:4" x14ac:dyDescent="0.25">
      <c r="A43729" t="s">
        <v>61180</v>
      </c>
      <c r="B43729" t="s">
        <v>61181</v>
      </c>
      <c r="C43729">
        <v>1</v>
      </c>
      <c r="D43729">
        <v>0</v>
      </c>
    </row>
    <row r="43730" spans="1:4" x14ac:dyDescent="0.25">
      <c r="A43730" t="s">
        <v>61180</v>
      </c>
      <c r="B43730" t="s">
        <v>61182</v>
      </c>
      <c r="C43730">
        <v>0</v>
      </c>
      <c r="D43730">
        <v>0</v>
      </c>
    </row>
    <row r="43731" spans="1:4" x14ac:dyDescent="0.25">
      <c r="A43731" t="s">
        <v>61180</v>
      </c>
      <c r="B43731" t="s">
        <v>61183</v>
      </c>
      <c r="C43731">
        <v>0</v>
      </c>
      <c r="D43731">
        <v>0</v>
      </c>
    </row>
    <row r="43732" spans="1:4" x14ac:dyDescent="0.25">
      <c r="A43732" t="s">
        <v>61184</v>
      </c>
      <c r="B43732" t="s">
        <v>61185</v>
      </c>
      <c r="C43732">
        <v>2</v>
      </c>
      <c r="D43732">
        <v>0</v>
      </c>
    </row>
    <row r="43733" spans="1:4" x14ac:dyDescent="0.25">
      <c r="A43733" t="s">
        <v>61184</v>
      </c>
      <c r="B43733" t="s">
        <v>61186</v>
      </c>
      <c r="C43733">
        <v>2</v>
      </c>
      <c r="D43733">
        <v>0</v>
      </c>
    </row>
    <row r="43734" spans="1:4" x14ac:dyDescent="0.25">
      <c r="A43734" t="s">
        <v>61187</v>
      </c>
      <c r="B43734" t="s">
        <v>61188</v>
      </c>
      <c r="C43734">
        <v>1</v>
      </c>
      <c r="D43734">
        <v>0</v>
      </c>
    </row>
    <row r="43735" spans="1:4" x14ac:dyDescent="0.25">
      <c r="A43735" t="s">
        <v>61189</v>
      </c>
      <c r="B43735" t="s">
        <v>61190</v>
      </c>
      <c r="C43735">
        <v>1</v>
      </c>
      <c r="D43735">
        <v>0</v>
      </c>
    </row>
    <row r="43736" spans="1:4" x14ac:dyDescent="0.25">
      <c r="A43736" t="s">
        <v>61189</v>
      </c>
      <c r="B43736" t="s">
        <v>61191</v>
      </c>
      <c r="C43736">
        <v>1</v>
      </c>
      <c r="D43736">
        <v>0</v>
      </c>
    </row>
    <row r="43737" spans="1:4" x14ac:dyDescent="0.25">
      <c r="A43737" t="s">
        <v>61189</v>
      </c>
      <c r="B43737" t="s">
        <v>61192</v>
      </c>
      <c r="C43737">
        <v>1</v>
      </c>
      <c r="D43737">
        <v>0</v>
      </c>
    </row>
    <row r="43738" spans="1:4" x14ac:dyDescent="0.25">
      <c r="A43738" t="s">
        <v>61189</v>
      </c>
      <c r="B43738" t="s">
        <v>61193</v>
      </c>
      <c r="C43738">
        <v>1</v>
      </c>
      <c r="D43738">
        <v>0</v>
      </c>
    </row>
    <row r="43739" spans="1:4" x14ac:dyDescent="0.25">
      <c r="A43739" t="s">
        <v>61189</v>
      </c>
      <c r="B43739" t="s">
        <v>61194</v>
      </c>
      <c r="C43739">
        <v>1</v>
      </c>
      <c r="D43739">
        <v>0</v>
      </c>
    </row>
    <row r="43740" spans="1:4" x14ac:dyDescent="0.25">
      <c r="A43740" t="s">
        <v>61195</v>
      </c>
      <c r="B43740" t="s">
        <v>8120</v>
      </c>
      <c r="C43740">
        <v>1</v>
      </c>
      <c r="D43740">
        <v>0</v>
      </c>
    </row>
    <row r="43741" spans="1:4" x14ac:dyDescent="0.25">
      <c r="A43741" t="s">
        <v>61195</v>
      </c>
      <c r="B43741" t="s">
        <v>17479</v>
      </c>
      <c r="C43741">
        <v>0</v>
      </c>
      <c r="D43741">
        <v>0</v>
      </c>
    </row>
    <row r="43742" spans="1:4" x14ac:dyDescent="0.25">
      <c r="A43742" t="s">
        <v>61196</v>
      </c>
      <c r="B43742" t="s">
        <v>61197</v>
      </c>
      <c r="C43742">
        <v>1</v>
      </c>
      <c r="D43742">
        <v>0</v>
      </c>
    </row>
    <row r="43743" spans="1:4" x14ac:dyDescent="0.25">
      <c r="A43743" t="s">
        <v>61196</v>
      </c>
      <c r="B43743" t="s">
        <v>61198</v>
      </c>
      <c r="C43743">
        <v>0</v>
      </c>
      <c r="D43743">
        <v>0</v>
      </c>
    </row>
    <row r="43744" spans="1:4" x14ac:dyDescent="0.25">
      <c r="A43744" t="s">
        <v>61196</v>
      </c>
      <c r="B43744" t="s">
        <v>61199</v>
      </c>
      <c r="C43744">
        <v>0</v>
      </c>
      <c r="D43744">
        <v>0</v>
      </c>
    </row>
    <row r="43745" spans="1:4" x14ac:dyDescent="0.25">
      <c r="A43745" t="s">
        <v>61196</v>
      </c>
      <c r="B43745" t="s">
        <v>61200</v>
      </c>
      <c r="C43745">
        <v>1</v>
      </c>
      <c r="D43745">
        <v>0</v>
      </c>
    </row>
    <row r="43746" spans="1:4" x14ac:dyDescent="0.25">
      <c r="A43746" t="s">
        <v>61196</v>
      </c>
      <c r="B43746" t="s">
        <v>61201</v>
      </c>
      <c r="C43746">
        <v>1</v>
      </c>
      <c r="D43746">
        <v>0</v>
      </c>
    </row>
    <row r="43747" spans="1:4" x14ac:dyDescent="0.25">
      <c r="A43747" t="s">
        <v>61202</v>
      </c>
      <c r="B43747" t="s">
        <v>61203</v>
      </c>
      <c r="C43747">
        <v>1</v>
      </c>
      <c r="D43747">
        <v>0</v>
      </c>
    </row>
    <row r="43748" spans="1:4" x14ac:dyDescent="0.25">
      <c r="A43748" t="s">
        <v>61202</v>
      </c>
      <c r="B43748" t="s">
        <v>61204</v>
      </c>
      <c r="C43748">
        <v>1</v>
      </c>
      <c r="D43748">
        <v>0</v>
      </c>
    </row>
    <row r="43749" spans="1:4" x14ac:dyDescent="0.25">
      <c r="A43749" t="s">
        <v>61205</v>
      </c>
      <c r="B43749" t="s">
        <v>46889</v>
      </c>
      <c r="C43749">
        <v>0</v>
      </c>
      <c r="D43749">
        <v>0</v>
      </c>
    </row>
    <row r="43750" spans="1:4" x14ac:dyDescent="0.25">
      <c r="A43750" t="s">
        <v>61205</v>
      </c>
      <c r="B43750" t="s">
        <v>61206</v>
      </c>
      <c r="C43750">
        <v>2</v>
      </c>
      <c r="D43750">
        <v>0</v>
      </c>
    </row>
    <row r="43751" spans="1:4" x14ac:dyDescent="0.25">
      <c r="A43751" t="s">
        <v>61205</v>
      </c>
      <c r="B43751" t="s">
        <v>19309</v>
      </c>
      <c r="C43751">
        <v>0</v>
      </c>
      <c r="D43751">
        <v>0</v>
      </c>
    </row>
    <row r="43752" spans="1:4" x14ac:dyDescent="0.25">
      <c r="A43752" t="s">
        <v>61205</v>
      </c>
      <c r="B43752" t="s">
        <v>33714</v>
      </c>
      <c r="C43752">
        <v>0</v>
      </c>
      <c r="D43752">
        <v>0</v>
      </c>
    </row>
    <row r="43753" spans="1:4" x14ac:dyDescent="0.25">
      <c r="A43753" t="s">
        <v>61205</v>
      </c>
      <c r="B43753" t="s">
        <v>61207</v>
      </c>
      <c r="C43753">
        <v>2</v>
      </c>
      <c r="D43753">
        <v>0</v>
      </c>
    </row>
    <row r="43754" spans="1:4" x14ac:dyDescent="0.25">
      <c r="A43754" t="s">
        <v>61208</v>
      </c>
      <c r="B43754" t="s">
        <v>61209</v>
      </c>
      <c r="C43754">
        <v>2</v>
      </c>
      <c r="D43754">
        <v>0</v>
      </c>
    </row>
    <row r="43755" spans="1:4" x14ac:dyDescent="0.25">
      <c r="A43755" t="s">
        <v>61208</v>
      </c>
      <c r="B43755" t="s">
        <v>61210</v>
      </c>
      <c r="C43755">
        <v>1</v>
      </c>
      <c r="D43755">
        <v>0</v>
      </c>
    </row>
    <row r="43756" spans="1:4" x14ac:dyDescent="0.25">
      <c r="A43756" t="s">
        <v>61208</v>
      </c>
      <c r="B43756" t="s">
        <v>61211</v>
      </c>
      <c r="C43756">
        <v>0</v>
      </c>
      <c r="D43756">
        <v>0</v>
      </c>
    </row>
    <row r="43757" spans="1:4" x14ac:dyDescent="0.25">
      <c r="A43757" t="s">
        <v>61208</v>
      </c>
      <c r="B43757" t="s">
        <v>61212</v>
      </c>
      <c r="C43757">
        <v>2</v>
      </c>
      <c r="D43757">
        <v>0</v>
      </c>
    </row>
    <row r="43758" spans="1:4" x14ac:dyDescent="0.25">
      <c r="A43758" t="s">
        <v>61208</v>
      </c>
      <c r="B43758" t="s">
        <v>61213</v>
      </c>
      <c r="C43758">
        <v>1</v>
      </c>
      <c r="D43758">
        <v>0</v>
      </c>
    </row>
    <row r="43759" spans="1:4" x14ac:dyDescent="0.25">
      <c r="A43759" t="s">
        <v>61214</v>
      </c>
      <c r="B43759" t="s">
        <v>15229</v>
      </c>
      <c r="C43759">
        <v>1</v>
      </c>
      <c r="D43759">
        <v>0</v>
      </c>
    </row>
    <row r="43760" spans="1:4" x14ac:dyDescent="0.25">
      <c r="A43760" t="s">
        <v>61214</v>
      </c>
      <c r="B43760" t="s">
        <v>61215</v>
      </c>
      <c r="C43760">
        <v>1</v>
      </c>
      <c r="D43760">
        <v>0</v>
      </c>
    </row>
    <row r="43761" spans="1:4" x14ac:dyDescent="0.25">
      <c r="A43761" t="s">
        <v>61214</v>
      </c>
      <c r="B43761" t="s">
        <v>61216</v>
      </c>
      <c r="C43761">
        <v>1</v>
      </c>
      <c r="D43761">
        <v>0</v>
      </c>
    </row>
    <row r="43762" spans="1:4" x14ac:dyDescent="0.25">
      <c r="A43762" t="s">
        <v>61214</v>
      </c>
      <c r="B43762" t="s">
        <v>61217</v>
      </c>
      <c r="C43762">
        <v>0</v>
      </c>
      <c r="D43762">
        <v>0</v>
      </c>
    </row>
    <row r="43763" spans="1:4" x14ac:dyDescent="0.25">
      <c r="A43763" t="s">
        <v>61214</v>
      </c>
      <c r="B43763" t="s">
        <v>61218</v>
      </c>
      <c r="C43763">
        <v>1</v>
      </c>
      <c r="D43763">
        <v>0</v>
      </c>
    </row>
    <row r="43764" spans="1:4" x14ac:dyDescent="0.25">
      <c r="A43764" t="s">
        <v>61219</v>
      </c>
      <c r="B43764" t="s">
        <v>61220</v>
      </c>
      <c r="C43764">
        <v>1</v>
      </c>
      <c r="D43764">
        <v>0</v>
      </c>
    </row>
    <row r="43765" spans="1:4" x14ac:dyDescent="0.25">
      <c r="A43765" t="s">
        <v>61219</v>
      </c>
      <c r="B43765" t="s">
        <v>61221</v>
      </c>
      <c r="C43765">
        <v>1</v>
      </c>
      <c r="D43765">
        <v>0</v>
      </c>
    </row>
    <row r="43766" spans="1:4" x14ac:dyDescent="0.25">
      <c r="A43766" t="s">
        <v>61219</v>
      </c>
      <c r="B43766" t="s">
        <v>47936</v>
      </c>
      <c r="C43766">
        <v>1</v>
      </c>
      <c r="D43766">
        <v>0</v>
      </c>
    </row>
    <row r="43767" spans="1:4" x14ac:dyDescent="0.25">
      <c r="A43767" t="s">
        <v>61219</v>
      </c>
      <c r="B43767" t="s">
        <v>20844</v>
      </c>
      <c r="C43767">
        <v>1</v>
      </c>
      <c r="D43767">
        <v>0</v>
      </c>
    </row>
    <row r="43768" spans="1:4" x14ac:dyDescent="0.25">
      <c r="A43768" t="s">
        <v>61219</v>
      </c>
      <c r="B43768" t="s">
        <v>61222</v>
      </c>
      <c r="C43768">
        <v>1</v>
      </c>
      <c r="D43768">
        <v>0</v>
      </c>
    </row>
    <row r="43769" spans="1:4" x14ac:dyDescent="0.25">
      <c r="A43769" t="s">
        <v>61223</v>
      </c>
      <c r="B43769" t="s">
        <v>61224</v>
      </c>
      <c r="C43769">
        <v>1</v>
      </c>
      <c r="D43769">
        <v>0</v>
      </c>
    </row>
    <row r="43770" spans="1:4" x14ac:dyDescent="0.25">
      <c r="A43770" t="s">
        <v>61223</v>
      </c>
      <c r="B43770" t="s">
        <v>61225</v>
      </c>
      <c r="C43770">
        <v>1</v>
      </c>
      <c r="D43770">
        <v>0</v>
      </c>
    </row>
    <row r="43771" spans="1:4" x14ac:dyDescent="0.25">
      <c r="A43771" t="s">
        <v>61223</v>
      </c>
      <c r="B43771" t="s">
        <v>61226</v>
      </c>
      <c r="C43771">
        <v>2</v>
      </c>
      <c r="D43771">
        <v>0</v>
      </c>
    </row>
    <row r="43772" spans="1:4" x14ac:dyDescent="0.25">
      <c r="A43772" t="s">
        <v>61227</v>
      </c>
      <c r="B43772" t="s">
        <v>61228</v>
      </c>
      <c r="C43772">
        <v>1</v>
      </c>
      <c r="D43772">
        <v>0</v>
      </c>
    </row>
    <row r="43773" spans="1:4" x14ac:dyDescent="0.25">
      <c r="A43773" t="s">
        <v>61227</v>
      </c>
      <c r="B43773" t="s">
        <v>61229</v>
      </c>
      <c r="C43773">
        <v>1</v>
      </c>
      <c r="D43773">
        <v>0</v>
      </c>
    </row>
    <row r="43774" spans="1:4" x14ac:dyDescent="0.25">
      <c r="A43774" t="s">
        <v>61227</v>
      </c>
      <c r="B43774" t="s">
        <v>61230</v>
      </c>
      <c r="C43774">
        <v>1</v>
      </c>
      <c r="D43774">
        <v>0</v>
      </c>
    </row>
    <row r="43775" spans="1:4" x14ac:dyDescent="0.25">
      <c r="A43775" t="s">
        <v>61227</v>
      </c>
      <c r="B43775" t="s">
        <v>61231</v>
      </c>
      <c r="C43775">
        <v>1</v>
      </c>
      <c r="D43775">
        <v>0</v>
      </c>
    </row>
    <row r="43776" spans="1:4" x14ac:dyDescent="0.25">
      <c r="A43776" t="s">
        <v>61232</v>
      </c>
      <c r="B43776" t="s">
        <v>61233</v>
      </c>
      <c r="C43776">
        <v>1</v>
      </c>
      <c r="D43776">
        <v>0</v>
      </c>
    </row>
    <row r="43777" spans="1:4" x14ac:dyDescent="0.25">
      <c r="A43777" t="s">
        <v>61232</v>
      </c>
      <c r="B43777" t="s">
        <v>61234</v>
      </c>
      <c r="C43777">
        <v>0</v>
      </c>
      <c r="D43777">
        <v>0</v>
      </c>
    </row>
    <row r="43778" spans="1:4" x14ac:dyDescent="0.25">
      <c r="A43778" t="s">
        <v>61232</v>
      </c>
      <c r="B43778" t="s">
        <v>61235</v>
      </c>
      <c r="C43778">
        <v>0</v>
      </c>
      <c r="D43778">
        <v>0</v>
      </c>
    </row>
    <row r="43779" spans="1:4" x14ac:dyDescent="0.25">
      <c r="A43779" t="s">
        <v>61232</v>
      </c>
      <c r="B43779" t="s">
        <v>61236</v>
      </c>
      <c r="C43779">
        <v>0</v>
      </c>
      <c r="D43779">
        <v>0</v>
      </c>
    </row>
    <row r="43780" spans="1:4" x14ac:dyDescent="0.25">
      <c r="A43780" t="s">
        <v>61232</v>
      </c>
      <c r="B43780" t="s">
        <v>61237</v>
      </c>
      <c r="C43780">
        <v>0</v>
      </c>
      <c r="D43780">
        <v>0</v>
      </c>
    </row>
    <row r="43781" spans="1:4" x14ac:dyDescent="0.25">
      <c r="A43781" t="s">
        <v>61232</v>
      </c>
      <c r="B43781" t="s">
        <v>61238</v>
      </c>
      <c r="C43781">
        <v>0</v>
      </c>
      <c r="D43781">
        <v>0</v>
      </c>
    </row>
    <row r="43782" spans="1:4" x14ac:dyDescent="0.25">
      <c r="A43782" t="s">
        <v>61232</v>
      </c>
      <c r="B43782" t="s">
        <v>61239</v>
      </c>
      <c r="C43782">
        <v>0</v>
      </c>
      <c r="D43782">
        <v>0</v>
      </c>
    </row>
    <row r="43783" spans="1:4" x14ac:dyDescent="0.25">
      <c r="A43783" t="s">
        <v>61232</v>
      </c>
      <c r="B43783" t="s">
        <v>61240</v>
      </c>
      <c r="C43783">
        <v>0</v>
      </c>
      <c r="D43783">
        <v>0</v>
      </c>
    </row>
    <row r="43784" spans="1:4" x14ac:dyDescent="0.25">
      <c r="A43784" t="s">
        <v>61241</v>
      </c>
      <c r="B43784" t="s">
        <v>61242</v>
      </c>
      <c r="C43784">
        <v>0</v>
      </c>
      <c r="D43784">
        <v>0</v>
      </c>
    </row>
    <row r="43785" spans="1:4" x14ac:dyDescent="0.25">
      <c r="A43785" t="s">
        <v>61241</v>
      </c>
      <c r="B43785" t="s">
        <v>61243</v>
      </c>
      <c r="C43785">
        <v>0</v>
      </c>
      <c r="D43785">
        <v>0</v>
      </c>
    </row>
    <row r="43786" spans="1:4" x14ac:dyDescent="0.25">
      <c r="A43786" t="s">
        <v>61244</v>
      </c>
      <c r="B43786" t="s">
        <v>47634</v>
      </c>
      <c r="C43786">
        <v>2</v>
      </c>
      <c r="D43786">
        <v>0</v>
      </c>
    </row>
    <row r="43787" spans="1:4" x14ac:dyDescent="0.25">
      <c r="A43787" t="s">
        <v>61244</v>
      </c>
      <c r="B43787" t="s">
        <v>5047</v>
      </c>
      <c r="C43787">
        <v>0</v>
      </c>
      <c r="D43787">
        <v>0</v>
      </c>
    </row>
    <row r="43788" spans="1:4" x14ac:dyDescent="0.25">
      <c r="A43788" t="s">
        <v>61244</v>
      </c>
      <c r="B43788" t="s">
        <v>61245</v>
      </c>
      <c r="C43788">
        <v>2</v>
      </c>
      <c r="D43788">
        <v>0</v>
      </c>
    </row>
    <row r="43789" spans="1:4" x14ac:dyDescent="0.25">
      <c r="A43789" t="s">
        <v>61244</v>
      </c>
      <c r="B43789" t="s">
        <v>61246</v>
      </c>
      <c r="C43789">
        <v>1</v>
      </c>
      <c r="D43789">
        <v>0</v>
      </c>
    </row>
    <row r="43790" spans="1:4" x14ac:dyDescent="0.25">
      <c r="A43790" t="s">
        <v>61244</v>
      </c>
      <c r="B43790" t="s">
        <v>61247</v>
      </c>
      <c r="C43790">
        <v>1</v>
      </c>
      <c r="D43790">
        <v>0</v>
      </c>
    </row>
    <row r="43791" spans="1:4" x14ac:dyDescent="0.25">
      <c r="A43791" t="s">
        <v>61244</v>
      </c>
      <c r="B43791" t="s">
        <v>61248</v>
      </c>
      <c r="C43791">
        <v>1</v>
      </c>
      <c r="D43791">
        <v>0</v>
      </c>
    </row>
    <row r="43792" spans="1:4" x14ac:dyDescent="0.25">
      <c r="A43792" t="s">
        <v>61244</v>
      </c>
      <c r="B43792" t="s">
        <v>61249</v>
      </c>
      <c r="C43792">
        <v>2</v>
      </c>
      <c r="D43792">
        <v>0</v>
      </c>
    </row>
    <row r="43793" spans="1:4" x14ac:dyDescent="0.25">
      <c r="A43793" t="s">
        <v>61250</v>
      </c>
      <c r="B43793" t="s">
        <v>11711</v>
      </c>
      <c r="C43793">
        <v>1</v>
      </c>
      <c r="D43793">
        <v>0</v>
      </c>
    </row>
    <row r="43794" spans="1:4" x14ac:dyDescent="0.25">
      <c r="A43794" t="s">
        <v>61250</v>
      </c>
      <c r="B43794" t="s">
        <v>61251</v>
      </c>
      <c r="C43794">
        <v>1</v>
      </c>
      <c r="D43794">
        <v>0</v>
      </c>
    </row>
    <row r="43795" spans="1:4" x14ac:dyDescent="0.25">
      <c r="A43795" t="s">
        <v>61250</v>
      </c>
      <c r="B43795" t="s">
        <v>5537</v>
      </c>
      <c r="C43795">
        <v>1</v>
      </c>
      <c r="D43795">
        <v>0</v>
      </c>
    </row>
    <row r="43796" spans="1:4" x14ac:dyDescent="0.25">
      <c r="A43796" t="s">
        <v>61250</v>
      </c>
      <c r="B43796" t="s">
        <v>61252</v>
      </c>
      <c r="C43796">
        <v>2</v>
      </c>
      <c r="D43796">
        <v>0</v>
      </c>
    </row>
    <row r="43797" spans="1:4" x14ac:dyDescent="0.25">
      <c r="A43797" t="s">
        <v>61250</v>
      </c>
      <c r="B43797" t="s">
        <v>951</v>
      </c>
      <c r="C43797">
        <v>1</v>
      </c>
      <c r="D43797">
        <v>0</v>
      </c>
    </row>
    <row r="43798" spans="1:4" x14ac:dyDescent="0.25">
      <c r="A43798" t="s">
        <v>61250</v>
      </c>
      <c r="B43798" t="s">
        <v>11075</v>
      </c>
      <c r="C43798">
        <v>1</v>
      </c>
      <c r="D43798">
        <v>0</v>
      </c>
    </row>
    <row r="43799" spans="1:4" x14ac:dyDescent="0.25">
      <c r="A43799" t="s">
        <v>61250</v>
      </c>
      <c r="B43799" t="s">
        <v>2651</v>
      </c>
      <c r="C43799">
        <v>0</v>
      </c>
      <c r="D43799">
        <v>0</v>
      </c>
    </row>
    <row r="43800" spans="1:4" x14ac:dyDescent="0.25">
      <c r="A43800" t="s">
        <v>61253</v>
      </c>
      <c r="B43800" t="s">
        <v>61254</v>
      </c>
      <c r="C43800">
        <v>1</v>
      </c>
      <c r="D43800">
        <v>0</v>
      </c>
    </row>
    <row r="43801" spans="1:4" x14ac:dyDescent="0.25">
      <c r="A43801" t="s">
        <v>61253</v>
      </c>
      <c r="B43801" t="s">
        <v>61255</v>
      </c>
      <c r="C43801">
        <v>1</v>
      </c>
      <c r="D43801">
        <v>0</v>
      </c>
    </row>
    <row r="43802" spans="1:4" x14ac:dyDescent="0.25">
      <c r="A43802" t="s">
        <v>61253</v>
      </c>
      <c r="B43802" t="s">
        <v>61256</v>
      </c>
      <c r="C43802">
        <v>1</v>
      </c>
      <c r="D43802">
        <v>0</v>
      </c>
    </row>
    <row r="43803" spans="1:4" x14ac:dyDescent="0.25">
      <c r="A43803" t="s">
        <v>61253</v>
      </c>
      <c r="B43803" t="s">
        <v>61257</v>
      </c>
      <c r="C43803">
        <v>0</v>
      </c>
      <c r="D43803">
        <v>0</v>
      </c>
    </row>
    <row r="43804" spans="1:4" x14ac:dyDescent="0.25">
      <c r="A43804" t="s">
        <v>61253</v>
      </c>
      <c r="B43804" t="s">
        <v>61258</v>
      </c>
      <c r="C43804">
        <v>1</v>
      </c>
      <c r="D43804">
        <v>0</v>
      </c>
    </row>
    <row r="43805" spans="1:4" x14ac:dyDescent="0.25">
      <c r="A43805" t="s">
        <v>61253</v>
      </c>
      <c r="B43805" t="s">
        <v>61259</v>
      </c>
      <c r="C43805">
        <v>0</v>
      </c>
      <c r="D43805">
        <v>0</v>
      </c>
    </row>
    <row r="43806" spans="1:4" x14ac:dyDescent="0.25">
      <c r="A43806" t="s">
        <v>61260</v>
      </c>
      <c r="B43806" t="s">
        <v>61261</v>
      </c>
      <c r="C43806">
        <v>0</v>
      </c>
      <c r="D43806">
        <v>0</v>
      </c>
    </row>
    <row r="43807" spans="1:4" x14ac:dyDescent="0.25">
      <c r="A43807" t="s">
        <v>61260</v>
      </c>
      <c r="B43807" t="s">
        <v>61262</v>
      </c>
      <c r="C43807">
        <v>1</v>
      </c>
      <c r="D43807">
        <v>0</v>
      </c>
    </row>
    <row r="43808" spans="1:4" x14ac:dyDescent="0.25">
      <c r="A43808" t="s">
        <v>61263</v>
      </c>
      <c r="B43808" t="s">
        <v>61264</v>
      </c>
      <c r="C43808">
        <v>1</v>
      </c>
      <c r="D43808">
        <v>0</v>
      </c>
    </row>
    <row r="43809" spans="1:4" x14ac:dyDescent="0.25">
      <c r="A43809" t="s">
        <v>61263</v>
      </c>
      <c r="B43809" t="s">
        <v>61265</v>
      </c>
      <c r="C43809">
        <v>1</v>
      </c>
      <c r="D43809">
        <v>0</v>
      </c>
    </row>
    <row r="43810" spans="1:4" x14ac:dyDescent="0.25">
      <c r="A43810" t="s">
        <v>61263</v>
      </c>
      <c r="B43810" t="s">
        <v>61266</v>
      </c>
      <c r="C43810">
        <v>0</v>
      </c>
      <c r="D43810">
        <v>0</v>
      </c>
    </row>
    <row r="43811" spans="1:4" x14ac:dyDescent="0.25">
      <c r="A43811" t="s">
        <v>61263</v>
      </c>
      <c r="B43811" t="s">
        <v>61267</v>
      </c>
      <c r="C43811">
        <v>1</v>
      </c>
      <c r="D43811">
        <v>0</v>
      </c>
    </row>
    <row r="43812" spans="1:4" x14ac:dyDescent="0.25">
      <c r="A43812" t="s">
        <v>61263</v>
      </c>
      <c r="B43812" t="s">
        <v>61268</v>
      </c>
      <c r="C43812">
        <v>1</v>
      </c>
      <c r="D43812">
        <v>0</v>
      </c>
    </row>
    <row r="43813" spans="1:4" x14ac:dyDescent="0.25">
      <c r="A43813" t="s">
        <v>61269</v>
      </c>
      <c r="B43813" t="s">
        <v>61270</v>
      </c>
      <c r="C43813">
        <v>1</v>
      </c>
      <c r="D43813">
        <v>0</v>
      </c>
    </row>
    <row r="43814" spans="1:4" x14ac:dyDescent="0.25">
      <c r="A43814" t="s">
        <v>61269</v>
      </c>
      <c r="B43814" t="s">
        <v>61271</v>
      </c>
      <c r="C43814">
        <v>1</v>
      </c>
      <c r="D43814">
        <v>0</v>
      </c>
    </row>
    <row r="43815" spans="1:4" x14ac:dyDescent="0.25">
      <c r="A43815" t="s">
        <v>61272</v>
      </c>
      <c r="B43815" t="s">
        <v>61273</v>
      </c>
      <c r="C43815">
        <v>1</v>
      </c>
      <c r="D43815">
        <v>0</v>
      </c>
    </row>
    <row r="43816" spans="1:4" x14ac:dyDescent="0.25">
      <c r="A43816" t="s">
        <v>61272</v>
      </c>
      <c r="B43816" t="s">
        <v>61274</v>
      </c>
      <c r="C43816">
        <v>0</v>
      </c>
      <c r="D43816">
        <v>0</v>
      </c>
    </row>
    <row r="43817" spans="1:4" x14ac:dyDescent="0.25">
      <c r="A43817" t="s">
        <v>61272</v>
      </c>
      <c r="B43817" t="s">
        <v>61275</v>
      </c>
      <c r="C43817">
        <v>2</v>
      </c>
      <c r="D43817">
        <v>0</v>
      </c>
    </row>
    <row r="43818" spans="1:4" x14ac:dyDescent="0.25">
      <c r="A43818" t="s">
        <v>61272</v>
      </c>
      <c r="B43818" t="s">
        <v>61276</v>
      </c>
      <c r="C43818">
        <v>2</v>
      </c>
      <c r="D43818">
        <v>0</v>
      </c>
    </row>
    <row r="43819" spans="1:4" x14ac:dyDescent="0.25">
      <c r="A43819" t="s">
        <v>61272</v>
      </c>
      <c r="B43819" t="s">
        <v>5434</v>
      </c>
      <c r="C43819">
        <v>1</v>
      </c>
      <c r="D43819">
        <v>0</v>
      </c>
    </row>
    <row r="43820" spans="1:4" x14ac:dyDescent="0.25">
      <c r="A43820" t="s">
        <v>61277</v>
      </c>
      <c r="B43820" t="s">
        <v>31042</v>
      </c>
      <c r="C43820">
        <v>1</v>
      </c>
      <c r="D43820">
        <v>0</v>
      </c>
    </row>
    <row r="43821" spans="1:4" x14ac:dyDescent="0.25">
      <c r="A43821" t="s">
        <v>61278</v>
      </c>
      <c r="B43821" t="s">
        <v>61279</v>
      </c>
      <c r="C43821">
        <v>1</v>
      </c>
      <c r="D43821">
        <v>0</v>
      </c>
    </row>
    <row r="43822" spans="1:4" x14ac:dyDescent="0.25">
      <c r="A43822" t="s">
        <v>61280</v>
      </c>
      <c r="B43822" t="s">
        <v>61281</v>
      </c>
      <c r="C43822">
        <v>1</v>
      </c>
      <c r="D43822">
        <v>0</v>
      </c>
    </row>
    <row r="43823" spans="1:4" x14ac:dyDescent="0.25">
      <c r="A43823" t="s">
        <v>61280</v>
      </c>
      <c r="B43823" t="s">
        <v>61282</v>
      </c>
      <c r="C43823">
        <v>1</v>
      </c>
      <c r="D43823">
        <v>0</v>
      </c>
    </row>
    <row r="43824" spans="1:4" x14ac:dyDescent="0.25">
      <c r="A43824" t="s">
        <v>61280</v>
      </c>
      <c r="B43824" t="s">
        <v>61283</v>
      </c>
      <c r="C43824">
        <v>1</v>
      </c>
      <c r="D43824">
        <v>0</v>
      </c>
    </row>
    <row r="43825" spans="1:4" x14ac:dyDescent="0.25">
      <c r="A43825" t="s">
        <v>61280</v>
      </c>
      <c r="B43825" t="s">
        <v>5713</v>
      </c>
      <c r="C43825">
        <v>1</v>
      </c>
      <c r="D43825">
        <v>0</v>
      </c>
    </row>
    <row r="43826" spans="1:4" x14ac:dyDescent="0.25">
      <c r="A43826" t="s">
        <v>61280</v>
      </c>
      <c r="B43826" t="s">
        <v>5713</v>
      </c>
      <c r="C43826">
        <v>1</v>
      </c>
      <c r="D43826">
        <v>0</v>
      </c>
    </row>
    <row r="43827" spans="1:4" x14ac:dyDescent="0.25">
      <c r="A43827" t="s">
        <v>61280</v>
      </c>
      <c r="B43827" t="s">
        <v>5434</v>
      </c>
      <c r="C43827">
        <v>1</v>
      </c>
      <c r="D43827">
        <v>0</v>
      </c>
    </row>
    <row r="43828" spans="1:4" x14ac:dyDescent="0.25">
      <c r="A43828" t="s">
        <v>61284</v>
      </c>
      <c r="B43828" t="s">
        <v>61285</v>
      </c>
      <c r="C43828">
        <v>1</v>
      </c>
      <c r="D43828">
        <v>0</v>
      </c>
    </row>
    <row r="43829" spans="1:4" x14ac:dyDescent="0.25">
      <c r="A43829" t="s">
        <v>61284</v>
      </c>
      <c r="B43829" t="s">
        <v>61286</v>
      </c>
      <c r="C43829">
        <v>1</v>
      </c>
      <c r="D43829">
        <v>0</v>
      </c>
    </row>
    <row r="43830" spans="1:4" x14ac:dyDescent="0.25">
      <c r="A43830" t="s">
        <v>61284</v>
      </c>
      <c r="B43830" t="s">
        <v>61287</v>
      </c>
      <c r="C43830">
        <v>1</v>
      </c>
      <c r="D43830">
        <v>0</v>
      </c>
    </row>
    <row r="43831" spans="1:4" x14ac:dyDescent="0.25">
      <c r="A43831" t="s">
        <v>61284</v>
      </c>
      <c r="B43831" t="s">
        <v>61288</v>
      </c>
      <c r="C43831">
        <v>2</v>
      </c>
      <c r="D43831">
        <v>0</v>
      </c>
    </row>
    <row r="43832" spans="1:4" x14ac:dyDescent="0.25">
      <c r="A43832" t="s">
        <v>61284</v>
      </c>
      <c r="B43832" t="s">
        <v>61289</v>
      </c>
      <c r="C43832">
        <v>1</v>
      </c>
      <c r="D43832">
        <v>0</v>
      </c>
    </row>
    <row r="43833" spans="1:4" x14ac:dyDescent="0.25">
      <c r="A43833" t="s">
        <v>61290</v>
      </c>
      <c r="B43833" t="s">
        <v>61291</v>
      </c>
      <c r="C43833">
        <v>1</v>
      </c>
      <c r="D43833">
        <v>0</v>
      </c>
    </row>
    <row r="43834" spans="1:4" x14ac:dyDescent="0.25">
      <c r="A43834" t="s">
        <v>61290</v>
      </c>
      <c r="B43834" t="s">
        <v>61292</v>
      </c>
      <c r="C43834">
        <v>1</v>
      </c>
      <c r="D43834">
        <v>0</v>
      </c>
    </row>
    <row r="43835" spans="1:4" x14ac:dyDescent="0.25">
      <c r="A43835" t="s">
        <v>61290</v>
      </c>
      <c r="B43835" t="s">
        <v>61293</v>
      </c>
      <c r="C43835">
        <v>1</v>
      </c>
      <c r="D43835">
        <v>0</v>
      </c>
    </row>
    <row r="43836" spans="1:4" x14ac:dyDescent="0.25">
      <c r="A43836" t="s">
        <v>61294</v>
      </c>
      <c r="B43836" t="s">
        <v>61295</v>
      </c>
      <c r="C43836">
        <v>1</v>
      </c>
      <c r="D43836">
        <v>0</v>
      </c>
    </row>
    <row r="43837" spans="1:4" x14ac:dyDescent="0.25">
      <c r="A43837" t="s">
        <v>61294</v>
      </c>
      <c r="B43837" t="s">
        <v>61296</v>
      </c>
      <c r="C43837">
        <v>1</v>
      </c>
      <c r="D43837">
        <v>0</v>
      </c>
    </row>
    <row r="43838" spans="1:4" x14ac:dyDescent="0.25">
      <c r="A43838" t="s">
        <v>61294</v>
      </c>
      <c r="B43838" t="s">
        <v>61297</v>
      </c>
      <c r="C43838">
        <v>0</v>
      </c>
      <c r="D43838">
        <v>0</v>
      </c>
    </row>
    <row r="43839" spans="1:4" x14ac:dyDescent="0.25">
      <c r="A43839" t="s">
        <v>61298</v>
      </c>
      <c r="B43839" t="s">
        <v>61299</v>
      </c>
      <c r="C43839">
        <v>1</v>
      </c>
      <c r="D43839">
        <v>0</v>
      </c>
    </row>
    <row r="43840" spans="1:4" x14ac:dyDescent="0.25">
      <c r="A43840" t="s">
        <v>61298</v>
      </c>
      <c r="B43840" t="s">
        <v>61300</v>
      </c>
      <c r="C43840">
        <v>1</v>
      </c>
      <c r="D43840">
        <v>0</v>
      </c>
    </row>
    <row r="43841" spans="1:4" x14ac:dyDescent="0.25">
      <c r="A43841" t="s">
        <v>61298</v>
      </c>
      <c r="B43841" t="s">
        <v>61301</v>
      </c>
      <c r="C43841">
        <v>1</v>
      </c>
      <c r="D43841">
        <v>0</v>
      </c>
    </row>
    <row r="43842" spans="1:4" x14ac:dyDescent="0.25">
      <c r="A43842" t="s">
        <v>61298</v>
      </c>
      <c r="B43842" t="s">
        <v>61302</v>
      </c>
      <c r="C43842">
        <v>2</v>
      </c>
      <c r="D43842">
        <v>0</v>
      </c>
    </row>
    <row r="43843" spans="1:4" x14ac:dyDescent="0.25">
      <c r="A43843" t="s">
        <v>61303</v>
      </c>
      <c r="B43843" t="s">
        <v>61304</v>
      </c>
      <c r="C43843">
        <v>1</v>
      </c>
      <c r="D43843">
        <v>0</v>
      </c>
    </row>
    <row r="43844" spans="1:4" x14ac:dyDescent="0.25">
      <c r="A43844" t="s">
        <v>61303</v>
      </c>
      <c r="B43844" t="s">
        <v>61305</v>
      </c>
      <c r="C43844">
        <v>0</v>
      </c>
      <c r="D43844">
        <v>0</v>
      </c>
    </row>
    <row r="43845" spans="1:4" x14ac:dyDescent="0.25">
      <c r="A43845" t="s">
        <v>61303</v>
      </c>
      <c r="B43845" t="s">
        <v>61306</v>
      </c>
      <c r="C43845">
        <v>2</v>
      </c>
      <c r="D43845">
        <v>0</v>
      </c>
    </row>
    <row r="43846" spans="1:4" x14ac:dyDescent="0.25">
      <c r="A43846" t="s">
        <v>61303</v>
      </c>
      <c r="B43846" t="s">
        <v>61307</v>
      </c>
      <c r="C43846">
        <v>1</v>
      </c>
      <c r="D43846">
        <v>0</v>
      </c>
    </row>
    <row r="43847" spans="1:4" x14ac:dyDescent="0.25">
      <c r="A43847" t="s">
        <v>61303</v>
      </c>
      <c r="B43847" t="s">
        <v>61308</v>
      </c>
      <c r="C43847">
        <v>0</v>
      </c>
      <c r="D43847">
        <v>0</v>
      </c>
    </row>
    <row r="43848" spans="1:4" x14ac:dyDescent="0.25">
      <c r="A43848" t="s">
        <v>61303</v>
      </c>
      <c r="B43848" t="s">
        <v>61309</v>
      </c>
      <c r="C43848">
        <v>1</v>
      </c>
      <c r="D43848">
        <v>0</v>
      </c>
    </row>
    <row r="43849" spans="1:4" x14ac:dyDescent="0.25">
      <c r="A43849" t="s">
        <v>61303</v>
      </c>
      <c r="B43849" t="s">
        <v>61310</v>
      </c>
      <c r="C43849">
        <v>2</v>
      </c>
      <c r="D43849">
        <v>0</v>
      </c>
    </row>
    <row r="43850" spans="1:4" x14ac:dyDescent="0.25">
      <c r="A43850" t="s">
        <v>61311</v>
      </c>
      <c r="B43850" t="s">
        <v>61312</v>
      </c>
      <c r="C43850">
        <v>1</v>
      </c>
      <c r="D43850">
        <v>0</v>
      </c>
    </row>
    <row r="43851" spans="1:4" x14ac:dyDescent="0.25">
      <c r="A43851" t="s">
        <v>61311</v>
      </c>
      <c r="B43851" t="s">
        <v>61313</v>
      </c>
      <c r="C43851">
        <v>1</v>
      </c>
      <c r="D43851">
        <v>0</v>
      </c>
    </row>
    <row r="43852" spans="1:4" x14ac:dyDescent="0.25">
      <c r="A43852" t="s">
        <v>61311</v>
      </c>
      <c r="B43852" t="s">
        <v>5713</v>
      </c>
      <c r="C43852">
        <v>1</v>
      </c>
      <c r="D43852">
        <v>0</v>
      </c>
    </row>
    <row r="43853" spans="1:4" x14ac:dyDescent="0.25">
      <c r="A43853" t="s">
        <v>61311</v>
      </c>
      <c r="B43853" t="s">
        <v>61314</v>
      </c>
      <c r="C43853">
        <v>0</v>
      </c>
      <c r="D43853">
        <v>0</v>
      </c>
    </row>
    <row r="43854" spans="1:4" x14ac:dyDescent="0.25">
      <c r="A43854" t="s">
        <v>61311</v>
      </c>
      <c r="B43854" t="s">
        <v>61315</v>
      </c>
      <c r="C43854">
        <v>1</v>
      </c>
      <c r="D43854">
        <v>0</v>
      </c>
    </row>
    <row r="43855" spans="1:4" x14ac:dyDescent="0.25">
      <c r="A43855" t="s">
        <v>61311</v>
      </c>
      <c r="B43855" t="s">
        <v>5434</v>
      </c>
      <c r="C43855">
        <v>1</v>
      </c>
      <c r="D43855">
        <v>0</v>
      </c>
    </row>
    <row r="43856" spans="1:4" x14ac:dyDescent="0.25">
      <c r="A43856" t="s">
        <v>61311</v>
      </c>
      <c r="B43856" t="s">
        <v>61316</v>
      </c>
      <c r="C43856">
        <v>0</v>
      </c>
      <c r="D43856">
        <v>0</v>
      </c>
    </row>
    <row r="43857" spans="1:4" x14ac:dyDescent="0.25">
      <c r="A43857" t="s">
        <v>61317</v>
      </c>
      <c r="B43857" t="s">
        <v>61318</v>
      </c>
      <c r="C43857">
        <v>1</v>
      </c>
      <c r="D43857">
        <v>0</v>
      </c>
    </row>
    <row r="43858" spans="1:4" x14ac:dyDescent="0.25">
      <c r="A43858" t="s">
        <v>61317</v>
      </c>
      <c r="B43858" t="s">
        <v>61319</v>
      </c>
      <c r="C43858">
        <v>2</v>
      </c>
      <c r="D43858">
        <v>0</v>
      </c>
    </row>
    <row r="43859" spans="1:4" x14ac:dyDescent="0.25">
      <c r="A43859" t="s">
        <v>61317</v>
      </c>
      <c r="B43859" t="s">
        <v>61320</v>
      </c>
      <c r="C43859">
        <v>2</v>
      </c>
      <c r="D43859">
        <v>0</v>
      </c>
    </row>
    <row r="43860" spans="1:4" x14ac:dyDescent="0.25">
      <c r="A43860" t="s">
        <v>61321</v>
      </c>
      <c r="B43860" t="s">
        <v>61322</v>
      </c>
      <c r="C43860">
        <v>1</v>
      </c>
      <c r="D43860">
        <v>0</v>
      </c>
    </row>
    <row r="43861" spans="1:4" x14ac:dyDescent="0.25">
      <c r="A43861" t="s">
        <v>61321</v>
      </c>
      <c r="B43861" t="s">
        <v>11075</v>
      </c>
      <c r="C43861">
        <v>1</v>
      </c>
      <c r="D43861">
        <v>0</v>
      </c>
    </row>
    <row r="43862" spans="1:4" x14ac:dyDescent="0.25">
      <c r="A43862" t="s">
        <v>61321</v>
      </c>
      <c r="B43862" t="s">
        <v>61323</v>
      </c>
      <c r="C43862">
        <v>2</v>
      </c>
      <c r="D43862">
        <v>0</v>
      </c>
    </row>
    <row r="43863" spans="1:4" x14ac:dyDescent="0.25">
      <c r="A43863" t="s">
        <v>61321</v>
      </c>
      <c r="B43863" t="s">
        <v>61324</v>
      </c>
      <c r="C43863">
        <v>2</v>
      </c>
      <c r="D43863">
        <v>0</v>
      </c>
    </row>
    <row r="43864" spans="1:4" x14ac:dyDescent="0.25">
      <c r="A43864" t="s">
        <v>61325</v>
      </c>
      <c r="B43864" t="s">
        <v>61326</v>
      </c>
      <c r="C43864">
        <v>0</v>
      </c>
      <c r="D43864">
        <v>0</v>
      </c>
    </row>
    <row r="43865" spans="1:4" x14ac:dyDescent="0.25">
      <c r="A43865" t="s">
        <v>61325</v>
      </c>
      <c r="B43865" t="s">
        <v>61327</v>
      </c>
      <c r="C43865">
        <v>0</v>
      </c>
      <c r="D43865">
        <v>0</v>
      </c>
    </row>
    <row r="43866" spans="1:4" x14ac:dyDescent="0.25">
      <c r="A43866" t="s">
        <v>61325</v>
      </c>
      <c r="B43866" t="s">
        <v>61328</v>
      </c>
      <c r="C43866">
        <v>1</v>
      </c>
      <c r="D43866">
        <v>0</v>
      </c>
    </row>
    <row r="43867" spans="1:4" x14ac:dyDescent="0.25">
      <c r="A43867" t="s">
        <v>61325</v>
      </c>
      <c r="B43867" t="s">
        <v>61329</v>
      </c>
      <c r="C43867">
        <v>0</v>
      </c>
      <c r="D43867">
        <v>0</v>
      </c>
    </row>
    <row r="43868" spans="1:4" x14ac:dyDescent="0.25">
      <c r="A43868" t="s">
        <v>61330</v>
      </c>
      <c r="B43868" t="s">
        <v>61331</v>
      </c>
      <c r="C43868">
        <v>1</v>
      </c>
      <c r="D43868">
        <v>0</v>
      </c>
    </row>
    <row r="43869" spans="1:4" x14ac:dyDescent="0.25">
      <c r="A43869" t="s">
        <v>61330</v>
      </c>
      <c r="B43869" t="s">
        <v>61332</v>
      </c>
      <c r="C43869">
        <v>1</v>
      </c>
      <c r="D43869">
        <v>0</v>
      </c>
    </row>
    <row r="43870" spans="1:4" x14ac:dyDescent="0.25">
      <c r="A43870" t="s">
        <v>61330</v>
      </c>
      <c r="B43870" t="s">
        <v>61333</v>
      </c>
      <c r="C43870">
        <v>0</v>
      </c>
      <c r="D43870">
        <v>0</v>
      </c>
    </row>
    <row r="43871" spans="1:4" x14ac:dyDescent="0.25">
      <c r="A43871" t="s">
        <v>61330</v>
      </c>
      <c r="B43871" t="s">
        <v>61334</v>
      </c>
      <c r="C43871">
        <v>0</v>
      </c>
      <c r="D43871">
        <v>0</v>
      </c>
    </row>
    <row r="43872" spans="1:4" x14ac:dyDescent="0.25">
      <c r="A43872" t="s">
        <v>61335</v>
      </c>
      <c r="B43872" t="s">
        <v>61336</v>
      </c>
      <c r="C43872">
        <v>1</v>
      </c>
      <c r="D43872">
        <v>0</v>
      </c>
    </row>
    <row r="43873" spans="1:4" x14ac:dyDescent="0.25">
      <c r="A43873" t="s">
        <v>61335</v>
      </c>
      <c r="B43873" t="s">
        <v>61337</v>
      </c>
      <c r="C43873">
        <v>1</v>
      </c>
      <c r="D43873">
        <v>0</v>
      </c>
    </row>
    <row r="43874" spans="1:4" x14ac:dyDescent="0.25">
      <c r="A43874" t="s">
        <v>61335</v>
      </c>
      <c r="B43874" t="s">
        <v>61338</v>
      </c>
      <c r="C43874">
        <v>1</v>
      </c>
      <c r="D43874">
        <v>0</v>
      </c>
    </row>
    <row r="43875" spans="1:4" x14ac:dyDescent="0.25">
      <c r="A43875" t="s">
        <v>61335</v>
      </c>
      <c r="B43875" t="s">
        <v>61339</v>
      </c>
      <c r="C43875">
        <v>1</v>
      </c>
      <c r="D43875">
        <v>0</v>
      </c>
    </row>
    <row r="43876" spans="1:4" x14ac:dyDescent="0.25">
      <c r="A43876" t="s">
        <v>61340</v>
      </c>
      <c r="B43876" t="s">
        <v>61341</v>
      </c>
      <c r="C43876">
        <v>2</v>
      </c>
      <c r="D43876">
        <v>0</v>
      </c>
    </row>
    <row r="43877" spans="1:4" x14ac:dyDescent="0.25">
      <c r="A43877" t="s">
        <v>61340</v>
      </c>
      <c r="B43877" t="s">
        <v>61342</v>
      </c>
      <c r="C43877">
        <v>0</v>
      </c>
      <c r="D43877">
        <v>0</v>
      </c>
    </row>
    <row r="43878" spans="1:4" x14ac:dyDescent="0.25">
      <c r="A43878" t="s">
        <v>61340</v>
      </c>
      <c r="B43878" t="s">
        <v>61343</v>
      </c>
      <c r="C43878">
        <v>0</v>
      </c>
      <c r="D43878">
        <v>0</v>
      </c>
    </row>
    <row r="43879" spans="1:4" x14ac:dyDescent="0.25">
      <c r="A43879" t="s">
        <v>61340</v>
      </c>
      <c r="B43879" t="s">
        <v>61344</v>
      </c>
      <c r="C43879">
        <v>2</v>
      </c>
      <c r="D43879">
        <v>0</v>
      </c>
    </row>
    <row r="43880" spans="1:4" x14ac:dyDescent="0.25">
      <c r="A43880" t="s">
        <v>61340</v>
      </c>
      <c r="B43880" t="s">
        <v>61345</v>
      </c>
      <c r="C43880">
        <v>0</v>
      </c>
      <c r="D43880">
        <v>0</v>
      </c>
    </row>
    <row r="43881" spans="1:4" x14ac:dyDescent="0.25">
      <c r="A43881" t="s">
        <v>61346</v>
      </c>
      <c r="B43881" t="s">
        <v>61347</v>
      </c>
      <c r="C43881">
        <v>2</v>
      </c>
      <c r="D43881">
        <v>0</v>
      </c>
    </row>
    <row r="43882" spans="1:4" x14ac:dyDescent="0.25">
      <c r="A43882" t="s">
        <v>61346</v>
      </c>
      <c r="B43882" t="s">
        <v>61348</v>
      </c>
      <c r="C43882">
        <v>2</v>
      </c>
      <c r="D43882">
        <v>0</v>
      </c>
    </row>
    <row r="43883" spans="1:4" x14ac:dyDescent="0.25">
      <c r="A43883" t="s">
        <v>61346</v>
      </c>
      <c r="B43883" t="s">
        <v>61349</v>
      </c>
      <c r="C43883">
        <v>2</v>
      </c>
      <c r="D43883">
        <v>0</v>
      </c>
    </row>
    <row r="43884" spans="1:4" x14ac:dyDescent="0.25">
      <c r="A43884" t="s">
        <v>61346</v>
      </c>
      <c r="B43884" t="s">
        <v>61350</v>
      </c>
      <c r="C43884">
        <v>1</v>
      </c>
      <c r="D43884">
        <v>0</v>
      </c>
    </row>
    <row r="43885" spans="1:4" x14ac:dyDescent="0.25">
      <c r="A43885" t="s">
        <v>61346</v>
      </c>
      <c r="B43885" t="s">
        <v>61351</v>
      </c>
      <c r="C43885">
        <v>0</v>
      </c>
      <c r="D43885">
        <v>0</v>
      </c>
    </row>
    <row r="43886" spans="1:4" x14ac:dyDescent="0.25">
      <c r="A43886" t="s">
        <v>61346</v>
      </c>
      <c r="B43886" t="s">
        <v>61352</v>
      </c>
      <c r="C43886">
        <v>1</v>
      </c>
      <c r="D43886">
        <v>0</v>
      </c>
    </row>
    <row r="43887" spans="1:4" x14ac:dyDescent="0.25">
      <c r="A43887" t="s">
        <v>61353</v>
      </c>
      <c r="B43887" t="s">
        <v>61354</v>
      </c>
      <c r="C43887">
        <v>1</v>
      </c>
      <c r="D43887">
        <v>0</v>
      </c>
    </row>
    <row r="43888" spans="1:4" x14ac:dyDescent="0.25">
      <c r="A43888" t="s">
        <v>61353</v>
      </c>
      <c r="B43888" t="s">
        <v>61355</v>
      </c>
      <c r="C43888">
        <v>2</v>
      </c>
      <c r="D43888">
        <v>0</v>
      </c>
    </row>
    <row r="43889" spans="1:4" x14ac:dyDescent="0.25">
      <c r="A43889" t="s">
        <v>61353</v>
      </c>
      <c r="B43889" t="s">
        <v>61356</v>
      </c>
      <c r="C43889">
        <v>2</v>
      </c>
      <c r="D43889">
        <v>0</v>
      </c>
    </row>
    <row r="43890" spans="1:4" x14ac:dyDescent="0.25">
      <c r="A43890" t="s">
        <v>61353</v>
      </c>
      <c r="B43890" t="s">
        <v>61357</v>
      </c>
      <c r="C43890">
        <v>0</v>
      </c>
      <c r="D43890">
        <v>0</v>
      </c>
    </row>
    <row r="43891" spans="1:4" x14ac:dyDescent="0.25">
      <c r="A43891" t="s">
        <v>61353</v>
      </c>
      <c r="B43891" t="s">
        <v>61358</v>
      </c>
      <c r="C43891">
        <v>1</v>
      </c>
      <c r="D43891">
        <v>0</v>
      </c>
    </row>
    <row r="43892" spans="1:4" x14ac:dyDescent="0.25">
      <c r="A43892" t="s">
        <v>61353</v>
      </c>
      <c r="B43892" t="s">
        <v>61356</v>
      </c>
      <c r="C43892">
        <v>2</v>
      </c>
      <c r="D43892">
        <v>0</v>
      </c>
    </row>
    <row r="43893" spans="1:4" x14ac:dyDescent="0.25">
      <c r="A43893" t="s">
        <v>61359</v>
      </c>
      <c r="B43893" t="s">
        <v>61360</v>
      </c>
      <c r="C43893">
        <v>2</v>
      </c>
      <c r="D43893">
        <v>0</v>
      </c>
    </row>
    <row r="43894" spans="1:4" x14ac:dyDescent="0.25">
      <c r="A43894" t="s">
        <v>61359</v>
      </c>
      <c r="B43894" t="s">
        <v>25328</v>
      </c>
      <c r="C43894">
        <v>2</v>
      </c>
      <c r="D43894">
        <v>0</v>
      </c>
    </row>
    <row r="43895" spans="1:4" x14ac:dyDescent="0.25">
      <c r="A43895" t="s">
        <v>61359</v>
      </c>
      <c r="B43895" t="s">
        <v>61361</v>
      </c>
      <c r="C43895">
        <v>2</v>
      </c>
      <c r="D43895">
        <v>0</v>
      </c>
    </row>
    <row r="43896" spans="1:4" x14ac:dyDescent="0.25">
      <c r="A43896" t="s">
        <v>61359</v>
      </c>
      <c r="B43896" t="s">
        <v>61362</v>
      </c>
      <c r="C43896">
        <v>1</v>
      </c>
      <c r="D43896">
        <v>0</v>
      </c>
    </row>
    <row r="43897" spans="1:4" x14ac:dyDescent="0.25">
      <c r="A43897" t="s">
        <v>61359</v>
      </c>
      <c r="B43897" t="s">
        <v>61363</v>
      </c>
      <c r="C43897">
        <v>2</v>
      </c>
      <c r="D43897">
        <v>0</v>
      </c>
    </row>
    <row r="43898" spans="1:4" x14ac:dyDescent="0.25">
      <c r="A43898" t="s">
        <v>61364</v>
      </c>
      <c r="B43898" t="s">
        <v>47183</v>
      </c>
      <c r="C43898">
        <v>2</v>
      </c>
      <c r="D43898">
        <v>0</v>
      </c>
    </row>
    <row r="43899" spans="1:4" x14ac:dyDescent="0.25">
      <c r="A43899" t="s">
        <v>61364</v>
      </c>
      <c r="B43899" t="s">
        <v>61365</v>
      </c>
      <c r="C43899">
        <v>2</v>
      </c>
      <c r="D43899">
        <v>0</v>
      </c>
    </row>
    <row r="43900" spans="1:4" x14ac:dyDescent="0.25">
      <c r="A43900" t="s">
        <v>61364</v>
      </c>
      <c r="B43900" t="s">
        <v>5864</v>
      </c>
      <c r="C43900">
        <v>1</v>
      </c>
      <c r="D43900">
        <v>0</v>
      </c>
    </row>
    <row r="43901" spans="1:4" x14ac:dyDescent="0.25">
      <c r="A43901" t="s">
        <v>61364</v>
      </c>
      <c r="B43901" t="s">
        <v>61366</v>
      </c>
      <c r="C43901">
        <v>2</v>
      </c>
      <c r="D43901">
        <v>0</v>
      </c>
    </row>
    <row r="43902" spans="1:4" x14ac:dyDescent="0.25">
      <c r="A43902" t="s">
        <v>61364</v>
      </c>
      <c r="B43902" t="s">
        <v>61367</v>
      </c>
      <c r="C43902">
        <v>0</v>
      </c>
      <c r="D43902">
        <v>0</v>
      </c>
    </row>
    <row r="43903" spans="1:4" x14ac:dyDescent="0.25">
      <c r="A43903" t="s">
        <v>61364</v>
      </c>
      <c r="B43903" t="s">
        <v>61368</v>
      </c>
      <c r="C43903">
        <v>2</v>
      </c>
      <c r="D43903">
        <v>0</v>
      </c>
    </row>
    <row r="43904" spans="1:4" x14ac:dyDescent="0.25">
      <c r="A43904" t="s">
        <v>61369</v>
      </c>
      <c r="B43904" t="s">
        <v>11506</v>
      </c>
      <c r="C43904">
        <v>1</v>
      </c>
      <c r="D43904">
        <v>0</v>
      </c>
    </row>
    <row r="43905" spans="1:4" x14ac:dyDescent="0.25">
      <c r="A43905" t="s">
        <v>61370</v>
      </c>
      <c r="B43905" t="s">
        <v>61371</v>
      </c>
      <c r="C43905">
        <v>1</v>
      </c>
      <c r="D43905">
        <v>0</v>
      </c>
    </row>
    <row r="43906" spans="1:4" x14ac:dyDescent="0.25">
      <c r="A43906" t="s">
        <v>61370</v>
      </c>
      <c r="B43906" t="s">
        <v>61372</v>
      </c>
      <c r="C43906">
        <v>1</v>
      </c>
      <c r="D43906">
        <v>0</v>
      </c>
    </row>
    <row r="43907" spans="1:4" x14ac:dyDescent="0.25">
      <c r="A43907" t="s">
        <v>61370</v>
      </c>
      <c r="B43907" t="s">
        <v>61373</v>
      </c>
      <c r="C43907">
        <v>2</v>
      </c>
      <c r="D43907">
        <v>0</v>
      </c>
    </row>
    <row r="43908" spans="1:4" x14ac:dyDescent="0.25">
      <c r="A43908" t="s">
        <v>61370</v>
      </c>
      <c r="B43908" t="s">
        <v>61374</v>
      </c>
      <c r="C43908">
        <v>0</v>
      </c>
      <c r="D43908">
        <v>0</v>
      </c>
    </row>
    <row r="43909" spans="1:4" x14ac:dyDescent="0.25">
      <c r="A43909" t="s">
        <v>61375</v>
      </c>
      <c r="B43909" t="s">
        <v>61376</v>
      </c>
      <c r="C43909">
        <v>1</v>
      </c>
      <c r="D43909">
        <v>0</v>
      </c>
    </row>
    <row r="43910" spans="1:4" x14ac:dyDescent="0.25">
      <c r="A43910" t="s">
        <v>61375</v>
      </c>
      <c r="B43910" t="s">
        <v>61377</v>
      </c>
      <c r="C43910">
        <v>1</v>
      </c>
      <c r="D43910">
        <v>0</v>
      </c>
    </row>
    <row r="43911" spans="1:4" x14ac:dyDescent="0.25">
      <c r="A43911" t="s">
        <v>61375</v>
      </c>
      <c r="B43911" t="s">
        <v>61378</v>
      </c>
      <c r="C43911">
        <v>0</v>
      </c>
      <c r="D43911">
        <v>0</v>
      </c>
    </row>
    <row r="43912" spans="1:4" x14ac:dyDescent="0.25">
      <c r="A43912" t="s">
        <v>61375</v>
      </c>
      <c r="B43912" t="s">
        <v>61379</v>
      </c>
      <c r="C43912">
        <v>0</v>
      </c>
      <c r="D43912">
        <v>0</v>
      </c>
    </row>
    <row r="43913" spans="1:4" x14ac:dyDescent="0.25">
      <c r="A43913" t="s">
        <v>61375</v>
      </c>
      <c r="B43913" t="s">
        <v>61380</v>
      </c>
      <c r="C43913">
        <v>0</v>
      </c>
      <c r="D43913">
        <v>0</v>
      </c>
    </row>
    <row r="43914" spans="1:4" x14ac:dyDescent="0.25">
      <c r="A43914" t="s">
        <v>61381</v>
      </c>
      <c r="B43914" t="s">
        <v>61382</v>
      </c>
      <c r="C43914">
        <v>1</v>
      </c>
      <c r="D43914">
        <v>0</v>
      </c>
    </row>
    <row r="43915" spans="1:4" x14ac:dyDescent="0.25">
      <c r="A43915" t="s">
        <v>61381</v>
      </c>
      <c r="B43915" t="s">
        <v>61383</v>
      </c>
      <c r="C43915">
        <v>0</v>
      </c>
      <c r="D43915">
        <v>0</v>
      </c>
    </row>
    <row r="43916" spans="1:4" x14ac:dyDescent="0.25">
      <c r="A43916" t="s">
        <v>61381</v>
      </c>
      <c r="B43916" t="s">
        <v>61384</v>
      </c>
      <c r="C43916">
        <v>1</v>
      </c>
      <c r="D43916">
        <v>0</v>
      </c>
    </row>
    <row r="43917" spans="1:4" x14ac:dyDescent="0.25">
      <c r="A43917" t="s">
        <v>61381</v>
      </c>
      <c r="B43917" t="s">
        <v>61385</v>
      </c>
      <c r="C43917">
        <v>0</v>
      </c>
      <c r="D43917">
        <v>0</v>
      </c>
    </row>
    <row r="43918" spans="1:4" x14ac:dyDescent="0.25">
      <c r="A43918" t="s">
        <v>61381</v>
      </c>
      <c r="B43918" t="s">
        <v>61386</v>
      </c>
      <c r="C43918">
        <v>1</v>
      </c>
      <c r="D43918">
        <v>0</v>
      </c>
    </row>
    <row r="43919" spans="1:4" x14ac:dyDescent="0.25">
      <c r="A43919" t="s">
        <v>61387</v>
      </c>
      <c r="B43919" t="s">
        <v>3173</v>
      </c>
      <c r="C43919">
        <v>1</v>
      </c>
      <c r="D43919">
        <v>0</v>
      </c>
    </row>
    <row r="43920" spans="1:4" x14ac:dyDescent="0.25">
      <c r="A43920" t="s">
        <v>61387</v>
      </c>
      <c r="B43920" t="s">
        <v>61388</v>
      </c>
      <c r="C43920">
        <v>0</v>
      </c>
      <c r="D43920">
        <v>0</v>
      </c>
    </row>
    <row r="43921" spans="1:4" x14ac:dyDescent="0.25">
      <c r="A43921" t="s">
        <v>61387</v>
      </c>
      <c r="B43921" t="s">
        <v>61389</v>
      </c>
      <c r="C43921">
        <v>0</v>
      </c>
      <c r="D43921">
        <v>0</v>
      </c>
    </row>
    <row r="43922" spans="1:4" x14ac:dyDescent="0.25">
      <c r="A43922" t="s">
        <v>61387</v>
      </c>
      <c r="B43922" t="s">
        <v>61390</v>
      </c>
      <c r="C43922">
        <v>1</v>
      </c>
      <c r="D43922">
        <v>0</v>
      </c>
    </row>
    <row r="43923" spans="1:4" x14ac:dyDescent="0.25">
      <c r="A43923" t="s">
        <v>61387</v>
      </c>
      <c r="B43923" t="s">
        <v>3173</v>
      </c>
      <c r="C43923">
        <v>1</v>
      </c>
      <c r="D43923">
        <v>0</v>
      </c>
    </row>
    <row r="43924" spans="1:4" x14ac:dyDescent="0.25">
      <c r="A43924" t="s">
        <v>61387</v>
      </c>
      <c r="B43924" t="s">
        <v>61391</v>
      </c>
      <c r="C43924">
        <v>0</v>
      </c>
      <c r="D43924">
        <v>0</v>
      </c>
    </row>
    <row r="43925" spans="1:4" x14ac:dyDescent="0.25">
      <c r="A43925" t="s">
        <v>61387</v>
      </c>
      <c r="B43925" t="s">
        <v>61392</v>
      </c>
      <c r="C43925">
        <v>1</v>
      </c>
      <c r="D43925">
        <v>0</v>
      </c>
    </row>
    <row r="43926" spans="1:4" x14ac:dyDescent="0.25">
      <c r="A43926" t="s">
        <v>61393</v>
      </c>
      <c r="B43926" t="s">
        <v>61394</v>
      </c>
      <c r="C43926">
        <v>0</v>
      </c>
      <c r="D43926">
        <v>0</v>
      </c>
    </row>
    <row r="43927" spans="1:4" x14ac:dyDescent="0.25">
      <c r="A43927" t="s">
        <v>61395</v>
      </c>
      <c r="B43927" t="s">
        <v>61396</v>
      </c>
      <c r="C43927">
        <v>1</v>
      </c>
      <c r="D43927">
        <v>0</v>
      </c>
    </row>
    <row r="43928" spans="1:4" x14ac:dyDescent="0.25">
      <c r="A43928" t="s">
        <v>61395</v>
      </c>
      <c r="B43928" t="s">
        <v>61397</v>
      </c>
      <c r="C43928">
        <v>0</v>
      </c>
      <c r="D43928">
        <v>0</v>
      </c>
    </row>
    <row r="43929" spans="1:4" x14ac:dyDescent="0.25">
      <c r="A43929" t="s">
        <v>61395</v>
      </c>
      <c r="B43929" t="s">
        <v>61398</v>
      </c>
      <c r="C43929">
        <v>1</v>
      </c>
      <c r="D43929">
        <v>0</v>
      </c>
    </row>
    <row r="43930" spans="1:4" x14ac:dyDescent="0.25">
      <c r="A43930" t="s">
        <v>61395</v>
      </c>
      <c r="B43930" t="s">
        <v>61399</v>
      </c>
      <c r="C43930">
        <v>0</v>
      </c>
      <c r="D43930">
        <v>0</v>
      </c>
    </row>
    <row r="43931" spans="1:4" x14ac:dyDescent="0.25">
      <c r="A43931" t="s">
        <v>61395</v>
      </c>
      <c r="B43931" t="s">
        <v>61400</v>
      </c>
      <c r="C43931">
        <v>0</v>
      </c>
      <c r="D43931">
        <v>0</v>
      </c>
    </row>
    <row r="43932" spans="1:4" x14ac:dyDescent="0.25">
      <c r="A43932" t="s">
        <v>61395</v>
      </c>
      <c r="B43932" t="s">
        <v>5713</v>
      </c>
      <c r="C43932">
        <v>1</v>
      </c>
      <c r="D43932">
        <v>0</v>
      </c>
    </row>
    <row r="43933" spans="1:4" x14ac:dyDescent="0.25">
      <c r="A43933" t="s">
        <v>61395</v>
      </c>
      <c r="B43933" t="s">
        <v>61401</v>
      </c>
      <c r="C43933">
        <v>1</v>
      </c>
      <c r="D43933">
        <v>0</v>
      </c>
    </row>
    <row r="43934" spans="1:4" x14ac:dyDescent="0.25">
      <c r="A43934" t="s">
        <v>61402</v>
      </c>
      <c r="B43934" t="s">
        <v>61403</v>
      </c>
      <c r="C43934">
        <v>0</v>
      </c>
      <c r="D43934">
        <v>0</v>
      </c>
    </row>
    <row r="43935" spans="1:4" x14ac:dyDescent="0.25">
      <c r="A43935" t="s">
        <v>61402</v>
      </c>
      <c r="B43935" t="s">
        <v>61404</v>
      </c>
      <c r="C43935">
        <v>1</v>
      </c>
      <c r="D43935">
        <v>0</v>
      </c>
    </row>
    <row r="43936" spans="1:4" x14ac:dyDescent="0.25">
      <c r="A43936" t="s">
        <v>61402</v>
      </c>
      <c r="B43936" t="s">
        <v>61405</v>
      </c>
      <c r="C43936">
        <v>0</v>
      </c>
      <c r="D43936">
        <v>0</v>
      </c>
    </row>
    <row r="43937" spans="1:4" x14ac:dyDescent="0.25">
      <c r="A43937" t="s">
        <v>61406</v>
      </c>
      <c r="B43937" t="s">
        <v>61407</v>
      </c>
      <c r="C43937">
        <v>1</v>
      </c>
      <c r="D43937">
        <v>0</v>
      </c>
    </row>
    <row r="43938" spans="1:4" x14ac:dyDescent="0.25">
      <c r="A43938" t="s">
        <v>61406</v>
      </c>
      <c r="B43938" t="s">
        <v>61408</v>
      </c>
      <c r="C43938">
        <v>1</v>
      </c>
      <c r="D43938">
        <v>0</v>
      </c>
    </row>
    <row r="43939" spans="1:4" x14ac:dyDescent="0.25">
      <c r="A43939" t="s">
        <v>61406</v>
      </c>
      <c r="B43939" t="s">
        <v>61409</v>
      </c>
      <c r="C43939">
        <v>1</v>
      </c>
      <c r="D43939">
        <v>0</v>
      </c>
    </row>
    <row r="43940" spans="1:4" x14ac:dyDescent="0.25">
      <c r="A43940" t="s">
        <v>61406</v>
      </c>
      <c r="B43940" t="s">
        <v>61410</v>
      </c>
      <c r="C43940">
        <v>1</v>
      </c>
      <c r="D43940">
        <v>0</v>
      </c>
    </row>
    <row r="43941" spans="1:4" x14ac:dyDescent="0.25">
      <c r="A43941" t="s">
        <v>61406</v>
      </c>
      <c r="B43941" t="s">
        <v>5434</v>
      </c>
      <c r="C43941">
        <v>1</v>
      </c>
      <c r="D43941">
        <v>0</v>
      </c>
    </row>
    <row r="43942" spans="1:4" x14ac:dyDescent="0.25">
      <c r="A43942" t="s">
        <v>61411</v>
      </c>
      <c r="B43942" t="s">
        <v>61412</v>
      </c>
      <c r="C43942">
        <v>1</v>
      </c>
      <c r="D43942">
        <v>0</v>
      </c>
    </row>
    <row r="43943" spans="1:4" x14ac:dyDescent="0.25">
      <c r="A43943" t="s">
        <v>61411</v>
      </c>
      <c r="B43943" t="s">
        <v>61413</v>
      </c>
      <c r="C43943">
        <v>1</v>
      </c>
      <c r="D43943">
        <v>0</v>
      </c>
    </row>
    <row r="43944" spans="1:4" x14ac:dyDescent="0.25">
      <c r="A43944" t="s">
        <v>61411</v>
      </c>
      <c r="B43944" t="s">
        <v>61414</v>
      </c>
      <c r="C43944">
        <v>1</v>
      </c>
      <c r="D43944">
        <v>0</v>
      </c>
    </row>
    <row r="43945" spans="1:4" x14ac:dyDescent="0.25">
      <c r="A43945" t="s">
        <v>61411</v>
      </c>
      <c r="B43945" t="s">
        <v>61415</v>
      </c>
      <c r="C43945">
        <v>1</v>
      </c>
      <c r="D43945">
        <v>0</v>
      </c>
    </row>
    <row r="43946" spans="1:4" x14ac:dyDescent="0.25">
      <c r="A43946" t="s">
        <v>61416</v>
      </c>
      <c r="B43946" t="s">
        <v>61417</v>
      </c>
      <c r="C43946">
        <v>0</v>
      </c>
      <c r="D43946">
        <v>0</v>
      </c>
    </row>
    <row r="43947" spans="1:4" x14ac:dyDescent="0.25">
      <c r="A43947" t="s">
        <v>61416</v>
      </c>
      <c r="B43947" t="s">
        <v>61418</v>
      </c>
      <c r="C43947">
        <v>2</v>
      </c>
      <c r="D43947">
        <v>0</v>
      </c>
    </row>
    <row r="43948" spans="1:4" x14ac:dyDescent="0.25">
      <c r="A43948" t="s">
        <v>61416</v>
      </c>
      <c r="B43948" t="s">
        <v>32862</v>
      </c>
      <c r="C43948">
        <v>2</v>
      </c>
      <c r="D43948">
        <v>0</v>
      </c>
    </row>
    <row r="43949" spans="1:4" x14ac:dyDescent="0.25">
      <c r="A43949" t="s">
        <v>61416</v>
      </c>
      <c r="B43949" t="s">
        <v>61419</v>
      </c>
      <c r="C43949">
        <v>0</v>
      </c>
      <c r="D43949">
        <v>0</v>
      </c>
    </row>
    <row r="43950" spans="1:4" x14ac:dyDescent="0.25">
      <c r="A43950" t="s">
        <v>61416</v>
      </c>
      <c r="B43950" t="s">
        <v>61420</v>
      </c>
      <c r="C43950">
        <v>2</v>
      </c>
      <c r="D43950">
        <v>0</v>
      </c>
    </row>
    <row r="43951" spans="1:4" x14ac:dyDescent="0.25">
      <c r="A43951" t="s">
        <v>61421</v>
      </c>
      <c r="B43951" t="s">
        <v>61422</v>
      </c>
      <c r="C43951">
        <v>1</v>
      </c>
      <c r="D43951">
        <v>0</v>
      </c>
    </row>
    <row r="43952" spans="1:4" x14ac:dyDescent="0.25">
      <c r="A43952" t="s">
        <v>61421</v>
      </c>
      <c r="B43952" t="s">
        <v>61423</v>
      </c>
      <c r="C43952">
        <v>1</v>
      </c>
      <c r="D43952">
        <v>0</v>
      </c>
    </row>
    <row r="43953" spans="1:4" x14ac:dyDescent="0.25">
      <c r="A43953" t="s">
        <v>61421</v>
      </c>
      <c r="B43953" t="s">
        <v>61424</v>
      </c>
      <c r="C43953">
        <v>2</v>
      </c>
      <c r="D43953">
        <v>0</v>
      </c>
    </row>
    <row r="43954" spans="1:4" x14ac:dyDescent="0.25">
      <c r="A43954" t="s">
        <v>61421</v>
      </c>
      <c r="B43954" t="s">
        <v>61425</v>
      </c>
      <c r="C43954">
        <v>1</v>
      </c>
      <c r="D43954">
        <v>0</v>
      </c>
    </row>
    <row r="43955" spans="1:4" x14ac:dyDescent="0.25">
      <c r="A43955" t="s">
        <v>61421</v>
      </c>
      <c r="B43955" t="s">
        <v>61426</v>
      </c>
      <c r="C43955">
        <v>2</v>
      </c>
      <c r="D43955">
        <v>0</v>
      </c>
    </row>
    <row r="43956" spans="1:4" x14ac:dyDescent="0.25">
      <c r="A43956" t="s">
        <v>61427</v>
      </c>
      <c r="B43956" t="s">
        <v>61428</v>
      </c>
      <c r="C43956">
        <v>1</v>
      </c>
      <c r="D43956">
        <v>0</v>
      </c>
    </row>
    <row r="43957" spans="1:4" x14ac:dyDescent="0.25">
      <c r="A43957" t="s">
        <v>61427</v>
      </c>
      <c r="B43957" t="s">
        <v>61429</v>
      </c>
      <c r="C43957">
        <v>2</v>
      </c>
      <c r="D43957">
        <v>0</v>
      </c>
    </row>
    <row r="43958" spans="1:4" x14ac:dyDescent="0.25">
      <c r="A43958" t="s">
        <v>61427</v>
      </c>
      <c r="B43958" t="s">
        <v>61430</v>
      </c>
      <c r="C43958">
        <v>1</v>
      </c>
      <c r="D43958">
        <v>0</v>
      </c>
    </row>
    <row r="43959" spans="1:4" x14ac:dyDescent="0.25">
      <c r="A43959" t="s">
        <v>61427</v>
      </c>
      <c r="B43959" t="s">
        <v>61431</v>
      </c>
      <c r="C43959">
        <v>1</v>
      </c>
      <c r="D43959">
        <v>0</v>
      </c>
    </row>
    <row r="43960" spans="1:4" x14ac:dyDescent="0.25">
      <c r="A43960" t="s">
        <v>61432</v>
      </c>
      <c r="B43960" t="s">
        <v>61433</v>
      </c>
      <c r="C43960">
        <v>2</v>
      </c>
      <c r="D43960">
        <v>0</v>
      </c>
    </row>
    <row r="43961" spans="1:4" x14ac:dyDescent="0.25">
      <c r="A43961" t="s">
        <v>61432</v>
      </c>
      <c r="B43961" t="s">
        <v>61434</v>
      </c>
      <c r="C43961">
        <v>2</v>
      </c>
      <c r="D43961">
        <v>0</v>
      </c>
    </row>
    <row r="43962" spans="1:4" x14ac:dyDescent="0.25">
      <c r="A43962" t="s">
        <v>61432</v>
      </c>
      <c r="B43962" t="s">
        <v>61435</v>
      </c>
      <c r="C43962">
        <v>2</v>
      </c>
      <c r="D43962">
        <v>0</v>
      </c>
    </row>
    <row r="43963" spans="1:4" x14ac:dyDescent="0.25">
      <c r="A43963" t="s">
        <v>61432</v>
      </c>
      <c r="B43963" t="s">
        <v>61436</v>
      </c>
      <c r="C43963">
        <v>2</v>
      </c>
      <c r="D43963">
        <v>0</v>
      </c>
    </row>
    <row r="43964" spans="1:4" x14ac:dyDescent="0.25">
      <c r="A43964" t="s">
        <v>61432</v>
      </c>
      <c r="B43964" t="s">
        <v>61437</v>
      </c>
      <c r="C43964">
        <v>2</v>
      </c>
      <c r="D43964">
        <v>0</v>
      </c>
    </row>
    <row r="43965" spans="1:4" x14ac:dyDescent="0.25">
      <c r="A43965" t="s">
        <v>61438</v>
      </c>
      <c r="B43965" t="s">
        <v>61439</v>
      </c>
      <c r="C43965">
        <v>1</v>
      </c>
      <c r="D43965">
        <v>0</v>
      </c>
    </row>
    <row r="43966" spans="1:4" x14ac:dyDescent="0.25">
      <c r="A43966" t="s">
        <v>61438</v>
      </c>
      <c r="B43966" t="s">
        <v>61440</v>
      </c>
      <c r="C43966">
        <v>1</v>
      </c>
      <c r="D43966">
        <v>0</v>
      </c>
    </row>
    <row r="43967" spans="1:4" x14ac:dyDescent="0.25">
      <c r="A43967" t="s">
        <v>61438</v>
      </c>
      <c r="B43967" t="s">
        <v>61441</v>
      </c>
      <c r="C43967">
        <v>1</v>
      </c>
      <c r="D43967">
        <v>0</v>
      </c>
    </row>
    <row r="43968" spans="1:4" x14ac:dyDescent="0.25">
      <c r="A43968" t="s">
        <v>61438</v>
      </c>
      <c r="B43968" t="s">
        <v>61442</v>
      </c>
      <c r="C43968">
        <v>1</v>
      </c>
      <c r="D43968">
        <v>0</v>
      </c>
    </row>
    <row r="43969" spans="1:4" x14ac:dyDescent="0.25">
      <c r="A43969" t="s">
        <v>61438</v>
      </c>
      <c r="B43969" t="s">
        <v>61443</v>
      </c>
      <c r="C43969">
        <v>2</v>
      </c>
      <c r="D43969">
        <v>0</v>
      </c>
    </row>
    <row r="43970" spans="1:4" x14ac:dyDescent="0.25">
      <c r="A43970" t="s">
        <v>61444</v>
      </c>
      <c r="B43970" t="s">
        <v>61445</v>
      </c>
      <c r="C43970">
        <v>1</v>
      </c>
      <c r="D43970">
        <v>0</v>
      </c>
    </row>
    <row r="43971" spans="1:4" x14ac:dyDescent="0.25">
      <c r="A43971" t="s">
        <v>61444</v>
      </c>
      <c r="B43971" t="s">
        <v>61446</v>
      </c>
      <c r="C43971">
        <v>2</v>
      </c>
      <c r="D43971">
        <v>0</v>
      </c>
    </row>
    <row r="43972" spans="1:4" x14ac:dyDescent="0.25">
      <c r="A43972" t="s">
        <v>61444</v>
      </c>
      <c r="B43972" t="s">
        <v>61447</v>
      </c>
      <c r="C43972">
        <v>0</v>
      </c>
      <c r="D43972">
        <v>0</v>
      </c>
    </row>
    <row r="43973" spans="1:4" x14ac:dyDescent="0.25">
      <c r="A43973" t="s">
        <v>61444</v>
      </c>
      <c r="B43973" t="s">
        <v>61448</v>
      </c>
      <c r="C43973">
        <v>0</v>
      </c>
      <c r="D43973">
        <v>0</v>
      </c>
    </row>
    <row r="43974" spans="1:4" x14ac:dyDescent="0.25">
      <c r="A43974" t="s">
        <v>61444</v>
      </c>
      <c r="B43974" t="s">
        <v>61449</v>
      </c>
      <c r="C43974">
        <v>0</v>
      </c>
      <c r="D43974">
        <v>0</v>
      </c>
    </row>
    <row r="43975" spans="1:4" x14ac:dyDescent="0.25">
      <c r="A43975" t="s">
        <v>61450</v>
      </c>
      <c r="B43975" t="s">
        <v>17257</v>
      </c>
      <c r="C43975">
        <v>1</v>
      </c>
      <c r="D43975">
        <v>0</v>
      </c>
    </row>
    <row r="43976" spans="1:4" x14ac:dyDescent="0.25">
      <c r="A43976" t="s">
        <v>61451</v>
      </c>
      <c r="B43976" t="s">
        <v>61452</v>
      </c>
      <c r="C43976">
        <v>1</v>
      </c>
      <c r="D43976">
        <v>0</v>
      </c>
    </row>
    <row r="43977" spans="1:4" x14ac:dyDescent="0.25">
      <c r="A43977" t="s">
        <v>61453</v>
      </c>
      <c r="B43977" t="s">
        <v>61454</v>
      </c>
      <c r="C43977">
        <v>1</v>
      </c>
      <c r="D43977">
        <v>0</v>
      </c>
    </row>
    <row r="43978" spans="1:4" x14ac:dyDescent="0.25">
      <c r="A43978" t="s">
        <v>61453</v>
      </c>
      <c r="B43978" t="s">
        <v>61455</v>
      </c>
      <c r="C43978">
        <v>0</v>
      </c>
      <c r="D43978">
        <v>0</v>
      </c>
    </row>
    <row r="43979" spans="1:4" x14ac:dyDescent="0.25">
      <c r="A43979" t="s">
        <v>61453</v>
      </c>
      <c r="B43979" t="s">
        <v>61456</v>
      </c>
      <c r="C43979">
        <v>1</v>
      </c>
      <c r="D43979">
        <v>0</v>
      </c>
    </row>
    <row r="43980" spans="1:4" x14ac:dyDescent="0.25">
      <c r="A43980" t="s">
        <v>61453</v>
      </c>
      <c r="B43980" t="s">
        <v>61457</v>
      </c>
      <c r="C43980">
        <v>1</v>
      </c>
      <c r="D43980">
        <v>0</v>
      </c>
    </row>
    <row r="43981" spans="1:4" x14ac:dyDescent="0.25">
      <c r="A43981" t="s">
        <v>61453</v>
      </c>
      <c r="B43981" t="s">
        <v>61458</v>
      </c>
      <c r="C43981">
        <v>1</v>
      </c>
      <c r="D43981">
        <v>0</v>
      </c>
    </row>
    <row r="43982" spans="1:4" x14ac:dyDescent="0.25">
      <c r="A43982" t="s">
        <v>61453</v>
      </c>
      <c r="B43982" t="s">
        <v>61459</v>
      </c>
      <c r="C43982">
        <v>1</v>
      </c>
      <c r="D43982">
        <v>0</v>
      </c>
    </row>
    <row r="43983" spans="1:4" x14ac:dyDescent="0.25">
      <c r="A43983" t="s">
        <v>61460</v>
      </c>
      <c r="B43983" t="s">
        <v>61461</v>
      </c>
      <c r="C43983">
        <v>1</v>
      </c>
      <c r="D43983">
        <v>0</v>
      </c>
    </row>
    <row r="43984" spans="1:4" x14ac:dyDescent="0.25">
      <c r="A43984" t="s">
        <v>61460</v>
      </c>
      <c r="B43984" t="s">
        <v>61462</v>
      </c>
      <c r="C43984">
        <v>0</v>
      </c>
      <c r="D43984">
        <v>0</v>
      </c>
    </row>
    <row r="43985" spans="1:4" x14ac:dyDescent="0.25">
      <c r="A43985" t="s">
        <v>61460</v>
      </c>
      <c r="B43985" t="s">
        <v>61463</v>
      </c>
      <c r="C43985">
        <v>0</v>
      </c>
      <c r="D43985">
        <v>0</v>
      </c>
    </row>
    <row r="43986" spans="1:4" x14ac:dyDescent="0.25">
      <c r="A43986" t="s">
        <v>61460</v>
      </c>
      <c r="B43986" t="s">
        <v>61464</v>
      </c>
      <c r="C43986">
        <v>0</v>
      </c>
      <c r="D43986">
        <v>0</v>
      </c>
    </row>
    <row r="43987" spans="1:4" x14ac:dyDescent="0.25">
      <c r="A43987" t="s">
        <v>61460</v>
      </c>
      <c r="B43987" t="s">
        <v>61465</v>
      </c>
      <c r="C43987">
        <v>1</v>
      </c>
      <c r="D43987">
        <v>0</v>
      </c>
    </row>
    <row r="43988" spans="1:4" x14ac:dyDescent="0.25">
      <c r="A43988" t="s">
        <v>61460</v>
      </c>
      <c r="B43988" t="s">
        <v>61466</v>
      </c>
      <c r="C43988">
        <v>0</v>
      </c>
      <c r="D43988">
        <v>0</v>
      </c>
    </row>
    <row r="43989" spans="1:4" x14ac:dyDescent="0.25">
      <c r="A43989" t="s">
        <v>61467</v>
      </c>
      <c r="B43989" t="s">
        <v>61468</v>
      </c>
      <c r="C43989">
        <v>1</v>
      </c>
      <c r="D43989">
        <v>0</v>
      </c>
    </row>
    <row r="43990" spans="1:4" x14ac:dyDescent="0.25">
      <c r="A43990" t="s">
        <v>61467</v>
      </c>
      <c r="B43990" t="s">
        <v>61469</v>
      </c>
      <c r="C43990">
        <v>1</v>
      </c>
      <c r="D43990">
        <v>0</v>
      </c>
    </row>
    <row r="43991" spans="1:4" x14ac:dyDescent="0.25">
      <c r="A43991" t="s">
        <v>61470</v>
      </c>
      <c r="B43991" t="s">
        <v>61471</v>
      </c>
      <c r="C43991">
        <v>0</v>
      </c>
      <c r="D43991">
        <v>0</v>
      </c>
    </row>
    <row r="43992" spans="1:4" x14ac:dyDescent="0.25">
      <c r="A43992" t="s">
        <v>61470</v>
      </c>
      <c r="B43992" t="s">
        <v>61472</v>
      </c>
      <c r="C43992">
        <v>1</v>
      </c>
      <c r="D43992">
        <v>0</v>
      </c>
    </row>
    <row r="43993" spans="1:4" x14ac:dyDescent="0.25">
      <c r="A43993" t="s">
        <v>61470</v>
      </c>
      <c r="B43993" t="s">
        <v>61473</v>
      </c>
      <c r="C43993">
        <v>1</v>
      </c>
      <c r="D43993">
        <v>0</v>
      </c>
    </row>
    <row r="43994" spans="1:4" x14ac:dyDescent="0.25">
      <c r="A43994" t="s">
        <v>61470</v>
      </c>
      <c r="B43994" t="s">
        <v>61474</v>
      </c>
      <c r="C43994">
        <v>0</v>
      </c>
      <c r="D43994">
        <v>0</v>
      </c>
    </row>
    <row r="43995" spans="1:4" x14ac:dyDescent="0.25">
      <c r="A43995" t="s">
        <v>61475</v>
      </c>
      <c r="B43995" t="s">
        <v>61476</v>
      </c>
      <c r="C43995">
        <v>0</v>
      </c>
      <c r="D43995">
        <v>0</v>
      </c>
    </row>
    <row r="43996" spans="1:4" x14ac:dyDescent="0.25">
      <c r="A43996" t="s">
        <v>61475</v>
      </c>
      <c r="B43996" t="s">
        <v>61477</v>
      </c>
      <c r="C43996">
        <v>0</v>
      </c>
      <c r="D43996">
        <v>0</v>
      </c>
    </row>
    <row r="43997" spans="1:4" x14ac:dyDescent="0.25">
      <c r="A43997" t="s">
        <v>61475</v>
      </c>
      <c r="B43997" t="s">
        <v>61478</v>
      </c>
      <c r="C43997">
        <v>0</v>
      </c>
      <c r="D43997">
        <v>0</v>
      </c>
    </row>
    <row r="43998" spans="1:4" x14ac:dyDescent="0.25">
      <c r="A43998" t="s">
        <v>61475</v>
      </c>
      <c r="B43998" t="s">
        <v>61479</v>
      </c>
      <c r="C43998">
        <v>2</v>
      </c>
      <c r="D43998">
        <v>0</v>
      </c>
    </row>
    <row r="43999" spans="1:4" x14ac:dyDescent="0.25">
      <c r="A43999" t="s">
        <v>61475</v>
      </c>
      <c r="B43999" t="s">
        <v>61480</v>
      </c>
      <c r="C43999">
        <v>0</v>
      </c>
      <c r="D43999">
        <v>0</v>
      </c>
    </row>
    <row r="44000" spans="1:4" x14ac:dyDescent="0.25">
      <c r="A44000" t="s">
        <v>61475</v>
      </c>
      <c r="B44000" t="s">
        <v>61481</v>
      </c>
      <c r="C44000">
        <v>0</v>
      </c>
      <c r="D44000">
        <v>0</v>
      </c>
    </row>
    <row r="44001" spans="1:4" x14ac:dyDescent="0.25">
      <c r="A44001" t="s">
        <v>61482</v>
      </c>
      <c r="B44001" t="s">
        <v>61483</v>
      </c>
      <c r="C44001">
        <v>1</v>
      </c>
      <c r="D44001">
        <v>0</v>
      </c>
    </row>
    <row r="44002" spans="1:4" x14ac:dyDescent="0.25">
      <c r="A44002" t="s">
        <v>61482</v>
      </c>
      <c r="B44002" t="s">
        <v>61484</v>
      </c>
      <c r="C44002">
        <v>1</v>
      </c>
      <c r="D44002">
        <v>0</v>
      </c>
    </row>
    <row r="44003" spans="1:4" x14ac:dyDescent="0.25">
      <c r="A44003" t="s">
        <v>61482</v>
      </c>
      <c r="B44003" t="s">
        <v>61485</v>
      </c>
      <c r="C44003">
        <v>1</v>
      </c>
      <c r="D44003">
        <v>0</v>
      </c>
    </row>
    <row r="44004" spans="1:4" x14ac:dyDescent="0.25">
      <c r="A44004" t="s">
        <v>61482</v>
      </c>
      <c r="B44004" t="s">
        <v>61486</v>
      </c>
      <c r="C44004">
        <v>1</v>
      </c>
      <c r="D44004">
        <v>0</v>
      </c>
    </row>
    <row r="44005" spans="1:4" x14ac:dyDescent="0.25">
      <c r="A44005" t="s">
        <v>61487</v>
      </c>
      <c r="B44005" t="s">
        <v>61488</v>
      </c>
      <c r="C44005">
        <v>2</v>
      </c>
      <c r="D44005">
        <v>0</v>
      </c>
    </row>
    <row r="44006" spans="1:4" x14ac:dyDescent="0.25">
      <c r="A44006" t="s">
        <v>61487</v>
      </c>
      <c r="B44006" t="s">
        <v>61489</v>
      </c>
      <c r="C44006">
        <v>0</v>
      </c>
      <c r="D44006">
        <v>0</v>
      </c>
    </row>
    <row r="44007" spans="1:4" x14ac:dyDescent="0.25">
      <c r="A44007" t="s">
        <v>61487</v>
      </c>
      <c r="B44007" t="s">
        <v>61490</v>
      </c>
      <c r="C44007">
        <v>0</v>
      </c>
      <c r="D44007">
        <v>0</v>
      </c>
    </row>
    <row r="44008" spans="1:4" x14ac:dyDescent="0.25">
      <c r="A44008" t="s">
        <v>61487</v>
      </c>
      <c r="B44008" t="s">
        <v>61491</v>
      </c>
      <c r="C44008">
        <v>2</v>
      </c>
      <c r="D44008">
        <v>0</v>
      </c>
    </row>
    <row r="44009" spans="1:4" x14ac:dyDescent="0.25">
      <c r="A44009" t="s">
        <v>61487</v>
      </c>
      <c r="B44009" t="s">
        <v>61492</v>
      </c>
      <c r="C44009">
        <v>2</v>
      </c>
      <c r="D44009">
        <v>0</v>
      </c>
    </row>
    <row r="44010" spans="1:4" x14ac:dyDescent="0.25">
      <c r="A44010" t="s">
        <v>61493</v>
      </c>
      <c r="B44010" t="s">
        <v>5713</v>
      </c>
      <c r="C44010">
        <v>1</v>
      </c>
      <c r="D44010">
        <v>0</v>
      </c>
    </row>
    <row r="44011" spans="1:4" x14ac:dyDescent="0.25">
      <c r="A44011" t="s">
        <v>61493</v>
      </c>
      <c r="B44011" t="s">
        <v>61494</v>
      </c>
      <c r="C44011">
        <v>1</v>
      </c>
      <c r="D44011">
        <v>0</v>
      </c>
    </row>
    <row r="44012" spans="1:4" x14ac:dyDescent="0.25">
      <c r="A44012" t="s">
        <v>61493</v>
      </c>
      <c r="B44012" t="s">
        <v>61495</v>
      </c>
      <c r="C44012">
        <v>0</v>
      </c>
      <c r="D44012">
        <v>0</v>
      </c>
    </row>
    <row r="44013" spans="1:4" x14ac:dyDescent="0.25">
      <c r="A44013" t="s">
        <v>61493</v>
      </c>
      <c r="B44013" t="s">
        <v>61496</v>
      </c>
      <c r="C44013">
        <v>1</v>
      </c>
      <c r="D44013">
        <v>0</v>
      </c>
    </row>
    <row r="44014" spans="1:4" x14ac:dyDescent="0.25">
      <c r="A44014" t="s">
        <v>61493</v>
      </c>
      <c r="B44014" t="s">
        <v>61497</v>
      </c>
      <c r="C44014">
        <v>1</v>
      </c>
      <c r="D44014">
        <v>0</v>
      </c>
    </row>
    <row r="44015" spans="1:4" x14ac:dyDescent="0.25">
      <c r="A44015" t="s">
        <v>61493</v>
      </c>
      <c r="B44015" t="s">
        <v>61498</v>
      </c>
      <c r="C44015">
        <v>0</v>
      </c>
      <c r="D44015">
        <v>0</v>
      </c>
    </row>
    <row r="44016" spans="1:4" x14ac:dyDescent="0.25">
      <c r="A44016" t="s">
        <v>61499</v>
      </c>
      <c r="B44016" t="s">
        <v>61500</v>
      </c>
      <c r="C44016">
        <v>1</v>
      </c>
      <c r="D44016">
        <v>0</v>
      </c>
    </row>
    <row r="44017" spans="1:4" x14ac:dyDescent="0.25">
      <c r="A44017" t="s">
        <v>61501</v>
      </c>
      <c r="B44017" t="s">
        <v>61502</v>
      </c>
      <c r="C44017">
        <v>0</v>
      </c>
      <c r="D44017">
        <v>0</v>
      </c>
    </row>
    <row r="44018" spans="1:4" x14ac:dyDescent="0.25">
      <c r="A44018" t="s">
        <v>61501</v>
      </c>
      <c r="B44018" t="s">
        <v>61503</v>
      </c>
      <c r="C44018">
        <v>1</v>
      </c>
      <c r="D44018">
        <v>0</v>
      </c>
    </row>
    <row r="44019" spans="1:4" x14ac:dyDescent="0.25">
      <c r="A44019" t="s">
        <v>61501</v>
      </c>
      <c r="B44019" t="s">
        <v>61504</v>
      </c>
      <c r="C44019">
        <v>1</v>
      </c>
      <c r="D44019">
        <v>0</v>
      </c>
    </row>
    <row r="44020" spans="1:4" x14ac:dyDescent="0.25">
      <c r="A44020" t="s">
        <v>61505</v>
      </c>
      <c r="B44020" t="s">
        <v>61506</v>
      </c>
      <c r="C44020">
        <v>1</v>
      </c>
      <c r="D44020">
        <v>0</v>
      </c>
    </row>
    <row r="44021" spans="1:4" x14ac:dyDescent="0.25">
      <c r="A44021" t="s">
        <v>61505</v>
      </c>
      <c r="B44021" t="s">
        <v>61507</v>
      </c>
      <c r="C44021">
        <v>0</v>
      </c>
      <c r="D44021">
        <v>0</v>
      </c>
    </row>
    <row r="44022" spans="1:4" x14ac:dyDescent="0.25">
      <c r="A44022" t="s">
        <v>61505</v>
      </c>
      <c r="B44022" t="s">
        <v>61508</v>
      </c>
      <c r="C44022">
        <v>1</v>
      </c>
      <c r="D44022">
        <v>0</v>
      </c>
    </row>
    <row r="44023" spans="1:4" x14ac:dyDescent="0.25">
      <c r="A44023" t="s">
        <v>61509</v>
      </c>
      <c r="B44023" t="s">
        <v>61510</v>
      </c>
      <c r="C44023">
        <v>1</v>
      </c>
      <c r="D44023">
        <v>0</v>
      </c>
    </row>
    <row r="44024" spans="1:4" x14ac:dyDescent="0.25">
      <c r="A44024" t="s">
        <v>61509</v>
      </c>
      <c r="B44024" t="s">
        <v>61511</v>
      </c>
      <c r="C44024">
        <v>1</v>
      </c>
      <c r="D44024">
        <v>0</v>
      </c>
    </row>
    <row r="44025" spans="1:4" x14ac:dyDescent="0.25">
      <c r="A44025" t="s">
        <v>61509</v>
      </c>
      <c r="B44025" t="s">
        <v>47634</v>
      </c>
      <c r="C44025">
        <v>2</v>
      </c>
      <c r="D44025">
        <v>0</v>
      </c>
    </row>
    <row r="44026" spans="1:4" x14ac:dyDescent="0.25">
      <c r="A44026" t="s">
        <v>61509</v>
      </c>
      <c r="B44026" t="s">
        <v>61512</v>
      </c>
      <c r="C44026">
        <v>2</v>
      </c>
      <c r="D44026">
        <v>0</v>
      </c>
    </row>
    <row r="44027" spans="1:4" x14ac:dyDescent="0.25">
      <c r="A44027" t="s">
        <v>61513</v>
      </c>
      <c r="B44027" t="s">
        <v>61514</v>
      </c>
      <c r="C44027">
        <v>1</v>
      </c>
      <c r="D44027">
        <v>0</v>
      </c>
    </row>
    <row r="44028" spans="1:4" x14ac:dyDescent="0.25">
      <c r="A44028" t="s">
        <v>61513</v>
      </c>
      <c r="B44028" t="s">
        <v>61515</v>
      </c>
      <c r="C44028">
        <v>1</v>
      </c>
      <c r="D44028">
        <v>0</v>
      </c>
    </row>
    <row r="44029" spans="1:4" x14ac:dyDescent="0.25">
      <c r="A44029" t="s">
        <v>61513</v>
      </c>
      <c r="B44029" t="s">
        <v>61516</v>
      </c>
      <c r="C44029">
        <v>1</v>
      </c>
      <c r="D44029">
        <v>0</v>
      </c>
    </row>
    <row r="44030" spans="1:4" x14ac:dyDescent="0.25">
      <c r="A44030" t="s">
        <v>61513</v>
      </c>
      <c r="B44030" t="s">
        <v>61517</v>
      </c>
      <c r="C44030">
        <v>1</v>
      </c>
      <c r="D44030">
        <v>0</v>
      </c>
    </row>
    <row r="44031" spans="1:4" x14ac:dyDescent="0.25">
      <c r="A44031" t="s">
        <v>61513</v>
      </c>
      <c r="B44031" t="s">
        <v>17479</v>
      </c>
      <c r="C44031">
        <v>0</v>
      </c>
      <c r="D44031">
        <v>0</v>
      </c>
    </row>
    <row r="44032" spans="1:4" x14ac:dyDescent="0.25">
      <c r="A44032" t="s">
        <v>61513</v>
      </c>
      <c r="B44032" t="s">
        <v>61518</v>
      </c>
      <c r="C44032">
        <v>1</v>
      </c>
      <c r="D44032">
        <v>0</v>
      </c>
    </row>
    <row r="44033" spans="1:4" x14ac:dyDescent="0.25">
      <c r="A44033" t="s">
        <v>61519</v>
      </c>
      <c r="B44033" t="s">
        <v>61520</v>
      </c>
      <c r="C44033">
        <v>1</v>
      </c>
      <c r="D44033">
        <v>0</v>
      </c>
    </row>
    <row r="44034" spans="1:4" x14ac:dyDescent="0.25">
      <c r="A44034" t="s">
        <v>61519</v>
      </c>
      <c r="B44034" t="s">
        <v>61521</v>
      </c>
      <c r="C44034">
        <v>1</v>
      </c>
      <c r="D44034">
        <v>0</v>
      </c>
    </row>
    <row r="44035" spans="1:4" x14ac:dyDescent="0.25">
      <c r="A44035" t="s">
        <v>61519</v>
      </c>
      <c r="B44035" t="s">
        <v>61522</v>
      </c>
      <c r="C44035">
        <v>1</v>
      </c>
      <c r="D44035">
        <v>0</v>
      </c>
    </row>
    <row r="44036" spans="1:4" x14ac:dyDescent="0.25">
      <c r="A44036" t="s">
        <v>61519</v>
      </c>
      <c r="B44036" t="s">
        <v>61523</v>
      </c>
      <c r="C44036">
        <v>1</v>
      </c>
      <c r="D44036">
        <v>0</v>
      </c>
    </row>
    <row r="44037" spans="1:4" x14ac:dyDescent="0.25">
      <c r="A44037" t="s">
        <v>61524</v>
      </c>
      <c r="B44037" t="s">
        <v>61525</v>
      </c>
      <c r="C44037">
        <v>0</v>
      </c>
      <c r="D44037">
        <v>0</v>
      </c>
    </row>
    <row r="44038" spans="1:4" x14ac:dyDescent="0.25">
      <c r="A44038" t="s">
        <v>61524</v>
      </c>
      <c r="B44038" t="s">
        <v>61526</v>
      </c>
      <c r="C44038">
        <v>1</v>
      </c>
      <c r="D44038">
        <v>0</v>
      </c>
    </row>
    <row r="44039" spans="1:4" x14ac:dyDescent="0.25">
      <c r="A44039" t="s">
        <v>61524</v>
      </c>
      <c r="B44039" t="s">
        <v>48470</v>
      </c>
      <c r="C44039">
        <v>0</v>
      </c>
      <c r="D44039">
        <v>0</v>
      </c>
    </row>
    <row r="44040" spans="1:4" x14ac:dyDescent="0.25">
      <c r="A44040" t="s">
        <v>61527</v>
      </c>
      <c r="B44040" t="s">
        <v>61528</v>
      </c>
      <c r="C44040">
        <v>1</v>
      </c>
      <c r="D44040">
        <v>0</v>
      </c>
    </row>
    <row r="44041" spans="1:4" x14ac:dyDescent="0.25">
      <c r="A44041" t="s">
        <v>61527</v>
      </c>
      <c r="B44041" t="s">
        <v>61529</v>
      </c>
      <c r="C44041">
        <v>1</v>
      </c>
      <c r="D44041">
        <v>0</v>
      </c>
    </row>
    <row r="44042" spans="1:4" x14ac:dyDescent="0.25">
      <c r="A44042" t="s">
        <v>61527</v>
      </c>
      <c r="B44042" t="s">
        <v>61530</v>
      </c>
      <c r="C44042">
        <v>1</v>
      </c>
      <c r="D44042">
        <v>0</v>
      </c>
    </row>
    <row r="44043" spans="1:4" x14ac:dyDescent="0.25">
      <c r="A44043" t="s">
        <v>61531</v>
      </c>
      <c r="B44043" t="s">
        <v>61532</v>
      </c>
      <c r="C44043">
        <v>1</v>
      </c>
      <c r="D44043">
        <v>0</v>
      </c>
    </row>
    <row r="44044" spans="1:4" x14ac:dyDescent="0.25">
      <c r="A44044" t="s">
        <v>61531</v>
      </c>
      <c r="B44044" t="s">
        <v>61533</v>
      </c>
      <c r="C44044">
        <v>0</v>
      </c>
      <c r="D44044">
        <v>0</v>
      </c>
    </row>
    <row r="44045" spans="1:4" x14ac:dyDescent="0.25">
      <c r="A44045" t="s">
        <v>61531</v>
      </c>
      <c r="B44045" t="s">
        <v>61534</v>
      </c>
      <c r="C44045">
        <v>0</v>
      </c>
      <c r="D44045">
        <v>0</v>
      </c>
    </row>
    <row r="44046" spans="1:4" x14ac:dyDescent="0.25">
      <c r="A44046" t="s">
        <v>61531</v>
      </c>
      <c r="B44046" t="s">
        <v>61535</v>
      </c>
      <c r="C44046">
        <v>0</v>
      </c>
      <c r="D44046">
        <v>0</v>
      </c>
    </row>
    <row r="44047" spans="1:4" x14ac:dyDescent="0.25">
      <c r="A44047" t="s">
        <v>61531</v>
      </c>
      <c r="B44047" t="s">
        <v>61536</v>
      </c>
      <c r="C44047">
        <v>0</v>
      </c>
      <c r="D44047">
        <v>0</v>
      </c>
    </row>
    <row r="44048" spans="1:4" x14ac:dyDescent="0.25">
      <c r="A44048" t="s">
        <v>61537</v>
      </c>
      <c r="B44048" t="s">
        <v>61538</v>
      </c>
      <c r="C44048">
        <v>2</v>
      </c>
      <c r="D44048">
        <v>0</v>
      </c>
    </row>
    <row r="44049" spans="1:4" x14ac:dyDescent="0.25">
      <c r="A44049" t="s">
        <v>61537</v>
      </c>
      <c r="B44049" t="s">
        <v>61539</v>
      </c>
      <c r="C44049">
        <v>2</v>
      </c>
      <c r="D44049">
        <v>0</v>
      </c>
    </row>
    <row r="44050" spans="1:4" x14ac:dyDescent="0.25">
      <c r="A44050" t="s">
        <v>61537</v>
      </c>
      <c r="B44050" t="s">
        <v>61540</v>
      </c>
      <c r="C44050">
        <v>0</v>
      </c>
      <c r="D44050">
        <v>0</v>
      </c>
    </row>
    <row r="44051" spans="1:4" x14ac:dyDescent="0.25">
      <c r="A44051" t="s">
        <v>61537</v>
      </c>
      <c r="B44051" t="s">
        <v>61541</v>
      </c>
      <c r="C44051">
        <v>0</v>
      </c>
      <c r="D44051">
        <v>0</v>
      </c>
    </row>
    <row r="44052" spans="1:4" x14ac:dyDescent="0.25">
      <c r="A44052" t="s">
        <v>61537</v>
      </c>
      <c r="B44052" t="s">
        <v>61542</v>
      </c>
      <c r="C44052">
        <v>1</v>
      </c>
      <c r="D44052">
        <v>0</v>
      </c>
    </row>
    <row r="44053" spans="1:4" x14ac:dyDescent="0.25">
      <c r="A44053" t="s">
        <v>61537</v>
      </c>
      <c r="B44053" t="s">
        <v>61543</v>
      </c>
      <c r="C44053">
        <v>1</v>
      </c>
      <c r="D44053">
        <v>0</v>
      </c>
    </row>
    <row r="44054" spans="1:4" x14ac:dyDescent="0.25">
      <c r="A44054" t="s">
        <v>61537</v>
      </c>
      <c r="B44054" t="s">
        <v>61544</v>
      </c>
      <c r="C44054">
        <v>1</v>
      </c>
      <c r="D44054">
        <v>0</v>
      </c>
    </row>
    <row r="44055" spans="1:4" x14ac:dyDescent="0.25">
      <c r="A44055" t="s">
        <v>61537</v>
      </c>
      <c r="B44055" t="s">
        <v>61545</v>
      </c>
      <c r="C44055">
        <v>0</v>
      </c>
      <c r="D44055">
        <v>0</v>
      </c>
    </row>
    <row r="44056" spans="1:4" x14ac:dyDescent="0.25">
      <c r="A44056" t="s">
        <v>61546</v>
      </c>
      <c r="B44056" t="s">
        <v>61547</v>
      </c>
      <c r="C44056">
        <v>2</v>
      </c>
      <c r="D44056">
        <v>0</v>
      </c>
    </row>
    <row r="44057" spans="1:4" x14ac:dyDescent="0.25">
      <c r="A44057" t="s">
        <v>61546</v>
      </c>
      <c r="B44057" t="s">
        <v>61548</v>
      </c>
      <c r="C44057">
        <v>2</v>
      </c>
      <c r="D44057">
        <v>0</v>
      </c>
    </row>
    <row r="44058" spans="1:4" x14ac:dyDescent="0.25">
      <c r="A44058" t="s">
        <v>61546</v>
      </c>
      <c r="B44058" t="s">
        <v>61549</v>
      </c>
      <c r="C44058">
        <v>2</v>
      </c>
      <c r="D44058">
        <v>0</v>
      </c>
    </row>
    <row r="44059" spans="1:4" x14ac:dyDescent="0.25">
      <c r="A44059" t="s">
        <v>61546</v>
      </c>
      <c r="B44059" t="s">
        <v>61550</v>
      </c>
      <c r="C44059">
        <v>1</v>
      </c>
      <c r="D44059">
        <v>0</v>
      </c>
    </row>
    <row r="44060" spans="1:4" x14ac:dyDescent="0.25">
      <c r="A44060" t="s">
        <v>61546</v>
      </c>
      <c r="B44060" t="s">
        <v>61551</v>
      </c>
      <c r="C44060">
        <v>2</v>
      </c>
      <c r="D44060">
        <v>0</v>
      </c>
    </row>
    <row r="44061" spans="1:4" x14ac:dyDescent="0.25">
      <c r="A44061" t="s">
        <v>61552</v>
      </c>
      <c r="B44061" t="s">
        <v>61553</v>
      </c>
      <c r="C44061">
        <v>1</v>
      </c>
      <c r="D44061">
        <v>0</v>
      </c>
    </row>
    <row r="44062" spans="1:4" x14ac:dyDescent="0.25">
      <c r="A44062" t="s">
        <v>61552</v>
      </c>
      <c r="B44062" t="s">
        <v>5713</v>
      </c>
      <c r="C44062">
        <v>1</v>
      </c>
      <c r="D44062">
        <v>0</v>
      </c>
    </row>
    <row r="44063" spans="1:4" x14ac:dyDescent="0.25">
      <c r="A44063" t="s">
        <v>61552</v>
      </c>
      <c r="B44063" t="s">
        <v>5713</v>
      </c>
      <c r="C44063">
        <v>1</v>
      </c>
      <c r="D44063">
        <v>0</v>
      </c>
    </row>
    <row r="44064" spans="1:4" x14ac:dyDescent="0.25">
      <c r="A44064" t="s">
        <v>61552</v>
      </c>
      <c r="B44064" t="s">
        <v>61554</v>
      </c>
      <c r="C44064">
        <v>2</v>
      </c>
      <c r="D44064">
        <v>0</v>
      </c>
    </row>
    <row r="44065" spans="1:4" x14ac:dyDescent="0.25">
      <c r="A44065" t="s">
        <v>61555</v>
      </c>
      <c r="B44065" t="s">
        <v>61556</v>
      </c>
      <c r="C44065">
        <v>0</v>
      </c>
      <c r="D44065">
        <v>0</v>
      </c>
    </row>
    <row r="44066" spans="1:4" x14ac:dyDescent="0.25">
      <c r="A44066" t="s">
        <v>61555</v>
      </c>
      <c r="B44066" t="s">
        <v>61557</v>
      </c>
      <c r="C44066">
        <v>0</v>
      </c>
      <c r="D44066">
        <v>0</v>
      </c>
    </row>
    <row r="44067" spans="1:4" x14ac:dyDescent="0.25">
      <c r="A44067" t="s">
        <v>61555</v>
      </c>
      <c r="B44067" t="s">
        <v>61558</v>
      </c>
      <c r="C44067">
        <v>1</v>
      </c>
      <c r="D44067">
        <v>0</v>
      </c>
    </row>
    <row r="44068" spans="1:4" x14ac:dyDescent="0.25">
      <c r="A44068" t="s">
        <v>61555</v>
      </c>
      <c r="B44068" t="s">
        <v>61559</v>
      </c>
      <c r="C44068">
        <v>1</v>
      </c>
      <c r="D44068">
        <v>0</v>
      </c>
    </row>
    <row r="44069" spans="1:4" x14ac:dyDescent="0.25">
      <c r="A44069" t="s">
        <v>61555</v>
      </c>
      <c r="B44069" t="s">
        <v>61560</v>
      </c>
      <c r="C44069">
        <v>1</v>
      </c>
      <c r="D44069">
        <v>0</v>
      </c>
    </row>
    <row r="44070" spans="1:4" x14ac:dyDescent="0.25">
      <c r="A44070" t="s">
        <v>61555</v>
      </c>
      <c r="B44070" t="s">
        <v>61561</v>
      </c>
      <c r="C44070">
        <v>0</v>
      </c>
      <c r="D44070">
        <v>0</v>
      </c>
    </row>
    <row r="44071" spans="1:4" x14ac:dyDescent="0.25">
      <c r="A44071" t="s">
        <v>61555</v>
      </c>
      <c r="B44071" t="s">
        <v>61562</v>
      </c>
      <c r="C44071">
        <v>1</v>
      </c>
      <c r="D44071">
        <v>0</v>
      </c>
    </row>
    <row r="44072" spans="1:4" x14ac:dyDescent="0.25">
      <c r="A44072" t="s">
        <v>61555</v>
      </c>
      <c r="B44072" t="s">
        <v>61563</v>
      </c>
      <c r="C44072">
        <v>1</v>
      </c>
      <c r="D44072">
        <v>0</v>
      </c>
    </row>
    <row r="44073" spans="1:4" x14ac:dyDescent="0.25">
      <c r="A44073" t="s">
        <v>61555</v>
      </c>
      <c r="B44073" t="s">
        <v>61564</v>
      </c>
      <c r="C44073">
        <v>1</v>
      </c>
      <c r="D44073">
        <v>0</v>
      </c>
    </row>
    <row r="44074" spans="1:4" x14ac:dyDescent="0.25">
      <c r="A44074" t="s">
        <v>61565</v>
      </c>
      <c r="B44074" t="s">
        <v>61566</v>
      </c>
      <c r="C44074">
        <v>0</v>
      </c>
      <c r="D44074">
        <v>0</v>
      </c>
    </row>
    <row r="44075" spans="1:4" x14ac:dyDescent="0.25">
      <c r="A44075" t="s">
        <v>61565</v>
      </c>
      <c r="B44075" t="s">
        <v>61567</v>
      </c>
      <c r="C44075">
        <v>1</v>
      </c>
      <c r="D44075">
        <v>0</v>
      </c>
    </row>
    <row r="44076" spans="1:4" x14ac:dyDescent="0.25">
      <c r="A44076" t="s">
        <v>61565</v>
      </c>
      <c r="B44076" t="s">
        <v>61568</v>
      </c>
      <c r="C44076">
        <v>0</v>
      </c>
      <c r="D44076">
        <v>0</v>
      </c>
    </row>
    <row r="44077" spans="1:4" x14ac:dyDescent="0.25">
      <c r="A44077" t="s">
        <v>61569</v>
      </c>
      <c r="B44077" t="s">
        <v>61570</v>
      </c>
      <c r="C44077">
        <v>0</v>
      </c>
      <c r="D44077">
        <v>0</v>
      </c>
    </row>
    <row r="44078" spans="1:4" x14ac:dyDescent="0.25">
      <c r="A44078" t="s">
        <v>61569</v>
      </c>
      <c r="B44078" t="s">
        <v>61571</v>
      </c>
      <c r="C44078">
        <v>0</v>
      </c>
      <c r="D44078">
        <v>0</v>
      </c>
    </row>
    <row r="44079" spans="1:4" x14ac:dyDescent="0.25">
      <c r="A44079" t="s">
        <v>61572</v>
      </c>
      <c r="B44079" t="s">
        <v>61573</v>
      </c>
      <c r="C44079">
        <v>1</v>
      </c>
      <c r="D44079">
        <v>0</v>
      </c>
    </row>
    <row r="44080" spans="1:4" x14ac:dyDescent="0.25">
      <c r="A44080" t="s">
        <v>61572</v>
      </c>
      <c r="B44080" t="s">
        <v>61574</v>
      </c>
      <c r="C44080">
        <v>2</v>
      </c>
      <c r="D44080">
        <v>0</v>
      </c>
    </row>
    <row r="44081" spans="1:4" x14ac:dyDescent="0.25">
      <c r="A44081" t="s">
        <v>61575</v>
      </c>
      <c r="B44081" t="s">
        <v>61576</v>
      </c>
      <c r="C44081">
        <v>2</v>
      </c>
      <c r="D44081">
        <v>0</v>
      </c>
    </row>
    <row r="44082" spans="1:4" x14ac:dyDescent="0.25">
      <c r="A44082" t="s">
        <v>61575</v>
      </c>
      <c r="B44082" t="s">
        <v>61577</v>
      </c>
      <c r="C44082">
        <v>2</v>
      </c>
      <c r="D44082">
        <v>0</v>
      </c>
    </row>
    <row r="44083" spans="1:4" x14ac:dyDescent="0.25">
      <c r="A44083" t="s">
        <v>61575</v>
      </c>
      <c r="B44083" t="s">
        <v>61578</v>
      </c>
      <c r="C44083">
        <v>1</v>
      </c>
      <c r="D44083">
        <v>0</v>
      </c>
    </row>
    <row r="44084" spans="1:4" x14ac:dyDescent="0.25">
      <c r="A44084" t="s">
        <v>61575</v>
      </c>
      <c r="B44084" t="s">
        <v>61579</v>
      </c>
      <c r="C44084">
        <v>2</v>
      </c>
      <c r="D44084">
        <v>0</v>
      </c>
    </row>
    <row r="44085" spans="1:4" x14ac:dyDescent="0.25">
      <c r="A44085" t="s">
        <v>61575</v>
      </c>
      <c r="B44085" t="s">
        <v>61580</v>
      </c>
      <c r="C44085">
        <v>1</v>
      </c>
      <c r="D44085">
        <v>0</v>
      </c>
    </row>
    <row r="44086" spans="1:4" x14ac:dyDescent="0.25">
      <c r="A44086" t="s">
        <v>61581</v>
      </c>
      <c r="B44086" t="s">
        <v>61582</v>
      </c>
      <c r="C44086">
        <v>0</v>
      </c>
      <c r="D44086">
        <v>0</v>
      </c>
    </row>
    <row r="44087" spans="1:4" x14ac:dyDescent="0.25">
      <c r="A44087" t="s">
        <v>61581</v>
      </c>
      <c r="B44087" t="s">
        <v>61583</v>
      </c>
      <c r="C44087">
        <v>0</v>
      </c>
      <c r="D44087">
        <v>0</v>
      </c>
    </row>
    <row r="44088" spans="1:4" x14ac:dyDescent="0.25">
      <c r="A44088" t="s">
        <v>61581</v>
      </c>
      <c r="B44088" t="s">
        <v>27699</v>
      </c>
      <c r="C44088">
        <v>0</v>
      </c>
      <c r="D44088">
        <v>0</v>
      </c>
    </row>
    <row r="44089" spans="1:4" x14ac:dyDescent="0.25">
      <c r="A44089" t="s">
        <v>61581</v>
      </c>
      <c r="B44089" t="s">
        <v>61584</v>
      </c>
      <c r="C44089">
        <v>2</v>
      </c>
      <c r="D44089">
        <v>0</v>
      </c>
    </row>
    <row r="44090" spans="1:4" x14ac:dyDescent="0.25">
      <c r="A44090" t="s">
        <v>61581</v>
      </c>
      <c r="B44090" t="s">
        <v>61585</v>
      </c>
      <c r="C44090">
        <v>0</v>
      </c>
      <c r="D44090">
        <v>0</v>
      </c>
    </row>
    <row r="44091" spans="1:4" x14ac:dyDescent="0.25">
      <c r="A44091" t="s">
        <v>61581</v>
      </c>
      <c r="B44091" t="s">
        <v>61586</v>
      </c>
      <c r="C44091">
        <v>0</v>
      </c>
      <c r="D44091">
        <v>0</v>
      </c>
    </row>
    <row r="44092" spans="1:4" x14ac:dyDescent="0.25">
      <c r="A44092" t="s">
        <v>61587</v>
      </c>
      <c r="B44092" t="s">
        <v>61588</v>
      </c>
      <c r="C44092">
        <v>1</v>
      </c>
      <c r="D44092">
        <v>0</v>
      </c>
    </row>
    <row r="44093" spans="1:4" x14ac:dyDescent="0.25">
      <c r="A44093" t="s">
        <v>61587</v>
      </c>
      <c r="B44093" t="s">
        <v>61589</v>
      </c>
      <c r="C44093">
        <v>0</v>
      </c>
      <c r="D44093">
        <v>0</v>
      </c>
    </row>
    <row r="44094" spans="1:4" x14ac:dyDescent="0.25">
      <c r="A44094" t="s">
        <v>61587</v>
      </c>
      <c r="B44094" t="s">
        <v>61590</v>
      </c>
      <c r="C44094">
        <v>0</v>
      </c>
      <c r="D44094">
        <v>0</v>
      </c>
    </row>
    <row r="44095" spans="1:4" x14ac:dyDescent="0.25">
      <c r="A44095" t="s">
        <v>61587</v>
      </c>
      <c r="B44095" t="s">
        <v>61591</v>
      </c>
      <c r="C44095">
        <v>1</v>
      </c>
      <c r="D44095">
        <v>0</v>
      </c>
    </row>
    <row r="44096" spans="1:4" x14ac:dyDescent="0.25">
      <c r="A44096" t="s">
        <v>61587</v>
      </c>
      <c r="B44096" t="s">
        <v>61592</v>
      </c>
      <c r="C44096">
        <v>1</v>
      </c>
      <c r="D44096">
        <v>0</v>
      </c>
    </row>
    <row r="44097" spans="1:4" x14ac:dyDescent="0.25">
      <c r="A44097" t="s">
        <v>61587</v>
      </c>
      <c r="B44097" t="s">
        <v>61593</v>
      </c>
      <c r="C44097">
        <v>0</v>
      </c>
      <c r="D44097">
        <v>0</v>
      </c>
    </row>
    <row r="44098" spans="1:4" x14ac:dyDescent="0.25">
      <c r="A44098" t="s">
        <v>61594</v>
      </c>
      <c r="B44098" t="s">
        <v>61595</v>
      </c>
      <c r="C44098">
        <v>1</v>
      </c>
      <c r="D44098">
        <v>0</v>
      </c>
    </row>
    <row r="44099" spans="1:4" x14ac:dyDescent="0.25">
      <c r="A44099" t="s">
        <v>61594</v>
      </c>
      <c r="B44099" t="s">
        <v>61596</v>
      </c>
      <c r="C44099">
        <v>0</v>
      </c>
      <c r="D44099">
        <v>0</v>
      </c>
    </row>
    <row r="44100" spans="1:4" x14ac:dyDescent="0.25">
      <c r="A44100" t="s">
        <v>61594</v>
      </c>
      <c r="B44100" t="s">
        <v>56200</v>
      </c>
      <c r="C44100">
        <v>0</v>
      </c>
      <c r="D44100">
        <v>0</v>
      </c>
    </row>
    <row r="44101" spans="1:4" x14ac:dyDescent="0.25">
      <c r="A44101" t="s">
        <v>61594</v>
      </c>
      <c r="B44101" t="s">
        <v>61597</v>
      </c>
      <c r="C44101">
        <v>0</v>
      </c>
      <c r="D44101">
        <v>0</v>
      </c>
    </row>
    <row r="44102" spans="1:4" x14ac:dyDescent="0.25">
      <c r="A44102" t="s">
        <v>61598</v>
      </c>
      <c r="B44102" t="s">
        <v>61599</v>
      </c>
      <c r="C44102">
        <v>0</v>
      </c>
      <c r="D44102">
        <v>0</v>
      </c>
    </row>
    <row r="44103" spans="1:4" x14ac:dyDescent="0.25">
      <c r="A44103" t="s">
        <v>61598</v>
      </c>
      <c r="B44103" t="s">
        <v>61600</v>
      </c>
      <c r="C44103">
        <v>0</v>
      </c>
      <c r="D44103">
        <v>0</v>
      </c>
    </row>
    <row r="44104" spans="1:4" x14ac:dyDescent="0.25">
      <c r="A44104" t="s">
        <v>61598</v>
      </c>
      <c r="B44104" t="s">
        <v>61601</v>
      </c>
      <c r="C44104">
        <v>2</v>
      </c>
      <c r="D44104">
        <v>0</v>
      </c>
    </row>
    <row r="44105" spans="1:4" x14ac:dyDescent="0.25">
      <c r="A44105" t="s">
        <v>61598</v>
      </c>
      <c r="B44105" t="s">
        <v>61602</v>
      </c>
      <c r="C44105">
        <v>2</v>
      </c>
      <c r="D44105">
        <v>0</v>
      </c>
    </row>
    <row r="44106" spans="1:4" x14ac:dyDescent="0.25">
      <c r="A44106" t="s">
        <v>61598</v>
      </c>
      <c r="B44106" t="s">
        <v>61603</v>
      </c>
      <c r="C44106">
        <v>2</v>
      </c>
      <c r="D44106">
        <v>0</v>
      </c>
    </row>
    <row r="44107" spans="1:4" x14ac:dyDescent="0.25">
      <c r="A44107" t="s">
        <v>61598</v>
      </c>
      <c r="B44107" t="s">
        <v>61604</v>
      </c>
      <c r="C44107">
        <v>2</v>
      </c>
      <c r="D44107">
        <v>0</v>
      </c>
    </row>
    <row r="44108" spans="1:4" x14ac:dyDescent="0.25">
      <c r="A44108" t="s">
        <v>61598</v>
      </c>
      <c r="B44108" t="s">
        <v>61605</v>
      </c>
      <c r="C44108">
        <v>2</v>
      </c>
      <c r="D44108">
        <v>0</v>
      </c>
    </row>
    <row r="44109" spans="1:4" x14ac:dyDescent="0.25">
      <c r="A44109" t="s">
        <v>61598</v>
      </c>
      <c r="B44109" t="s">
        <v>61606</v>
      </c>
      <c r="C44109">
        <v>1</v>
      </c>
      <c r="D44109">
        <v>0</v>
      </c>
    </row>
    <row r="44110" spans="1:4" x14ac:dyDescent="0.25">
      <c r="A44110" t="s">
        <v>61607</v>
      </c>
      <c r="B44110" t="s">
        <v>61608</v>
      </c>
      <c r="C44110">
        <v>1</v>
      </c>
      <c r="D44110">
        <v>0</v>
      </c>
    </row>
    <row r="44111" spans="1:4" x14ac:dyDescent="0.25">
      <c r="A44111" t="s">
        <v>61607</v>
      </c>
      <c r="B44111" t="s">
        <v>61609</v>
      </c>
      <c r="C44111">
        <v>0</v>
      </c>
      <c r="D44111">
        <v>0</v>
      </c>
    </row>
    <row r="44112" spans="1:4" x14ac:dyDescent="0.25">
      <c r="A44112" t="s">
        <v>61607</v>
      </c>
      <c r="B44112" t="s">
        <v>61610</v>
      </c>
      <c r="C44112">
        <v>2</v>
      </c>
      <c r="D44112">
        <v>0</v>
      </c>
    </row>
    <row r="44113" spans="1:4" x14ac:dyDescent="0.25">
      <c r="A44113" t="s">
        <v>61607</v>
      </c>
      <c r="B44113" t="s">
        <v>61611</v>
      </c>
      <c r="C44113">
        <v>1</v>
      </c>
      <c r="D44113">
        <v>0</v>
      </c>
    </row>
    <row r="44114" spans="1:4" x14ac:dyDescent="0.25">
      <c r="A44114" t="s">
        <v>61607</v>
      </c>
      <c r="B44114" t="s">
        <v>61608</v>
      </c>
      <c r="C44114">
        <v>1</v>
      </c>
      <c r="D44114">
        <v>0</v>
      </c>
    </row>
    <row r="44115" spans="1:4" x14ac:dyDescent="0.25">
      <c r="A44115" t="s">
        <v>61607</v>
      </c>
      <c r="B44115" t="s">
        <v>61612</v>
      </c>
      <c r="C44115">
        <v>0</v>
      </c>
      <c r="D44115">
        <v>0</v>
      </c>
    </row>
    <row r="44116" spans="1:4" x14ac:dyDescent="0.25">
      <c r="A44116" t="s">
        <v>61607</v>
      </c>
      <c r="B44116" t="s">
        <v>20844</v>
      </c>
      <c r="C44116">
        <v>1</v>
      </c>
      <c r="D44116">
        <v>0</v>
      </c>
    </row>
    <row r="44117" spans="1:4" x14ac:dyDescent="0.25">
      <c r="A44117" t="s">
        <v>61613</v>
      </c>
      <c r="B44117" t="s">
        <v>61614</v>
      </c>
      <c r="C44117">
        <v>1</v>
      </c>
      <c r="D44117">
        <v>0</v>
      </c>
    </row>
    <row r="44118" spans="1:4" x14ac:dyDescent="0.25">
      <c r="A44118" t="s">
        <v>61615</v>
      </c>
      <c r="B44118" t="s">
        <v>61616</v>
      </c>
      <c r="C44118">
        <v>1</v>
      </c>
      <c r="D44118">
        <v>0</v>
      </c>
    </row>
    <row r="44119" spans="1:4" x14ac:dyDescent="0.25">
      <c r="A44119" t="s">
        <v>61615</v>
      </c>
      <c r="B44119" t="s">
        <v>61617</v>
      </c>
      <c r="C44119">
        <v>0</v>
      </c>
      <c r="D44119">
        <v>0</v>
      </c>
    </row>
    <row r="44120" spans="1:4" x14ac:dyDescent="0.25">
      <c r="A44120" t="s">
        <v>61615</v>
      </c>
      <c r="B44120" t="s">
        <v>61618</v>
      </c>
      <c r="C44120">
        <v>1</v>
      </c>
      <c r="D44120">
        <v>0</v>
      </c>
    </row>
    <row r="44121" spans="1:4" x14ac:dyDescent="0.25">
      <c r="A44121" t="s">
        <v>61615</v>
      </c>
      <c r="B44121" t="s">
        <v>61619</v>
      </c>
      <c r="C44121">
        <v>0</v>
      </c>
      <c r="D44121">
        <v>0</v>
      </c>
    </row>
    <row r="44122" spans="1:4" x14ac:dyDescent="0.25">
      <c r="A44122" t="s">
        <v>61615</v>
      </c>
      <c r="B44122" t="s">
        <v>61618</v>
      </c>
      <c r="C44122">
        <v>1</v>
      </c>
      <c r="D44122">
        <v>0</v>
      </c>
    </row>
    <row r="44123" spans="1:4" x14ac:dyDescent="0.25">
      <c r="A44123" t="s">
        <v>61615</v>
      </c>
      <c r="B44123" t="s">
        <v>61620</v>
      </c>
      <c r="C44123">
        <v>1</v>
      </c>
      <c r="D44123">
        <v>0</v>
      </c>
    </row>
    <row r="44124" spans="1:4" x14ac:dyDescent="0.25">
      <c r="A44124" t="s">
        <v>61615</v>
      </c>
      <c r="B44124" t="s">
        <v>61621</v>
      </c>
      <c r="C44124">
        <v>1</v>
      </c>
      <c r="D44124">
        <v>0</v>
      </c>
    </row>
    <row r="44125" spans="1:4" x14ac:dyDescent="0.25">
      <c r="A44125" t="s">
        <v>61622</v>
      </c>
      <c r="B44125" t="s">
        <v>61623</v>
      </c>
      <c r="C44125">
        <v>1</v>
      </c>
      <c r="D44125">
        <v>0</v>
      </c>
    </row>
    <row r="44126" spans="1:4" x14ac:dyDescent="0.25">
      <c r="A44126" t="s">
        <v>61622</v>
      </c>
      <c r="B44126" t="s">
        <v>36353</v>
      </c>
      <c r="C44126">
        <v>0</v>
      </c>
      <c r="D44126">
        <v>0</v>
      </c>
    </row>
    <row r="44127" spans="1:4" x14ac:dyDescent="0.25">
      <c r="A44127" t="s">
        <v>61622</v>
      </c>
      <c r="B44127" t="s">
        <v>61624</v>
      </c>
      <c r="C44127">
        <v>0</v>
      </c>
      <c r="D44127">
        <v>0</v>
      </c>
    </row>
    <row r="44128" spans="1:4" x14ac:dyDescent="0.25">
      <c r="A44128" t="s">
        <v>61622</v>
      </c>
      <c r="B44128" t="s">
        <v>61625</v>
      </c>
      <c r="C44128">
        <v>1</v>
      </c>
      <c r="D44128">
        <v>0</v>
      </c>
    </row>
    <row r="44129" spans="1:4" x14ac:dyDescent="0.25">
      <c r="A44129" t="s">
        <v>61626</v>
      </c>
      <c r="B44129" t="s">
        <v>61627</v>
      </c>
      <c r="C44129">
        <v>0</v>
      </c>
      <c r="D44129">
        <v>0</v>
      </c>
    </row>
    <row r="44130" spans="1:4" x14ac:dyDescent="0.25">
      <c r="A44130" t="s">
        <v>61628</v>
      </c>
      <c r="B44130" t="s">
        <v>61629</v>
      </c>
      <c r="C44130">
        <v>1</v>
      </c>
      <c r="D44130">
        <v>0</v>
      </c>
    </row>
    <row r="44131" spans="1:4" x14ac:dyDescent="0.25">
      <c r="A44131" t="s">
        <v>61628</v>
      </c>
      <c r="B44131" t="s">
        <v>61630</v>
      </c>
      <c r="C44131">
        <v>1</v>
      </c>
      <c r="D44131">
        <v>0</v>
      </c>
    </row>
    <row r="44132" spans="1:4" x14ac:dyDescent="0.25">
      <c r="A44132" t="s">
        <v>61628</v>
      </c>
      <c r="B44132" t="s">
        <v>61631</v>
      </c>
      <c r="C44132">
        <v>2</v>
      </c>
      <c r="D44132">
        <v>0</v>
      </c>
    </row>
    <row r="44133" spans="1:4" x14ac:dyDescent="0.25">
      <c r="A44133" t="s">
        <v>61628</v>
      </c>
      <c r="B44133" t="s">
        <v>61632</v>
      </c>
      <c r="C44133">
        <v>2</v>
      </c>
      <c r="D44133">
        <v>0</v>
      </c>
    </row>
    <row r="44134" spans="1:4" x14ac:dyDescent="0.25">
      <c r="A44134" t="s">
        <v>61628</v>
      </c>
      <c r="B44134" t="s">
        <v>61633</v>
      </c>
      <c r="C44134">
        <v>1</v>
      </c>
      <c r="D44134">
        <v>0</v>
      </c>
    </row>
    <row r="44135" spans="1:4" x14ac:dyDescent="0.25">
      <c r="A44135" t="s">
        <v>61628</v>
      </c>
      <c r="B44135" t="s">
        <v>47634</v>
      </c>
      <c r="C44135">
        <v>0</v>
      </c>
      <c r="D44135">
        <v>0</v>
      </c>
    </row>
    <row r="44136" spans="1:4" x14ac:dyDescent="0.25">
      <c r="A44136" t="s">
        <v>61628</v>
      </c>
      <c r="B44136" t="s">
        <v>61634</v>
      </c>
      <c r="C44136">
        <v>1</v>
      </c>
      <c r="D44136">
        <v>0</v>
      </c>
    </row>
    <row r="44137" spans="1:4" x14ac:dyDescent="0.25">
      <c r="A44137" t="s">
        <v>61628</v>
      </c>
      <c r="B44137" t="s">
        <v>61635</v>
      </c>
      <c r="C44137">
        <v>1</v>
      </c>
      <c r="D44137">
        <v>0</v>
      </c>
    </row>
    <row r="44138" spans="1:4" x14ac:dyDescent="0.25">
      <c r="A44138" t="s">
        <v>61636</v>
      </c>
      <c r="B44138" t="s">
        <v>61637</v>
      </c>
      <c r="C44138">
        <v>0</v>
      </c>
      <c r="D44138">
        <v>0</v>
      </c>
    </row>
    <row r="44139" spans="1:4" x14ac:dyDescent="0.25">
      <c r="A44139" t="s">
        <v>61638</v>
      </c>
      <c r="B44139" t="s">
        <v>61639</v>
      </c>
      <c r="C44139">
        <v>1</v>
      </c>
      <c r="D44139">
        <v>0</v>
      </c>
    </row>
    <row r="44140" spans="1:4" x14ac:dyDescent="0.25">
      <c r="A44140" t="s">
        <v>61640</v>
      </c>
      <c r="B44140" t="s">
        <v>61641</v>
      </c>
      <c r="C44140">
        <v>1</v>
      </c>
      <c r="D44140">
        <v>0</v>
      </c>
    </row>
    <row r="44141" spans="1:4" x14ac:dyDescent="0.25">
      <c r="A44141" t="s">
        <v>61640</v>
      </c>
      <c r="B44141" t="s">
        <v>61642</v>
      </c>
      <c r="C44141">
        <v>0</v>
      </c>
      <c r="D44141">
        <v>0</v>
      </c>
    </row>
    <row r="44142" spans="1:4" x14ac:dyDescent="0.25">
      <c r="A44142" t="s">
        <v>61640</v>
      </c>
      <c r="B44142" t="s">
        <v>61643</v>
      </c>
      <c r="C44142">
        <v>0</v>
      </c>
      <c r="D44142">
        <v>0</v>
      </c>
    </row>
    <row r="44143" spans="1:4" x14ac:dyDescent="0.25">
      <c r="A44143" t="s">
        <v>61644</v>
      </c>
      <c r="B44143" t="s">
        <v>61645</v>
      </c>
      <c r="C44143">
        <v>1</v>
      </c>
      <c r="D44143">
        <v>0</v>
      </c>
    </row>
    <row r="44144" spans="1:4" x14ac:dyDescent="0.25">
      <c r="A44144" t="s">
        <v>61644</v>
      </c>
      <c r="B44144" t="s">
        <v>61646</v>
      </c>
      <c r="C44144">
        <v>2</v>
      </c>
      <c r="D44144">
        <v>0</v>
      </c>
    </row>
    <row r="44145" spans="1:4" x14ac:dyDescent="0.25">
      <c r="A44145" t="s">
        <v>61644</v>
      </c>
      <c r="B44145" t="s">
        <v>61647</v>
      </c>
      <c r="C44145">
        <v>0</v>
      </c>
      <c r="D44145">
        <v>0</v>
      </c>
    </row>
    <row r="44146" spans="1:4" x14ac:dyDescent="0.25">
      <c r="A44146" t="s">
        <v>61644</v>
      </c>
      <c r="B44146" t="s">
        <v>61648</v>
      </c>
      <c r="C44146">
        <v>0</v>
      </c>
      <c r="D44146">
        <v>0</v>
      </c>
    </row>
    <row r="44147" spans="1:4" x14ac:dyDescent="0.25">
      <c r="A44147" t="s">
        <v>61644</v>
      </c>
      <c r="B44147" t="s">
        <v>61649</v>
      </c>
      <c r="C44147">
        <v>0</v>
      </c>
      <c r="D44147">
        <v>0</v>
      </c>
    </row>
    <row r="44148" spans="1:4" x14ac:dyDescent="0.25">
      <c r="A44148" t="s">
        <v>61650</v>
      </c>
      <c r="B44148" t="s">
        <v>61651</v>
      </c>
      <c r="C44148">
        <v>1</v>
      </c>
      <c r="D44148">
        <v>0</v>
      </c>
    </row>
    <row r="44149" spans="1:4" x14ac:dyDescent="0.25">
      <c r="A44149" t="s">
        <v>61650</v>
      </c>
      <c r="B44149" t="s">
        <v>61652</v>
      </c>
      <c r="C44149">
        <v>0</v>
      </c>
      <c r="D44149">
        <v>0</v>
      </c>
    </row>
    <row r="44150" spans="1:4" x14ac:dyDescent="0.25">
      <c r="A44150" t="s">
        <v>61650</v>
      </c>
      <c r="B44150" t="s">
        <v>61653</v>
      </c>
      <c r="C44150">
        <v>1</v>
      </c>
      <c r="D44150">
        <v>0</v>
      </c>
    </row>
    <row r="44151" spans="1:4" x14ac:dyDescent="0.25">
      <c r="A44151" t="s">
        <v>61650</v>
      </c>
      <c r="B44151" t="s">
        <v>61654</v>
      </c>
      <c r="C44151">
        <v>0</v>
      </c>
      <c r="D44151">
        <v>0</v>
      </c>
    </row>
    <row r="44152" spans="1:4" x14ac:dyDescent="0.25">
      <c r="A44152" t="s">
        <v>61650</v>
      </c>
      <c r="B44152" t="s">
        <v>61655</v>
      </c>
      <c r="C44152">
        <v>0</v>
      </c>
      <c r="D44152">
        <v>0</v>
      </c>
    </row>
    <row r="44153" spans="1:4" x14ac:dyDescent="0.25">
      <c r="A44153" t="s">
        <v>61650</v>
      </c>
      <c r="B44153" t="s">
        <v>61656</v>
      </c>
      <c r="C44153">
        <v>0</v>
      </c>
      <c r="D44153">
        <v>0</v>
      </c>
    </row>
    <row r="44154" spans="1:4" x14ac:dyDescent="0.25">
      <c r="A44154" t="s">
        <v>61650</v>
      </c>
      <c r="B44154" t="s">
        <v>61657</v>
      </c>
      <c r="C44154">
        <v>1</v>
      </c>
      <c r="D44154">
        <v>0</v>
      </c>
    </row>
    <row r="44155" spans="1:4" x14ac:dyDescent="0.25">
      <c r="A44155" t="s">
        <v>61650</v>
      </c>
      <c r="B44155" t="s">
        <v>61658</v>
      </c>
      <c r="C44155">
        <v>1</v>
      </c>
      <c r="D44155">
        <v>0</v>
      </c>
    </row>
    <row r="44156" spans="1:4" x14ac:dyDescent="0.25">
      <c r="A44156" t="s">
        <v>61659</v>
      </c>
      <c r="B44156" t="s">
        <v>61660</v>
      </c>
      <c r="C44156">
        <v>1</v>
      </c>
      <c r="D44156">
        <v>0</v>
      </c>
    </row>
    <row r="44157" spans="1:4" x14ac:dyDescent="0.25">
      <c r="A44157" t="s">
        <v>61659</v>
      </c>
      <c r="B44157" t="s">
        <v>61661</v>
      </c>
      <c r="C44157">
        <v>1</v>
      </c>
      <c r="D44157">
        <v>0</v>
      </c>
    </row>
    <row r="44158" spans="1:4" x14ac:dyDescent="0.25">
      <c r="A44158" t="s">
        <v>61662</v>
      </c>
      <c r="B44158" t="s">
        <v>61663</v>
      </c>
      <c r="C44158">
        <v>2</v>
      </c>
      <c r="D44158">
        <v>0</v>
      </c>
    </row>
    <row r="44159" spans="1:4" x14ac:dyDescent="0.25">
      <c r="A44159" t="s">
        <v>61664</v>
      </c>
      <c r="B44159" t="s">
        <v>61665</v>
      </c>
      <c r="C44159">
        <v>1</v>
      </c>
      <c r="D44159">
        <v>0</v>
      </c>
    </row>
    <row r="44160" spans="1:4" x14ac:dyDescent="0.25">
      <c r="A44160" t="s">
        <v>61664</v>
      </c>
      <c r="B44160" t="s">
        <v>61666</v>
      </c>
      <c r="C44160">
        <v>0</v>
      </c>
      <c r="D44160">
        <v>0</v>
      </c>
    </row>
    <row r="44161" spans="1:4" x14ac:dyDescent="0.25">
      <c r="A44161" t="s">
        <v>61664</v>
      </c>
      <c r="B44161" t="s">
        <v>49037</v>
      </c>
      <c r="C44161">
        <v>1</v>
      </c>
      <c r="D44161">
        <v>0</v>
      </c>
    </row>
    <row r="44162" spans="1:4" x14ac:dyDescent="0.25">
      <c r="A44162" t="s">
        <v>61667</v>
      </c>
      <c r="B44162" t="s">
        <v>61668</v>
      </c>
      <c r="C44162">
        <v>1</v>
      </c>
      <c r="D44162">
        <v>0</v>
      </c>
    </row>
    <row r="44163" spans="1:4" x14ac:dyDescent="0.25">
      <c r="A44163" t="s">
        <v>61667</v>
      </c>
      <c r="B44163" t="s">
        <v>61669</v>
      </c>
      <c r="C44163">
        <v>2</v>
      </c>
      <c r="D44163">
        <v>0</v>
      </c>
    </row>
    <row r="44164" spans="1:4" x14ac:dyDescent="0.25">
      <c r="A44164" t="s">
        <v>61667</v>
      </c>
      <c r="B44164" t="s">
        <v>61670</v>
      </c>
      <c r="C44164">
        <v>1</v>
      </c>
      <c r="D44164">
        <v>0</v>
      </c>
    </row>
    <row r="44165" spans="1:4" x14ac:dyDescent="0.25">
      <c r="A44165" t="s">
        <v>61667</v>
      </c>
      <c r="B44165" t="s">
        <v>61671</v>
      </c>
      <c r="C44165">
        <v>2</v>
      </c>
      <c r="D44165">
        <v>0</v>
      </c>
    </row>
    <row r="44166" spans="1:4" x14ac:dyDescent="0.25">
      <c r="A44166" t="s">
        <v>61667</v>
      </c>
      <c r="B44166" t="s">
        <v>61672</v>
      </c>
      <c r="C44166">
        <v>1</v>
      </c>
      <c r="D44166">
        <v>0</v>
      </c>
    </row>
    <row r="44167" spans="1:4" x14ac:dyDescent="0.25">
      <c r="A44167" t="s">
        <v>61673</v>
      </c>
      <c r="B44167" t="s">
        <v>61674</v>
      </c>
      <c r="C44167">
        <v>1</v>
      </c>
      <c r="D44167">
        <v>0</v>
      </c>
    </row>
    <row r="44168" spans="1:4" x14ac:dyDescent="0.25">
      <c r="A44168" t="s">
        <v>61673</v>
      </c>
      <c r="B44168" t="s">
        <v>61675</v>
      </c>
      <c r="C44168">
        <v>1</v>
      </c>
      <c r="D44168">
        <v>0</v>
      </c>
    </row>
    <row r="44169" spans="1:4" x14ac:dyDescent="0.25">
      <c r="A44169" t="s">
        <v>61673</v>
      </c>
      <c r="B44169" t="s">
        <v>61676</v>
      </c>
      <c r="C44169">
        <v>0</v>
      </c>
      <c r="D44169">
        <v>0</v>
      </c>
    </row>
    <row r="44170" spans="1:4" x14ac:dyDescent="0.25">
      <c r="A44170" t="s">
        <v>61673</v>
      </c>
      <c r="B44170" t="s">
        <v>61677</v>
      </c>
      <c r="C44170">
        <v>0</v>
      </c>
      <c r="D44170">
        <v>0</v>
      </c>
    </row>
    <row r="44171" spans="1:4" x14ac:dyDescent="0.25">
      <c r="A44171" t="s">
        <v>61673</v>
      </c>
      <c r="B44171" t="s">
        <v>61678</v>
      </c>
      <c r="C44171">
        <v>0</v>
      </c>
      <c r="D44171">
        <v>0</v>
      </c>
    </row>
    <row r="44172" spans="1:4" x14ac:dyDescent="0.25">
      <c r="A44172" t="s">
        <v>61673</v>
      </c>
      <c r="B44172" t="s">
        <v>61679</v>
      </c>
      <c r="C44172">
        <v>1</v>
      </c>
      <c r="D44172">
        <v>0</v>
      </c>
    </row>
    <row r="44173" spans="1:4" x14ac:dyDescent="0.25">
      <c r="A44173" t="s">
        <v>61680</v>
      </c>
      <c r="B44173" t="s">
        <v>61681</v>
      </c>
      <c r="C44173">
        <v>1</v>
      </c>
      <c r="D44173">
        <v>0</v>
      </c>
    </row>
    <row r="44174" spans="1:4" x14ac:dyDescent="0.25">
      <c r="A44174" t="s">
        <v>61680</v>
      </c>
      <c r="B44174" t="s">
        <v>61682</v>
      </c>
      <c r="C44174">
        <v>1</v>
      </c>
      <c r="D44174">
        <v>0</v>
      </c>
    </row>
    <row r="44175" spans="1:4" x14ac:dyDescent="0.25">
      <c r="A44175" t="s">
        <v>61680</v>
      </c>
      <c r="B44175" t="s">
        <v>61683</v>
      </c>
      <c r="C44175">
        <v>1</v>
      </c>
      <c r="D44175">
        <v>0</v>
      </c>
    </row>
    <row r="44176" spans="1:4" x14ac:dyDescent="0.25">
      <c r="A44176" t="s">
        <v>61680</v>
      </c>
      <c r="B44176" t="s">
        <v>61684</v>
      </c>
      <c r="C44176">
        <v>2</v>
      </c>
      <c r="D44176">
        <v>0</v>
      </c>
    </row>
    <row r="44177" spans="1:4" x14ac:dyDescent="0.25">
      <c r="A44177" t="s">
        <v>61680</v>
      </c>
      <c r="B44177" t="s">
        <v>61685</v>
      </c>
      <c r="C44177">
        <v>1</v>
      </c>
      <c r="D44177">
        <v>0</v>
      </c>
    </row>
    <row r="44178" spans="1:4" x14ac:dyDescent="0.25">
      <c r="A44178" t="s">
        <v>61686</v>
      </c>
      <c r="B44178" t="s">
        <v>61687</v>
      </c>
      <c r="C44178">
        <v>1</v>
      </c>
      <c r="D44178">
        <v>0</v>
      </c>
    </row>
    <row r="44179" spans="1:4" x14ac:dyDescent="0.25">
      <c r="A44179" t="s">
        <v>61686</v>
      </c>
      <c r="B44179" t="s">
        <v>61688</v>
      </c>
      <c r="C44179">
        <v>1</v>
      </c>
      <c r="D44179">
        <v>0</v>
      </c>
    </row>
    <row r="44180" spans="1:4" x14ac:dyDescent="0.25">
      <c r="A44180" t="s">
        <v>61686</v>
      </c>
      <c r="B44180" t="s">
        <v>61689</v>
      </c>
      <c r="C44180">
        <v>1</v>
      </c>
      <c r="D44180">
        <v>0</v>
      </c>
    </row>
    <row r="44181" spans="1:4" x14ac:dyDescent="0.25">
      <c r="A44181" t="s">
        <v>61686</v>
      </c>
      <c r="B44181" t="s">
        <v>61690</v>
      </c>
      <c r="C44181">
        <v>2</v>
      </c>
      <c r="D44181">
        <v>0</v>
      </c>
    </row>
    <row r="44182" spans="1:4" x14ac:dyDescent="0.25">
      <c r="A44182" t="s">
        <v>61686</v>
      </c>
      <c r="B44182" t="s">
        <v>61691</v>
      </c>
      <c r="C44182">
        <v>1</v>
      </c>
      <c r="D44182">
        <v>0</v>
      </c>
    </row>
    <row r="44183" spans="1:4" x14ac:dyDescent="0.25">
      <c r="A44183" t="s">
        <v>61692</v>
      </c>
      <c r="B44183" t="s">
        <v>61693</v>
      </c>
      <c r="C44183">
        <v>0</v>
      </c>
      <c r="D44183">
        <v>0</v>
      </c>
    </row>
    <row r="44184" spans="1:4" x14ac:dyDescent="0.25">
      <c r="A44184" t="s">
        <v>61694</v>
      </c>
      <c r="B44184" t="s">
        <v>61695</v>
      </c>
      <c r="C44184">
        <v>1</v>
      </c>
      <c r="D44184">
        <v>0</v>
      </c>
    </row>
    <row r="44185" spans="1:4" x14ac:dyDescent="0.25">
      <c r="A44185" t="s">
        <v>61694</v>
      </c>
      <c r="B44185" t="s">
        <v>61696</v>
      </c>
      <c r="C44185">
        <v>0</v>
      </c>
      <c r="D44185">
        <v>0</v>
      </c>
    </row>
    <row r="44186" spans="1:4" x14ac:dyDescent="0.25">
      <c r="A44186" t="s">
        <v>61694</v>
      </c>
      <c r="B44186" t="s">
        <v>6548</v>
      </c>
      <c r="C44186">
        <v>0</v>
      </c>
      <c r="D44186">
        <v>0</v>
      </c>
    </row>
    <row r="44187" spans="1:4" x14ac:dyDescent="0.25">
      <c r="A44187" t="s">
        <v>61694</v>
      </c>
      <c r="B44187" t="s">
        <v>61697</v>
      </c>
      <c r="C44187">
        <v>0</v>
      </c>
      <c r="D44187">
        <v>0</v>
      </c>
    </row>
    <row r="44188" spans="1:4" x14ac:dyDescent="0.25">
      <c r="A44188" t="s">
        <v>61694</v>
      </c>
      <c r="B44188" t="s">
        <v>61698</v>
      </c>
      <c r="C44188">
        <v>0</v>
      </c>
      <c r="D44188">
        <v>0</v>
      </c>
    </row>
    <row r="44189" spans="1:4" x14ac:dyDescent="0.25">
      <c r="A44189" t="s">
        <v>61699</v>
      </c>
      <c r="B44189" t="s">
        <v>61700</v>
      </c>
      <c r="C44189">
        <v>0</v>
      </c>
      <c r="D44189">
        <v>0</v>
      </c>
    </row>
    <row r="44190" spans="1:4" x14ac:dyDescent="0.25">
      <c r="A44190" t="s">
        <v>61699</v>
      </c>
      <c r="B44190" t="s">
        <v>61701</v>
      </c>
      <c r="C44190">
        <v>2</v>
      </c>
      <c r="D44190">
        <v>0</v>
      </c>
    </row>
    <row r="44191" spans="1:4" x14ac:dyDescent="0.25">
      <c r="A44191" t="s">
        <v>61699</v>
      </c>
      <c r="B44191" t="s">
        <v>61702</v>
      </c>
      <c r="C44191">
        <v>1</v>
      </c>
      <c r="D44191">
        <v>0</v>
      </c>
    </row>
    <row r="44192" spans="1:4" x14ac:dyDescent="0.25">
      <c r="A44192" t="s">
        <v>61699</v>
      </c>
      <c r="B44192" t="s">
        <v>61703</v>
      </c>
      <c r="C44192">
        <v>0</v>
      </c>
      <c r="D44192">
        <v>0</v>
      </c>
    </row>
    <row r="44193" spans="1:4" x14ac:dyDescent="0.25">
      <c r="A44193" t="s">
        <v>61699</v>
      </c>
      <c r="B44193" t="s">
        <v>61704</v>
      </c>
      <c r="C44193">
        <v>1</v>
      </c>
      <c r="D44193">
        <v>0</v>
      </c>
    </row>
    <row r="44194" spans="1:4" x14ac:dyDescent="0.25">
      <c r="A44194" t="s">
        <v>61699</v>
      </c>
      <c r="B44194" t="s">
        <v>61705</v>
      </c>
      <c r="C44194">
        <v>0</v>
      </c>
      <c r="D44194">
        <v>0</v>
      </c>
    </row>
    <row r="44195" spans="1:4" x14ac:dyDescent="0.25">
      <c r="A44195" t="s">
        <v>61706</v>
      </c>
      <c r="B44195" t="s">
        <v>61707</v>
      </c>
      <c r="C44195">
        <v>2</v>
      </c>
      <c r="D44195">
        <v>0</v>
      </c>
    </row>
    <row r="44196" spans="1:4" x14ac:dyDescent="0.25">
      <c r="A44196" t="s">
        <v>61706</v>
      </c>
      <c r="B44196" t="s">
        <v>61708</v>
      </c>
      <c r="C44196">
        <v>1</v>
      </c>
      <c r="D44196">
        <v>0</v>
      </c>
    </row>
    <row r="44197" spans="1:4" x14ac:dyDescent="0.25">
      <c r="A44197" t="s">
        <v>61706</v>
      </c>
      <c r="B44197" t="s">
        <v>61709</v>
      </c>
      <c r="C44197">
        <v>1</v>
      </c>
      <c r="D44197">
        <v>0</v>
      </c>
    </row>
    <row r="44198" spans="1:4" x14ac:dyDescent="0.25">
      <c r="A44198" t="s">
        <v>61706</v>
      </c>
      <c r="B44198" t="s">
        <v>61710</v>
      </c>
      <c r="C44198">
        <v>1</v>
      </c>
      <c r="D44198">
        <v>0</v>
      </c>
    </row>
    <row r="44199" spans="1:4" x14ac:dyDescent="0.25">
      <c r="A44199" t="s">
        <v>61711</v>
      </c>
      <c r="B44199" t="s">
        <v>61712</v>
      </c>
      <c r="C44199">
        <v>0</v>
      </c>
      <c r="D44199">
        <v>0</v>
      </c>
    </row>
    <row r="44200" spans="1:4" x14ac:dyDescent="0.25">
      <c r="A44200" t="s">
        <v>61713</v>
      </c>
      <c r="B44200" t="s">
        <v>61714</v>
      </c>
      <c r="C44200">
        <v>1</v>
      </c>
      <c r="D44200">
        <v>0</v>
      </c>
    </row>
    <row r="44201" spans="1:4" x14ac:dyDescent="0.25">
      <c r="A44201" t="s">
        <v>61713</v>
      </c>
      <c r="B44201" t="s">
        <v>61715</v>
      </c>
      <c r="C44201">
        <v>1</v>
      </c>
      <c r="D44201">
        <v>0</v>
      </c>
    </row>
    <row r="44202" spans="1:4" x14ac:dyDescent="0.25">
      <c r="A44202" t="s">
        <v>61713</v>
      </c>
      <c r="B44202" t="s">
        <v>61716</v>
      </c>
      <c r="C44202">
        <v>2</v>
      </c>
      <c r="D44202">
        <v>0</v>
      </c>
    </row>
    <row r="44203" spans="1:4" x14ac:dyDescent="0.25">
      <c r="A44203" t="s">
        <v>61713</v>
      </c>
      <c r="B44203" t="s">
        <v>61717</v>
      </c>
      <c r="C44203">
        <v>1</v>
      </c>
      <c r="D44203">
        <v>0</v>
      </c>
    </row>
    <row r="44204" spans="1:4" x14ac:dyDescent="0.25">
      <c r="A44204" t="s">
        <v>61713</v>
      </c>
      <c r="B44204" t="s">
        <v>61718</v>
      </c>
      <c r="C44204">
        <v>1</v>
      </c>
      <c r="D44204">
        <v>0</v>
      </c>
    </row>
    <row r="44205" spans="1:4" x14ac:dyDescent="0.25">
      <c r="A44205" t="s">
        <v>61713</v>
      </c>
      <c r="B44205" t="s">
        <v>61719</v>
      </c>
      <c r="C44205">
        <v>1</v>
      </c>
      <c r="D44205">
        <v>0</v>
      </c>
    </row>
    <row r="44206" spans="1:4" x14ac:dyDescent="0.25">
      <c r="A44206" t="s">
        <v>61713</v>
      </c>
      <c r="B44206" t="s">
        <v>61720</v>
      </c>
      <c r="C44206">
        <v>0</v>
      </c>
      <c r="D44206">
        <v>0</v>
      </c>
    </row>
    <row r="44207" spans="1:4" x14ac:dyDescent="0.25">
      <c r="A44207" t="s">
        <v>61713</v>
      </c>
      <c r="B44207" t="s">
        <v>61721</v>
      </c>
      <c r="C44207">
        <v>2</v>
      </c>
      <c r="D44207">
        <v>0</v>
      </c>
    </row>
    <row r="44208" spans="1:4" x14ac:dyDescent="0.25">
      <c r="A44208" t="s">
        <v>61722</v>
      </c>
      <c r="B44208" t="s">
        <v>61723</v>
      </c>
      <c r="C44208">
        <v>1</v>
      </c>
      <c r="D44208">
        <v>0</v>
      </c>
    </row>
    <row r="44209" spans="1:4" x14ac:dyDescent="0.25">
      <c r="A44209" t="s">
        <v>61724</v>
      </c>
      <c r="B44209" t="s">
        <v>61725</v>
      </c>
      <c r="C44209">
        <v>1</v>
      </c>
      <c r="D44209">
        <v>0</v>
      </c>
    </row>
    <row r="44210" spans="1:4" x14ac:dyDescent="0.25">
      <c r="A44210" t="s">
        <v>61724</v>
      </c>
      <c r="B44210" t="s">
        <v>61726</v>
      </c>
      <c r="C44210">
        <v>1</v>
      </c>
      <c r="D44210">
        <v>0</v>
      </c>
    </row>
    <row r="44211" spans="1:4" x14ac:dyDescent="0.25">
      <c r="A44211" t="s">
        <v>61724</v>
      </c>
      <c r="B44211" t="s">
        <v>42759</v>
      </c>
      <c r="C44211">
        <v>1</v>
      </c>
      <c r="D44211">
        <v>0</v>
      </c>
    </row>
    <row r="44212" spans="1:4" x14ac:dyDescent="0.25">
      <c r="A44212" t="s">
        <v>61724</v>
      </c>
      <c r="B44212" t="s">
        <v>61727</v>
      </c>
      <c r="C44212">
        <v>1</v>
      </c>
      <c r="D44212">
        <v>0</v>
      </c>
    </row>
    <row r="44213" spans="1:4" x14ac:dyDescent="0.25">
      <c r="A44213" t="s">
        <v>61724</v>
      </c>
      <c r="B44213" t="s">
        <v>61728</v>
      </c>
      <c r="C44213">
        <v>1</v>
      </c>
      <c r="D44213">
        <v>0</v>
      </c>
    </row>
    <row r="44214" spans="1:4" x14ac:dyDescent="0.25">
      <c r="A44214" t="s">
        <v>61724</v>
      </c>
      <c r="B44214" t="s">
        <v>61727</v>
      </c>
      <c r="C44214">
        <v>1</v>
      </c>
      <c r="D44214">
        <v>0</v>
      </c>
    </row>
    <row r="44215" spans="1:4" x14ac:dyDescent="0.25">
      <c r="A44215" t="s">
        <v>61724</v>
      </c>
      <c r="B44215" t="s">
        <v>61729</v>
      </c>
      <c r="C44215">
        <v>1</v>
      </c>
      <c r="D44215">
        <v>0</v>
      </c>
    </row>
    <row r="44216" spans="1:4" x14ac:dyDescent="0.25">
      <c r="A44216" t="s">
        <v>61730</v>
      </c>
      <c r="B44216" t="s">
        <v>61731</v>
      </c>
      <c r="C44216">
        <v>1</v>
      </c>
      <c r="D44216">
        <v>0</v>
      </c>
    </row>
    <row r="44217" spans="1:4" x14ac:dyDescent="0.25">
      <c r="A44217" t="s">
        <v>61730</v>
      </c>
      <c r="B44217" t="s">
        <v>61732</v>
      </c>
      <c r="C44217">
        <v>0</v>
      </c>
      <c r="D44217">
        <v>0</v>
      </c>
    </row>
    <row r="44218" spans="1:4" x14ac:dyDescent="0.25">
      <c r="A44218" t="s">
        <v>61733</v>
      </c>
      <c r="B44218" t="s">
        <v>61734</v>
      </c>
      <c r="C44218">
        <v>1</v>
      </c>
      <c r="D44218">
        <v>0</v>
      </c>
    </row>
    <row r="44219" spans="1:4" x14ac:dyDescent="0.25">
      <c r="A44219" t="s">
        <v>61733</v>
      </c>
      <c r="B44219" t="s">
        <v>61735</v>
      </c>
      <c r="C44219">
        <v>0</v>
      </c>
      <c r="D44219">
        <v>0</v>
      </c>
    </row>
    <row r="44220" spans="1:4" x14ac:dyDescent="0.25">
      <c r="A44220" t="s">
        <v>61733</v>
      </c>
      <c r="B44220" t="s">
        <v>61736</v>
      </c>
      <c r="C44220">
        <v>0</v>
      </c>
      <c r="D44220">
        <v>0</v>
      </c>
    </row>
    <row r="44221" spans="1:4" x14ac:dyDescent="0.25">
      <c r="A44221" t="s">
        <v>61733</v>
      </c>
      <c r="B44221" t="s">
        <v>12472</v>
      </c>
      <c r="C44221">
        <v>1</v>
      </c>
      <c r="D44221">
        <v>0</v>
      </c>
    </row>
    <row r="44222" spans="1:4" x14ac:dyDescent="0.25">
      <c r="A44222" t="s">
        <v>61733</v>
      </c>
      <c r="B44222" t="s">
        <v>61737</v>
      </c>
      <c r="C44222">
        <v>0</v>
      </c>
      <c r="D44222">
        <v>0</v>
      </c>
    </row>
    <row r="44223" spans="1:4" x14ac:dyDescent="0.25">
      <c r="A44223" t="s">
        <v>61738</v>
      </c>
      <c r="B44223" t="s">
        <v>61739</v>
      </c>
      <c r="C44223">
        <v>0</v>
      </c>
      <c r="D44223">
        <v>0</v>
      </c>
    </row>
    <row r="44224" spans="1:4" x14ac:dyDescent="0.25">
      <c r="A44224" t="s">
        <v>61738</v>
      </c>
      <c r="B44224" t="s">
        <v>61740</v>
      </c>
      <c r="C44224">
        <v>1</v>
      </c>
      <c r="D44224">
        <v>0</v>
      </c>
    </row>
    <row r="44225" spans="1:4" x14ac:dyDescent="0.25">
      <c r="A44225" t="s">
        <v>61738</v>
      </c>
      <c r="B44225" t="s">
        <v>61741</v>
      </c>
      <c r="C44225">
        <v>1</v>
      </c>
      <c r="D44225">
        <v>0</v>
      </c>
    </row>
    <row r="44226" spans="1:4" x14ac:dyDescent="0.25">
      <c r="A44226" t="s">
        <v>61742</v>
      </c>
      <c r="B44226" t="s">
        <v>61743</v>
      </c>
      <c r="C44226">
        <v>1</v>
      </c>
      <c r="D44226">
        <v>0</v>
      </c>
    </row>
    <row r="44227" spans="1:4" x14ac:dyDescent="0.25">
      <c r="A44227" t="s">
        <v>61742</v>
      </c>
      <c r="B44227" t="s">
        <v>61744</v>
      </c>
      <c r="C44227">
        <v>0</v>
      </c>
      <c r="D44227">
        <v>0</v>
      </c>
    </row>
    <row r="44228" spans="1:4" x14ac:dyDescent="0.25">
      <c r="A44228" t="s">
        <v>61742</v>
      </c>
      <c r="B44228" t="s">
        <v>5434</v>
      </c>
      <c r="C44228">
        <v>1</v>
      </c>
      <c r="D44228">
        <v>0</v>
      </c>
    </row>
    <row r="44229" spans="1:4" x14ac:dyDescent="0.25">
      <c r="A44229" t="s">
        <v>61742</v>
      </c>
      <c r="B44229" t="s">
        <v>61745</v>
      </c>
      <c r="C44229">
        <v>1</v>
      </c>
      <c r="D44229">
        <v>0</v>
      </c>
    </row>
    <row r="44230" spans="1:4" x14ac:dyDescent="0.25">
      <c r="A44230" t="s">
        <v>61746</v>
      </c>
      <c r="B44230" t="s">
        <v>61747</v>
      </c>
      <c r="C44230">
        <v>0</v>
      </c>
      <c r="D44230">
        <v>0</v>
      </c>
    </row>
    <row r="44231" spans="1:4" x14ac:dyDescent="0.25">
      <c r="A44231" t="s">
        <v>61746</v>
      </c>
      <c r="B44231" t="s">
        <v>61748</v>
      </c>
      <c r="C44231">
        <v>1</v>
      </c>
      <c r="D44231">
        <v>0</v>
      </c>
    </row>
    <row r="44232" spans="1:4" x14ac:dyDescent="0.25">
      <c r="A44232" t="s">
        <v>61746</v>
      </c>
      <c r="B44232" t="s">
        <v>61749</v>
      </c>
      <c r="C44232">
        <v>1</v>
      </c>
      <c r="D44232">
        <v>0</v>
      </c>
    </row>
    <row r="44233" spans="1:4" x14ac:dyDescent="0.25">
      <c r="A44233" t="s">
        <v>61746</v>
      </c>
      <c r="B44233" t="s">
        <v>61750</v>
      </c>
      <c r="C44233">
        <v>1</v>
      </c>
      <c r="D44233">
        <v>0</v>
      </c>
    </row>
    <row r="44234" spans="1:4" x14ac:dyDescent="0.25">
      <c r="A44234" t="s">
        <v>61751</v>
      </c>
      <c r="B44234" t="s">
        <v>61752</v>
      </c>
      <c r="C44234">
        <v>0</v>
      </c>
      <c r="D44234">
        <v>0</v>
      </c>
    </row>
    <row r="44235" spans="1:4" x14ac:dyDescent="0.25">
      <c r="A44235" t="s">
        <v>61751</v>
      </c>
      <c r="B44235" t="s">
        <v>61753</v>
      </c>
      <c r="C44235">
        <v>1</v>
      </c>
      <c r="D44235">
        <v>0</v>
      </c>
    </row>
    <row r="44236" spans="1:4" x14ac:dyDescent="0.25">
      <c r="A44236" t="s">
        <v>61751</v>
      </c>
      <c r="B44236" t="s">
        <v>61754</v>
      </c>
      <c r="C44236">
        <v>1</v>
      </c>
      <c r="D44236">
        <v>0</v>
      </c>
    </row>
    <row r="44237" spans="1:4" x14ac:dyDescent="0.25">
      <c r="A44237" t="s">
        <v>61755</v>
      </c>
      <c r="B44237" t="s">
        <v>61756</v>
      </c>
      <c r="C44237">
        <v>1</v>
      </c>
      <c r="D44237">
        <v>0</v>
      </c>
    </row>
    <row r="44238" spans="1:4" x14ac:dyDescent="0.25">
      <c r="A44238" t="s">
        <v>61755</v>
      </c>
      <c r="B44238" t="s">
        <v>61757</v>
      </c>
      <c r="C44238">
        <v>1</v>
      </c>
      <c r="D44238">
        <v>0</v>
      </c>
    </row>
    <row r="44239" spans="1:4" x14ac:dyDescent="0.25">
      <c r="A44239" t="s">
        <v>61755</v>
      </c>
      <c r="B44239" t="s">
        <v>61758</v>
      </c>
      <c r="C44239">
        <v>2</v>
      </c>
      <c r="D44239">
        <v>0</v>
      </c>
    </row>
    <row r="44240" spans="1:4" x14ac:dyDescent="0.25">
      <c r="A44240" t="s">
        <v>61755</v>
      </c>
      <c r="B44240" t="s">
        <v>61759</v>
      </c>
      <c r="C44240">
        <v>1</v>
      </c>
      <c r="D44240">
        <v>0</v>
      </c>
    </row>
    <row r="44241" spans="1:4" x14ac:dyDescent="0.25">
      <c r="A44241" t="s">
        <v>61760</v>
      </c>
      <c r="B44241" t="s">
        <v>61761</v>
      </c>
      <c r="C44241">
        <v>0</v>
      </c>
      <c r="D44241">
        <v>0</v>
      </c>
    </row>
    <row r="44242" spans="1:4" x14ac:dyDescent="0.25">
      <c r="A44242" t="s">
        <v>61760</v>
      </c>
      <c r="B44242" t="s">
        <v>61762</v>
      </c>
      <c r="C44242">
        <v>2</v>
      </c>
      <c r="D44242">
        <v>0</v>
      </c>
    </row>
    <row r="44243" spans="1:4" x14ac:dyDescent="0.25">
      <c r="A44243" t="s">
        <v>61760</v>
      </c>
      <c r="B44243" t="s">
        <v>61763</v>
      </c>
      <c r="C44243">
        <v>2</v>
      </c>
      <c r="D44243">
        <v>0</v>
      </c>
    </row>
    <row r="44244" spans="1:4" x14ac:dyDescent="0.25">
      <c r="A44244" t="s">
        <v>61760</v>
      </c>
      <c r="B44244" t="s">
        <v>61764</v>
      </c>
      <c r="C44244">
        <v>1</v>
      </c>
      <c r="D44244">
        <v>0</v>
      </c>
    </row>
    <row r="44245" spans="1:4" x14ac:dyDescent="0.25">
      <c r="A44245" t="s">
        <v>61760</v>
      </c>
      <c r="B44245" t="s">
        <v>61765</v>
      </c>
      <c r="C44245">
        <v>1</v>
      </c>
      <c r="D44245">
        <v>0</v>
      </c>
    </row>
    <row r="44246" spans="1:4" x14ac:dyDescent="0.25">
      <c r="A44246" t="s">
        <v>61760</v>
      </c>
      <c r="B44246" t="s">
        <v>61766</v>
      </c>
      <c r="C44246">
        <v>1</v>
      </c>
      <c r="D44246">
        <v>0</v>
      </c>
    </row>
    <row r="44247" spans="1:4" x14ac:dyDescent="0.25">
      <c r="A44247" t="s">
        <v>61767</v>
      </c>
      <c r="B44247" t="s">
        <v>61768</v>
      </c>
      <c r="C44247">
        <v>0</v>
      </c>
      <c r="D44247">
        <v>0</v>
      </c>
    </row>
    <row r="44248" spans="1:4" x14ac:dyDescent="0.25">
      <c r="A44248" t="s">
        <v>61767</v>
      </c>
      <c r="B44248" t="s">
        <v>61769</v>
      </c>
      <c r="C44248">
        <v>1</v>
      </c>
      <c r="D44248">
        <v>0</v>
      </c>
    </row>
    <row r="44249" spans="1:4" x14ac:dyDescent="0.25">
      <c r="A44249" t="s">
        <v>61767</v>
      </c>
      <c r="B44249" t="s">
        <v>61770</v>
      </c>
      <c r="C44249">
        <v>0</v>
      </c>
      <c r="D44249">
        <v>0</v>
      </c>
    </row>
    <row r="44250" spans="1:4" x14ac:dyDescent="0.25">
      <c r="A44250" t="s">
        <v>61767</v>
      </c>
      <c r="B44250" t="s">
        <v>61771</v>
      </c>
      <c r="C44250">
        <v>0</v>
      </c>
      <c r="D44250">
        <v>0</v>
      </c>
    </row>
    <row r="44251" spans="1:4" x14ac:dyDescent="0.25">
      <c r="A44251" t="s">
        <v>61767</v>
      </c>
      <c r="B44251" t="s">
        <v>28532</v>
      </c>
      <c r="C44251">
        <v>0</v>
      </c>
      <c r="D44251">
        <v>0</v>
      </c>
    </row>
    <row r="44252" spans="1:4" x14ac:dyDescent="0.25">
      <c r="A44252" t="s">
        <v>61772</v>
      </c>
      <c r="B44252" t="s">
        <v>61773</v>
      </c>
      <c r="C44252">
        <v>1</v>
      </c>
      <c r="D44252">
        <v>0</v>
      </c>
    </row>
    <row r="44253" spans="1:4" x14ac:dyDescent="0.25">
      <c r="A44253" t="s">
        <v>61772</v>
      </c>
      <c r="B44253" t="s">
        <v>61774</v>
      </c>
      <c r="C44253">
        <v>0</v>
      </c>
      <c r="D44253">
        <v>0</v>
      </c>
    </row>
    <row r="44254" spans="1:4" x14ac:dyDescent="0.25">
      <c r="A44254" t="s">
        <v>61772</v>
      </c>
      <c r="B44254" t="s">
        <v>61775</v>
      </c>
      <c r="C44254">
        <v>1</v>
      </c>
      <c r="D44254">
        <v>0</v>
      </c>
    </row>
    <row r="44255" spans="1:4" x14ac:dyDescent="0.25">
      <c r="A44255" t="s">
        <v>61772</v>
      </c>
      <c r="B44255" t="s">
        <v>61776</v>
      </c>
      <c r="C44255">
        <v>1</v>
      </c>
      <c r="D44255">
        <v>0</v>
      </c>
    </row>
    <row r="44256" spans="1:4" x14ac:dyDescent="0.25">
      <c r="A44256" t="s">
        <v>61772</v>
      </c>
      <c r="B44256" t="s">
        <v>61777</v>
      </c>
      <c r="C44256">
        <v>0</v>
      </c>
      <c r="D44256">
        <v>0</v>
      </c>
    </row>
    <row r="44257" spans="1:4" x14ac:dyDescent="0.25">
      <c r="A44257" t="s">
        <v>61772</v>
      </c>
      <c r="B44257" t="s">
        <v>61778</v>
      </c>
      <c r="C44257">
        <v>2</v>
      </c>
      <c r="D44257">
        <v>0</v>
      </c>
    </row>
    <row r="44258" spans="1:4" x14ac:dyDescent="0.25">
      <c r="A44258" t="s">
        <v>61779</v>
      </c>
      <c r="B44258" t="s">
        <v>61780</v>
      </c>
      <c r="C44258">
        <v>0</v>
      </c>
      <c r="D44258">
        <v>0</v>
      </c>
    </row>
    <row r="44259" spans="1:4" x14ac:dyDescent="0.25">
      <c r="A44259" t="s">
        <v>61779</v>
      </c>
      <c r="B44259" t="s">
        <v>816</v>
      </c>
      <c r="C44259">
        <v>1</v>
      </c>
      <c r="D44259">
        <v>0</v>
      </c>
    </row>
    <row r="44260" spans="1:4" x14ac:dyDescent="0.25">
      <c r="A44260" t="s">
        <v>61779</v>
      </c>
      <c r="B44260" t="s">
        <v>61781</v>
      </c>
      <c r="C44260">
        <v>0</v>
      </c>
      <c r="D44260">
        <v>0</v>
      </c>
    </row>
    <row r="44261" spans="1:4" x14ac:dyDescent="0.25">
      <c r="A44261" t="s">
        <v>61779</v>
      </c>
      <c r="B44261" t="s">
        <v>61782</v>
      </c>
      <c r="C44261">
        <v>1</v>
      </c>
      <c r="D44261">
        <v>0</v>
      </c>
    </row>
    <row r="44262" spans="1:4" x14ac:dyDescent="0.25">
      <c r="A44262" t="s">
        <v>61783</v>
      </c>
      <c r="B44262" t="s">
        <v>61784</v>
      </c>
      <c r="C44262">
        <v>2</v>
      </c>
      <c r="D44262">
        <v>0</v>
      </c>
    </row>
    <row r="44263" spans="1:4" x14ac:dyDescent="0.25">
      <c r="A44263" t="s">
        <v>61783</v>
      </c>
      <c r="B44263" t="s">
        <v>61785</v>
      </c>
      <c r="C44263">
        <v>1</v>
      </c>
      <c r="D44263">
        <v>0</v>
      </c>
    </row>
    <row r="44264" spans="1:4" x14ac:dyDescent="0.25">
      <c r="A44264" t="s">
        <v>61783</v>
      </c>
      <c r="B44264" t="s">
        <v>61786</v>
      </c>
      <c r="C44264">
        <v>1</v>
      </c>
      <c r="D44264">
        <v>0</v>
      </c>
    </row>
    <row r="44265" spans="1:4" x14ac:dyDescent="0.25">
      <c r="A44265" t="s">
        <v>61787</v>
      </c>
      <c r="B44265" t="s">
        <v>61788</v>
      </c>
      <c r="C44265">
        <v>1</v>
      </c>
      <c r="D44265">
        <v>0</v>
      </c>
    </row>
    <row r="44266" spans="1:4" x14ac:dyDescent="0.25">
      <c r="A44266" t="s">
        <v>61787</v>
      </c>
      <c r="B44266" t="s">
        <v>61789</v>
      </c>
      <c r="C44266">
        <v>1</v>
      </c>
      <c r="D44266">
        <v>0</v>
      </c>
    </row>
    <row r="44267" spans="1:4" x14ac:dyDescent="0.25">
      <c r="A44267" t="s">
        <v>61787</v>
      </c>
      <c r="B44267" t="s">
        <v>61790</v>
      </c>
      <c r="C44267">
        <v>1</v>
      </c>
      <c r="D44267">
        <v>0</v>
      </c>
    </row>
    <row r="44268" spans="1:4" x14ac:dyDescent="0.25">
      <c r="A44268" t="s">
        <v>61787</v>
      </c>
      <c r="B44268" t="s">
        <v>61791</v>
      </c>
      <c r="C44268">
        <v>1</v>
      </c>
      <c r="D44268">
        <v>0</v>
      </c>
    </row>
    <row r="44269" spans="1:4" x14ac:dyDescent="0.25">
      <c r="A44269" t="s">
        <v>61787</v>
      </c>
      <c r="B44269" t="s">
        <v>61792</v>
      </c>
      <c r="C44269">
        <v>1</v>
      </c>
      <c r="D44269">
        <v>0</v>
      </c>
    </row>
    <row r="44270" spans="1:4" x14ac:dyDescent="0.25">
      <c r="A44270" t="s">
        <v>61793</v>
      </c>
      <c r="B44270" t="s">
        <v>61794</v>
      </c>
      <c r="C44270">
        <v>1</v>
      </c>
      <c r="D44270">
        <v>0</v>
      </c>
    </row>
    <row r="44271" spans="1:4" x14ac:dyDescent="0.25">
      <c r="A44271" t="s">
        <v>61793</v>
      </c>
      <c r="B44271" t="s">
        <v>61795</v>
      </c>
      <c r="C44271">
        <v>2</v>
      </c>
      <c r="D44271">
        <v>0</v>
      </c>
    </row>
    <row r="44272" spans="1:4" x14ac:dyDescent="0.25">
      <c r="A44272" t="s">
        <v>61793</v>
      </c>
      <c r="B44272" t="s">
        <v>61796</v>
      </c>
      <c r="C44272">
        <v>1</v>
      </c>
      <c r="D44272">
        <v>0</v>
      </c>
    </row>
    <row r="44273" spans="1:4" x14ac:dyDescent="0.25">
      <c r="A44273" t="s">
        <v>61793</v>
      </c>
      <c r="B44273" t="s">
        <v>61797</v>
      </c>
      <c r="C44273">
        <v>1</v>
      </c>
      <c r="D44273">
        <v>0</v>
      </c>
    </row>
    <row r="44274" spans="1:4" x14ac:dyDescent="0.25">
      <c r="A44274" t="s">
        <v>61793</v>
      </c>
      <c r="B44274" t="s">
        <v>61798</v>
      </c>
      <c r="C44274">
        <v>1</v>
      </c>
      <c r="D44274">
        <v>0</v>
      </c>
    </row>
    <row r="44275" spans="1:4" x14ac:dyDescent="0.25">
      <c r="A44275" t="s">
        <v>61793</v>
      </c>
      <c r="B44275" t="s">
        <v>61799</v>
      </c>
      <c r="C44275">
        <v>1</v>
      </c>
      <c r="D44275">
        <v>0</v>
      </c>
    </row>
    <row r="44276" spans="1:4" x14ac:dyDescent="0.25">
      <c r="A44276" t="s">
        <v>61793</v>
      </c>
      <c r="B44276" t="s">
        <v>61800</v>
      </c>
      <c r="C44276">
        <v>1</v>
      </c>
      <c r="D44276">
        <v>0</v>
      </c>
    </row>
    <row r="44277" spans="1:4" x14ac:dyDescent="0.25">
      <c r="A44277" t="s">
        <v>61801</v>
      </c>
      <c r="B44277" t="s">
        <v>61802</v>
      </c>
      <c r="C44277">
        <v>1</v>
      </c>
      <c r="D44277">
        <v>0</v>
      </c>
    </row>
    <row r="44278" spans="1:4" x14ac:dyDescent="0.25">
      <c r="A44278" t="s">
        <v>61801</v>
      </c>
      <c r="B44278" t="s">
        <v>61803</v>
      </c>
      <c r="C44278">
        <v>2</v>
      </c>
      <c r="D44278">
        <v>0</v>
      </c>
    </row>
    <row r="44279" spans="1:4" x14ac:dyDescent="0.25">
      <c r="A44279" t="s">
        <v>61801</v>
      </c>
      <c r="B44279" t="s">
        <v>61804</v>
      </c>
      <c r="C44279">
        <v>0</v>
      </c>
      <c r="D44279">
        <v>0</v>
      </c>
    </row>
    <row r="44280" spans="1:4" x14ac:dyDescent="0.25">
      <c r="A44280" t="s">
        <v>61805</v>
      </c>
      <c r="B44280" t="s">
        <v>4256</v>
      </c>
      <c r="C44280">
        <v>1</v>
      </c>
      <c r="D44280">
        <v>0</v>
      </c>
    </row>
    <row r="44281" spans="1:4" x14ac:dyDescent="0.25">
      <c r="A44281" t="s">
        <v>61805</v>
      </c>
      <c r="B44281" t="s">
        <v>61806</v>
      </c>
      <c r="C44281">
        <v>1</v>
      </c>
      <c r="D44281">
        <v>0</v>
      </c>
    </row>
    <row r="44282" spans="1:4" x14ac:dyDescent="0.25">
      <c r="A44282" t="s">
        <v>61805</v>
      </c>
      <c r="B44282" t="s">
        <v>61807</v>
      </c>
      <c r="C44282">
        <v>1</v>
      </c>
      <c r="D44282">
        <v>0</v>
      </c>
    </row>
    <row r="44283" spans="1:4" x14ac:dyDescent="0.25">
      <c r="A44283" t="s">
        <v>61805</v>
      </c>
      <c r="B44283" t="s">
        <v>61808</v>
      </c>
      <c r="C44283">
        <v>1</v>
      </c>
      <c r="D44283">
        <v>0</v>
      </c>
    </row>
    <row r="44284" spans="1:4" x14ac:dyDescent="0.25">
      <c r="A44284" t="s">
        <v>61805</v>
      </c>
      <c r="B44284" t="s">
        <v>61809</v>
      </c>
      <c r="C44284">
        <v>1</v>
      </c>
      <c r="D44284">
        <v>0</v>
      </c>
    </row>
    <row r="44285" spans="1:4" x14ac:dyDescent="0.25">
      <c r="A44285" t="s">
        <v>61805</v>
      </c>
      <c r="B44285" t="s">
        <v>61810</v>
      </c>
      <c r="C44285">
        <v>1</v>
      </c>
      <c r="D44285">
        <v>0</v>
      </c>
    </row>
    <row r="44286" spans="1:4" x14ac:dyDescent="0.25">
      <c r="A44286" t="s">
        <v>61805</v>
      </c>
      <c r="B44286" t="s">
        <v>61811</v>
      </c>
      <c r="C44286">
        <v>1</v>
      </c>
      <c r="D44286">
        <v>0</v>
      </c>
    </row>
    <row r="44287" spans="1:4" x14ac:dyDescent="0.25">
      <c r="A44287" t="s">
        <v>61805</v>
      </c>
      <c r="B44287" t="s">
        <v>61812</v>
      </c>
      <c r="C44287">
        <v>1</v>
      </c>
      <c r="D44287">
        <v>0</v>
      </c>
    </row>
    <row r="44288" spans="1:4" x14ac:dyDescent="0.25">
      <c r="A44288" t="s">
        <v>61805</v>
      </c>
      <c r="B44288" t="s">
        <v>61813</v>
      </c>
      <c r="C44288">
        <v>1</v>
      </c>
      <c r="D44288">
        <v>0</v>
      </c>
    </row>
    <row r="44289" spans="1:4" x14ac:dyDescent="0.25">
      <c r="A44289" t="s">
        <v>61805</v>
      </c>
      <c r="B44289" t="s">
        <v>61814</v>
      </c>
      <c r="C44289">
        <v>1</v>
      </c>
      <c r="D44289">
        <v>0</v>
      </c>
    </row>
    <row r="44290" spans="1:4" x14ac:dyDescent="0.25">
      <c r="A44290" t="s">
        <v>61805</v>
      </c>
      <c r="B44290" t="s">
        <v>61815</v>
      </c>
      <c r="C44290">
        <v>1</v>
      </c>
      <c r="D44290">
        <v>0</v>
      </c>
    </row>
    <row r="44291" spans="1:4" x14ac:dyDescent="0.25">
      <c r="A44291" t="s">
        <v>61816</v>
      </c>
      <c r="B44291" t="s">
        <v>61817</v>
      </c>
      <c r="C44291">
        <v>1</v>
      </c>
      <c r="D44291">
        <v>0</v>
      </c>
    </row>
    <row r="44292" spans="1:4" x14ac:dyDescent="0.25">
      <c r="A44292" t="s">
        <v>61816</v>
      </c>
      <c r="B44292" t="s">
        <v>61818</v>
      </c>
      <c r="C44292">
        <v>2</v>
      </c>
      <c r="D44292">
        <v>0</v>
      </c>
    </row>
    <row r="44293" spans="1:4" x14ac:dyDescent="0.25">
      <c r="A44293" t="s">
        <v>61816</v>
      </c>
      <c r="B44293" t="s">
        <v>61819</v>
      </c>
      <c r="C44293">
        <v>0</v>
      </c>
      <c r="D44293">
        <v>0</v>
      </c>
    </row>
    <row r="44294" spans="1:4" x14ac:dyDescent="0.25">
      <c r="A44294" t="s">
        <v>61816</v>
      </c>
      <c r="B44294" t="s">
        <v>61820</v>
      </c>
      <c r="C44294">
        <v>0</v>
      </c>
      <c r="D44294">
        <v>0</v>
      </c>
    </row>
    <row r="44295" spans="1:4" x14ac:dyDescent="0.25">
      <c r="A44295" t="s">
        <v>61816</v>
      </c>
      <c r="B44295" t="s">
        <v>61821</v>
      </c>
      <c r="C44295">
        <v>1</v>
      </c>
      <c r="D44295">
        <v>0</v>
      </c>
    </row>
    <row r="44296" spans="1:4" x14ac:dyDescent="0.25">
      <c r="A44296" t="s">
        <v>61816</v>
      </c>
      <c r="B44296" t="s">
        <v>61822</v>
      </c>
      <c r="C44296">
        <v>0</v>
      </c>
      <c r="D44296">
        <v>0</v>
      </c>
    </row>
    <row r="44297" spans="1:4" x14ac:dyDescent="0.25">
      <c r="A44297" t="s">
        <v>61816</v>
      </c>
      <c r="B44297" t="s">
        <v>61823</v>
      </c>
      <c r="C44297">
        <v>2</v>
      </c>
      <c r="D44297">
        <v>0</v>
      </c>
    </row>
    <row r="44298" spans="1:4" x14ac:dyDescent="0.25">
      <c r="A44298" t="s">
        <v>61816</v>
      </c>
      <c r="B44298" t="s">
        <v>61824</v>
      </c>
      <c r="C44298">
        <v>1</v>
      </c>
      <c r="D44298">
        <v>0</v>
      </c>
    </row>
    <row r="44299" spans="1:4" x14ac:dyDescent="0.25">
      <c r="A44299" t="s">
        <v>61816</v>
      </c>
      <c r="B44299" t="s">
        <v>61825</v>
      </c>
      <c r="C44299">
        <v>1</v>
      </c>
      <c r="D44299">
        <v>0</v>
      </c>
    </row>
    <row r="44300" spans="1:4" x14ac:dyDescent="0.25">
      <c r="A44300" t="s">
        <v>61816</v>
      </c>
      <c r="B44300" t="s">
        <v>61826</v>
      </c>
      <c r="C44300">
        <v>1</v>
      </c>
      <c r="D44300">
        <v>0</v>
      </c>
    </row>
    <row r="44301" spans="1:4" x14ac:dyDescent="0.25">
      <c r="A44301" t="s">
        <v>61816</v>
      </c>
      <c r="B44301" t="s">
        <v>61827</v>
      </c>
      <c r="C44301">
        <v>2</v>
      </c>
      <c r="D44301">
        <v>0</v>
      </c>
    </row>
    <row r="44302" spans="1:4" x14ac:dyDescent="0.25">
      <c r="A44302" t="s">
        <v>61828</v>
      </c>
      <c r="B44302" t="s">
        <v>57617</v>
      </c>
      <c r="C44302">
        <v>0</v>
      </c>
      <c r="D44302">
        <v>0</v>
      </c>
    </row>
    <row r="44303" spans="1:4" x14ac:dyDescent="0.25">
      <c r="A44303" t="s">
        <v>61828</v>
      </c>
      <c r="B44303" t="s">
        <v>61829</v>
      </c>
      <c r="C44303">
        <v>1</v>
      </c>
      <c r="D44303">
        <v>0</v>
      </c>
    </row>
    <row r="44304" spans="1:4" x14ac:dyDescent="0.25">
      <c r="A44304" t="s">
        <v>61828</v>
      </c>
      <c r="B44304" t="s">
        <v>58473</v>
      </c>
      <c r="C44304">
        <v>0</v>
      </c>
      <c r="D44304">
        <v>0</v>
      </c>
    </row>
    <row r="44305" spans="1:4" x14ac:dyDescent="0.25">
      <c r="A44305" t="s">
        <v>61828</v>
      </c>
      <c r="B44305" t="s">
        <v>11948</v>
      </c>
      <c r="C44305">
        <v>0</v>
      </c>
      <c r="D44305">
        <v>0</v>
      </c>
    </row>
    <row r="44306" spans="1:4" x14ac:dyDescent="0.25">
      <c r="A44306" t="s">
        <v>61828</v>
      </c>
      <c r="B44306" t="s">
        <v>61830</v>
      </c>
      <c r="C44306">
        <v>2</v>
      </c>
      <c r="D44306">
        <v>0</v>
      </c>
    </row>
    <row r="44307" spans="1:4" x14ac:dyDescent="0.25">
      <c r="A44307" t="s">
        <v>61828</v>
      </c>
      <c r="B44307" t="s">
        <v>61831</v>
      </c>
      <c r="C44307">
        <v>2</v>
      </c>
      <c r="D44307">
        <v>0</v>
      </c>
    </row>
    <row r="44308" spans="1:4" x14ac:dyDescent="0.25">
      <c r="A44308" t="s">
        <v>61828</v>
      </c>
      <c r="B44308" t="s">
        <v>61832</v>
      </c>
      <c r="C44308">
        <v>1</v>
      </c>
      <c r="D44308">
        <v>0</v>
      </c>
    </row>
    <row r="44309" spans="1:4" x14ac:dyDescent="0.25">
      <c r="A44309" t="s">
        <v>61828</v>
      </c>
      <c r="B44309" t="s">
        <v>61833</v>
      </c>
      <c r="C44309">
        <v>0</v>
      </c>
      <c r="D44309">
        <v>0</v>
      </c>
    </row>
    <row r="44310" spans="1:4" x14ac:dyDescent="0.25">
      <c r="A44310" t="s">
        <v>61834</v>
      </c>
      <c r="B44310" t="s">
        <v>61835</v>
      </c>
      <c r="C44310">
        <v>0</v>
      </c>
      <c r="D44310">
        <v>0</v>
      </c>
    </row>
    <row r="44311" spans="1:4" x14ac:dyDescent="0.25">
      <c r="A44311" t="s">
        <v>61834</v>
      </c>
      <c r="B44311" t="s">
        <v>61836</v>
      </c>
      <c r="C44311">
        <v>1</v>
      </c>
      <c r="D44311">
        <v>0</v>
      </c>
    </row>
    <row r="44312" spans="1:4" x14ac:dyDescent="0.25">
      <c r="A44312" t="s">
        <v>61837</v>
      </c>
      <c r="B44312" t="s">
        <v>61838</v>
      </c>
      <c r="C44312">
        <v>0</v>
      </c>
      <c r="D44312">
        <v>0</v>
      </c>
    </row>
    <row r="44313" spans="1:4" x14ac:dyDescent="0.25">
      <c r="A44313" t="s">
        <v>61837</v>
      </c>
      <c r="B44313" t="s">
        <v>61839</v>
      </c>
      <c r="C44313">
        <v>1</v>
      </c>
      <c r="D44313">
        <v>0</v>
      </c>
    </row>
    <row r="44314" spans="1:4" x14ac:dyDescent="0.25">
      <c r="A44314" t="s">
        <v>61837</v>
      </c>
      <c r="B44314" t="s">
        <v>61840</v>
      </c>
      <c r="C44314">
        <v>0</v>
      </c>
      <c r="D44314">
        <v>0</v>
      </c>
    </row>
    <row r="44315" spans="1:4" x14ac:dyDescent="0.25">
      <c r="A44315" t="s">
        <v>61841</v>
      </c>
      <c r="B44315" t="s">
        <v>61842</v>
      </c>
      <c r="C44315">
        <v>0</v>
      </c>
      <c r="D44315">
        <v>0</v>
      </c>
    </row>
    <row r="44316" spans="1:4" x14ac:dyDescent="0.25">
      <c r="A44316" t="s">
        <v>61841</v>
      </c>
      <c r="B44316" t="s">
        <v>61843</v>
      </c>
      <c r="C44316">
        <v>1</v>
      </c>
      <c r="D44316">
        <v>0</v>
      </c>
    </row>
    <row r="44317" spans="1:4" x14ac:dyDescent="0.25">
      <c r="A44317" t="s">
        <v>61841</v>
      </c>
      <c r="B44317" t="s">
        <v>61844</v>
      </c>
      <c r="C44317">
        <v>0</v>
      </c>
      <c r="D44317">
        <v>0</v>
      </c>
    </row>
    <row r="44318" spans="1:4" x14ac:dyDescent="0.25">
      <c r="A44318" t="s">
        <v>61841</v>
      </c>
      <c r="B44318" t="s">
        <v>39414</v>
      </c>
      <c r="C44318">
        <v>0</v>
      </c>
      <c r="D44318">
        <v>0</v>
      </c>
    </row>
    <row r="44319" spans="1:4" x14ac:dyDescent="0.25">
      <c r="A44319" t="s">
        <v>61845</v>
      </c>
      <c r="B44319" t="s">
        <v>61846</v>
      </c>
      <c r="C44319">
        <v>2</v>
      </c>
      <c r="D44319">
        <v>0</v>
      </c>
    </row>
    <row r="44320" spans="1:4" x14ac:dyDescent="0.25">
      <c r="A44320" t="s">
        <v>61845</v>
      </c>
      <c r="B44320" t="s">
        <v>61847</v>
      </c>
      <c r="C44320">
        <v>1</v>
      </c>
      <c r="D44320">
        <v>0</v>
      </c>
    </row>
    <row r="44321" spans="1:4" x14ac:dyDescent="0.25">
      <c r="A44321" t="s">
        <v>61845</v>
      </c>
      <c r="B44321" t="s">
        <v>2061</v>
      </c>
      <c r="C44321">
        <v>0</v>
      </c>
      <c r="D44321">
        <v>0</v>
      </c>
    </row>
    <row r="44322" spans="1:4" x14ac:dyDescent="0.25">
      <c r="A44322" t="s">
        <v>61845</v>
      </c>
      <c r="B44322" t="s">
        <v>61848</v>
      </c>
      <c r="C44322">
        <v>2</v>
      </c>
      <c r="D44322">
        <v>0</v>
      </c>
    </row>
    <row r="44323" spans="1:4" x14ac:dyDescent="0.25">
      <c r="A44323" t="s">
        <v>61845</v>
      </c>
      <c r="B44323" t="s">
        <v>61849</v>
      </c>
      <c r="C44323">
        <v>2</v>
      </c>
      <c r="D44323">
        <v>0</v>
      </c>
    </row>
    <row r="44324" spans="1:4" x14ac:dyDescent="0.25">
      <c r="A44324" t="s">
        <v>61850</v>
      </c>
      <c r="B44324" t="s">
        <v>61851</v>
      </c>
      <c r="C44324">
        <v>1</v>
      </c>
      <c r="D44324">
        <v>0</v>
      </c>
    </row>
    <row r="44325" spans="1:4" x14ac:dyDescent="0.25">
      <c r="A44325" t="s">
        <v>61850</v>
      </c>
      <c r="B44325" t="s">
        <v>61852</v>
      </c>
      <c r="C44325">
        <v>1</v>
      </c>
      <c r="D44325">
        <v>0</v>
      </c>
    </row>
    <row r="44326" spans="1:4" x14ac:dyDescent="0.25">
      <c r="A44326" t="s">
        <v>61850</v>
      </c>
      <c r="B44326" t="s">
        <v>61853</v>
      </c>
      <c r="C44326">
        <v>1</v>
      </c>
      <c r="D44326">
        <v>0</v>
      </c>
    </row>
    <row r="44327" spans="1:4" x14ac:dyDescent="0.25">
      <c r="A44327" t="s">
        <v>61850</v>
      </c>
      <c r="B44327" t="s">
        <v>61854</v>
      </c>
      <c r="C44327">
        <v>1</v>
      </c>
      <c r="D44327">
        <v>0</v>
      </c>
    </row>
    <row r="44328" spans="1:4" x14ac:dyDescent="0.25">
      <c r="A44328" t="s">
        <v>61850</v>
      </c>
      <c r="B44328" t="s">
        <v>13357</v>
      </c>
      <c r="C44328">
        <v>1</v>
      </c>
      <c r="D44328">
        <v>0</v>
      </c>
    </row>
    <row r="44329" spans="1:4" x14ac:dyDescent="0.25">
      <c r="A44329" t="s">
        <v>61855</v>
      </c>
      <c r="B44329" t="s">
        <v>61856</v>
      </c>
      <c r="C44329">
        <v>2</v>
      </c>
      <c r="D44329">
        <v>0</v>
      </c>
    </row>
    <row r="44330" spans="1:4" x14ac:dyDescent="0.25">
      <c r="A44330" t="s">
        <v>61855</v>
      </c>
      <c r="B44330" t="s">
        <v>61857</v>
      </c>
      <c r="C44330">
        <v>0</v>
      </c>
      <c r="D44330">
        <v>0</v>
      </c>
    </row>
    <row r="44331" spans="1:4" x14ac:dyDescent="0.25">
      <c r="A44331" t="s">
        <v>61855</v>
      </c>
      <c r="B44331" t="s">
        <v>61858</v>
      </c>
      <c r="C44331">
        <v>0</v>
      </c>
      <c r="D44331">
        <v>0</v>
      </c>
    </row>
    <row r="44332" spans="1:4" x14ac:dyDescent="0.25">
      <c r="A44332" t="s">
        <v>61859</v>
      </c>
      <c r="B44332" t="s">
        <v>61860</v>
      </c>
      <c r="C44332">
        <v>2</v>
      </c>
      <c r="D44332">
        <v>0</v>
      </c>
    </row>
    <row r="44333" spans="1:4" x14ac:dyDescent="0.25">
      <c r="A44333" t="s">
        <v>61859</v>
      </c>
      <c r="B44333" t="s">
        <v>61861</v>
      </c>
      <c r="C44333">
        <v>0</v>
      </c>
      <c r="D44333">
        <v>0</v>
      </c>
    </row>
    <row r="44334" spans="1:4" x14ac:dyDescent="0.25">
      <c r="A44334" t="s">
        <v>61859</v>
      </c>
      <c r="B44334" t="s">
        <v>61862</v>
      </c>
      <c r="C44334">
        <v>1</v>
      </c>
      <c r="D44334">
        <v>0</v>
      </c>
    </row>
    <row r="44335" spans="1:4" x14ac:dyDescent="0.25">
      <c r="A44335" t="s">
        <v>61863</v>
      </c>
      <c r="B44335" t="s">
        <v>61864</v>
      </c>
      <c r="C44335">
        <v>1</v>
      </c>
      <c r="D44335">
        <v>0</v>
      </c>
    </row>
    <row r="44336" spans="1:4" x14ac:dyDescent="0.25">
      <c r="A44336" t="s">
        <v>61863</v>
      </c>
      <c r="B44336" t="s">
        <v>61865</v>
      </c>
      <c r="C44336">
        <v>1</v>
      </c>
      <c r="D44336">
        <v>0</v>
      </c>
    </row>
    <row r="44337" spans="1:4" x14ac:dyDescent="0.25">
      <c r="A44337" t="s">
        <v>61863</v>
      </c>
      <c r="B44337" t="s">
        <v>3173</v>
      </c>
      <c r="C44337">
        <v>1</v>
      </c>
      <c r="D44337">
        <v>0</v>
      </c>
    </row>
    <row r="44338" spans="1:4" x14ac:dyDescent="0.25">
      <c r="A44338" t="s">
        <v>61863</v>
      </c>
      <c r="B44338" t="s">
        <v>61866</v>
      </c>
      <c r="C44338">
        <v>1</v>
      </c>
      <c r="D44338">
        <v>0</v>
      </c>
    </row>
    <row r="44339" spans="1:4" x14ac:dyDescent="0.25">
      <c r="A44339" t="s">
        <v>61863</v>
      </c>
      <c r="B44339" t="s">
        <v>48846</v>
      </c>
      <c r="C44339">
        <v>1</v>
      </c>
      <c r="D44339">
        <v>0</v>
      </c>
    </row>
    <row r="44340" spans="1:4" x14ac:dyDescent="0.25">
      <c r="A44340" t="s">
        <v>61867</v>
      </c>
      <c r="B44340" t="s">
        <v>61868</v>
      </c>
      <c r="C44340">
        <v>1</v>
      </c>
      <c r="D44340">
        <v>0</v>
      </c>
    </row>
    <row r="44341" spans="1:4" x14ac:dyDescent="0.25">
      <c r="A44341" t="s">
        <v>61867</v>
      </c>
      <c r="B44341" t="s">
        <v>61869</v>
      </c>
      <c r="C44341">
        <v>1</v>
      </c>
      <c r="D44341">
        <v>0</v>
      </c>
    </row>
    <row r="44342" spans="1:4" x14ac:dyDescent="0.25">
      <c r="A44342" t="s">
        <v>61867</v>
      </c>
      <c r="B44342" t="s">
        <v>61870</v>
      </c>
      <c r="C44342">
        <v>1</v>
      </c>
      <c r="D44342">
        <v>0</v>
      </c>
    </row>
    <row r="44343" spans="1:4" x14ac:dyDescent="0.25">
      <c r="A44343" t="s">
        <v>61871</v>
      </c>
      <c r="B44343" t="s">
        <v>61872</v>
      </c>
      <c r="C44343">
        <v>1</v>
      </c>
      <c r="D44343">
        <v>0</v>
      </c>
    </row>
    <row r="44344" spans="1:4" x14ac:dyDescent="0.25">
      <c r="A44344" t="s">
        <v>61871</v>
      </c>
      <c r="B44344" t="s">
        <v>61873</v>
      </c>
      <c r="C44344">
        <v>1</v>
      </c>
      <c r="D44344">
        <v>0</v>
      </c>
    </row>
    <row r="44345" spans="1:4" x14ac:dyDescent="0.25">
      <c r="A44345" t="s">
        <v>61874</v>
      </c>
      <c r="B44345" t="s">
        <v>61875</v>
      </c>
      <c r="C44345">
        <v>1</v>
      </c>
      <c r="D44345">
        <v>0</v>
      </c>
    </row>
    <row r="44346" spans="1:4" x14ac:dyDescent="0.25">
      <c r="A44346" t="s">
        <v>61874</v>
      </c>
      <c r="B44346" t="s">
        <v>61876</v>
      </c>
      <c r="C44346">
        <v>2</v>
      </c>
      <c r="D44346">
        <v>0</v>
      </c>
    </row>
    <row r="44347" spans="1:4" x14ac:dyDescent="0.25">
      <c r="A44347" t="s">
        <v>61874</v>
      </c>
      <c r="B44347" t="s">
        <v>61877</v>
      </c>
      <c r="C44347">
        <v>0</v>
      </c>
      <c r="D44347">
        <v>0</v>
      </c>
    </row>
    <row r="44348" spans="1:4" x14ac:dyDescent="0.25">
      <c r="A44348" t="s">
        <v>61874</v>
      </c>
      <c r="B44348" t="s">
        <v>61878</v>
      </c>
      <c r="C44348">
        <v>1</v>
      </c>
      <c r="D44348">
        <v>0</v>
      </c>
    </row>
    <row r="44349" spans="1:4" x14ac:dyDescent="0.25">
      <c r="A44349" t="s">
        <v>61874</v>
      </c>
      <c r="B44349" t="s">
        <v>61879</v>
      </c>
      <c r="C44349">
        <v>0</v>
      </c>
      <c r="D44349">
        <v>0</v>
      </c>
    </row>
    <row r="44350" spans="1:4" x14ac:dyDescent="0.25">
      <c r="A44350" t="s">
        <v>61880</v>
      </c>
      <c r="B44350" t="s">
        <v>61881</v>
      </c>
      <c r="C44350">
        <v>2</v>
      </c>
      <c r="D44350">
        <v>0</v>
      </c>
    </row>
    <row r="44351" spans="1:4" x14ac:dyDescent="0.25">
      <c r="A44351" t="s">
        <v>61880</v>
      </c>
      <c r="B44351" t="s">
        <v>61882</v>
      </c>
      <c r="C44351">
        <v>1</v>
      </c>
      <c r="D44351">
        <v>0</v>
      </c>
    </row>
    <row r="44352" spans="1:4" x14ac:dyDescent="0.25">
      <c r="A44352" t="s">
        <v>61883</v>
      </c>
      <c r="B44352" t="s">
        <v>61884</v>
      </c>
      <c r="C44352">
        <v>1</v>
      </c>
      <c r="D44352">
        <v>0</v>
      </c>
    </row>
    <row r="44353" spans="1:4" x14ac:dyDescent="0.25">
      <c r="A44353" t="s">
        <v>61883</v>
      </c>
      <c r="B44353" t="s">
        <v>61885</v>
      </c>
      <c r="C44353">
        <v>0</v>
      </c>
      <c r="D44353">
        <v>0</v>
      </c>
    </row>
    <row r="44354" spans="1:4" x14ac:dyDescent="0.25">
      <c r="A44354" t="s">
        <v>61883</v>
      </c>
      <c r="B44354" t="s">
        <v>61886</v>
      </c>
      <c r="C44354">
        <v>1</v>
      </c>
      <c r="D44354">
        <v>0</v>
      </c>
    </row>
    <row r="44355" spans="1:4" x14ac:dyDescent="0.25">
      <c r="A44355" t="s">
        <v>61883</v>
      </c>
      <c r="B44355" t="s">
        <v>61887</v>
      </c>
      <c r="C44355">
        <v>1</v>
      </c>
      <c r="D44355">
        <v>0</v>
      </c>
    </row>
    <row r="44356" spans="1:4" x14ac:dyDescent="0.25">
      <c r="A44356" t="s">
        <v>61888</v>
      </c>
      <c r="B44356" t="s">
        <v>61889</v>
      </c>
      <c r="C44356">
        <v>0</v>
      </c>
      <c r="D44356">
        <v>0</v>
      </c>
    </row>
    <row r="44357" spans="1:4" x14ac:dyDescent="0.25">
      <c r="A44357" t="s">
        <v>61888</v>
      </c>
      <c r="B44357" t="s">
        <v>61890</v>
      </c>
      <c r="C44357">
        <v>0</v>
      </c>
      <c r="D44357">
        <v>0</v>
      </c>
    </row>
    <row r="44358" spans="1:4" x14ac:dyDescent="0.25">
      <c r="A44358" t="s">
        <v>61888</v>
      </c>
      <c r="B44358" t="s">
        <v>61891</v>
      </c>
      <c r="C44358">
        <v>1</v>
      </c>
      <c r="D44358">
        <v>0</v>
      </c>
    </row>
    <row r="44359" spans="1:4" x14ac:dyDescent="0.25">
      <c r="A44359" t="s">
        <v>61892</v>
      </c>
      <c r="B44359" t="s">
        <v>61893</v>
      </c>
      <c r="C44359">
        <v>2</v>
      </c>
      <c r="D44359">
        <v>0</v>
      </c>
    </row>
    <row r="44360" spans="1:4" x14ac:dyDescent="0.25">
      <c r="A44360" t="s">
        <v>61892</v>
      </c>
      <c r="B44360" t="s">
        <v>61894</v>
      </c>
      <c r="C44360">
        <v>0</v>
      </c>
      <c r="D44360">
        <v>0</v>
      </c>
    </row>
    <row r="44361" spans="1:4" x14ac:dyDescent="0.25">
      <c r="A44361" t="s">
        <v>61892</v>
      </c>
      <c r="B44361" t="s">
        <v>61895</v>
      </c>
      <c r="C44361">
        <v>0</v>
      </c>
      <c r="D44361">
        <v>0</v>
      </c>
    </row>
    <row r="44362" spans="1:4" x14ac:dyDescent="0.25">
      <c r="A44362" t="s">
        <v>61892</v>
      </c>
      <c r="B44362" t="s">
        <v>1294</v>
      </c>
      <c r="C44362">
        <v>1</v>
      </c>
      <c r="D44362">
        <v>0</v>
      </c>
    </row>
    <row r="44363" spans="1:4" x14ac:dyDescent="0.25">
      <c r="A44363" t="s">
        <v>61892</v>
      </c>
      <c r="B44363" t="s">
        <v>969</v>
      </c>
      <c r="C44363">
        <v>0</v>
      </c>
      <c r="D44363">
        <v>0</v>
      </c>
    </row>
    <row r="44364" spans="1:4" x14ac:dyDescent="0.25">
      <c r="A44364" t="s">
        <v>61896</v>
      </c>
      <c r="B44364" t="s">
        <v>61897</v>
      </c>
      <c r="C44364">
        <v>1</v>
      </c>
      <c r="D44364">
        <v>0</v>
      </c>
    </row>
    <row r="44365" spans="1:4" x14ac:dyDescent="0.25">
      <c r="A44365" t="s">
        <v>61896</v>
      </c>
      <c r="B44365" t="s">
        <v>61898</v>
      </c>
      <c r="C44365">
        <v>0</v>
      </c>
      <c r="D44365">
        <v>0</v>
      </c>
    </row>
    <row r="44366" spans="1:4" x14ac:dyDescent="0.25">
      <c r="A44366" t="s">
        <v>61896</v>
      </c>
      <c r="B44366" t="s">
        <v>61899</v>
      </c>
      <c r="C44366">
        <v>2</v>
      </c>
      <c r="D44366">
        <v>0</v>
      </c>
    </row>
    <row r="44367" spans="1:4" x14ac:dyDescent="0.25">
      <c r="A44367" t="s">
        <v>61896</v>
      </c>
      <c r="B44367" t="s">
        <v>61900</v>
      </c>
      <c r="C44367">
        <v>1</v>
      </c>
      <c r="D44367">
        <v>0</v>
      </c>
    </row>
    <row r="44368" spans="1:4" x14ac:dyDescent="0.25">
      <c r="A44368" t="s">
        <v>61896</v>
      </c>
      <c r="B44368" t="s">
        <v>50675</v>
      </c>
      <c r="C44368">
        <v>0</v>
      </c>
      <c r="D44368">
        <v>0</v>
      </c>
    </row>
    <row r="44369" spans="1:4" x14ac:dyDescent="0.25">
      <c r="A44369" t="s">
        <v>61896</v>
      </c>
      <c r="B44369" t="s">
        <v>61901</v>
      </c>
      <c r="C44369">
        <v>0</v>
      </c>
      <c r="D44369">
        <v>0</v>
      </c>
    </row>
    <row r="44370" spans="1:4" x14ac:dyDescent="0.25">
      <c r="A44370" t="s">
        <v>61896</v>
      </c>
      <c r="B44370" t="s">
        <v>61902</v>
      </c>
      <c r="C44370">
        <v>0</v>
      </c>
      <c r="D44370">
        <v>0</v>
      </c>
    </row>
    <row r="44371" spans="1:4" x14ac:dyDescent="0.25">
      <c r="A44371" t="s">
        <v>61903</v>
      </c>
      <c r="B44371" t="s">
        <v>61904</v>
      </c>
      <c r="C44371">
        <v>1</v>
      </c>
      <c r="D44371">
        <v>0</v>
      </c>
    </row>
    <row r="44372" spans="1:4" x14ac:dyDescent="0.25">
      <c r="A44372" t="s">
        <v>61903</v>
      </c>
      <c r="B44372" t="s">
        <v>61905</v>
      </c>
      <c r="C44372">
        <v>0</v>
      </c>
      <c r="D44372">
        <v>0</v>
      </c>
    </row>
    <row r="44373" spans="1:4" x14ac:dyDescent="0.25">
      <c r="A44373" t="s">
        <v>61903</v>
      </c>
      <c r="B44373" t="s">
        <v>61906</v>
      </c>
      <c r="C44373">
        <v>0</v>
      </c>
      <c r="D44373">
        <v>0</v>
      </c>
    </row>
    <row r="44374" spans="1:4" x14ac:dyDescent="0.25">
      <c r="A44374" t="s">
        <v>61903</v>
      </c>
      <c r="B44374" t="s">
        <v>61907</v>
      </c>
      <c r="C44374">
        <v>1</v>
      </c>
      <c r="D44374">
        <v>0</v>
      </c>
    </row>
    <row r="44375" spans="1:4" x14ac:dyDescent="0.25">
      <c r="A44375" t="s">
        <v>61908</v>
      </c>
      <c r="B44375" t="s">
        <v>61909</v>
      </c>
      <c r="C44375">
        <v>0</v>
      </c>
      <c r="D44375">
        <v>0</v>
      </c>
    </row>
    <row r="44376" spans="1:4" x14ac:dyDescent="0.25">
      <c r="A44376" t="s">
        <v>61908</v>
      </c>
      <c r="B44376" t="s">
        <v>61910</v>
      </c>
      <c r="C44376">
        <v>1</v>
      </c>
      <c r="D44376">
        <v>0</v>
      </c>
    </row>
    <row r="44377" spans="1:4" x14ac:dyDescent="0.25">
      <c r="A44377" t="s">
        <v>61908</v>
      </c>
      <c r="B44377" t="s">
        <v>61911</v>
      </c>
      <c r="C44377">
        <v>0</v>
      </c>
      <c r="D44377">
        <v>0</v>
      </c>
    </row>
    <row r="44378" spans="1:4" x14ac:dyDescent="0.25">
      <c r="A44378" t="s">
        <v>61912</v>
      </c>
      <c r="B44378" t="s">
        <v>61913</v>
      </c>
      <c r="C44378">
        <v>1</v>
      </c>
      <c r="D44378">
        <v>0</v>
      </c>
    </row>
    <row r="44379" spans="1:4" x14ac:dyDescent="0.25">
      <c r="A44379" t="s">
        <v>61912</v>
      </c>
      <c r="B44379" t="s">
        <v>61914</v>
      </c>
      <c r="C44379">
        <v>0</v>
      </c>
      <c r="D44379">
        <v>0</v>
      </c>
    </row>
    <row r="44380" spans="1:4" x14ac:dyDescent="0.25">
      <c r="A44380" t="s">
        <v>61912</v>
      </c>
      <c r="B44380" t="s">
        <v>61915</v>
      </c>
      <c r="C44380">
        <v>0</v>
      </c>
      <c r="D44380">
        <v>0</v>
      </c>
    </row>
    <row r="44381" spans="1:4" x14ac:dyDescent="0.25">
      <c r="A44381" t="s">
        <v>61912</v>
      </c>
      <c r="B44381" t="s">
        <v>61916</v>
      </c>
      <c r="C44381">
        <v>0</v>
      </c>
      <c r="D44381">
        <v>0</v>
      </c>
    </row>
    <row r="44382" spans="1:4" x14ac:dyDescent="0.25">
      <c r="A44382" t="s">
        <v>61917</v>
      </c>
      <c r="B44382" t="s">
        <v>61918</v>
      </c>
      <c r="C44382">
        <v>1</v>
      </c>
      <c r="D44382">
        <v>0</v>
      </c>
    </row>
    <row r="44383" spans="1:4" x14ac:dyDescent="0.25">
      <c r="A44383" t="s">
        <v>61917</v>
      </c>
      <c r="B44383" t="s">
        <v>61919</v>
      </c>
      <c r="C44383">
        <v>2</v>
      </c>
      <c r="D44383">
        <v>0</v>
      </c>
    </row>
    <row r="44384" spans="1:4" x14ac:dyDescent="0.25">
      <c r="A44384" t="s">
        <v>61917</v>
      </c>
      <c r="B44384" t="s">
        <v>5434</v>
      </c>
      <c r="C44384">
        <v>1</v>
      </c>
      <c r="D44384">
        <v>0</v>
      </c>
    </row>
    <row r="44385" spans="1:4" x14ac:dyDescent="0.25">
      <c r="A44385" t="s">
        <v>61917</v>
      </c>
      <c r="B44385" t="s">
        <v>61920</v>
      </c>
      <c r="C44385">
        <v>1</v>
      </c>
      <c r="D44385">
        <v>0</v>
      </c>
    </row>
    <row r="44386" spans="1:4" x14ac:dyDescent="0.25">
      <c r="A44386" t="s">
        <v>61917</v>
      </c>
      <c r="B44386" t="s">
        <v>61921</v>
      </c>
      <c r="C44386">
        <v>1</v>
      </c>
      <c r="D44386">
        <v>0</v>
      </c>
    </row>
    <row r="44387" spans="1:4" x14ac:dyDescent="0.25">
      <c r="A44387" t="s">
        <v>61917</v>
      </c>
      <c r="B44387" t="s">
        <v>61922</v>
      </c>
      <c r="C44387">
        <v>0</v>
      </c>
      <c r="D44387">
        <v>0</v>
      </c>
    </row>
    <row r="44388" spans="1:4" x14ac:dyDescent="0.25">
      <c r="A44388" t="s">
        <v>61923</v>
      </c>
      <c r="B44388" t="s">
        <v>61924</v>
      </c>
      <c r="C44388">
        <v>1</v>
      </c>
      <c r="D44388">
        <v>0</v>
      </c>
    </row>
    <row r="44389" spans="1:4" x14ac:dyDescent="0.25">
      <c r="A44389" t="s">
        <v>61923</v>
      </c>
      <c r="B44389" t="s">
        <v>61925</v>
      </c>
      <c r="C44389">
        <v>1</v>
      </c>
      <c r="D44389">
        <v>0</v>
      </c>
    </row>
    <row r="44390" spans="1:4" x14ac:dyDescent="0.25">
      <c r="A44390" t="s">
        <v>61923</v>
      </c>
      <c r="B44390" t="s">
        <v>61926</v>
      </c>
      <c r="C44390">
        <v>1</v>
      </c>
      <c r="D44390">
        <v>0</v>
      </c>
    </row>
    <row r="44391" spans="1:4" x14ac:dyDescent="0.25">
      <c r="A44391" t="s">
        <v>61923</v>
      </c>
      <c r="B44391" t="s">
        <v>61927</v>
      </c>
      <c r="C44391">
        <v>1</v>
      </c>
      <c r="D44391">
        <v>0</v>
      </c>
    </row>
    <row r="44392" spans="1:4" x14ac:dyDescent="0.25">
      <c r="A44392" t="s">
        <v>61928</v>
      </c>
      <c r="B44392" t="s">
        <v>61929</v>
      </c>
      <c r="C44392">
        <v>0</v>
      </c>
      <c r="D44392">
        <v>0</v>
      </c>
    </row>
    <row r="44393" spans="1:4" x14ac:dyDescent="0.25">
      <c r="A44393" t="s">
        <v>61928</v>
      </c>
      <c r="B44393" t="s">
        <v>5713</v>
      </c>
      <c r="C44393">
        <v>1</v>
      </c>
      <c r="D44393">
        <v>0</v>
      </c>
    </row>
    <row r="44394" spans="1:4" x14ac:dyDescent="0.25">
      <c r="A44394" t="s">
        <v>61928</v>
      </c>
      <c r="B44394" t="s">
        <v>50381</v>
      </c>
      <c r="C44394">
        <v>1</v>
      </c>
      <c r="D44394">
        <v>0</v>
      </c>
    </row>
    <row r="44395" spans="1:4" x14ac:dyDescent="0.25">
      <c r="A44395" t="s">
        <v>61928</v>
      </c>
      <c r="B44395" t="s">
        <v>61930</v>
      </c>
      <c r="C44395">
        <v>1</v>
      </c>
      <c r="D44395">
        <v>0</v>
      </c>
    </row>
    <row r="44396" spans="1:4" x14ac:dyDescent="0.25">
      <c r="A44396" t="s">
        <v>61928</v>
      </c>
      <c r="B44396" t="s">
        <v>61931</v>
      </c>
      <c r="C44396">
        <v>0</v>
      </c>
      <c r="D44396">
        <v>0</v>
      </c>
    </row>
    <row r="44397" spans="1:4" x14ac:dyDescent="0.25">
      <c r="A44397" t="s">
        <v>61932</v>
      </c>
      <c r="B44397" t="s">
        <v>61933</v>
      </c>
      <c r="C44397">
        <v>1</v>
      </c>
      <c r="D44397">
        <v>0</v>
      </c>
    </row>
    <row r="44398" spans="1:4" x14ac:dyDescent="0.25">
      <c r="A44398" t="s">
        <v>61932</v>
      </c>
      <c r="B44398" t="s">
        <v>61934</v>
      </c>
      <c r="C44398">
        <v>1</v>
      </c>
      <c r="D44398">
        <v>0</v>
      </c>
    </row>
    <row r="44399" spans="1:4" x14ac:dyDescent="0.25">
      <c r="A44399" t="s">
        <v>61932</v>
      </c>
      <c r="B44399" t="s">
        <v>61935</v>
      </c>
      <c r="C44399">
        <v>0</v>
      </c>
      <c r="D44399">
        <v>0</v>
      </c>
    </row>
    <row r="44400" spans="1:4" x14ac:dyDescent="0.25">
      <c r="A44400" t="s">
        <v>61932</v>
      </c>
      <c r="B44400" t="s">
        <v>61936</v>
      </c>
      <c r="C44400">
        <v>2</v>
      </c>
      <c r="D44400">
        <v>0</v>
      </c>
    </row>
    <row r="44401" spans="1:4" x14ac:dyDescent="0.25">
      <c r="A44401" t="s">
        <v>61937</v>
      </c>
      <c r="B44401" t="s">
        <v>61938</v>
      </c>
      <c r="C44401">
        <v>1</v>
      </c>
      <c r="D44401">
        <v>0</v>
      </c>
    </row>
    <row r="44402" spans="1:4" x14ac:dyDescent="0.25">
      <c r="A44402" t="s">
        <v>61937</v>
      </c>
      <c r="B44402" t="s">
        <v>61939</v>
      </c>
      <c r="C44402">
        <v>0</v>
      </c>
      <c r="D44402">
        <v>0</v>
      </c>
    </row>
    <row r="44403" spans="1:4" x14ac:dyDescent="0.25">
      <c r="A44403" t="s">
        <v>61937</v>
      </c>
      <c r="B44403" t="s">
        <v>61940</v>
      </c>
      <c r="C44403">
        <v>2</v>
      </c>
      <c r="D44403">
        <v>0</v>
      </c>
    </row>
    <row r="44404" spans="1:4" x14ac:dyDescent="0.25">
      <c r="A44404" t="s">
        <v>61937</v>
      </c>
      <c r="B44404" t="s">
        <v>61941</v>
      </c>
      <c r="C44404">
        <v>2</v>
      </c>
      <c r="D44404">
        <v>0</v>
      </c>
    </row>
    <row r="44405" spans="1:4" x14ac:dyDescent="0.25">
      <c r="A44405" t="s">
        <v>61942</v>
      </c>
      <c r="B44405" t="s">
        <v>61943</v>
      </c>
      <c r="C44405">
        <v>0</v>
      </c>
      <c r="D44405">
        <v>0</v>
      </c>
    </row>
    <row r="44406" spans="1:4" x14ac:dyDescent="0.25">
      <c r="A44406" t="s">
        <v>61942</v>
      </c>
      <c r="B44406" t="s">
        <v>61944</v>
      </c>
      <c r="C44406">
        <v>1</v>
      </c>
      <c r="D44406">
        <v>0</v>
      </c>
    </row>
    <row r="44407" spans="1:4" x14ac:dyDescent="0.25">
      <c r="A44407" t="s">
        <v>61942</v>
      </c>
      <c r="B44407" t="s">
        <v>61945</v>
      </c>
      <c r="C44407">
        <v>2</v>
      </c>
      <c r="D44407">
        <v>0</v>
      </c>
    </row>
    <row r="44408" spans="1:4" x14ac:dyDescent="0.25">
      <c r="A44408" t="s">
        <v>61942</v>
      </c>
      <c r="B44408" t="s">
        <v>61946</v>
      </c>
      <c r="C44408">
        <v>2</v>
      </c>
      <c r="D44408">
        <v>0</v>
      </c>
    </row>
    <row r="44409" spans="1:4" x14ac:dyDescent="0.25">
      <c r="A44409" t="s">
        <v>61942</v>
      </c>
      <c r="B44409" t="s">
        <v>61947</v>
      </c>
      <c r="C44409">
        <v>2</v>
      </c>
      <c r="D44409">
        <v>0</v>
      </c>
    </row>
    <row r="44410" spans="1:4" x14ac:dyDescent="0.25">
      <c r="A44410" t="s">
        <v>61942</v>
      </c>
      <c r="B44410" t="s">
        <v>61948</v>
      </c>
      <c r="C44410">
        <v>2</v>
      </c>
      <c r="D44410">
        <v>0</v>
      </c>
    </row>
    <row r="44411" spans="1:4" x14ac:dyDescent="0.25">
      <c r="A44411" t="s">
        <v>61942</v>
      </c>
      <c r="B44411" t="s">
        <v>61949</v>
      </c>
      <c r="C44411">
        <v>0</v>
      </c>
      <c r="D44411">
        <v>0</v>
      </c>
    </row>
    <row r="44412" spans="1:4" x14ac:dyDescent="0.25">
      <c r="A44412" t="s">
        <v>61942</v>
      </c>
      <c r="B44412" t="s">
        <v>61950</v>
      </c>
      <c r="C44412">
        <v>2</v>
      </c>
      <c r="D44412">
        <v>0</v>
      </c>
    </row>
    <row r="44413" spans="1:4" x14ac:dyDescent="0.25">
      <c r="A44413" t="s">
        <v>61951</v>
      </c>
      <c r="B44413" t="s">
        <v>61952</v>
      </c>
      <c r="C44413">
        <v>1</v>
      </c>
      <c r="D44413">
        <v>0</v>
      </c>
    </row>
    <row r="44414" spans="1:4" x14ac:dyDescent="0.25">
      <c r="A44414" t="s">
        <v>61953</v>
      </c>
      <c r="B44414" t="s">
        <v>61954</v>
      </c>
      <c r="C44414">
        <v>1</v>
      </c>
      <c r="D44414">
        <v>0</v>
      </c>
    </row>
    <row r="44415" spans="1:4" x14ac:dyDescent="0.25">
      <c r="A44415" t="s">
        <v>61953</v>
      </c>
      <c r="B44415" t="s">
        <v>61955</v>
      </c>
      <c r="C44415">
        <v>2</v>
      </c>
      <c r="D44415">
        <v>0</v>
      </c>
    </row>
    <row r="44416" spans="1:4" x14ac:dyDescent="0.25">
      <c r="A44416" t="s">
        <v>61953</v>
      </c>
      <c r="B44416" t="s">
        <v>61956</v>
      </c>
      <c r="C44416">
        <v>1</v>
      </c>
      <c r="D44416">
        <v>0</v>
      </c>
    </row>
    <row r="44417" spans="1:4" x14ac:dyDescent="0.25">
      <c r="A44417" t="s">
        <v>61957</v>
      </c>
      <c r="B44417" t="s">
        <v>61958</v>
      </c>
      <c r="C44417">
        <v>1</v>
      </c>
      <c r="D44417">
        <v>0</v>
      </c>
    </row>
    <row r="44418" spans="1:4" x14ac:dyDescent="0.25">
      <c r="A44418" t="s">
        <v>61957</v>
      </c>
      <c r="B44418" t="s">
        <v>48768</v>
      </c>
      <c r="C44418">
        <v>0</v>
      </c>
      <c r="D44418">
        <v>0</v>
      </c>
    </row>
    <row r="44419" spans="1:4" x14ac:dyDescent="0.25">
      <c r="A44419" t="s">
        <v>61957</v>
      </c>
      <c r="B44419" t="s">
        <v>61959</v>
      </c>
      <c r="C44419">
        <v>0</v>
      </c>
      <c r="D44419">
        <v>0</v>
      </c>
    </row>
    <row r="44420" spans="1:4" x14ac:dyDescent="0.25">
      <c r="A44420" t="s">
        <v>61957</v>
      </c>
      <c r="B44420" t="s">
        <v>2651</v>
      </c>
      <c r="C44420">
        <v>1</v>
      </c>
      <c r="D44420">
        <v>0</v>
      </c>
    </row>
    <row r="44421" spans="1:4" x14ac:dyDescent="0.25">
      <c r="A44421" t="s">
        <v>61960</v>
      </c>
      <c r="B44421" t="s">
        <v>398</v>
      </c>
      <c r="C44421">
        <v>0</v>
      </c>
      <c r="D44421">
        <v>0</v>
      </c>
    </row>
    <row r="44422" spans="1:4" x14ac:dyDescent="0.25">
      <c r="A44422" t="s">
        <v>61961</v>
      </c>
      <c r="B44422" t="s">
        <v>61962</v>
      </c>
      <c r="C44422">
        <v>1</v>
      </c>
      <c r="D44422">
        <v>0</v>
      </c>
    </row>
    <row r="44423" spans="1:4" x14ac:dyDescent="0.25">
      <c r="A44423" t="s">
        <v>61961</v>
      </c>
      <c r="B44423" t="s">
        <v>61963</v>
      </c>
      <c r="C44423">
        <v>1</v>
      </c>
      <c r="D44423">
        <v>0</v>
      </c>
    </row>
    <row r="44424" spans="1:4" x14ac:dyDescent="0.25">
      <c r="A44424" t="s">
        <v>61961</v>
      </c>
      <c r="B44424" t="s">
        <v>61964</v>
      </c>
      <c r="C44424">
        <v>1</v>
      </c>
      <c r="D44424">
        <v>0</v>
      </c>
    </row>
    <row r="44425" spans="1:4" x14ac:dyDescent="0.25">
      <c r="A44425" t="s">
        <v>61961</v>
      </c>
      <c r="B44425" t="s">
        <v>61965</v>
      </c>
      <c r="C44425">
        <v>0</v>
      </c>
      <c r="D44425">
        <v>0</v>
      </c>
    </row>
    <row r="44426" spans="1:4" x14ac:dyDescent="0.25">
      <c r="A44426" t="s">
        <v>61961</v>
      </c>
      <c r="B44426" t="s">
        <v>61966</v>
      </c>
      <c r="C44426">
        <v>1</v>
      </c>
      <c r="D44426">
        <v>0</v>
      </c>
    </row>
    <row r="44427" spans="1:4" x14ac:dyDescent="0.25">
      <c r="A44427" t="s">
        <v>61961</v>
      </c>
      <c r="B44427" t="s">
        <v>61967</v>
      </c>
      <c r="C44427">
        <v>0</v>
      </c>
      <c r="D44427">
        <v>0</v>
      </c>
    </row>
    <row r="44428" spans="1:4" x14ac:dyDescent="0.25">
      <c r="A44428" t="s">
        <v>61968</v>
      </c>
      <c r="B44428" t="s">
        <v>61969</v>
      </c>
      <c r="C44428">
        <v>0</v>
      </c>
      <c r="D44428">
        <v>0</v>
      </c>
    </row>
    <row r="44429" spans="1:4" x14ac:dyDescent="0.25">
      <c r="A44429" t="s">
        <v>61970</v>
      </c>
      <c r="B44429" t="s">
        <v>61971</v>
      </c>
      <c r="C44429">
        <v>0</v>
      </c>
      <c r="D44429">
        <v>0</v>
      </c>
    </row>
    <row r="44430" spans="1:4" x14ac:dyDescent="0.25">
      <c r="A44430" t="s">
        <v>61970</v>
      </c>
      <c r="B44430" t="s">
        <v>61972</v>
      </c>
      <c r="C44430">
        <v>0</v>
      </c>
      <c r="D44430">
        <v>0</v>
      </c>
    </row>
    <row r="44431" spans="1:4" x14ac:dyDescent="0.25">
      <c r="A44431" t="s">
        <v>61973</v>
      </c>
      <c r="B44431" t="s">
        <v>61974</v>
      </c>
      <c r="C44431">
        <v>2</v>
      </c>
      <c r="D44431">
        <v>0</v>
      </c>
    </row>
    <row r="44432" spans="1:4" x14ac:dyDescent="0.25">
      <c r="A44432" t="s">
        <v>61973</v>
      </c>
      <c r="B44432" t="s">
        <v>61975</v>
      </c>
      <c r="C44432">
        <v>2</v>
      </c>
      <c r="D44432">
        <v>0</v>
      </c>
    </row>
    <row r="44433" spans="1:4" x14ac:dyDescent="0.25">
      <c r="A44433" t="s">
        <v>61973</v>
      </c>
      <c r="B44433" t="s">
        <v>61976</v>
      </c>
      <c r="C44433">
        <v>0</v>
      </c>
      <c r="D44433">
        <v>0</v>
      </c>
    </row>
    <row r="44434" spans="1:4" x14ac:dyDescent="0.25">
      <c r="A44434" t="s">
        <v>61973</v>
      </c>
      <c r="B44434" t="s">
        <v>49648</v>
      </c>
      <c r="C44434">
        <v>1</v>
      </c>
      <c r="D44434">
        <v>0</v>
      </c>
    </row>
    <row r="44435" spans="1:4" x14ac:dyDescent="0.25">
      <c r="A44435" t="s">
        <v>61973</v>
      </c>
      <c r="B44435" t="s">
        <v>61977</v>
      </c>
      <c r="C44435">
        <v>0</v>
      </c>
      <c r="D44435">
        <v>0</v>
      </c>
    </row>
    <row r="44436" spans="1:4" x14ac:dyDescent="0.25">
      <c r="A44436" t="s">
        <v>61978</v>
      </c>
      <c r="B44436" t="s">
        <v>61979</v>
      </c>
      <c r="C44436">
        <v>2</v>
      </c>
      <c r="D44436">
        <v>0</v>
      </c>
    </row>
    <row r="44437" spans="1:4" x14ac:dyDescent="0.25">
      <c r="A44437" t="s">
        <v>61978</v>
      </c>
      <c r="B44437" t="s">
        <v>61980</v>
      </c>
      <c r="C44437">
        <v>1</v>
      </c>
      <c r="D44437">
        <v>0</v>
      </c>
    </row>
    <row r="44438" spans="1:4" x14ac:dyDescent="0.25">
      <c r="A44438" t="s">
        <v>61978</v>
      </c>
      <c r="B44438" t="s">
        <v>61981</v>
      </c>
      <c r="C44438">
        <v>0</v>
      </c>
      <c r="D44438">
        <v>0</v>
      </c>
    </row>
    <row r="44439" spans="1:4" x14ac:dyDescent="0.25">
      <c r="A44439" t="s">
        <v>61978</v>
      </c>
      <c r="B44439" t="s">
        <v>61982</v>
      </c>
      <c r="C44439">
        <v>1</v>
      </c>
      <c r="D44439">
        <v>0</v>
      </c>
    </row>
    <row r="44440" spans="1:4" x14ac:dyDescent="0.25">
      <c r="A44440" t="s">
        <v>61978</v>
      </c>
      <c r="B44440" t="s">
        <v>61983</v>
      </c>
      <c r="C44440">
        <v>1</v>
      </c>
      <c r="D44440">
        <v>0</v>
      </c>
    </row>
    <row r="44441" spans="1:4" x14ac:dyDescent="0.25">
      <c r="A44441" t="s">
        <v>61978</v>
      </c>
      <c r="B44441" t="s">
        <v>61984</v>
      </c>
      <c r="C44441">
        <v>1</v>
      </c>
      <c r="D44441">
        <v>0</v>
      </c>
    </row>
    <row r="44442" spans="1:4" x14ac:dyDescent="0.25">
      <c r="A44442" t="s">
        <v>61985</v>
      </c>
      <c r="B44442" t="s">
        <v>61986</v>
      </c>
      <c r="C44442">
        <v>1</v>
      </c>
      <c r="D44442">
        <v>0</v>
      </c>
    </row>
    <row r="44443" spans="1:4" x14ac:dyDescent="0.25">
      <c r="A44443" t="s">
        <v>61985</v>
      </c>
      <c r="B44443" t="s">
        <v>61987</v>
      </c>
      <c r="C44443">
        <v>1</v>
      </c>
      <c r="D44443">
        <v>0</v>
      </c>
    </row>
    <row r="44444" spans="1:4" x14ac:dyDescent="0.25">
      <c r="A44444" t="s">
        <v>61985</v>
      </c>
      <c r="B44444" t="s">
        <v>61988</v>
      </c>
      <c r="C44444">
        <v>1</v>
      </c>
      <c r="D44444">
        <v>0</v>
      </c>
    </row>
    <row r="44445" spans="1:4" x14ac:dyDescent="0.25">
      <c r="A44445" t="s">
        <v>61985</v>
      </c>
      <c r="B44445" t="s">
        <v>27248</v>
      </c>
      <c r="C44445">
        <v>1</v>
      </c>
      <c r="D44445">
        <v>0</v>
      </c>
    </row>
    <row r="44446" spans="1:4" x14ac:dyDescent="0.25">
      <c r="A44446" t="s">
        <v>61985</v>
      </c>
      <c r="B44446" t="s">
        <v>61989</v>
      </c>
      <c r="C44446">
        <v>1</v>
      </c>
      <c r="D44446">
        <v>0</v>
      </c>
    </row>
    <row r="44447" spans="1:4" x14ac:dyDescent="0.25">
      <c r="A44447" t="s">
        <v>61985</v>
      </c>
      <c r="B44447" t="s">
        <v>61990</v>
      </c>
      <c r="C44447">
        <v>1</v>
      </c>
      <c r="D44447">
        <v>0</v>
      </c>
    </row>
    <row r="44448" spans="1:4" x14ac:dyDescent="0.25">
      <c r="A44448" t="s">
        <v>61991</v>
      </c>
      <c r="B44448" t="s">
        <v>61992</v>
      </c>
      <c r="C44448">
        <v>1</v>
      </c>
      <c r="D44448">
        <v>0</v>
      </c>
    </row>
    <row r="44449" spans="1:4" x14ac:dyDescent="0.25">
      <c r="A44449" t="s">
        <v>61991</v>
      </c>
      <c r="B44449" t="s">
        <v>61993</v>
      </c>
      <c r="C44449">
        <v>1</v>
      </c>
      <c r="D44449">
        <v>0</v>
      </c>
    </row>
    <row r="44450" spans="1:4" x14ac:dyDescent="0.25">
      <c r="A44450" t="s">
        <v>61991</v>
      </c>
      <c r="B44450" t="s">
        <v>61994</v>
      </c>
      <c r="C44450">
        <v>0</v>
      </c>
      <c r="D44450">
        <v>0</v>
      </c>
    </row>
    <row r="44451" spans="1:4" x14ac:dyDescent="0.25">
      <c r="A44451" t="s">
        <v>61991</v>
      </c>
      <c r="B44451" t="s">
        <v>61995</v>
      </c>
      <c r="C44451">
        <v>0</v>
      </c>
      <c r="D44451">
        <v>0</v>
      </c>
    </row>
    <row r="44452" spans="1:4" x14ac:dyDescent="0.25">
      <c r="A44452" t="s">
        <v>61991</v>
      </c>
      <c r="B44452" t="s">
        <v>61996</v>
      </c>
      <c r="C44452">
        <v>0</v>
      </c>
      <c r="D44452">
        <v>0</v>
      </c>
    </row>
    <row r="44453" spans="1:4" x14ac:dyDescent="0.25">
      <c r="A44453" t="s">
        <v>61991</v>
      </c>
      <c r="B44453" t="s">
        <v>61997</v>
      </c>
      <c r="C44453">
        <v>2</v>
      </c>
      <c r="D44453">
        <v>0</v>
      </c>
    </row>
    <row r="44454" spans="1:4" x14ac:dyDescent="0.25">
      <c r="A44454" t="s">
        <v>61991</v>
      </c>
      <c r="B44454" t="s">
        <v>61998</v>
      </c>
      <c r="C44454">
        <v>1</v>
      </c>
      <c r="D44454">
        <v>0</v>
      </c>
    </row>
    <row r="44455" spans="1:4" x14ac:dyDescent="0.25">
      <c r="A44455" t="s">
        <v>61999</v>
      </c>
      <c r="B44455" t="s">
        <v>62000</v>
      </c>
      <c r="C44455">
        <v>0</v>
      </c>
      <c r="D44455">
        <v>0</v>
      </c>
    </row>
    <row r="44456" spans="1:4" x14ac:dyDescent="0.25">
      <c r="A44456" t="s">
        <v>61999</v>
      </c>
      <c r="B44456" t="s">
        <v>62001</v>
      </c>
      <c r="C44456">
        <v>1</v>
      </c>
      <c r="D44456">
        <v>0</v>
      </c>
    </row>
    <row r="44457" spans="1:4" x14ac:dyDescent="0.25">
      <c r="A44457" t="s">
        <v>61999</v>
      </c>
      <c r="B44457" t="s">
        <v>62002</v>
      </c>
      <c r="C44457">
        <v>0</v>
      </c>
      <c r="D44457">
        <v>0</v>
      </c>
    </row>
    <row r="44458" spans="1:4" x14ac:dyDescent="0.25">
      <c r="A44458" t="s">
        <v>61999</v>
      </c>
      <c r="B44458" t="s">
        <v>62003</v>
      </c>
      <c r="C44458">
        <v>0</v>
      </c>
      <c r="D44458">
        <v>0</v>
      </c>
    </row>
    <row r="44459" spans="1:4" x14ac:dyDescent="0.25">
      <c r="A44459" t="s">
        <v>61999</v>
      </c>
      <c r="B44459" t="s">
        <v>62004</v>
      </c>
      <c r="C44459">
        <v>2</v>
      </c>
      <c r="D44459">
        <v>0</v>
      </c>
    </row>
    <row r="44460" spans="1:4" x14ac:dyDescent="0.25">
      <c r="A44460" t="s">
        <v>62005</v>
      </c>
      <c r="B44460" t="s">
        <v>62006</v>
      </c>
      <c r="C44460">
        <v>0</v>
      </c>
      <c r="D44460">
        <v>0</v>
      </c>
    </row>
    <row r="44461" spans="1:4" x14ac:dyDescent="0.25">
      <c r="A44461" t="s">
        <v>62005</v>
      </c>
      <c r="B44461" t="s">
        <v>62007</v>
      </c>
      <c r="C44461">
        <v>0</v>
      </c>
      <c r="D44461">
        <v>0</v>
      </c>
    </row>
    <row r="44462" spans="1:4" x14ac:dyDescent="0.25">
      <c r="A44462" t="s">
        <v>62005</v>
      </c>
      <c r="B44462" t="s">
        <v>62008</v>
      </c>
      <c r="C44462">
        <v>2</v>
      </c>
      <c r="D44462">
        <v>0</v>
      </c>
    </row>
    <row r="44463" spans="1:4" x14ac:dyDescent="0.25">
      <c r="A44463" t="s">
        <v>62005</v>
      </c>
      <c r="B44463" t="s">
        <v>62009</v>
      </c>
      <c r="C44463">
        <v>2</v>
      </c>
      <c r="D44463">
        <v>0</v>
      </c>
    </row>
    <row r="44464" spans="1:4" x14ac:dyDescent="0.25">
      <c r="A44464" t="s">
        <v>62005</v>
      </c>
      <c r="B44464" t="s">
        <v>62010</v>
      </c>
      <c r="C44464">
        <v>1</v>
      </c>
      <c r="D44464">
        <v>0</v>
      </c>
    </row>
    <row r="44465" spans="1:4" x14ac:dyDescent="0.25">
      <c r="A44465" t="s">
        <v>62005</v>
      </c>
      <c r="B44465" t="s">
        <v>62011</v>
      </c>
      <c r="C44465">
        <v>1</v>
      </c>
      <c r="D44465">
        <v>0</v>
      </c>
    </row>
    <row r="44466" spans="1:4" x14ac:dyDescent="0.25">
      <c r="A44466" t="s">
        <v>62012</v>
      </c>
      <c r="B44466" t="s">
        <v>49037</v>
      </c>
      <c r="C44466">
        <v>1</v>
      </c>
      <c r="D44466">
        <v>0</v>
      </c>
    </row>
    <row r="44467" spans="1:4" x14ac:dyDescent="0.25">
      <c r="A44467" t="s">
        <v>62012</v>
      </c>
      <c r="B44467" t="s">
        <v>36977</v>
      </c>
      <c r="C44467">
        <v>1</v>
      </c>
      <c r="D44467">
        <v>0</v>
      </c>
    </row>
    <row r="44468" spans="1:4" x14ac:dyDescent="0.25">
      <c r="A44468" t="s">
        <v>62012</v>
      </c>
      <c r="B44468" t="s">
        <v>62013</v>
      </c>
      <c r="C44468">
        <v>1</v>
      </c>
      <c r="D44468">
        <v>0</v>
      </c>
    </row>
    <row r="44469" spans="1:4" x14ac:dyDescent="0.25">
      <c r="A44469" t="s">
        <v>62014</v>
      </c>
      <c r="B44469" t="s">
        <v>62015</v>
      </c>
      <c r="C44469">
        <v>1</v>
      </c>
      <c r="D44469">
        <v>0</v>
      </c>
    </row>
    <row r="44470" spans="1:4" x14ac:dyDescent="0.25">
      <c r="A44470" t="s">
        <v>62014</v>
      </c>
      <c r="B44470" t="s">
        <v>62016</v>
      </c>
      <c r="C44470">
        <v>0</v>
      </c>
      <c r="D44470">
        <v>0</v>
      </c>
    </row>
    <row r="44471" spans="1:4" x14ac:dyDescent="0.25">
      <c r="A44471" t="s">
        <v>62014</v>
      </c>
      <c r="B44471" t="s">
        <v>62017</v>
      </c>
      <c r="C44471">
        <v>1</v>
      </c>
      <c r="D44471">
        <v>0</v>
      </c>
    </row>
    <row r="44472" spans="1:4" x14ac:dyDescent="0.25">
      <c r="A44472" t="s">
        <v>62014</v>
      </c>
      <c r="B44472" t="s">
        <v>62018</v>
      </c>
      <c r="C44472">
        <v>2</v>
      </c>
      <c r="D44472">
        <v>0</v>
      </c>
    </row>
    <row r="44473" spans="1:4" x14ac:dyDescent="0.25">
      <c r="A44473" t="s">
        <v>62019</v>
      </c>
      <c r="B44473" t="s">
        <v>62020</v>
      </c>
      <c r="C44473">
        <v>2</v>
      </c>
      <c r="D44473">
        <v>0</v>
      </c>
    </row>
    <row r="44474" spans="1:4" x14ac:dyDescent="0.25">
      <c r="A44474" t="s">
        <v>62019</v>
      </c>
      <c r="B44474" t="s">
        <v>62021</v>
      </c>
      <c r="C44474">
        <v>2</v>
      </c>
      <c r="D44474">
        <v>0</v>
      </c>
    </row>
    <row r="44475" spans="1:4" x14ac:dyDescent="0.25">
      <c r="A44475" t="s">
        <v>62019</v>
      </c>
      <c r="B44475" t="s">
        <v>62022</v>
      </c>
      <c r="C44475">
        <v>1</v>
      </c>
      <c r="D44475">
        <v>0</v>
      </c>
    </row>
    <row r="44476" spans="1:4" x14ac:dyDescent="0.25">
      <c r="A44476" t="s">
        <v>62019</v>
      </c>
      <c r="B44476" t="s">
        <v>62023</v>
      </c>
      <c r="C44476">
        <v>2</v>
      </c>
      <c r="D44476">
        <v>0</v>
      </c>
    </row>
    <row r="44477" spans="1:4" x14ac:dyDescent="0.25">
      <c r="A44477" t="s">
        <v>62019</v>
      </c>
      <c r="B44477" t="s">
        <v>62024</v>
      </c>
      <c r="C44477">
        <v>2</v>
      </c>
      <c r="D44477">
        <v>0</v>
      </c>
    </row>
    <row r="44478" spans="1:4" x14ac:dyDescent="0.25">
      <c r="A44478" t="s">
        <v>62019</v>
      </c>
      <c r="B44478" t="s">
        <v>62025</v>
      </c>
      <c r="C44478">
        <v>0</v>
      </c>
      <c r="D44478">
        <v>0</v>
      </c>
    </row>
    <row r="44479" spans="1:4" x14ac:dyDescent="0.25">
      <c r="A44479" t="s">
        <v>62019</v>
      </c>
      <c r="B44479" t="s">
        <v>62026</v>
      </c>
      <c r="C44479">
        <v>2</v>
      </c>
      <c r="D44479">
        <v>0</v>
      </c>
    </row>
    <row r="44480" spans="1:4" x14ac:dyDescent="0.25">
      <c r="A44480" t="s">
        <v>62027</v>
      </c>
      <c r="B44480" t="s">
        <v>62028</v>
      </c>
      <c r="C44480">
        <v>1</v>
      </c>
      <c r="D44480">
        <v>0</v>
      </c>
    </row>
    <row r="44481" spans="1:4" x14ac:dyDescent="0.25">
      <c r="A44481" t="s">
        <v>62029</v>
      </c>
      <c r="B44481" t="s">
        <v>13650</v>
      </c>
      <c r="C44481">
        <v>1</v>
      </c>
      <c r="D44481">
        <v>0</v>
      </c>
    </row>
    <row r="44482" spans="1:4" x14ac:dyDescent="0.25">
      <c r="A44482" t="s">
        <v>62029</v>
      </c>
      <c r="B44482" t="s">
        <v>62030</v>
      </c>
      <c r="C44482">
        <v>0</v>
      </c>
      <c r="D44482">
        <v>0</v>
      </c>
    </row>
    <row r="44483" spans="1:4" x14ac:dyDescent="0.25">
      <c r="A44483" t="s">
        <v>62029</v>
      </c>
      <c r="B44483" t="s">
        <v>62031</v>
      </c>
      <c r="C44483">
        <v>1</v>
      </c>
      <c r="D44483">
        <v>0</v>
      </c>
    </row>
    <row r="44484" spans="1:4" x14ac:dyDescent="0.25">
      <c r="A44484" t="s">
        <v>62029</v>
      </c>
      <c r="B44484" t="s">
        <v>62032</v>
      </c>
      <c r="C44484">
        <v>1</v>
      </c>
      <c r="D44484">
        <v>0</v>
      </c>
    </row>
    <row r="44485" spans="1:4" x14ac:dyDescent="0.25">
      <c r="A44485" t="s">
        <v>62029</v>
      </c>
      <c r="B44485" t="s">
        <v>62033</v>
      </c>
      <c r="C44485">
        <v>0</v>
      </c>
      <c r="D44485">
        <v>0</v>
      </c>
    </row>
    <row r="44486" spans="1:4" x14ac:dyDescent="0.25">
      <c r="A44486" t="s">
        <v>62029</v>
      </c>
      <c r="B44486" t="s">
        <v>5713</v>
      </c>
      <c r="C44486">
        <v>1</v>
      </c>
      <c r="D44486">
        <v>0</v>
      </c>
    </row>
    <row r="44487" spans="1:4" x14ac:dyDescent="0.25">
      <c r="A44487" t="s">
        <v>62029</v>
      </c>
      <c r="B44487" t="s">
        <v>62034</v>
      </c>
      <c r="C44487">
        <v>1</v>
      </c>
      <c r="D44487">
        <v>0</v>
      </c>
    </row>
    <row r="44488" spans="1:4" x14ac:dyDescent="0.25">
      <c r="A44488" t="s">
        <v>62035</v>
      </c>
      <c r="B44488" t="s">
        <v>62036</v>
      </c>
      <c r="C44488">
        <v>1</v>
      </c>
      <c r="D44488">
        <v>0</v>
      </c>
    </row>
    <row r="44489" spans="1:4" x14ac:dyDescent="0.25">
      <c r="A44489" t="s">
        <v>62037</v>
      </c>
      <c r="B44489" t="s">
        <v>62038</v>
      </c>
      <c r="C44489">
        <v>1</v>
      </c>
      <c r="D44489">
        <v>0</v>
      </c>
    </row>
    <row r="44490" spans="1:4" x14ac:dyDescent="0.25">
      <c r="A44490" t="s">
        <v>62037</v>
      </c>
      <c r="B44490" t="s">
        <v>62039</v>
      </c>
      <c r="C44490">
        <v>2</v>
      </c>
      <c r="D44490">
        <v>0</v>
      </c>
    </row>
    <row r="44491" spans="1:4" x14ac:dyDescent="0.25">
      <c r="A44491" t="s">
        <v>62037</v>
      </c>
      <c r="B44491" t="s">
        <v>62040</v>
      </c>
      <c r="C44491">
        <v>0</v>
      </c>
      <c r="D44491">
        <v>0</v>
      </c>
    </row>
    <row r="44492" spans="1:4" x14ac:dyDescent="0.25">
      <c r="A44492" t="s">
        <v>62037</v>
      </c>
      <c r="B44492" t="s">
        <v>62041</v>
      </c>
      <c r="C44492">
        <v>0</v>
      </c>
      <c r="D44492">
        <v>0</v>
      </c>
    </row>
    <row r="44493" spans="1:4" x14ac:dyDescent="0.25">
      <c r="A44493" t="s">
        <v>62037</v>
      </c>
      <c r="B44493" t="s">
        <v>62042</v>
      </c>
      <c r="C44493">
        <v>1</v>
      </c>
      <c r="D44493">
        <v>0</v>
      </c>
    </row>
    <row r="44494" spans="1:4" x14ac:dyDescent="0.25">
      <c r="A44494" t="s">
        <v>62037</v>
      </c>
      <c r="B44494" t="s">
        <v>62043</v>
      </c>
      <c r="C44494">
        <v>1</v>
      </c>
      <c r="D44494">
        <v>0</v>
      </c>
    </row>
    <row r="44495" spans="1:4" x14ac:dyDescent="0.25">
      <c r="A44495" t="s">
        <v>62044</v>
      </c>
      <c r="B44495" t="s">
        <v>62045</v>
      </c>
      <c r="C44495">
        <v>1</v>
      </c>
      <c r="D44495">
        <v>0</v>
      </c>
    </row>
    <row r="44496" spans="1:4" x14ac:dyDescent="0.25">
      <c r="A44496" t="s">
        <v>62044</v>
      </c>
      <c r="B44496" t="s">
        <v>62046</v>
      </c>
      <c r="C44496">
        <v>1</v>
      </c>
      <c r="D44496">
        <v>0</v>
      </c>
    </row>
    <row r="44497" spans="1:4" x14ac:dyDescent="0.25">
      <c r="A44497" t="s">
        <v>62044</v>
      </c>
      <c r="B44497" t="s">
        <v>62047</v>
      </c>
      <c r="C44497">
        <v>1</v>
      </c>
      <c r="D44497">
        <v>0</v>
      </c>
    </row>
    <row r="44498" spans="1:4" x14ac:dyDescent="0.25">
      <c r="A44498" t="s">
        <v>62044</v>
      </c>
      <c r="B44498" t="s">
        <v>62048</v>
      </c>
      <c r="C44498">
        <v>0</v>
      </c>
      <c r="D44498">
        <v>0</v>
      </c>
    </row>
    <row r="44499" spans="1:4" x14ac:dyDescent="0.25">
      <c r="A44499" t="s">
        <v>62044</v>
      </c>
      <c r="B44499" t="s">
        <v>62049</v>
      </c>
      <c r="C44499">
        <v>1</v>
      </c>
      <c r="D44499">
        <v>0</v>
      </c>
    </row>
    <row r="44500" spans="1:4" x14ac:dyDescent="0.25">
      <c r="A44500" t="s">
        <v>62050</v>
      </c>
      <c r="B44500" t="s">
        <v>62051</v>
      </c>
      <c r="C44500">
        <v>1</v>
      </c>
      <c r="D44500">
        <v>0</v>
      </c>
    </row>
    <row r="44501" spans="1:4" x14ac:dyDescent="0.25">
      <c r="A44501" t="s">
        <v>62050</v>
      </c>
      <c r="B44501" t="s">
        <v>62052</v>
      </c>
      <c r="C44501">
        <v>0</v>
      </c>
      <c r="D44501">
        <v>0</v>
      </c>
    </row>
    <row r="44502" spans="1:4" x14ac:dyDescent="0.25">
      <c r="A44502" t="s">
        <v>62050</v>
      </c>
      <c r="B44502" t="s">
        <v>62053</v>
      </c>
      <c r="C44502">
        <v>0</v>
      </c>
      <c r="D44502">
        <v>0</v>
      </c>
    </row>
    <row r="44503" spans="1:4" x14ac:dyDescent="0.25">
      <c r="A44503" t="s">
        <v>62050</v>
      </c>
      <c r="B44503" t="s">
        <v>62051</v>
      </c>
      <c r="C44503">
        <v>0</v>
      </c>
      <c r="D44503">
        <v>0</v>
      </c>
    </row>
    <row r="44504" spans="1:4" x14ac:dyDescent="0.25">
      <c r="A44504" t="s">
        <v>62050</v>
      </c>
      <c r="B44504" t="s">
        <v>62054</v>
      </c>
      <c r="C44504">
        <v>0</v>
      </c>
      <c r="D44504">
        <v>0</v>
      </c>
    </row>
    <row r="44505" spans="1:4" x14ac:dyDescent="0.25">
      <c r="A44505" t="s">
        <v>62050</v>
      </c>
      <c r="B44505" t="s">
        <v>62055</v>
      </c>
      <c r="C44505">
        <v>2</v>
      </c>
      <c r="D44505">
        <v>0</v>
      </c>
    </row>
    <row r="44506" spans="1:4" x14ac:dyDescent="0.25">
      <c r="A44506" t="s">
        <v>62056</v>
      </c>
      <c r="B44506" t="s">
        <v>62057</v>
      </c>
      <c r="C44506">
        <v>1</v>
      </c>
      <c r="D44506">
        <v>0</v>
      </c>
    </row>
    <row r="44507" spans="1:4" x14ac:dyDescent="0.25">
      <c r="A44507" t="s">
        <v>62056</v>
      </c>
      <c r="B44507" t="s">
        <v>62058</v>
      </c>
      <c r="C44507">
        <v>1</v>
      </c>
      <c r="D44507">
        <v>0</v>
      </c>
    </row>
    <row r="44508" spans="1:4" x14ac:dyDescent="0.25">
      <c r="A44508" t="s">
        <v>62059</v>
      </c>
      <c r="B44508" t="s">
        <v>62060</v>
      </c>
      <c r="C44508">
        <v>1</v>
      </c>
      <c r="D44508">
        <v>0</v>
      </c>
    </row>
    <row r="44509" spans="1:4" x14ac:dyDescent="0.25">
      <c r="A44509" t="s">
        <v>62059</v>
      </c>
      <c r="B44509" t="s">
        <v>62061</v>
      </c>
      <c r="C44509">
        <v>1</v>
      </c>
      <c r="D44509">
        <v>0</v>
      </c>
    </row>
    <row r="44510" spans="1:4" x14ac:dyDescent="0.25">
      <c r="A44510" t="s">
        <v>62062</v>
      </c>
      <c r="B44510" t="s">
        <v>62063</v>
      </c>
      <c r="C44510">
        <v>1</v>
      </c>
      <c r="D44510">
        <v>0</v>
      </c>
    </row>
    <row r="44511" spans="1:4" x14ac:dyDescent="0.25">
      <c r="A44511" t="s">
        <v>62062</v>
      </c>
      <c r="B44511" t="s">
        <v>62064</v>
      </c>
      <c r="C44511">
        <v>0</v>
      </c>
      <c r="D44511">
        <v>0</v>
      </c>
    </row>
    <row r="44512" spans="1:4" x14ac:dyDescent="0.25">
      <c r="A44512" t="s">
        <v>62065</v>
      </c>
      <c r="B44512" t="s">
        <v>50610</v>
      </c>
      <c r="C44512">
        <v>2</v>
      </c>
      <c r="D44512">
        <v>0</v>
      </c>
    </row>
    <row r="44513" spans="1:4" x14ac:dyDescent="0.25">
      <c r="A44513" t="s">
        <v>62066</v>
      </c>
      <c r="B44513" t="s">
        <v>62067</v>
      </c>
      <c r="C44513">
        <v>0</v>
      </c>
      <c r="D44513">
        <v>0</v>
      </c>
    </row>
    <row r="44514" spans="1:4" x14ac:dyDescent="0.25">
      <c r="A44514" t="s">
        <v>62066</v>
      </c>
      <c r="B44514" t="s">
        <v>62068</v>
      </c>
      <c r="C44514">
        <v>1</v>
      </c>
      <c r="D44514">
        <v>0</v>
      </c>
    </row>
    <row r="44515" spans="1:4" x14ac:dyDescent="0.25">
      <c r="A44515" t="s">
        <v>62066</v>
      </c>
      <c r="B44515" t="s">
        <v>2651</v>
      </c>
      <c r="C44515">
        <v>0</v>
      </c>
      <c r="D44515">
        <v>0</v>
      </c>
    </row>
    <row r="44516" spans="1:4" x14ac:dyDescent="0.25">
      <c r="A44516" t="s">
        <v>62069</v>
      </c>
      <c r="B44516" t="s">
        <v>52049</v>
      </c>
      <c r="C44516">
        <v>1</v>
      </c>
      <c r="D44516">
        <v>0</v>
      </c>
    </row>
    <row r="44517" spans="1:4" x14ac:dyDescent="0.25">
      <c r="A44517" t="s">
        <v>62069</v>
      </c>
      <c r="B44517" t="s">
        <v>62070</v>
      </c>
      <c r="C44517">
        <v>0</v>
      </c>
      <c r="D44517">
        <v>0</v>
      </c>
    </row>
    <row r="44518" spans="1:4" x14ac:dyDescent="0.25">
      <c r="A44518" t="s">
        <v>62069</v>
      </c>
      <c r="B44518" t="s">
        <v>62071</v>
      </c>
      <c r="C44518">
        <v>1</v>
      </c>
      <c r="D44518">
        <v>0</v>
      </c>
    </row>
    <row r="44519" spans="1:4" x14ac:dyDescent="0.25">
      <c r="A44519" t="s">
        <v>62069</v>
      </c>
      <c r="B44519" t="s">
        <v>62072</v>
      </c>
      <c r="C44519">
        <v>2</v>
      </c>
      <c r="D44519">
        <v>0</v>
      </c>
    </row>
    <row r="44520" spans="1:4" x14ac:dyDescent="0.25">
      <c r="A44520" t="s">
        <v>62069</v>
      </c>
      <c r="B44520" t="s">
        <v>62073</v>
      </c>
      <c r="C44520">
        <v>2</v>
      </c>
      <c r="D44520">
        <v>0</v>
      </c>
    </row>
    <row r="44521" spans="1:4" x14ac:dyDescent="0.25">
      <c r="A44521" t="s">
        <v>62074</v>
      </c>
      <c r="B44521" t="s">
        <v>62075</v>
      </c>
      <c r="C44521">
        <v>1</v>
      </c>
      <c r="D44521">
        <v>0</v>
      </c>
    </row>
    <row r="44522" spans="1:4" x14ac:dyDescent="0.25">
      <c r="A44522" t="s">
        <v>62076</v>
      </c>
      <c r="B44522" t="s">
        <v>62077</v>
      </c>
      <c r="C44522">
        <v>0</v>
      </c>
      <c r="D44522">
        <v>0</v>
      </c>
    </row>
    <row r="44523" spans="1:4" x14ac:dyDescent="0.25">
      <c r="A44523" t="s">
        <v>62076</v>
      </c>
      <c r="B44523" t="s">
        <v>62078</v>
      </c>
      <c r="C44523">
        <v>1</v>
      </c>
      <c r="D44523">
        <v>0</v>
      </c>
    </row>
    <row r="44524" spans="1:4" x14ac:dyDescent="0.25">
      <c r="A44524" t="s">
        <v>62076</v>
      </c>
      <c r="B44524" t="s">
        <v>62079</v>
      </c>
      <c r="C44524">
        <v>2</v>
      </c>
      <c r="D44524">
        <v>0</v>
      </c>
    </row>
    <row r="44525" spans="1:4" x14ac:dyDescent="0.25">
      <c r="A44525" t="s">
        <v>62076</v>
      </c>
      <c r="B44525" t="s">
        <v>62080</v>
      </c>
      <c r="C44525">
        <v>0</v>
      </c>
      <c r="D44525">
        <v>0</v>
      </c>
    </row>
    <row r="44526" spans="1:4" x14ac:dyDescent="0.25">
      <c r="A44526" t="s">
        <v>62076</v>
      </c>
      <c r="B44526" t="s">
        <v>62081</v>
      </c>
      <c r="C44526">
        <v>0</v>
      </c>
      <c r="D44526">
        <v>0</v>
      </c>
    </row>
    <row r="44527" spans="1:4" x14ac:dyDescent="0.25">
      <c r="A44527" t="s">
        <v>62082</v>
      </c>
      <c r="B44527" t="s">
        <v>62083</v>
      </c>
      <c r="C44527">
        <v>1</v>
      </c>
      <c r="D44527">
        <v>0</v>
      </c>
    </row>
    <row r="44528" spans="1:4" x14ac:dyDescent="0.25">
      <c r="A44528" t="s">
        <v>62082</v>
      </c>
      <c r="B44528" t="s">
        <v>62084</v>
      </c>
      <c r="C44528">
        <v>0</v>
      </c>
      <c r="D44528">
        <v>0</v>
      </c>
    </row>
    <row r="44529" spans="1:4" x14ac:dyDescent="0.25">
      <c r="A44529" t="s">
        <v>62085</v>
      </c>
      <c r="B44529" t="s">
        <v>62086</v>
      </c>
      <c r="C44529">
        <v>1</v>
      </c>
      <c r="D44529">
        <v>0</v>
      </c>
    </row>
    <row r="44530" spans="1:4" x14ac:dyDescent="0.25">
      <c r="A44530" t="s">
        <v>62085</v>
      </c>
      <c r="B44530" t="s">
        <v>62087</v>
      </c>
      <c r="C44530">
        <v>1</v>
      </c>
      <c r="D44530">
        <v>0</v>
      </c>
    </row>
    <row r="44531" spans="1:4" x14ac:dyDescent="0.25">
      <c r="A44531" t="s">
        <v>62085</v>
      </c>
      <c r="B44531" t="s">
        <v>56088</v>
      </c>
      <c r="C44531">
        <v>1</v>
      </c>
      <c r="D44531">
        <v>0</v>
      </c>
    </row>
    <row r="44532" spans="1:4" x14ac:dyDescent="0.25">
      <c r="A44532" t="s">
        <v>62085</v>
      </c>
      <c r="B44532" t="s">
        <v>62088</v>
      </c>
      <c r="C44532">
        <v>1</v>
      </c>
      <c r="D44532">
        <v>0</v>
      </c>
    </row>
    <row r="44533" spans="1:4" x14ac:dyDescent="0.25">
      <c r="A44533" t="s">
        <v>62085</v>
      </c>
      <c r="B44533" t="s">
        <v>62089</v>
      </c>
      <c r="C44533">
        <v>1</v>
      </c>
      <c r="D44533">
        <v>0</v>
      </c>
    </row>
    <row r="44534" spans="1:4" x14ac:dyDescent="0.25">
      <c r="A44534" t="s">
        <v>62085</v>
      </c>
      <c r="B44534" t="s">
        <v>62090</v>
      </c>
      <c r="C44534">
        <v>1</v>
      </c>
      <c r="D44534">
        <v>0</v>
      </c>
    </row>
    <row r="44535" spans="1:4" x14ac:dyDescent="0.25">
      <c r="A44535" t="s">
        <v>62085</v>
      </c>
      <c r="B44535" t="s">
        <v>62091</v>
      </c>
      <c r="C44535">
        <v>1</v>
      </c>
      <c r="D44535">
        <v>0</v>
      </c>
    </row>
    <row r="44536" spans="1:4" x14ac:dyDescent="0.25">
      <c r="A44536" t="s">
        <v>62085</v>
      </c>
      <c r="B44536" t="s">
        <v>4238</v>
      </c>
      <c r="C44536">
        <v>1</v>
      </c>
      <c r="D44536">
        <v>0</v>
      </c>
    </row>
    <row r="44537" spans="1:4" x14ac:dyDescent="0.25">
      <c r="A44537" t="s">
        <v>62092</v>
      </c>
      <c r="B44537" t="s">
        <v>62093</v>
      </c>
      <c r="C44537">
        <v>0</v>
      </c>
      <c r="D44537">
        <v>0</v>
      </c>
    </row>
    <row r="44538" spans="1:4" x14ac:dyDescent="0.25">
      <c r="A44538" t="s">
        <v>62092</v>
      </c>
      <c r="B44538" t="s">
        <v>17479</v>
      </c>
      <c r="C44538">
        <v>1</v>
      </c>
      <c r="D44538">
        <v>0</v>
      </c>
    </row>
    <row r="44539" spans="1:4" x14ac:dyDescent="0.25">
      <c r="A44539" t="s">
        <v>62092</v>
      </c>
      <c r="B44539" t="s">
        <v>62094</v>
      </c>
      <c r="C44539">
        <v>0</v>
      </c>
      <c r="D44539">
        <v>0</v>
      </c>
    </row>
    <row r="44540" spans="1:4" x14ac:dyDescent="0.25">
      <c r="A44540" t="s">
        <v>62092</v>
      </c>
      <c r="B44540" t="s">
        <v>62095</v>
      </c>
      <c r="C44540">
        <v>1</v>
      </c>
      <c r="D44540">
        <v>0</v>
      </c>
    </row>
    <row r="44541" spans="1:4" x14ac:dyDescent="0.25">
      <c r="A44541" t="s">
        <v>62096</v>
      </c>
      <c r="B44541" t="s">
        <v>62097</v>
      </c>
      <c r="C44541">
        <v>1</v>
      </c>
      <c r="D44541">
        <v>0</v>
      </c>
    </row>
    <row r="44542" spans="1:4" x14ac:dyDescent="0.25">
      <c r="A44542" t="s">
        <v>62096</v>
      </c>
      <c r="B44542" t="s">
        <v>62098</v>
      </c>
      <c r="C44542">
        <v>1</v>
      </c>
      <c r="D44542">
        <v>0</v>
      </c>
    </row>
    <row r="44543" spans="1:4" x14ac:dyDescent="0.25">
      <c r="A44543" t="s">
        <v>62096</v>
      </c>
      <c r="B44543" t="s">
        <v>62099</v>
      </c>
      <c r="C44543">
        <v>1</v>
      </c>
      <c r="D44543">
        <v>0</v>
      </c>
    </row>
    <row r="44544" spans="1:4" x14ac:dyDescent="0.25">
      <c r="A44544" t="s">
        <v>62100</v>
      </c>
      <c r="B44544" t="s">
        <v>62101</v>
      </c>
      <c r="C44544">
        <v>1</v>
      </c>
      <c r="D44544">
        <v>0</v>
      </c>
    </row>
    <row r="44545" spans="1:4" x14ac:dyDescent="0.25">
      <c r="A44545" t="s">
        <v>62100</v>
      </c>
      <c r="B44545" t="s">
        <v>62102</v>
      </c>
      <c r="C44545">
        <v>1</v>
      </c>
      <c r="D44545">
        <v>0</v>
      </c>
    </row>
    <row r="44546" spans="1:4" x14ac:dyDescent="0.25">
      <c r="A44546" t="s">
        <v>62100</v>
      </c>
      <c r="B44546" t="s">
        <v>62103</v>
      </c>
      <c r="C44546">
        <v>1</v>
      </c>
      <c r="D44546">
        <v>0</v>
      </c>
    </row>
    <row r="44547" spans="1:4" x14ac:dyDescent="0.25">
      <c r="A44547" t="s">
        <v>62100</v>
      </c>
      <c r="B44547" t="s">
        <v>62104</v>
      </c>
      <c r="C44547">
        <v>0</v>
      </c>
      <c r="D44547">
        <v>0</v>
      </c>
    </row>
    <row r="44548" spans="1:4" x14ac:dyDescent="0.25">
      <c r="A44548" t="s">
        <v>62105</v>
      </c>
      <c r="B44548" t="s">
        <v>62106</v>
      </c>
      <c r="C44548">
        <v>1</v>
      </c>
      <c r="D44548">
        <v>0</v>
      </c>
    </row>
    <row r="44549" spans="1:4" x14ac:dyDescent="0.25">
      <c r="A44549" t="s">
        <v>62107</v>
      </c>
      <c r="B44549" t="s">
        <v>21395</v>
      </c>
      <c r="C44549">
        <v>1</v>
      </c>
      <c r="D44549">
        <v>0</v>
      </c>
    </row>
    <row r="44550" spans="1:4" x14ac:dyDescent="0.25">
      <c r="A44550" t="s">
        <v>62107</v>
      </c>
      <c r="B44550" t="s">
        <v>62108</v>
      </c>
      <c r="C44550">
        <v>2</v>
      </c>
      <c r="D44550">
        <v>0</v>
      </c>
    </row>
    <row r="44551" spans="1:4" x14ac:dyDescent="0.25">
      <c r="A44551" t="s">
        <v>62107</v>
      </c>
      <c r="B44551" t="s">
        <v>62109</v>
      </c>
      <c r="C44551">
        <v>1</v>
      </c>
      <c r="D44551">
        <v>0</v>
      </c>
    </row>
    <row r="44552" spans="1:4" x14ac:dyDescent="0.25">
      <c r="A44552" t="s">
        <v>62107</v>
      </c>
      <c r="B44552" t="s">
        <v>62110</v>
      </c>
      <c r="C44552">
        <v>1</v>
      </c>
      <c r="D44552">
        <v>0</v>
      </c>
    </row>
    <row r="44553" spans="1:4" x14ac:dyDescent="0.25">
      <c r="A44553" t="s">
        <v>62107</v>
      </c>
      <c r="B44553" t="s">
        <v>62111</v>
      </c>
      <c r="C44553">
        <v>0</v>
      </c>
      <c r="D44553">
        <v>0</v>
      </c>
    </row>
    <row r="44554" spans="1:4" x14ac:dyDescent="0.25">
      <c r="A44554" t="s">
        <v>62107</v>
      </c>
      <c r="B44554" t="s">
        <v>62112</v>
      </c>
      <c r="C44554">
        <v>0</v>
      </c>
      <c r="D44554">
        <v>0</v>
      </c>
    </row>
    <row r="44555" spans="1:4" x14ac:dyDescent="0.25">
      <c r="A44555" t="s">
        <v>62113</v>
      </c>
      <c r="B44555" t="s">
        <v>62114</v>
      </c>
      <c r="C44555">
        <v>2</v>
      </c>
      <c r="D44555">
        <v>0</v>
      </c>
    </row>
    <row r="44556" spans="1:4" x14ac:dyDescent="0.25">
      <c r="A44556" t="s">
        <v>62113</v>
      </c>
      <c r="B44556" t="s">
        <v>62115</v>
      </c>
      <c r="C44556">
        <v>0</v>
      </c>
      <c r="D44556">
        <v>0</v>
      </c>
    </row>
    <row r="44557" spans="1:4" x14ac:dyDescent="0.25">
      <c r="A44557" t="s">
        <v>62113</v>
      </c>
      <c r="B44557" t="s">
        <v>62116</v>
      </c>
      <c r="C44557">
        <v>2</v>
      </c>
      <c r="D44557">
        <v>0</v>
      </c>
    </row>
    <row r="44558" spans="1:4" x14ac:dyDescent="0.25">
      <c r="A44558" t="s">
        <v>62113</v>
      </c>
      <c r="B44558" t="s">
        <v>62117</v>
      </c>
      <c r="C44558">
        <v>2</v>
      </c>
      <c r="D44558">
        <v>0</v>
      </c>
    </row>
    <row r="44559" spans="1:4" x14ac:dyDescent="0.25">
      <c r="A44559" t="s">
        <v>62113</v>
      </c>
      <c r="B44559" t="s">
        <v>62118</v>
      </c>
      <c r="C44559">
        <v>0</v>
      </c>
      <c r="D44559">
        <v>0</v>
      </c>
    </row>
    <row r="44560" spans="1:4" x14ac:dyDescent="0.25">
      <c r="A44560" t="s">
        <v>62113</v>
      </c>
      <c r="B44560" t="s">
        <v>62119</v>
      </c>
      <c r="C44560">
        <v>1</v>
      </c>
      <c r="D44560">
        <v>0</v>
      </c>
    </row>
    <row r="44561" spans="1:4" x14ac:dyDescent="0.25">
      <c r="A44561" t="s">
        <v>62113</v>
      </c>
      <c r="B44561" t="s">
        <v>62120</v>
      </c>
      <c r="C44561">
        <v>0</v>
      </c>
      <c r="D44561">
        <v>0</v>
      </c>
    </row>
    <row r="44562" spans="1:4" x14ac:dyDescent="0.25">
      <c r="A44562" t="s">
        <v>62121</v>
      </c>
      <c r="B44562" t="s">
        <v>62122</v>
      </c>
      <c r="C44562">
        <v>1</v>
      </c>
      <c r="D44562">
        <v>0</v>
      </c>
    </row>
    <row r="44563" spans="1:4" x14ac:dyDescent="0.25">
      <c r="A44563" t="s">
        <v>62121</v>
      </c>
      <c r="B44563" t="s">
        <v>62123</v>
      </c>
      <c r="C44563">
        <v>1</v>
      </c>
      <c r="D44563">
        <v>0</v>
      </c>
    </row>
    <row r="44564" spans="1:4" x14ac:dyDescent="0.25">
      <c r="A44564" t="s">
        <v>62124</v>
      </c>
      <c r="B44564" t="s">
        <v>35954</v>
      </c>
      <c r="C44564">
        <v>0</v>
      </c>
      <c r="D44564">
        <v>0</v>
      </c>
    </row>
    <row r="44565" spans="1:4" x14ac:dyDescent="0.25">
      <c r="A44565" t="s">
        <v>62124</v>
      </c>
      <c r="B44565" t="s">
        <v>62125</v>
      </c>
      <c r="C44565">
        <v>1</v>
      </c>
      <c r="D44565">
        <v>0</v>
      </c>
    </row>
    <row r="44566" spans="1:4" x14ac:dyDescent="0.25">
      <c r="A44566" t="s">
        <v>62124</v>
      </c>
      <c r="B44566" t="s">
        <v>62126</v>
      </c>
      <c r="C44566">
        <v>0</v>
      </c>
      <c r="D44566">
        <v>0</v>
      </c>
    </row>
    <row r="44567" spans="1:4" x14ac:dyDescent="0.25">
      <c r="A44567" t="s">
        <v>62124</v>
      </c>
      <c r="B44567" t="s">
        <v>62127</v>
      </c>
      <c r="C44567">
        <v>2</v>
      </c>
      <c r="D44567">
        <v>0</v>
      </c>
    </row>
    <row r="44568" spans="1:4" x14ac:dyDescent="0.25">
      <c r="A44568" t="s">
        <v>62124</v>
      </c>
      <c r="B44568" t="s">
        <v>62128</v>
      </c>
      <c r="C44568">
        <v>2</v>
      </c>
      <c r="D44568">
        <v>0</v>
      </c>
    </row>
    <row r="44569" spans="1:4" x14ac:dyDescent="0.25">
      <c r="A44569" t="s">
        <v>62129</v>
      </c>
      <c r="B44569" t="s">
        <v>62130</v>
      </c>
      <c r="C44569">
        <v>1</v>
      </c>
      <c r="D44569">
        <v>0</v>
      </c>
    </row>
    <row r="44570" spans="1:4" x14ac:dyDescent="0.25">
      <c r="A44570" t="s">
        <v>62129</v>
      </c>
      <c r="B44570" t="s">
        <v>11948</v>
      </c>
      <c r="C44570">
        <v>0</v>
      </c>
      <c r="D44570">
        <v>0</v>
      </c>
    </row>
    <row r="44571" spans="1:4" x14ac:dyDescent="0.25">
      <c r="A44571" t="s">
        <v>62131</v>
      </c>
      <c r="B44571" t="s">
        <v>62132</v>
      </c>
      <c r="C44571">
        <v>0</v>
      </c>
      <c r="D44571">
        <v>0</v>
      </c>
    </row>
    <row r="44572" spans="1:4" x14ac:dyDescent="0.25">
      <c r="A44572" t="s">
        <v>62131</v>
      </c>
      <c r="B44572" t="s">
        <v>62133</v>
      </c>
      <c r="C44572">
        <v>2</v>
      </c>
      <c r="D44572">
        <v>0</v>
      </c>
    </row>
    <row r="44573" spans="1:4" x14ac:dyDescent="0.25">
      <c r="A44573" t="s">
        <v>62131</v>
      </c>
      <c r="B44573" t="s">
        <v>62134</v>
      </c>
      <c r="C44573">
        <v>2</v>
      </c>
      <c r="D44573">
        <v>0</v>
      </c>
    </row>
    <row r="44574" spans="1:4" x14ac:dyDescent="0.25">
      <c r="A44574" t="s">
        <v>62131</v>
      </c>
      <c r="B44574" t="s">
        <v>62135</v>
      </c>
      <c r="C44574">
        <v>2</v>
      </c>
      <c r="D44574">
        <v>0</v>
      </c>
    </row>
    <row r="44575" spans="1:4" x14ac:dyDescent="0.25">
      <c r="A44575" t="s">
        <v>62131</v>
      </c>
      <c r="B44575" t="s">
        <v>62136</v>
      </c>
      <c r="C44575">
        <v>1</v>
      </c>
      <c r="D44575">
        <v>0</v>
      </c>
    </row>
    <row r="44576" spans="1:4" x14ac:dyDescent="0.25">
      <c r="A44576" t="s">
        <v>62131</v>
      </c>
      <c r="B44576" t="s">
        <v>62137</v>
      </c>
      <c r="C44576">
        <v>1</v>
      </c>
      <c r="D44576">
        <v>0</v>
      </c>
    </row>
    <row r="44577" spans="1:4" x14ac:dyDescent="0.25">
      <c r="A44577" t="s">
        <v>62131</v>
      </c>
      <c r="B44577" t="s">
        <v>62138</v>
      </c>
      <c r="C44577">
        <v>0</v>
      </c>
      <c r="D44577">
        <v>0</v>
      </c>
    </row>
    <row r="44578" spans="1:4" x14ac:dyDescent="0.25">
      <c r="A44578" t="s">
        <v>62139</v>
      </c>
      <c r="B44578" t="s">
        <v>62140</v>
      </c>
      <c r="C44578">
        <v>2</v>
      </c>
      <c r="D44578">
        <v>0</v>
      </c>
    </row>
    <row r="44579" spans="1:4" x14ac:dyDescent="0.25">
      <c r="A44579" t="s">
        <v>62141</v>
      </c>
      <c r="B44579" t="s">
        <v>62142</v>
      </c>
      <c r="C44579">
        <v>2</v>
      </c>
      <c r="D44579">
        <v>0</v>
      </c>
    </row>
    <row r="44580" spans="1:4" x14ac:dyDescent="0.25">
      <c r="A44580" t="s">
        <v>62141</v>
      </c>
      <c r="B44580" t="s">
        <v>62143</v>
      </c>
      <c r="C44580">
        <v>2</v>
      </c>
      <c r="D44580">
        <v>0</v>
      </c>
    </row>
    <row r="44581" spans="1:4" x14ac:dyDescent="0.25">
      <c r="A44581" t="s">
        <v>62141</v>
      </c>
      <c r="B44581" t="s">
        <v>62144</v>
      </c>
      <c r="C44581">
        <v>1</v>
      </c>
      <c r="D44581">
        <v>0</v>
      </c>
    </row>
    <row r="44582" spans="1:4" x14ac:dyDescent="0.25">
      <c r="A44582" t="s">
        <v>62145</v>
      </c>
      <c r="B44582" t="s">
        <v>62146</v>
      </c>
      <c r="C44582">
        <v>1</v>
      </c>
      <c r="D44582">
        <v>0</v>
      </c>
    </row>
    <row r="44583" spans="1:4" x14ac:dyDescent="0.25">
      <c r="A44583" t="s">
        <v>62145</v>
      </c>
      <c r="B44583" t="s">
        <v>62147</v>
      </c>
      <c r="C44583">
        <v>1</v>
      </c>
      <c r="D44583">
        <v>0</v>
      </c>
    </row>
    <row r="44584" spans="1:4" x14ac:dyDescent="0.25">
      <c r="A44584" t="s">
        <v>62145</v>
      </c>
      <c r="B44584" t="s">
        <v>62148</v>
      </c>
      <c r="C44584">
        <v>1</v>
      </c>
      <c r="D44584">
        <v>0</v>
      </c>
    </row>
    <row r="44585" spans="1:4" x14ac:dyDescent="0.25">
      <c r="A44585" t="s">
        <v>62145</v>
      </c>
      <c r="B44585" t="s">
        <v>62149</v>
      </c>
      <c r="C44585">
        <v>1</v>
      </c>
      <c r="D44585">
        <v>0</v>
      </c>
    </row>
    <row r="44586" spans="1:4" x14ac:dyDescent="0.25">
      <c r="A44586" t="s">
        <v>62150</v>
      </c>
      <c r="B44586" t="s">
        <v>62151</v>
      </c>
      <c r="C44586">
        <v>1</v>
      </c>
      <c r="D44586">
        <v>0</v>
      </c>
    </row>
    <row r="44587" spans="1:4" x14ac:dyDescent="0.25">
      <c r="A44587" t="s">
        <v>62150</v>
      </c>
      <c r="B44587" t="s">
        <v>62152</v>
      </c>
      <c r="C44587">
        <v>1</v>
      </c>
      <c r="D44587">
        <v>0</v>
      </c>
    </row>
    <row r="44588" spans="1:4" x14ac:dyDescent="0.25">
      <c r="A44588" t="s">
        <v>62153</v>
      </c>
      <c r="B44588" t="s">
        <v>62154</v>
      </c>
      <c r="C44588">
        <v>2</v>
      </c>
      <c r="D44588">
        <v>0</v>
      </c>
    </row>
    <row r="44589" spans="1:4" x14ac:dyDescent="0.25">
      <c r="A44589" t="s">
        <v>62153</v>
      </c>
      <c r="B44589" t="s">
        <v>62155</v>
      </c>
      <c r="C44589">
        <v>2</v>
      </c>
      <c r="D44589">
        <v>0</v>
      </c>
    </row>
    <row r="44590" spans="1:4" x14ac:dyDescent="0.25">
      <c r="A44590" t="s">
        <v>62153</v>
      </c>
      <c r="B44590" t="s">
        <v>62156</v>
      </c>
      <c r="C44590">
        <v>1</v>
      </c>
      <c r="D44590">
        <v>0</v>
      </c>
    </row>
    <row r="44591" spans="1:4" x14ac:dyDescent="0.25">
      <c r="A44591" t="s">
        <v>62153</v>
      </c>
      <c r="B44591" t="s">
        <v>62157</v>
      </c>
      <c r="C44591">
        <v>2</v>
      </c>
      <c r="D44591">
        <v>0</v>
      </c>
    </row>
    <row r="44592" spans="1:4" x14ac:dyDescent="0.25">
      <c r="A44592" t="s">
        <v>62153</v>
      </c>
      <c r="B44592" t="s">
        <v>62158</v>
      </c>
      <c r="C44592">
        <v>1</v>
      </c>
      <c r="D44592">
        <v>0</v>
      </c>
    </row>
    <row r="44593" spans="1:4" x14ac:dyDescent="0.25">
      <c r="A44593" t="s">
        <v>62153</v>
      </c>
      <c r="B44593" t="s">
        <v>62159</v>
      </c>
      <c r="C44593">
        <v>1</v>
      </c>
      <c r="D44593">
        <v>0</v>
      </c>
    </row>
    <row r="44594" spans="1:4" x14ac:dyDescent="0.25">
      <c r="A44594" t="s">
        <v>62153</v>
      </c>
      <c r="B44594" t="s">
        <v>62160</v>
      </c>
      <c r="C44594">
        <v>2</v>
      </c>
      <c r="D44594">
        <v>0</v>
      </c>
    </row>
    <row r="44595" spans="1:4" x14ac:dyDescent="0.25">
      <c r="A44595" t="s">
        <v>62161</v>
      </c>
      <c r="B44595" t="s">
        <v>62162</v>
      </c>
      <c r="C44595">
        <v>0</v>
      </c>
      <c r="D44595">
        <v>0</v>
      </c>
    </row>
    <row r="44596" spans="1:4" x14ac:dyDescent="0.25">
      <c r="A44596" t="s">
        <v>62161</v>
      </c>
      <c r="B44596" t="s">
        <v>62163</v>
      </c>
      <c r="C44596">
        <v>2</v>
      </c>
      <c r="D44596">
        <v>0</v>
      </c>
    </row>
    <row r="44597" spans="1:4" x14ac:dyDescent="0.25">
      <c r="A44597" t="s">
        <v>62161</v>
      </c>
      <c r="B44597" t="s">
        <v>62164</v>
      </c>
      <c r="C44597">
        <v>0</v>
      </c>
      <c r="D44597">
        <v>0</v>
      </c>
    </row>
    <row r="44598" spans="1:4" x14ac:dyDescent="0.25">
      <c r="A44598" t="s">
        <v>62161</v>
      </c>
      <c r="B44598" t="s">
        <v>62165</v>
      </c>
      <c r="C44598">
        <v>0</v>
      </c>
      <c r="D44598">
        <v>0</v>
      </c>
    </row>
    <row r="44599" spans="1:4" x14ac:dyDescent="0.25">
      <c r="A44599" t="s">
        <v>62161</v>
      </c>
      <c r="B44599" t="s">
        <v>62166</v>
      </c>
      <c r="C44599">
        <v>1</v>
      </c>
      <c r="D44599">
        <v>0</v>
      </c>
    </row>
    <row r="44600" spans="1:4" x14ac:dyDescent="0.25">
      <c r="A44600" t="s">
        <v>62161</v>
      </c>
      <c r="B44600" t="s">
        <v>62167</v>
      </c>
      <c r="C44600">
        <v>2</v>
      </c>
      <c r="D44600">
        <v>0</v>
      </c>
    </row>
    <row r="44601" spans="1:4" x14ac:dyDescent="0.25">
      <c r="A44601" t="s">
        <v>62168</v>
      </c>
      <c r="B44601" t="s">
        <v>62169</v>
      </c>
      <c r="C44601">
        <v>1</v>
      </c>
      <c r="D44601">
        <v>0</v>
      </c>
    </row>
    <row r="44602" spans="1:4" x14ac:dyDescent="0.25">
      <c r="A44602" t="s">
        <v>62168</v>
      </c>
      <c r="B44602" t="s">
        <v>62170</v>
      </c>
      <c r="C44602">
        <v>2</v>
      </c>
      <c r="D44602">
        <v>0</v>
      </c>
    </row>
    <row r="44603" spans="1:4" x14ac:dyDescent="0.25">
      <c r="A44603" t="s">
        <v>62168</v>
      </c>
      <c r="B44603" t="s">
        <v>62171</v>
      </c>
      <c r="C44603">
        <v>1</v>
      </c>
      <c r="D44603">
        <v>0</v>
      </c>
    </row>
    <row r="44604" spans="1:4" x14ac:dyDescent="0.25">
      <c r="A44604" t="s">
        <v>62168</v>
      </c>
      <c r="B44604" t="s">
        <v>62172</v>
      </c>
      <c r="C44604">
        <v>2</v>
      </c>
      <c r="D44604">
        <v>0</v>
      </c>
    </row>
    <row r="44605" spans="1:4" x14ac:dyDescent="0.25">
      <c r="A44605" t="s">
        <v>62168</v>
      </c>
      <c r="B44605" t="s">
        <v>62173</v>
      </c>
      <c r="C44605">
        <v>1</v>
      </c>
      <c r="D44605">
        <v>0</v>
      </c>
    </row>
    <row r="44606" spans="1:4" x14ac:dyDescent="0.25">
      <c r="A44606" t="s">
        <v>62168</v>
      </c>
      <c r="B44606" t="s">
        <v>23592</v>
      </c>
      <c r="C44606">
        <v>1</v>
      </c>
      <c r="D44606">
        <v>0</v>
      </c>
    </row>
    <row r="44607" spans="1:4" x14ac:dyDescent="0.25">
      <c r="A44607" t="s">
        <v>62168</v>
      </c>
      <c r="B44607" t="s">
        <v>62174</v>
      </c>
      <c r="C44607">
        <v>1</v>
      </c>
      <c r="D44607">
        <v>0</v>
      </c>
    </row>
    <row r="44608" spans="1:4" x14ac:dyDescent="0.25">
      <c r="A44608" t="s">
        <v>62168</v>
      </c>
      <c r="B44608" t="s">
        <v>62175</v>
      </c>
      <c r="C44608">
        <v>2</v>
      </c>
      <c r="D44608">
        <v>0</v>
      </c>
    </row>
    <row r="44609" spans="1:4" x14ac:dyDescent="0.25">
      <c r="A44609" t="s">
        <v>62176</v>
      </c>
      <c r="B44609" t="s">
        <v>62177</v>
      </c>
      <c r="C44609">
        <v>1</v>
      </c>
      <c r="D44609">
        <v>0</v>
      </c>
    </row>
    <row r="44610" spans="1:4" x14ac:dyDescent="0.25">
      <c r="A44610" t="s">
        <v>62176</v>
      </c>
      <c r="B44610" t="s">
        <v>62178</v>
      </c>
      <c r="C44610">
        <v>1</v>
      </c>
      <c r="D44610">
        <v>0</v>
      </c>
    </row>
    <row r="44611" spans="1:4" x14ac:dyDescent="0.25">
      <c r="A44611" t="s">
        <v>62176</v>
      </c>
      <c r="B44611" t="s">
        <v>62179</v>
      </c>
      <c r="C44611">
        <v>1</v>
      </c>
      <c r="D44611">
        <v>0</v>
      </c>
    </row>
    <row r="44612" spans="1:4" x14ac:dyDescent="0.25">
      <c r="A44612" t="s">
        <v>62176</v>
      </c>
      <c r="B44612" t="s">
        <v>62180</v>
      </c>
      <c r="C44612">
        <v>1</v>
      </c>
      <c r="D44612">
        <v>0</v>
      </c>
    </row>
    <row r="44613" spans="1:4" x14ac:dyDescent="0.25">
      <c r="A44613" t="s">
        <v>62181</v>
      </c>
      <c r="B44613" t="s">
        <v>62182</v>
      </c>
      <c r="C44613">
        <v>0</v>
      </c>
      <c r="D44613">
        <v>0</v>
      </c>
    </row>
    <row r="44614" spans="1:4" x14ac:dyDescent="0.25">
      <c r="A44614" t="s">
        <v>62181</v>
      </c>
      <c r="B44614" t="s">
        <v>62183</v>
      </c>
      <c r="C44614">
        <v>2</v>
      </c>
      <c r="D44614">
        <v>0</v>
      </c>
    </row>
    <row r="44615" spans="1:4" x14ac:dyDescent="0.25">
      <c r="A44615" t="s">
        <v>62181</v>
      </c>
      <c r="B44615" t="s">
        <v>62184</v>
      </c>
      <c r="C44615">
        <v>2</v>
      </c>
      <c r="D44615">
        <v>0</v>
      </c>
    </row>
    <row r="44616" spans="1:4" x14ac:dyDescent="0.25">
      <c r="A44616" t="s">
        <v>62181</v>
      </c>
      <c r="B44616" t="s">
        <v>62185</v>
      </c>
      <c r="C44616">
        <v>1</v>
      </c>
      <c r="D44616">
        <v>0</v>
      </c>
    </row>
    <row r="44617" spans="1:4" x14ac:dyDescent="0.25">
      <c r="A44617" t="s">
        <v>62181</v>
      </c>
      <c r="B44617" t="s">
        <v>62186</v>
      </c>
      <c r="C44617">
        <v>2</v>
      </c>
      <c r="D44617">
        <v>0</v>
      </c>
    </row>
    <row r="44618" spans="1:4" x14ac:dyDescent="0.25">
      <c r="A44618" t="s">
        <v>62187</v>
      </c>
      <c r="B44618" t="s">
        <v>62188</v>
      </c>
      <c r="C44618">
        <v>1</v>
      </c>
      <c r="D44618">
        <v>0</v>
      </c>
    </row>
    <row r="44619" spans="1:4" x14ac:dyDescent="0.25">
      <c r="A44619" t="s">
        <v>62187</v>
      </c>
      <c r="B44619" t="s">
        <v>62189</v>
      </c>
      <c r="C44619">
        <v>1</v>
      </c>
      <c r="D44619">
        <v>0</v>
      </c>
    </row>
    <row r="44620" spans="1:4" x14ac:dyDescent="0.25">
      <c r="A44620" t="s">
        <v>62187</v>
      </c>
      <c r="B44620" t="s">
        <v>5864</v>
      </c>
      <c r="C44620">
        <v>1</v>
      </c>
      <c r="D44620">
        <v>0</v>
      </c>
    </row>
    <row r="44621" spans="1:4" x14ac:dyDescent="0.25">
      <c r="A44621" t="s">
        <v>62190</v>
      </c>
      <c r="B44621" t="s">
        <v>62191</v>
      </c>
      <c r="C44621">
        <v>1</v>
      </c>
      <c r="D44621">
        <v>0</v>
      </c>
    </row>
    <row r="44622" spans="1:4" x14ac:dyDescent="0.25">
      <c r="A44622" t="s">
        <v>62192</v>
      </c>
      <c r="B44622" t="s">
        <v>62193</v>
      </c>
      <c r="C44622">
        <v>1</v>
      </c>
      <c r="D44622">
        <v>0</v>
      </c>
    </row>
    <row r="44623" spans="1:4" x14ac:dyDescent="0.25">
      <c r="A44623" t="s">
        <v>62192</v>
      </c>
      <c r="B44623" t="s">
        <v>62194</v>
      </c>
      <c r="C44623">
        <v>0</v>
      </c>
      <c r="D44623">
        <v>0</v>
      </c>
    </row>
    <row r="44624" spans="1:4" x14ac:dyDescent="0.25">
      <c r="A44624" t="s">
        <v>62192</v>
      </c>
      <c r="B44624" t="s">
        <v>62195</v>
      </c>
      <c r="C44624">
        <v>2</v>
      </c>
      <c r="D44624">
        <v>0</v>
      </c>
    </row>
    <row r="44625" spans="1:4" x14ac:dyDescent="0.25">
      <c r="A44625" t="s">
        <v>62192</v>
      </c>
      <c r="B44625" t="s">
        <v>62196</v>
      </c>
      <c r="C44625">
        <v>2</v>
      </c>
      <c r="D44625">
        <v>0</v>
      </c>
    </row>
    <row r="44626" spans="1:4" x14ac:dyDescent="0.25">
      <c r="A44626" t="s">
        <v>62192</v>
      </c>
      <c r="B44626" t="s">
        <v>62197</v>
      </c>
      <c r="C44626">
        <v>1</v>
      </c>
      <c r="D44626">
        <v>0</v>
      </c>
    </row>
    <row r="44627" spans="1:4" x14ac:dyDescent="0.25">
      <c r="A44627" t="s">
        <v>62192</v>
      </c>
      <c r="B44627" t="s">
        <v>62198</v>
      </c>
      <c r="C44627">
        <v>2</v>
      </c>
      <c r="D44627">
        <v>0</v>
      </c>
    </row>
    <row r="44628" spans="1:4" x14ac:dyDescent="0.25">
      <c r="A44628" t="s">
        <v>62192</v>
      </c>
      <c r="B44628" t="s">
        <v>5864</v>
      </c>
      <c r="C44628">
        <v>1</v>
      </c>
      <c r="D44628">
        <v>0</v>
      </c>
    </row>
    <row r="44629" spans="1:4" x14ac:dyDescent="0.25">
      <c r="A44629" t="s">
        <v>62199</v>
      </c>
      <c r="B44629" t="s">
        <v>62200</v>
      </c>
      <c r="C44629">
        <v>1</v>
      </c>
      <c r="D44629">
        <v>0</v>
      </c>
    </row>
    <row r="44630" spans="1:4" x14ac:dyDescent="0.25">
      <c r="A44630" t="s">
        <v>62199</v>
      </c>
      <c r="B44630" t="s">
        <v>62201</v>
      </c>
      <c r="C44630">
        <v>1</v>
      </c>
      <c r="D44630">
        <v>0</v>
      </c>
    </row>
    <row r="44631" spans="1:4" x14ac:dyDescent="0.25">
      <c r="A44631" t="s">
        <v>62199</v>
      </c>
      <c r="B44631" t="s">
        <v>62202</v>
      </c>
      <c r="C44631">
        <v>1</v>
      </c>
      <c r="D44631">
        <v>0</v>
      </c>
    </row>
    <row r="44632" spans="1:4" x14ac:dyDescent="0.25">
      <c r="A44632" t="s">
        <v>62199</v>
      </c>
      <c r="B44632" t="s">
        <v>62203</v>
      </c>
      <c r="C44632">
        <v>2</v>
      </c>
      <c r="D44632">
        <v>0</v>
      </c>
    </row>
    <row r="44633" spans="1:4" x14ac:dyDescent="0.25">
      <c r="A44633" t="s">
        <v>62204</v>
      </c>
      <c r="B44633" t="s">
        <v>62205</v>
      </c>
      <c r="C44633">
        <v>2</v>
      </c>
      <c r="D44633">
        <v>0</v>
      </c>
    </row>
    <row r="44634" spans="1:4" x14ac:dyDescent="0.25">
      <c r="A44634" t="s">
        <v>62204</v>
      </c>
      <c r="B44634" t="s">
        <v>6837</v>
      </c>
      <c r="C44634">
        <v>1</v>
      </c>
      <c r="D44634">
        <v>0</v>
      </c>
    </row>
    <row r="44635" spans="1:4" x14ac:dyDescent="0.25">
      <c r="A44635" t="s">
        <v>62206</v>
      </c>
      <c r="B44635" t="s">
        <v>62207</v>
      </c>
      <c r="C44635">
        <v>1</v>
      </c>
      <c r="D44635">
        <v>0</v>
      </c>
    </row>
    <row r="44636" spans="1:4" x14ac:dyDescent="0.25">
      <c r="A44636" t="s">
        <v>62206</v>
      </c>
      <c r="B44636" t="s">
        <v>62208</v>
      </c>
      <c r="C44636">
        <v>0</v>
      </c>
      <c r="D44636">
        <v>0</v>
      </c>
    </row>
    <row r="44637" spans="1:4" x14ac:dyDescent="0.25">
      <c r="A44637" t="s">
        <v>62206</v>
      </c>
      <c r="B44637" t="s">
        <v>62209</v>
      </c>
      <c r="C44637">
        <v>1</v>
      </c>
      <c r="D44637">
        <v>0</v>
      </c>
    </row>
    <row r="44638" spans="1:4" x14ac:dyDescent="0.25">
      <c r="A44638" t="s">
        <v>62210</v>
      </c>
      <c r="B44638" t="s">
        <v>62211</v>
      </c>
      <c r="C44638">
        <v>1</v>
      </c>
      <c r="D44638">
        <v>0</v>
      </c>
    </row>
    <row r="44639" spans="1:4" x14ac:dyDescent="0.25">
      <c r="A44639" t="s">
        <v>62210</v>
      </c>
      <c r="B44639" t="s">
        <v>62212</v>
      </c>
      <c r="C44639">
        <v>1</v>
      </c>
      <c r="D44639">
        <v>0</v>
      </c>
    </row>
    <row r="44640" spans="1:4" x14ac:dyDescent="0.25">
      <c r="A44640" t="s">
        <v>62210</v>
      </c>
      <c r="B44640" t="s">
        <v>62213</v>
      </c>
      <c r="C44640">
        <v>1</v>
      </c>
      <c r="D44640">
        <v>0</v>
      </c>
    </row>
    <row r="44641" spans="1:4" x14ac:dyDescent="0.25">
      <c r="A44641" t="s">
        <v>62210</v>
      </c>
      <c r="B44641" t="s">
        <v>62214</v>
      </c>
      <c r="C44641">
        <v>0</v>
      </c>
      <c r="D44641">
        <v>0</v>
      </c>
    </row>
    <row r="44642" spans="1:4" x14ac:dyDescent="0.25">
      <c r="A44642" t="s">
        <v>62210</v>
      </c>
      <c r="B44642" t="s">
        <v>62215</v>
      </c>
      <c r="C44642">
        <v>1</v>
      </c>
      <c r="D44642">
        <v>0</v>
      </c>
    </row>
    <row r="44643" spans="1:4" x14ac:dyDescent="0.25">
      <c r="A44643" t="s">
        <v>62216</v>
      </c>
      <c r="B44643" t="s">
        <v>62217</v>
      </c>
      <c r="C44643">
        <v>1</v>
      </c>
      <c r="D44643">
        <v>0</v>
      </c>
    </row>
    <row r="44644" spans="1:4" x14ac:dyDescent="0.25">
      <c r="A44644" t="s">
        <v>62216</v>
      </c>
      <c r="B44644" t="s">
        <v>62218</v>
      </c>
      <c r="C44644">
        <v>1</v>
      </c>
      <c r="D44644">
        <v>0</v>
      </c>
    </row>
    <row r="44645" spans="1:4" x14ac:dyDescent="0.25">
      <c r="A44645" t="s">
        <v>62216</v>
      </c>
      <c r="B44645" t="s">
        <v>62219</v>
      </c>
      <c r="C44645">
        <v>1</v>
      </c>
      <c r="D44645">
        <v>0</v>
      </c>
    </row>
    <row r="44646" spans="1:4" x14ac:dyDescent="0.25">
      <c r="A44646" t="s">
        <v>62216</v>
      </c>
      <c r="B44646" t="s">
        <v>62220</v>
      </c>
      <c r="C44646">
        <v>0</v>
      </c>
      <c r="D44646">
        <v>0</v>
      </c>
    </row>
    <row r="44647" spans="1:4" x14ac:dyDescent="0.25">
      <c r="A44647" t="s">
        <v>62216</v>
      </c>
      <c r="B44647" t="s">
        <v>62221</v>
      </c>
      <c r="C44647">
        <v>2</v>
      </c>
      <c r="D44647">
        <v>0</v>
      </c>
    </row>
    <row r="44648" spans="1:4" x14ac:dyDescent="0.25">
      <c r="A44648" t="s">
        <v>62216</v>
      </c>
      <c r="B44648" t="s">
        <v>62222</v>
      </c>
      <c r="C44648">
        <v>1</v>
      </c>
      <c r="D44648">
        <v>0</v>
      </c>
    </row>
    <row r="44649" spans="1:4" x14ac:dyDescent="0.25">
      <c r="A44649" t="s">
        <v>62223</v>
      </c>
      <c r="B44649" t="s">
        <v>62224</v>
      </c>
      <c r="C44649">
        <v>1</v>
      </c>
      <c r="D44649">
        <v>0</v>
      </c>
    </row>
    <row r="44650" spans="1:4" x14ac:dyDescent="0.25">
      <c r="A44650" t="s">
        <v>62223</v>
      </c>
      <c r="B44650" t="s">
        <v>62225</v>
      </c>
      <c r="C44650">
        <v>1</v>
      </c>
      <c r="D44650">
        <v>0</v>
      </c>
    </row>
    <row r="44651" spans="1:4" x14ac:dyDescent="0.25">
      <c r="A44651" t="s">
        <v>62223</v>
      </c>
      <c r="B44651" t="s">
        <v>62226</v>
      </c>
      <c r="C44651">
        <v>0</v>
      </c>
      <c r="D44651">
        <v>0</v>
      </c>
    </row>
    <row r="44652" spans="1:4" x14ac:dyDescent="0.25">
      <c r="A44652" t="s">
        <v>62223</v>
      </c>
      <c r="B44652" t="s">
        <v>62227</v>
      </c>
      <c r="C44652">
        <v>2</v>
      </c>
      <c r="D44652">
        <v>0</v>
      </c>
    </row>
    <row r="44653" spans="1:4" x14ac:dyDescent="0.25">
      <c r="A44653" t="s">
        <v>62223</v>
      </c>
      <c r="B44653" t="s">
        <v>62228</v>
      </c>
      <c r="C44653">
        <v>1</v>
      </c>
      <c r="D44653">
        <v>0</v>
      </c>
    </row>
    <row r="44654" spans="1:4" x14ac:dyDescent="0.25">
      <c r="A44654" t="s">
        <v>62223</v>
      </c>
      <c r="B44654" t="s">
        <v>62229</v>
      </c>
      <c r="C44654">
        <v>1</v>
      </c>
      <c r="D44654">
        <v>0</v>
      </c>
    </row>
    <row r="44655" spans="1:4" x14ac:dyDescent="0.25">
      <c r="A44655" t="s">
        <v>62230</v>
      </c>
      <c r="B44655" t="s">
        <v>62231</v>
      </c>
      <c r="C44655">
        <v>1</v>
      </c>
      <c r="D44655">
        <v>0</v>
      </c>
    </row>
    <row r="44656" spans="1:4" x14ac:dyDescent="0.25">
      <c r="A44656" t="s">
        <v>62230</v>
      </c>
      <c r="B44656" t="s">
        <v>62232</v>
      </c>
      <c r="C44656">
        <v>1</v>
      </c>
      <c r="D44656">
        <v>0</v>
      </c>
    </row>
    <row r="44657" spans="1:4" x14ac:dyDescent="0.25">
      <c r="A44657" t="s">
        <v>62230</v>
      </c>
      <c r="B44657" t="s">
        <v>62233</v>
      </c>
      <c r="C44657">
        <v>1</v>
      </c>
      <c r="D44657">
        <v>0</v>
      </c>
    </row>
    <row r="44658" spans="1:4" x14ac:dyDescent="0.25">
      <c r="A44658" t="s">
        <v>62230</v>
      </c>
      <c r="B44658" t="s">
        <v>62234</v>
      </c>
      <c r="C44658">
        <v>1</v>
      </c>
      <c r="D44658">
        <v>0</v>
      </c>
    </row>
    <row r="44659" spans="1:4" x14ac:dyDescent="0.25">
      <c r="A44659" t="s">
        <v>62230</v>
      </c>
      <c r="B44659" t="s">
        <v>62235</v>
      </c>
      <c r="C44659">
        <v>1</v>
      </c>
      <c r="D44659">
        <v>0</v>
      </c>
    </row>
    <row r="44660" spans="1:4" x14ac:dyDescent="0.25">
      <c r="A44660" t="s">
        <v>62230</v>
      </c>
      <c r="B44660" t="s">
        <v>62236</v>
      </c>
      <c r="C44660">
        <v>1</v>
      </c>
      <c r="D44660">
        <v>0</v>
      </c>
    </row>
    <row r="44661" spans="1:4" x14ac:dyDescent="0.25">
      <c r="A44661" t="s">
        <v>62230</v>
      </c>
      <c r="B44661" t="s">
        <v>62237</v>
      </c>
      <c r="C44661">
        <v>1</v>
      </c>
      <c r="D44661">
        <v>0</v>
      </c>
    </row>
    <row r="44662" spans="1:4" x14ac:dyDescent="0.25">
      <c r="A44662" t="s">
        <v>62230</v>
      </c>
      <c r="B44662" t="s">
        <v>62238</v>
      </c>
      <c r="C44662">
        <v>1</v>
      </c>
      <c r="D44662">
        <v>0</v>
      </c>
    </row>
    <row r="44663" spans="1:4" x14ac:dyDescent="0.25">
      <c r="A44663" t="s">
        <v>62230</v>
      </c>
      <c r="B44663" t="s">
        <v>62239</v>
      </c>
      <c r="C44663">
        <v>1</v>
      </c>
      <c r="D44663">
        <v>0</v>
      </c>
    </row>
    <row r="44664" spans="1:4" x14ac:dyDescent="0.25">
      <c r="A44664" t="s">
        <v>62240</v>
      </c>
      <c r="B44664" t="s">
        <v>62241</v>
      </c>
      <c r="C44664">
        <v>1</v>
      </c>
      <c r="D44664">
        <v>0</v>
      </c>
    </row>
    <row r="44665" spans="1:4" x14ac:dyDescent="0.25">
      <c r="A44665" t="s">
        <v>62240</v>
      </c>
      <c r="B44665" t="s">
        <v>62242</v>
      </c>
      <c r="C44665">
        <v>1</v>
      </c>
      <c r="D44665">
        <v>0</v>
      </c>
    </row>
    <row r="44666" spans="1:4" x14ac:dyDescent="0.25">
      <c r="A44666" t="s">
        <v>62240</v>
      </c>
      <c r="B44666" t="s">
        <v>62243</v>
      </c>
      <c r="C44666">
        <v>1</v>
      </c>
      <c r="D44666">
        <v>0</v>
      </c>
    </row>
    <row r="44667" spans="1:4" x14ac:dyDescent="0.25">
      <c r="A44667" t="s">
        <v>62240</v>
      </c>
      <c r="B44667" t="s">
        <v>62244</v>
      </c>
      <c r="C44667">
        <v>1</v>
      </c>
      <c r="D44667">
        <v>0</v>
      </c>
    </row>
    <row r="44668" spans="1:4" x14ac:dyDescent="0.25">
      <c r="A44668" t="s">
        <v>62245</v>
      </c>
      <c r="B44668" t="s">
        <v>62246</v>
      </c>
      <c r="C44668">
        <v>0</v>
      </c>
      <c r="D44668">
        <v>0</v>
      </c>
    </row>
    <row r="44669" spans="1:4" x14ac:dyDescent="0.25">
      <c r="A44669" t="s">
        <v>62245</v>
      </c>
      <c r="B44669" t="s">
        <v>62247</v>
      </c>
      <c r="C44669">
        <v>1</v>
      </c>
      <c r="D44669">
        <v>0</v>
      </c>
    </row>
    <row r="44670" spans="1:4" x14ac:dyDescent="0.25">
      <c r="A44670" t="s">
        <v>62245</v>
      </c>
      <c r="B44670" t="s">
        <v>62248</v>
      </c>
      <c r="C44670">
        <v>1</v>
      </c>
      <c r="D44670">
        <v>0</v>
      </c>
    </row>
    <row r="44671" spans="1:4" x14ac:dyDescent="0.25">
      <c r="A44671" t="s">
        <v>62245</v>
      </c>
      <c r="B44671" t="s">
        <v>62249</v>
      </c>
      <c r="C44671">
        <v>1</v>
      </c>
      <c r="D44671">
        <v>0</v>
      </c>
    </row>
    <row r="44672" spans="1:4" x14ac:dyDescent="0.25">
      <c r="A44672" t="s">
        <v>62245</v>
      </c>
      <c r="B44672" t="s">
        <v>62250</v>
      </c>
      <c r="C44672">
        <v>1</v>
      </c>
      <c r="D44672">
        <v>0</v>
      </c>
    </row>
    <row r="44673" spans="1:4" x14ac:dyDescent="0.25">
      <c r="A44673" t="s">
        <v>62245</v>
      </c>
      <c r="B44673" t="s">
        <v>62251</v>
      </c>
      <c r="C44673">
        <v>1</v>
      </c>
      <c r="D44673">
        <v>0</v>
      </c>
    </row>
    <row r="44674" spans="1:4" x14ac:dyDescent="0.25">
      <c r="A44674" t="s">
        <v>62252</v>
      </c>
      <c r="B44674" t="s">
        <v>62253</v>
      </c>
      <c r="C44674">
        <v>0</v>
      </c>
      <c r="D44674">
        <v>0</v>
      </c>
    </row>
    <row r="44675" spans="1:4" x14ac:dyDescent="0.25">
      <c r="A44675" t="s">
        <v>62252</v>
      </c>
      <c r="B44675" t="s">
        <v>62254</v>
      </c>
      <c r="C44675">
        <v>0</v>
      </c>
      <c r="D44675">
        <v>0</v>
      </c>
    </row>
    <row r="44676" spans="1:4" x14ac:dyDescent="0.25">
      <c r="A44676" t="s">
        <v>62252</v>
      </c>
      <c r="B44676" t="s">
        <v>62255</v>
      </c>
      <c r="C44676">
        <v>1</v>
      </c>
      <c r="D44676">
        <v>0</v>
      </c>
    </row>
    <row r="44677" spans="1:4" x14ac:dyDescent="0.25">
      <c r="A44677" t="s">
        <v>62252</v>
      </c>
      <c r="B44677" t="s">
        <v>62256</v>
      </c>
      <c r="C44677">
        <v>0</v>
      </c>
      <c r="D44677">
        <v>0</v>
      </c>
    </row>
    <row r="44678" spans="1:4" x14ac:dyDescent="0.25">
      <c r="A44678" t="s">
        <v>62252</v>
      </c>
      <c r="B44678" t="s">
        <v>62257</v>
      </c>
      <c r="C44678">
        <v>0</v>
      </c>
      <c r="D44678">
        <v>0</v>
      </c>
    </row>
    <row r="44679" spans="1:4" x14ac:dyDescent="0.25">
      <c r="A44679" t="s">
        <v>62252</v>
      </c>
      <c r="B44679" t="s">
        <v>62258</v>
      </c>
      <c r="C44679">
        <v>2</v>
      </c>
      <c r="D44679">
        <v>0</v>
      </c>
    </row>
    <row r="44680" spans="1:4" x14ac:dyDescent="0.25">
      <c r="A44680" t="s">
        <v>62252</v>
      </c>
      <c r="B44680" t="s">
        <v>62259</v>
      </c>
      <c r="C44680">
        <v>0</v>
      </c>
      <c r="D44680">
        <v>0</v>
      </c>
    </row>
    <row r="44681" spans="1:4" x14ac:dyDescent="0.25">
      <c r="A44681" t="s">
        <v>62260</v>
      </c>
      <c r="B44681" t="s">
        <v>62261</v>
      </c>
      <c r="C44681">
        <v>2</v>
      </c>
      <c r="D44681">
        <v>0</v>
      </c>
    </row>
    <row r="44682" spans="1:4" x14ac:dyDescent="0.25">
      <c r="A44682" t="s">
        <v>62260</v>
      </c>
      <c r="B44682" t="s">
        <v>62262</v>
      </c>
      <c r="C44682">
        <v>2</v>
      </c>
      <c r="D44682">
        <v>0</v>
      </c>
    </row>
    <row r="44683" spans="1:4" x14ac:dyDescent="0.25">
      <c r="A44683" t="s">
        <v>62263</v>
      </c>
      <c r="B44683" t="s">
        <v>62264</v>
      </c>
      <c r="C44683">
        <v>1</v>
      </c>
      <c r="D44683">
        <v>0</v>
      </c>
    </row>
    <row r="44684" spans="1:4" x14ac:dyDescent="0.25">
      <c r="A44684" t="s">
        <v>62263</v>
      </c>
      <c r="B44684" t="s">
        <v>62265</v>
      </c>
      <c r="C44684">
        <v>1</v>
      </c>
      <c r="D44684">
        <v>0</v>
      </c>
    </row>
    <row r="44685" spans="1:4" x14ac:dyDescent="0.25">
      <c r="A44685" t="s">
        <v>62263</v>
      </c>
      <c r="B44685" t="s">
        <v>62266</v>
      </c>
      <c r="C44685">
        <v>0</v>
      </c>
      <c r="D44685">
        <v>0</v>
      </c>
    </row>
    <row r="44686" spans="1:4" x14ac:dyDescent="0.25">
      <c r="A44686" t="s">
        <v>62263</v>
      </c>
      <c r="B44686" t="s">
        <v>62267</v>
      </c>
      <c r="C44686">
        <v>1</v>
      </c>
      <c r="D44686">
        <v>0</v>
      </c>
    </row>
    <row r="44687" spans="1:4" x14ac:dyDescent="0.25">
      <c r="A44687" t="s">
        <v>62263</v>
      </c>
      <c r="B44687" t="s">
        <v>62268</v>
      </c>
      <c r="C44687">
        <v>2</v>
      </c>
      <c r="D44687">
        <v>0</v>
      </c>
    </row>
    <row r="44688" spans="1:4" x14ac:dyDescent="0.25">
      <c r="A44688" t="s">
        <v>62269</v>
      </c>
      <c r="B44688" t="s">
        <v>11506</v>
      </c>
      <c r="C44688">
        <v>1</v>
      </c>
      <c r="D44688">
        <v>0</v>
      </c>
    </row>
    <row r="44689" spans="1:4" x14ac:dyDescent="0.25">
      <c r="A44689" t="s">
        <v>62269</v>
      </c>
      <c r="B44689" t="s">
        <v>62270</v>
      </c>
      <c r="C44689">
        <v>1</v>
      </c>
      <c r="D44689">
        <v>0</v>
      </c>
    </row>
    <row r="44690" spans="1:4" x14ac:dyDescent="0.25">
      <c r="A44690" t="s">
        <v>62269</v>
      </c>
      <c r="B44690" t="s">
        <v>62271</v>
      </c>
      <c r="C44690">
        <v>1</v>
      </c>
      <c r="D44690">
        <v>0</v>
      </c>
    </row>
    <row r="44691" spans="1:4" x14ac:dyDescent="0.25">
      <c r="A44691" t="s">
        <v>62272</v>
      </c>
      <c r="B44691" t="s">
        <v>62273</v>
      </c>
      <c r="C44691">
        <v>1</v>
      </c>
      <c r="D44691">
        <v>0</v>
      </c>
    </row>
    <row r="44692" spans="1:4" x14ac:dyDescent="0.25">
      <c r="A44692" t="s">
        <v>62274</v>
      </c>
      <c r="B44692" t="s">
        <v>62275</v>
      </c>
      <c r="C44692">
        <v>1</v>
      </c>
      <c r="D44692">
        <v>0</v>
      </c>
    </row>
    <row r="44693" spans="1:4" x14ac:dyDescent="0.25">
      <c r="A44693" t="s">
        <v>62274</v>
      </c>
      <c r="B44693" t="s">
        <v>62276</v>
      </c>
      <c r="C44693">
        <v>1</v>
      </c>
      <c r="D44693">
        <v>0</v>
      </c>
    </row>
    <row r="44694" spans="1:4" x14ac:dyDescent="0.25">
      <c r="A44694" t="s">
        <v>62274</v>
      </c>
      <c r="B44694" t="s">
        <v>62277</v>
      </c>
      <c r="C44694">
        <v>1</v>
      </c>
      <c r="D44694">
        <v>0</v>
      </c>
    </row>
    <row r="44695" spans="1:4" x14ac:dyDescent="0.25">
      <c r="A44695" t="s">
        <v>62274</v>
      </c>
      <c r="B44695" t="s">
        <v>62278</v>
      </c>
      <c r="C44695">
        <v>2</v>
      </c>
      <c r="D44695">
        <v>0</v>
      </c>
    </row>
    <row r="44696" spans="1:4" x14ac:dyDescent="0.25">
      <c r="A44696" t="s">
        <v>62274</v>
      </c>
      <c r="B44696" t="s">
        <v>62279</v>
      </c>
      <c r="C44696">
        <v>0</v>
      </c>
      <c r="D44696">
        <v>0</v>
      </c>
    </row>
    <row r="44697" spans="1:4" x14ac:dyDescent="0.25">
      <c r="A44697" t="s">
        <v>62274</v>
      </c>
      <c r="B44697" t="s">
        <v>62280</v>
      </c>
      <c r="C44697">
        <v>2</v>
      </c>
      <c r="D44697">
        <v>0</v>
      </c>
    </row>
    <row r="44698" spans="1:4" x14ac:dyDescent="0.25">
      <c r="A44698" t="s">
        <v>62281</v>
      </c>
      <c r="B44698" t="s">
        <v>62282</v>
      </c>
      <c r="C44698">
        <v>0</v>
      </c>
      <c r="D44698">
        <v>0</v>
      </c>
    </row>
    <row r="44699" spans="1:4" x14ac:dyDescent="0.25">
      <c r="A44699" t="s">
        <v>62281</v>
      </c>
      <c r="B44699" t="s">
        <v>62283</v>
      </c>
      <c r="C44699">
        <v>0</v>
      </c>
      <c r="D44699">
        <v>0</v>
      </c>
    </row>
    <row r="44700" spans="1:4" x14ac:dyDescent="0.25">
      <c r="A44700" t="s">
        <v>62284</v>
      </c>
      <c r="B44700" t="s">
        <v>62285</v>
      </c>
      <c r="C44700">
        <v>1</v>
      </c>
      <c r="D44700">
        <v>0</v>
      </c>
    </row>
    <row r="44701" spans="1:4" x14ac:dyDescent="0.25">
      <c r="A44701" t="s">
        <v>62284</v>
      </c>
      <c r="B44701" t="s">
        <v>62286</v>
      </c>
      <c r="C44701">
        <v>0</v>
      </c>
      <c r="D44701">
        <v>0</v>
      </c>
    </row>
    <row r="44702" spans="1:4" x14ac:dyDescent="0.25">
      <c r="A44702" t="s">
        <v>62284</v>
      </c>
      <c r="B44702" t="s">
        <v>62287</v>
      </c>
      <c r="C44702">
        <v>0</v>
      </c>
      <c r="D44702">
        <v>0</v>
      </c>
    </row>
    <row r="44703" spans="1:4" x14ac:dyDescent="0.25">
      <c r="A44703" t="s">
        <v>62284</v>
      </c>
      <c r="B44703" t="s">
        <v>62288</v>
      </c>
      <c r="C44703">
        <v>0</v>
      </c>
      <c r="D44703">
        <v>0</v>
      </c>
    </row>
    <row r="44704" spans="1:4" x14ac:dyDescent="0.25">
      <c r="A44704" t="s">
        <v>62289</v>
      </c>
      <c r="B44704" t="s">
        <v>62290</v>
      </c>
      <c r="C44704">
        <v>1</v>
      </c>
      <c r="D44704">
        <v>0</v>
      </c>
    </row>
    <row r="44705" spans="1:4" x14ac:dyDescent="0.25">
      <c r="A44705" t="s">
        <v>62289</v>
      </c>
      <c r="B44705" t="s">
        <v>62291</v>
      </c>
      <c r="C44705">
        <v>0</v>
      </c>
      <c r="D44705">
        <v>0</v>
      </c>
    </row>
    <row r="44706" spans="1:4" x14ac:dyDescent="0.25">
      <c r="A44706" t="s">
        <v>62292</v>
      </c>
      <c r="B44706" t="s">
        <v>62293</v>
      </c>
      <c r="C44706">
        <v>0</v>
      </c>
      <c r="D44706">
        <v>0</v>
      </c>
    </row>
    <row r="44707" spans="1:4" x14ac:dyDescent="0.25">
      <c r="A44707" t="s">
        <v>62292</v>
      </c>
      <c r="B44707" t="s">
        <v>62294</v>
      </c>
      <c r="C44707">
        <v>0</v>
      </c>
      <c r="D44707">
        <v>0</v>
      </c>
    </row>
    <row r="44708" spans="1:4" x14ac:dyDescent="0.25">
      <c r="A44708" t="s">
        <v>62295</v>
      </c>
      <c r="B44708" t="s">
        <v>62296</v>
      </c>
      <c r="C44708">
        <v>1</v>
      </c>
      <c r="D44708">
        <v>0</v>
      </c>
    </row>
    <row r="44709" spans="1:4" x14ac:dyDescent="0.25">
      <c r="A44709" t="s">
        <v>62295</v>
      </c>
      <c r="B44709" t="s">
        <v>62297</v>
      </c>
      <c r="C44709">
        <v>1</v>
      </c>
      <c r="D44709">
        <v>0</v>
      </c>
    </row>
    <row r="44710" spans="1:4" x14ac:dyDescent="0.25">
      <c r="A44710" t="s">
        <v>62295</v>
      </c>
      <c r="B44710" t="s">
        <v>62298</v>
      </c>
      <c r="C44710">
        <v>1</v>
      </c>
      <c r="D44710">
        <v>0</v>
      </c>
    </row>
    <row r="44711" spans="1:4" x14ac:dyDescent="0.25">
      <c r="A44711" t="s">
        <v>62295</v>
      </c>
      <c r="B44711" t="s">
        <v>62299</v>
      </c>
      <c r="C44711">
        <v>1</v>
      </c>
      <c r="D44711">
        <v>0</v>
      </c>
    </row>
    <row r="44712" spans="1:4" x14ac:dyDescent="0.25">
      <c r="A44712" t="s">
        <v>62300</v>
      </c>
      <c r="B44712" t="s">
        <v>62301</v>
      </c>
      <c r="C44712">
        <v>1</v>
      </c>
      <c r="D44712">
        <v>0</v>
      </c>
    </row>
    <row r="44713" spans="1:4" x14ac:dyDescent="0.25">
      <c r="A44713" t="s">
        <v>62300</v>
      </c>
      <c r="B44713" t="s">
        <v>62302</v>
      </c>
      <c r="C44713">
        <v>1</v>
      </c>
      <c r="D44713">
        <v>0</v>
      </c>
    </row>
    <row r="44714" spans="1:4" x14ac:dyDescent="0.25">
      <c r="A44714" t="s">
        <v>62300</v>
      </c>
      <c r="B44714" t="s">
        <v>62303</v>
      </c>
      <c r="C44714">
        <v>1</v>
      </c>
      <c r="D44714">
        <v>0</v>
      </c>
    </row>
    <row r="44715" spans="1:4" x14ac:dyDescent="0.25">
      <c r="A44715" t="s">
        <v>62300</v>
      </c>
      <c r="B44715" t="s">
        <v>62304</v>
      </c>
      <c r="C44715">
        <v>2</v>
      </c>
      <c r="D44715">
        <v>0</v>
      </c>
    </row>
    <row r="44716" spans="1:4" x14ac:dyDescent="0.25">
      <c r="A44716" t="s">
        <v>62300</v>
      </c>
      <c r="B44716" t="s">
        <v>62305</v>
      </c>
      <c r="C44716">
        <v>2</v>
      </c>
      <c r="D44716">
        <v>0</v>
      </c>
    </row>
    <row r="44717" spans="1:4" x14ac:dyDescent="0.25">
      <c r="A44717" t="s">
        <v>62306</v>
      </c>
      <c r="B44717" t="s">
        <v>62307</v>
      </c>
      <c r="C44717">
        <v>1</v>
      </c>
      <c r="D44717">
        <v>0</v>
      </c>
    </row>
    <row r="44718" spans="1:4" x14ac:dyDescent="0.25">
      <c r="A44718" t="s">
        <v>62306</v>
      </c>
      <c r="B44718" t="s">
        <v>62308</v>
      </c>
      <c r="C44718">
        <v>1</v>
      </c>
      <c r="D44718">
        <v>0</v>
      </c>
    </row>
    <row r="44719" spans="1:4" x14ac:dyDescent="0.25">
      <c r="A44719" t="s">
        <v>62306</v>
      </c>
      <c r="B44719" t="s">
        <v>62309</v>
      </c>
      <c r="C44719">
        <v>0</v>
      </c>
      <c r="D44719">
        <v>0</v>
      </c>
    </row>
    <row r="44720" spans="1:4" x14ac:dyDescent="0.25">
      <c r="A44720" t="s">
        <v>62310</v>
      </c>
      <c r="B44720" t="s">
        <v>62311</v>
      </c>
      <c r="C44720">
        <v>2</v>
      </c>
      <c r="D44720">
        <v>0</v>
      </c>
    </row>
    <row r="44721" spans="1:4" x14ac:dyDescent="0.25">
      <c r="A44721" t="s">
        <v>62310</v>
      </c>
      <c r="B44721" t="s">
        <v>62312</v>
      </c>
      <c r="C44721">
        <v>1</v>
      </c>
      <c r="D44721">
        <v>0</v>
      </c>
    </row>
    <row r="44722" spans="1:4" x14ac:dyDescent="0.25">
      <c r="A44722" t="s">
        <v>62310</v>
      </c>
      <c r="B44722" t="s">
        <v>62313</v>
      </c>
      <c r="C44722">
        <v>2</v>
      </c>
      <c r="D44722">
        <v>0</v>
      </c>
    </row>
    <row r="44723" spans="1:4" x14ac:dyDescent="0.25">
      <c r="A44723" t="s">
        <v>62314</v>
      </c>
      <c r="B44723" t="s">
        <v>62315</v>
      </c>
      <c r="C44723">
        <v>0</v>
      </c>
      <c r="D44723">
        <v>0</v>
      </c>
    </row>
    <row r="44724" spans="1:4" x14ac:dyDescent="0.25">
      <c r="A44724" t="s">
        <v>62316</v>
      </c>
      <c r="B44724" t="s">
        <v>62317</v>
      </c>
      <c r="C44724">
        <v>1</v>
      </c>
      <c r="D44724">
        <v>0</v>
      </c>
    </row>
    <row r="44725" spans="1:4" x14ac:dyDescent="0.25">
      <c r="A44725" t="s">
        <v>62316</v>
      </c>
      <c r="B44725" t="s">
        <v>62318</v>
      </c>
      <c r="C44725">
        <v>1</v>
      </c>
      <c r="D44725">
        <v>0</v>
      </c>
    </row>
    <row r="44726" spans="1:4" x14ac:dyDescent="0.25">
      <c r="A44726" t="s">
        <v>62316</v>
      </c>
      <c r="B44726" t="s">
        <v>5713</v>
      </c>
      <c r="C44726">
        <v>1</v>
      </c>
      <c r="D44726">
        <v>0</v>
      </c>
    </row>
    <row r="44727" spans="1:4" x14ac:dyDescent="0.25">
      <c r="A44727" t="s">
        <v>62316</v>
      </c>
      <c r="B44727" t="s">
        <v>62319</v>
      </c>
      <c r="C44727">
        <v>2</v>
      </c>
      <c r="D44727">
        <v>0</v>
      </c>
    </row>
    <row r="44728" spans="1:4" x14ac:dyDescent="0.25">
      <c r="A44728" t="s">
        <v>62316</v>
      </c>
      <c r="B44728" t="s">
        <v>62320</v>
      </c>
      <c r="C44728">
        <v>1</v>
      </c>
      <c r="D44728">
        <v>0</v>
      </c>
    </row>
    <row r="44729" spans="1:4" x14ac:dyDescent="0.25">
      <c r="A44729" t="s">
        <v>62321</v>
      </c>
      <c r="B44729" t="s">
        <v>62322</v>
      </c>
      <c r="C44729">
        <v>1</v>
      </c>
      <c r="D44729">
        <v>0</v>
      </c>
    </row>
    <row r="44730" spans="1:4" x14ac:dyDescent="0.25">
      <c r="A44730" t="s">
        <v>62321</v>
      </c>
      <c r="B44730" t="s">
        <v>62323</v>
      </c>
      <c r="C44730">
        <v>2</v>
      </c>
      <c r="D44730">
        <v>0</v>
      </c>
    </row>
    <row r="44731" spans="1:4" x14ac:dyDescent="0.25">
      <c r="A44731" t="s">
        <v>62321</v>
      </c>
      <c r="B44731" t="s">
        <v>62324</v>
      </c>
      <c r="C44731">
        <v>1</v>
      </c>
      <c r="D44731">
        <v>0</v>
      </c>
    </row>
    <row r="44732" spans="1:4" x14ac:dyDescent="0.25">
      <c r="A44732" t="s">
        <v>62321</v>
      </c>
      <c r="B44732" t="s">
        <v>62325</v>
      </c>
      <c r="C44732">
        <v>0</v>
      </c>
      <c r="D44732">
        <v>0</v>
      </c>
    </row>
    <row r="44733" spans="1:4" x14ac:dyDescent="0.25">
      <c r="A44733" t="s">
        <v>62321</v>
      </c>
      <c r="B44733" t="s">
        <v>62326</v>
      </c>
      <c r="C44733">
        <v>0</v>
      </c>
      <c r="D44733">
        <v>0</v>
      </c>
    </row>
    <row r="44734" spans="1:4" x14ac:dyDescent="0.25">
      <c r="A44734" t="s">
        <v>62327</v>
      </c>
      <c r="B44734" t="s">
        <v>62328</v>
      </c>
      <c r="C44734">
        <v>1</v>
      </c>
      <c r="D44734">
        <v>0</v>
      </c>
    </row>
    <row r="44735" spans="1:4" x14ac:dyDescent="0.25">
      <c r="A44735" t="s">
        <v>62327</v>
      </c>
      <c r="B44735" t="s">
        <v>62329</v>
      </c>
      <c r="C44735">
        <v>1</v>
      </c>
      <c r="D44735">
        <v>0</v>
      </c>
    </row>
    <row r="44736" spans="1:4" x14ac:dyDescent="0.25">
      <c r="A44736" t="s">
        <v>62327</v>
      </c>
      <c r="B44736" t="s">
        <v>62330</v>
      </c>
      <c r="C44736">
        <v>2</v>
      </c>
      <c r="D44736">
        <v>0</v>
      </c>
    </row>
    <row r="44737" spans="1:4" x14ac:dyDescent="0.25">
      <c r="A44737" t="s">
        <v>62327</v>
      </c>
      <c r="B44737" t="s">
        <v>62331</v>
      </c>
      <c r="C44737">
        <v>1</v>
      </c>
      <c r="D44737">
        <v>0</v>
      </c>
    </row>
    <row r="44738" spans="1:4" x14ac:dyDescent="0.25">
      <c r="A44738" t="s">
        <v>62327</v>
      </c>
      <c r="B44738" t="s">
        <v>62332</v>
      </c>
      <c r="C44738">
        <v>1</v>
      </c>
      <c r="D44738">
        <v>0</v>
      </c>
    </row>
    <row r="44739" spans="1:4" x14ac:dyDescent="0.25">
      <c r="A44739" t="s">
        <v>62333</v>
      </c>
      <c r="B44739" t="s">
        <v>62334</v>
      </c>
      <c r="C44739">
        <v>2</v>
      </c>
      <c r="D44739">
        <v>0</v>
      </c>
    </row>
    <row r="44740" spans="1:4" x14ac:dyDescent="0.25">
      <c r="A44740" t="s">
        <v>62333</v>
      </c>
      <c r="B44740" t="s">
        <v>62335</v>
      </c>
      <c r="C44740">
        <v>1</v>
      </c>
      <c r="D44740">
        <v>0</v>
      </c>
    </row>
    <row r="44741" spans="1:4" x14ac:dyDescent="0.25">
      <c r="A44741" t="s">
        <v>62336</v>
      </c>
      <c r="B44741" t="s">
        <v>62337</v>
      </c>
      <c r="C44741">
        <v>1</v>
      </c>
      <c r="D44741">
        <v>0</v>
      </c>
    </row>
    <row r="44742" spans="1:4" x14ac:dyDescent="0.25">
      <c r="A44742" t="s">
        <v>62336</v>
      </c>
      <c r="B44742" t="s">
        <v>62338</v>
      </c>
      <c r="C44742">
        <v>1</v>
      </c>
      <c r="D44742">
        <v>0</v>
      </c>
    </row>
    <row r="44743" spans="1:4" x14ac:dyDescent="0.25">
      <c r="A44743" t="s">
        <v>62336</v>
      </c>
      <c r="B44743" t="s">
        <v>5537</v>
      </c>
      <c r="C44743">
        <v>1</v>
      </c>
      <c r="D44743">
        <v>0</v>
      </c>
    </row>
    <row r="44744" spans="1:4" x14ac:dyDescent="0.25">
      <c r="A44744" t="s">
        <v>62336</v>
      </c>
      <c r="B44744" t="s">
        <v>62339</v>
      </c>
      <c r="C44744">
        <v>1</v>
      </c>
      <c r="D44744">
        <v>0</v>
      </c>
    </row>
    <row r="44745" spans="1:4" x14ac:dyDescent="0.25">
      <c r="A44745" t="s">
        <v>62336</v>
      </c>
      <c r="B44745" t="s">
        <v>62340</v>
      </c>
      <c r="C44745">
        <v>1</v>
      </c>
      <c r="D44745">
        <v>0</v>
      </c>
    </row>
    <row r="44746" spans="1:4" x14ac:dyDescent="0.25">
      <c r="A44746" t="s">
        <v>62336</v>
      </c>
      <c r="B44746" t="s">
        <v>62341</v>
      </c>
      <c r="C44746">
        <v>1</v>
      </c>
      <c r="D44746">
        <v>0</v>
      </c>
    </row>
    <row r="44747" spans="1:4" x14ac:dyDescent="0.25">
      <c r="A44747" t="s">
        <v>62336</v>
      </c>
      <c r="B44747" t="s">
        <v>62342</v>
      </c>
      <c r="C44747">
        <v>2</v>
      </c>
      <c r="D44747">
        <v>0</v>
      </c>
    </row>
    <row r="44748" spans="1:4" x14ac:dyDescent="0.25">
      <c r="A44748" t="s">
        <v>62343</v>
      </c>
      <c r="B44748" t="s">
        <v>62344</v>
      </c>
      <c r="C44748">
        <v>1</v>
      </c>
      <c r="D44748">
        <v>0</v>
      </c>
    </row>
    <row r="44749" spans="1:4" x14ac:dyDescent="0.25">
      <c r="A44749" t="s">
        <v>62345</v>
      </c>
      <c r="B44749" t="s">
        <v>62346</v>
      </c>
      <c r="C44749">
        <v>1</v>
      </c>
      <c r="D44749">
        <v>0</v>
      </c>
    </row>
    <row r="44750" spans="1:4" x14ac:dyDescent="0.25">
      <c r="A44750" t="s">
        <v>62345</v>
      </c>
      <c r="B44750" t="s">
        <v>17257</v>
      </c>
      <c r="C44750">
        <v>0</v>
      </c>
      <c r="D44750">
        <v>0</v>
      </c>
    </row>
    <row r="44751" spans="1:4" x14ac:dyDescent="0.25">
      <c r="A44751" t="s">
        <v>62345</v>
      </c>
      <c r="B44751" t="s">
        <v>62347</v>
      </c>
      <c r="C44751">
        <v>1</v>
      </c>
      <c r="D44751">
        <v>0</v>
      </c>
    </row>
    <row r="44752" spans="1:4" x14ac:dyDescent="0.25">
      <c r="A44752" t="s">
        <v>62348</v>
      </c>
      <c r="B44752" t="s">
        <v>62349</v>
      </c>
      <c r="C44752">
        <v>1</v>
      </c>
      <c r="D44752">
        <v>0</v>
      </c>
    </row>
    <row r="44753" spans="1:4" x14ac:dyDescent="0.25">
      <c r="A44753" t="s">
        <v>62348</v>
      </c>
      <c r="B44753" t="s">
        <v>62350</v>
      </c>
      <c r="C44753">
        <v>1</v>
      </c>
      <c r="D44753">
        <v>0</v>
      </c>
    </row>
    <row r="44754" spans="1:4" x14ac:dyDescent="0.25">
      <c r="A44754" t="s">
        <v>62348</v>
      </c>
      <c r="B44754" t="s">
        <v>53750</v>
      </c>
      <c r="C44754">
        <v>1</v>
      </c>
      <c r="D44754">
        <v>0</v>
      </c>
    </row>
    <row r="44755" spans="1:4" x14ac:dyDescent="0.25">
      <c r="A44755" t="s">
        <v>62348</v>
      </c>
      <c r="B44755" t="s">
        <v>62351</v>
      </c>
      <c r="C44755">
        <v>1</v>
      </c>
      <c r="D44755">
        <v>0</v>
      </c>
    </row>
    <row r="44756" spans="1:4" x14ac:dyDescent="0.25">
      <c r="A44756" t="s">
        <v>62348</v>
      </c>
      <c r="B44756" t="s">
        <v>62352</v>
      </c>
      <c r="C44756">
        <v>2</v>
      </c>
      <c r="D44756">
        <v>0</v>
      </c>
    </row>
    <row r="44757" spans="1:4" x14ac:dyDescent="0.25">
      <c r="A44757" t="s">
        <v>62353</v>
      </c>
      <c r="B44757" t="s">
        <v>61445</v>
      </c>
      <c r="C44757">
        <v>1</v>
      </c>
      <c r="D44757">
        <v>0</v>
      </c>
    </row>
    <row r="44758" spans="1:4" x14ac:dyDescent="0.25">
      <c r="A44758" t="s">
        <v>62353</v>
      </c>
      <c r="B44758" t="s">
        <v>62354</v>
      </c>
      <c r="C44758">
        <v>1</v>
      </c>
      <c r="D44758">
        <v>0</v>
      </c>
    </row>
    <row r="44759" spans="1:4" x14ac:dyDescent="0.25">
      <c r="A44759" t="s">
        <v>62353</v>
      </c>
      <c r="B44759" t="s">
        <v>62355</v>
      </c>
      <c r="C44759">
        <v>1</v>
      </c>
      <c r="D44759">
        <v>0</v>
      </c>
    </row>
    <row r="44760" spans="1:4" x14ac:dyDescent="0.25">
      <c r="A44760" t="s">
        <v>62356</v>
      </c>
      <c r="B44760" t="s">
        <v>62357</v>
      </c>
      <c r="C44760">
        <v>2</v>
      </c>
      <c r="D44760">
        <v>0</v>
      </c>
    </row>
    <row r="44761" spans="1:4" x14ac:dyDescent="0.25">
      <c r="A44761" t="s">
        <v>62356</v>
      </c>
      <c r="B44761" t="s">
        <v>62358</v>
      </c>
      <c r="C44761">
        <v>1</v>
      </c>
      <c r="D44761">
        <v>0</v>
      </c>
    </row>
    <row r="44762" spans="1:4" x14ac:dyDescent="0.25">
      <c r="A44762" t="s">
        <v>62356</v>
      </c>
      <c r="B44762" t="s">
        <v>62359</v>
      </c>
      <c r="C44762">
        <v>0</v>
      </c>
      <c r="D44762">
        <v>0</v>
      </c>
    </row>
    <row r="44763" spans="1:4" x14ac:dyDescent="0.25">
      <c r="A44763" t="s">
        <v>62356</v>
      </c>
      <c r="B44763" t="s">
        <v>62360</v>
      </c>
      <c r="C44763">
        <v>1</v>
      </c>
      <c r="D44763">
        <v>0</v>
      </c>
    </row>
    <row r="44764" spans="1:4" x14ac:dyDescent="0.25">
      <c r="A44764" t="s">
        <v>62356</v>
      </c>
      <c r="B44764" t="s">
        <v>62361</v>
      </c>
      <c r="C44764">
        <v>0</v>
      </c>
      <c r="D44764">
        <v>0</v>
      </c>
    </row>
    <row r="44765" spans="1:4" x14ac:dyDescent="0.25">
      <c r="A44765" t="s">
        <v>62356</v>
      </c>
      <c r="B44765" t="s">
        <v>47789</v>
      </c>
      <c r="C44765">
        <v>0</v>
      </c>
      <c r="D44765">
        <v>0</v>
      </c>
    </row>
    <row r="44766" spans="1:4" x14ac:dyDescent="0.25">
      <c r="A44766" t="s">
        <v>62356</v>
      </c>
      <c r="B44766" t="s">
        <v>62362</v>
      </c>
      <c r="C44766">
        <v>0</v>
      </c>
      <c r="D44766">
        <v>0</v>
      </c>
    </row>
    <row r="44767" spans="1:4" x14ac:dyDescent="0.25">
      <c r="A44767" t="s">
        <v>62356</v>
      </c>
      <c r="B44767" t="s">
        <v>62363</v>
      </c>
      <c r="C44767">
        <v>1</v>
      </c>
      <c r="D44767">
        <v>0</v>
      </c>
    </row>
    <row r="44768" spans="1:4" x14ac:dyDescent="0.25">
      <c r="A44768" t="s">
        <v>62364</v>
      </c>
      <c r="B44768" t="s">
        <v>62365</v>
      </c>
      <c r="C44768">
        <v>2</v>
      </c>
      <c r="D44768">
        <v>0</v>
      </c>
    </row>
    <row r="44769" spans="1:4" x14ac:dyDescent="0.25">
      <c r="A44769" t="s">
        <v>62364</v>
      </c>
      <c r="B44769" t="s">
        <v>62366</v>
      </c>
      <c r="C44769">
        <v>0</v>
      </c>
      <c r="D44769">
        <v>0</v>
      </c>
    </row>
    <row r="44770" spans="1:4" x14ac:dyDescent="0.25">
      <c r="A44770" t="s">
        <v>62364</v>
      </c>
      <c r="B44770" t="s">
        <v>62367</v>
      </c>
      <c r="C44770">
        <v>0</v>
      </c>
      <c r="D44770">
        <v>0</v>
      </c>
    </row>
    <row r="44771" spans="1:4" x14ac:dyDescent="0.25">
      <c r="A44771" t="s">
        <v>62364</v>
      </c>
      <c r="B44771" t="s">
        <v>62368</v>
      </c>
      <c r="C44771">
        <v>0</v>
      </c>
      <c r="D44771">
        <v>0</v>
      </c>
    </row>
    <row r="44772" spans="1:4" x14ac:dyDescent="0.25">
      <c r="A44772" t="s">
        <v>62369</v>
      </c>
      <c r="B44772" t="s">
        <v>62370</v>
      </c>
      <c r="C44772">
        <v>1</v>
      </c>
      <c r="D44772">
        <v>0</v>
      </c>
    </row>
    <row r="44773" spans="1:4" x14ac:dyDescent="0.25">
      <c r="A44773" t="s">
        <v>62369</v>
      </c>
      <c r="B44773" t="s">
        <v>62371</v>
      </c>
      <c r="C44773">
        <v>0</v>
      </c>
      <c r="D44773">
        <v>0</v>
      </c>
    </row>
    <row r="44774" spans="1:4" x14ac:dyDescent="0.25">
      <c r="A44774" t="s">
        <v>62369</v>
      </c>
      <c r="B44774" t="s">
        <v>62372</v>
      </c>
      <c r="C44774">
        <v>1</v>
      </c>
      <c r="D44774">
        <v>0</v>
      </c>
    </row>
    <row r="44775" spans="1:4" x14ac:dyDescent="0.25">
      <c r="A44775" t="s">
        <v>62369</v>
      </c>
      <c r="B44775" t="s">
        <v>62373</v>
      </c>
      <c r="C44775">
        <v>1</v>
      </c>
      <c r="D44775">
        <v>0</v>
      </c>
    </row>
    <row r="44776" spans="1:4" x14ac:dyDescent="0.25">
      <c r="A44776" t="s">
        <v>62369</v>
      </c>
      <c r="B44776" t="s">
        <v>62374</v>
      </c>
      <c r="C44776">
        <v>2</v>
      </c>
      <c r="D44776">
        <v>0</v>
      </c>
    </row>
    <row r="44777" spans="1:4" x14ac:dyDescent="0.25">
      <c r="A44777" t="s">
        <v>62375</v>
      </c>
      <c r="B44777" t="s">
        <v>62376</v>
      </c>
      <c r="C44777">
        <v>0</v>
      </c>
      <c r="D44777">
        <v>0</v>
      </c>
    </row>
    <row r="44778" spans="1:4" x14ac:dyDescent="0.25">
      <c r="A44778" t="s">
        <v>62375</v>
      </c>
      <c r="B44778" t="s">
        <v>62377</v>
      </c>
      <c r="C44778">
        <v>0</v>
      </c>
      <c r="D44778">
        <v>0</v>
      </c>
    </row>
    <row r="44779" spans="1:4" x14ac:dyDescent="0.25">
      <c r="A44779" t="s">
        <v>62375</v>
      </c>
      <c r="B44779" t="s">
        <v>62378</v>
      </c>
      <c r="C44779">
        <v>0</v>
      </c>
      <c r="D44779">
        <v>0</v>
      </c>
    </row>
    <row r="44780" spans="1:4" x14ac:dyDescent="0.25">
      <c r="A44780" t="s">
        <v>62375</v>
      </c>
      <c r="B44780" t="s">
        <v>62379</v>
      </c>
      <c r="C44780">
        <v>0</v>
      </c>
      <c r="D44780">
        <v>0</v>
      </c>
    </row>
    <row r="44781" spans="1:4" x14ac:dyDescent="0.25">
      <c r="A44781" t="s">
        <v>62380</v>
      </c>
      <c r="B44781" t="s">
        <v>62381</v>
      </c>
      <c r="C44781">
        <v>1</v>
      </c>
      <c r="D44781">
        <v>0</v>
      </c>
    </row>
    <row r="44782" spans="1:4" x14ac:dyDescent="0.25">
      <c r="A44782" t="s">
        <v>62380</v>
      </c>
      <c r="B44782" t="s">
        <v>62382</v>
      </c>
      <c r="C44782">
        <v>1</v>
      </c>
      <c r="D44782">
        <v>0</v>
      </c>
    </row>
    <row r="44783" spans="1:4" x14ac:dyDescent="0.25">
      <c r="A44783" t="s">
        <v>62380</v>
      </c>
      <c r="B44783" t="s">
        <v>62383</v>
      </c>
      <c r="C44783">
        <v>2</v>
      </c>
      <c r="D44783">
        <v>0</v>
      </c>
    </row>
    <row r="44784" spans="1:4" x14ac:dyDescent="0.25">
      <c r="A44784" t="s">
        <v>62380</v>
      </c>
      <c r="B44784" t="s">
        <v>62384</v>
      </c>
      <c r="C44784">
        <v>1</v>
      </c>
      <c r="D44784">
        <v>0</v>
      </c>
    </row>
    <row r="44785" spans="1:4" x14ac:dyDescent="0.25">
      <c r="A44785" t="s">
        <v>62385</v>
      </c>
      <c r="B44785" t="s">
        <v>62386</v>
      </c>
      <c r="C44785">
        <v>1</v>
      </c>
      <c r="D44785">
        <v>0</v>
      </c>
    </row>
    <row r="44786" spans="1:4" x14ac:dyDescent="0.25">
      <c r="A44786" t="s">
        <v>62385</v>
      </c>
      <c r="B44786" t="s">
        <v>62387</v>
      </c>
      <c r="C44786">
        <v>0</v>
      </c>
      <c r="D44786">
        <v>0</v>
      </c>
    </row>
    <row r="44787" spans="1:4" x14ac:dyDescent="0.25">
      <c r="A44787" t="s">
        <v>62385</v>
      </c>
      <c r="B44787" t="s">
        <v>62388</v>
      </c>
      <c r="C44787">
        <v>1</v>
      </c>
      <c r="D44787">
        <v>0</v>
      </c>
    </row>
    <row r="44788" spans="1:4" x14ac:dyDescent="0.25">
      <c r="A44788" t="s">
        <v>62385</v>
      </c>
      <c r="B44788" t="s">
        <v>23996</v>
      </c>
      <c r="C44788">
        <v>0</v>
      </c>
      <c r="D44788">
        <v>0</v>
      </c>
    </row>
    <row r="44789" spans="1:4" x14ac:dyDescent="0.25">
      <c r="A44789" t="s">
        <v>62385</v>
      </c>
      <c r="B44789" t="s">
        <v>62389</v>
      </c>
      <c r="C44789">
        <v>1</v>
      </c>
      <c r="D44789">
        <v>0</v>
      </c>
    </row>
    <row r="44790" spans="1:4" x14ac:dyDescent="0.25">
      <c r="A44790" t="s">
        <v>62385</v>
      </c>
      <c r="B44790" t="s">
        <v>62390</v>
      </c>
      <c r="C44790">
        <v>2</v>
      </c>
      <c r="D44790">
        <v>0</v>
      </c>
    </row>
    <row r="44791" spans="1:4" x14ac:dyDescent="0.25">
      <c r="A44791" t="s">
        <v>62391</v>
      </c>
      <c r="B44791" t="s">
        <v>56624</v>
      </c>
      <c r="C44791">
        <v>1</v>
      </c>
      <c r="D44791">
        <v>0</v>
      </c>
    </row>
    <row r="44792" spans="1:4" x14ac:dyDescent="0.25">
      <c r="A44792" t="s">
        <v>62391</v>
      </c>
      <c r="B44792" t="s">
        <v>62392</v>
      </c>
      <c r="C44792">
        <v>0</v>
      </c>
      <c r="D44792">
        <v>0</v>
      </c>
    </row>
    <row r="44793" spans="1:4" x14ac:dyDescent="0.25">
      <c r="A44793" t="s">
        <v>62391</v>
      </c>
      <c r="B44793" t="s">
        <v>62393</v>
      </c>
      <c r="C44793">
        <v>1</v>
      </c>
      <c r="D44793">
        <v>0</v>
      </c>
    </row>
    <row r="44794" spans="1:4" x14ac:dyDescent="0.25">
      <c r="A44794" t="s">
        <v>62391</v>
      </c>
      <c r="B44794" t="s">
        <v>62394</v>
      </c>
      <c r="C44794">
        <v>1</v>
      </c>
      <c r="D44794">
        <v>0</v>
      </c>
    </row>
    <row r="44795" spans="1:4" x14ac:dyDescent="0.25">
      <c r="A44795" t="s">
        <v>62391</v>
      </c>
      <c r="B44795" t="s">
        <v>62395</v>
      </c>
      <c r="C44795">
        <v>0</v>
      </c>
      <c r="D44795">
        <v>0</v>
      </c>
    </row>
    <row r="44796" spans="1:4" x14ac:dyDescent="0.25">
      <c r="A44796" t="s">
        <v>62396</v>
      </c>
      <c r="B44796" t="s">
        <v>62397</v>
      </c>
      <c r="C44796">
        <v>2</v>
      </c>
      <c r="D44796">
        <v>0</v>
      </c>
    </row>
    <row r="44797" spans="1:4" x14ac:dyDescent="0.25">
      <c r="A44797" t="s">
        <v>62396</v>
      </c>
      <c r="B44797" t="s">
        <v>62398</v>
      </c>
      <c r="C44797">
        <v>2</v>
      </c>
      <c r="D44797">
        <v>0</v>
      </c>
    </row>
    <row r="44798" spans="1:4" x14ac:dyDescent="0.25">
      <c r="A44798" t="s">
        <v>62396</v>
      </c>
      <c r="B44798" t="s">
        <v>62399</v>
      </c>
      <c r="C44798">
        <v>0</v>
      </c>
      <c r="D44798">
        <v>0</v>
      </c>
    </row>
    <row r="44799" spans="1:4" x14ac:dyDescent="0.25">
      <c r="A44799" t="s">
        <v>62396</v>
      </c>
      <c r="B44799" t="s">
        <v>62400</v>
      </c>
      <c r="C44799">
        <v>0</v>
      </c>
      <c r="D44799">
        <v>0</v>
      </c>
    </row>
    <row r="44800" spans="1:4" x14ac:dyDescent="0.25">
      <c r="A44800" t="s">
        <v>62396</v>
      </c>
      <c r="B44800" t="s">
        <v>62401</v>
      </c>
      <c r="C44800">
        <v>0</v>
      </c>
      <c r="D44800">
        <v>0</v>
      </c>
    </row>
    <row r="44801" spans="1:4" x14ac:dyDescent="0.25">
      <c r="A44801" t="s">
        <v>62402</v>
      </c>
      <c r="B44801" t="s">
        <v>62403</v>
      </c>
      <c r="C44801">
        <v>1</v>
      </c>
      <c r="D44801">
        <v>0</v>
      </c>
    </row>
    <row r="44802" spans="1:4" x14ac:dyDescent="0.25">
      <c r="A44802" t="s">
        <v>62402</v>
      </c>
      <c r="B44802" t="s">
        <v>62404</v>
      </c>
      <c r="C44802">
        <v>1</v>
      </c>
      <c r="D44802">
        <v>0</v>
      </c>
    </row>
    <row r="44803" spans="1:4" x14ac:dyDescent="0.25">
      <c r="A44803" t="s">
        <v>62402</v>
      </c>
      <c r="B44803" t="s">
        <v>62405</v>
      </c>
      <c r="C44803">
        <v>0</v>
      </c>
      <c r="D44803">
        <v>0</v>
      </c>
    </row>
    <row r="44804" spans="1:4" x14ac:dyDescent="0.25">
      <c r="A44804" t="s">
        <v>62402</v>
      </c>
      <c r="B44804" t="s">
        <v>62406</v>
      </c>
      <c r="C44804">
        <v>0</v>
      </c>
      <c r="D44804">
        <v>0</v>
      </c>
    </row>
    <row r="44805" spans="1:4" x14ac:dyDescent="0.25">
      <c r="A44805" t="s">
        <v>62402</v>
      </c>
      <c r="B44805" t="s">
        <v>62407</v>
      </c>
      <c r="C44805">
        <v>0</v>
      </c>
      <c r="D44805">
        <v>0</v>
      </c>
    </row>
    <row r="44806" spans="1:4" x14ac:dyDescent="0.25">
      <c r="A44806" t="s">
        <v>62402</v>
      </c>
      <c r="B44806" t="s">
        <v>62408</v>
      </c>
      <c r="C44806">
        <v>2</v>
      </c>
      <c r="D44806">
        <v>0</v>
      </c>
    </row>
    <row r="44807" spans="1:4" x14ac:dyDescent="0.25">
      <c r="A44807" t="s">
        <v>62409</v>
      </c>
      <c r="B44807" t="s">
        <v>62410</v>
      </c>
      <c r="C44807">
        <v>2</v>
      </c>
      <c r="D44807">
        <v>0</v>
      </c>
    </row>
    <row r="44808" spans="1:4" x14ac:dyDescent="0.25">
      <c r="A44808" t="s">
        <v>62409</v>
      </c>
      <c r="B44808" t="s">
        <v>37722</v>
      </c>
      <c r="C44808">
        <v>1</v>
      </c>
      <c r="D44808">
        <v>0</v>
      </c>
    </row>
    <row r="44809" spans="1:4" x14ac:dyDescent="0.25">
      <c r="A44809" t="s">
        <v>62409</v>
      </c>
      <c r="B44809" t="s">
        <v>62411</v>
      </c>
      <c r="C44809">
        <v>1</v>
      </c>
      <c r="D44809">
        <v>0</v>
      </c>
    </row>
    <row r="44810" spans="1:4" x14ac:dyDescent="0.25">
      <c r="A44810" t="s">
        <v>62409</v>
      </c>
      <c r="B44810" t="s">
        <v>62412</v>
      </c>
      <c r="C44810">
        <v>1</v>
      </c>
      <c r="D44810">
        <v>0</v>
      </c>
    </row>
    <row r="44811" spans="1:4" x14ac:dyDescent="0.25">
      <c r="A44811" t="s">
        <v>62413</v>
      </c>
      <c r="B44811" t="s">
        <v>62414</v>
      </c>
      <c r="C44811">
        <v>1</v>
      </c>
      <c r="D44811">
        <v>0</v>
      </c>
    </row>
    <row r="44812" spans="1:4" x14ac:dyDescent="0.25">
      <c r="A44812" t="s">
        <v>62413</v>
      </c>
      <c r="B44812" t="s">
        <v>62415</v>
      </c>
      <c r="C44812">
        <v>2</v>
      </c>
      <c r="D44812">
        <v>0</v>
      </c>
    </row>
    <row r="44813" spans="1:4" x14ac:dyDescent="0.25">
      <c r="A44813" t="s">
        <v>62413</v>
      </c>
      <c r="B44813" t="s">
        <v>62416</v>
      </c>
      <c r="C44813">
        <v>1</v>
      </c>
      <c r="D44813">
        <v>0</v>
      </c>
    </row>
    <row r="44814" spans="1:4" x14ac:dyDescent="0.25">
      <c r="A44814" t="s">
        <v>62413</v>
      </c>
      <c r="B44814" t="s">
        <v>62417</v>
      </c>
      <c r="C44814">
        <v>2</v>
      </c>
      <c r="D44814">
        <v>0</v>
      </c>
    </row>
    <row r="44815" spans="1:4" x14ac:dyDescent="0.25">
      <c r="A44815" t="s">
        <v>62413</v>
      </c>
      <c r="B44815" t="s">
        <v>62418</v>
      </c>
      <c r="C44815">
        <v>1</v>
      </c>
      <c r="D44815">
        <v>0</v>
      </c>
    </row>
    <row r="44816" spans="1:4" x14ac:dyDescent="0.25">
      <c r="A44816" t="s">
        <v>62419</v>
      </c>
      <c r="B44816" t="s">
        <v>62420</v>
      </c>
      <c r="C44816">
        <v>1</v>
      </c>
      <c r="D44816">
        <v>0</v>
      </c>
    </row>
    <row r="44817" spans="1:4" x14ac:dyDescent="0.25">
      <c r="A44817" t="s">
        <v>62419</v>
      </c>
      <c r="B44817" t="s">
        <v>62421</v>
      </c>
      <c r="C44817">
        <v>1</v>
      </c>
      <c r="D44817">
        <v>0</v>
      </c>
    </row>
    <row r="44818" spans="1:4" x14ac:dyDescent="0.25">
      <c r="A44818" t="s">
        <v>62419</v>
      </c>
      <c r="B44818" t="s">
        <v>62422</v>
      </c>
      <c r="C44818">
        <v>2</v>
      </c>
      <c r="D44818">
        <v>0</v>
      </c>
    </row>
    <row r="44819" spans="1:4" x14ac:dyDescent="0.25">
      <c r="A44819" t="s">
        <v>62419</v>
      </c>
      <c r="B44819" t="s">
        <v>62423</v>
      </c>
      <c r="C44819">
        <v>2</v>
      </c>
      <c r="D44819">
        <v>0</v>
      </c>
    </row>
    <row r="44820" spans="1:4" x14ac:dyDescent="0.25">
      <c r="A44820" t="s">
        <v>62419</v>
      </c>
      <c r="B44820" t="s">
        <v>62424</v>
      </c>
      <c r="C44820">
        <v>1</v>
      </c>
      <c r="D44820">
        <v>0</v>
      </c>
    </row>
    <row r="44821" spans="1:4" x14ac:dyDescent="0.25">
      <c r="A44821" t="s">
        <v>62425</v>
      </c>
      <c r="B44821" t="s">
        <v>62426</v>
      </c>
      <c r="C44821">
        <v>1</v>
      </c>
      <c r="D44821">
        <v>0</v>
      </c>
    </row>
    <row r="44822" spans="1:4" x14ac:dyDescent="0.25">
      <c r="A44822" t="s">
        <v>62425</v>
      </c>
      <c r="B44822" t="s">
        <v>62427</v>
      </c>
      <c r="C44822">
        <v>1</v>
      </c>
      <c r="D44822">
        <v>0</v>
      </c>
    </row>
    <row r="44823" spans="1:4" x14ac:dyDescent="0.25">
      <c r="A44823" t="s">
        <v>62425</v>
      </c>
      <c r="B44823" t="s">
        <v>62428</v>
      </c>
      <c r="C44823">
        <v>1</v>
      </c>
      <c r="D44823">
        <v>0</v>
      </c>
    </row>
    <row r="44824" spans="1:4" x14ac:dyDescent="0.25">
      <c r="A44824" t="s">
        <v>62425</v>
      </c>
      <c r="B44824" t="s">
        <v>62429</v>
      </c>
      <c r="C44824">
        <v>1</v>
      </c>
      <c r="D44824">
        <v>0</v>
      </c>
    </row>
    <row r="44825" spans="1:4" x14ac:dyDescent="0.25">
      <c r="A44825" t="s">
        <v>62430</v>
      </c>
      <c r="B44825" t="s">
        <v>62431</v>
      </c>
      <c r="C44825">
        <v>1</v>
      </c>
      <c r="D44825">
        <v>0</v>
      </c>
    </row>
    <row r="44826" spans="1:4" x14ac:dyDescent="0.25">
      <c r="A44826" t="s">
        <v>62430</v>
      </c>
      <c r="B44826" t="s">
        <v>62432</v>
      </c>
      <c r="C44826">
        <v>0</v>
      </c>
      <c r="D44826">
        <v>0</v>
      </c>
    </row>
    <row r="44827" spans="1:4" x14ac:dyDescent="0.25">
      <c r="A44827" t="s">
        <v>62433</v>
      </c>
      <c r="B44827" t="s">
        <v>62434</v>
      </c>
      <c r="C44827">
        <v>2</v>
      </c>
      <c r="D44827">
        <v>0</v>
      </c>
    </row>
    <row r="44828" spans="1:4" x14ac:dyDescent="0.25">
      <c r="A44828" t="s">
        <v>62433</v>
      </c>
      <c r="B44828" t="s">
        <v>62435</v>
      </c>
      <c r="C44828">
        <v>0</v>
      </c>
      <c r="D44828">
        <v>0</v>
      </c>
    </row>
    <row r="44829" spans="1:4" x14ac:dyDescent="0.25">
      <c r="A44829" t="s">
        <v>62436</v>
      </c>
      <c r="B44829" t="s">
        <v>62437</v>
      </c>
      <c r="C44829">
        <v>2</v>
      </c>
      <c r="D44829">
        <v>0</v>
      </c>
    </row>
    <row r="44830" spans="1:4" x14ac:dyDescent="0.25">
      <c r="A44830" t="s">
        <v>62436</v>
      </c>
      <c r="B44830" t="s">
        <v>62438</v>
      </c>
      <c r="C44830">
        <v>1</v>
      </c>
      <c r="D44830">
        <v>0</v>
      </c>
    </row>
    <row r="44831" spans="1:4" x14ac:dyDescent="0.25">
      <c r="A44831" t="s">
        <v>62436</v>
      </c>
      <c r="B44831" t="s">
        <v>62439</v>
      </c>
      <c r="C44831">
        <v>0</v>
      </c>
      <c r="D44831">
        <v>0</v>
      </c>
    </row>
    <row r="44832" spans="1:4" x14ac:dyDescent="0.25">
      <c r="A44832" t="s">
        <v>62436</v>
      </c>
      <c r="B44832" t="s">
        <v>62440</v>
      </c>
      <c r="C44832">
        <v>1</v>
      </c>
      <c r="D44832">
        <v>0</v>
      </c>
    </row>
    <row r="44833" spans="1:4" x14ac:dyDescent="0.25">
      <c r="A44833" t="s">
        <v>62441</v>
      </c>
      <c r="B44833" t="s">
        <v>62442</v>
      </c>
      <c r="C44833">
        <v>0</v>
      </c>
      <c r="D44833">
        <v>0</v>
      </c>
    </row>
    <row r="44834" spans="1:4" x14ac:dyDescent="0.25">
      <c r="A44834" t="s">
        <v>62441</v>
      </c>
      <c r="B44834" t="s">
        <v>62443</v>
      </c>
      <c r="C44834">
        <v>2</v>
      </c>
      <c r="D44834">
        <v>0</v>
      </c>
    </row>
    <row r="44835" spans="1:4" x14ac:dyDescent="0.25">
      <c r="A44835" t="s">
        <v>62441</v>
      </c>
      <c r="B44835" t="s">
        <v>62444</v>
      </c>
      <c r="C44835">
        <v>1</v>
      </c>
      <c r="D44835">
        <v>0</v>
      </c>
    </row>
    <row r="44836" spans="1:4" x14ac:dyDescent="0.25">
      <c r="A44836" t="s">
        <v>62445</v>
      </c>
      <c r="B44836" t="s">
        <v>62446</v>
      </c>
      <c r="C44836">
        <v>1</v>
      </c>
      <c r="D44836">
        <v>0</v>
      </c>
    </row>
    <row r="44837" spans="1:4" x14ac:dyDescent="0.25">
      <c r="A44837" t="s">
        <v>62445</v>
      </c>
      <c r="B44837" t="s">
        <v>62447</v>
      </c>
      <c r="C44837">
        <v>0</v>
      </c>
      <c r="D44837">
        <v>0</v>
      </c>
    </row>
    <row r="44838" spans="1:4" x14ac:dyDescent="0.25">
      <c r="A44838" t="s">
        <v>62445</v>
      </c>
      <c r="B44838" t="s">
        <v>62448</v>
      </c>
      <c r="C44838">
        <v>0</v>
      </c>
      <c r="D44838">
        <v>0</v>
      </c>
    </row>
    <row r="44839" spans="1:4" x14ac:dyDescent="0.25">
      <c r="A44839" t="s">
        <v>62445</v>
      </c>
      <c r="B44839" t="s">
        <v>62449</v>
      </c>
      <c r="C44839">
        <v>1</v>
      </c>
      <c r="D44839">
        <v>0</v>
      </c>
    </row>
    <row r="44840" spans="1:4" x14ac:dyDescent="0.25">
      <c r="A44840" t="s">
        <v>62445</v>
      </c>
      <c r="B44840" t="s">
        <v>62450</v>
      </c>
      <c r="C44840">
        <v>2</v>
      </c>
      <c r="D44840">
        <v>0</v>
      </c>
    </row>
    <row r="44841" spans="1:4" x14ac:dyDescent="0.25">
      <c r="A44841" t="s">
        <v>62451</v>
      </c>
      <c r="B44841" t="s">
        <v>62452</v>
      </c>
      <c r="C44841">
        <v>1</v>
      </c>
      <c r="D44841">
        <v>0</v>
      </c>
    </row>
    <row r="44842" spans="1:4" x14ac:dyDescent="0.25">
      <c r="A44842" t="s">
        <v>62451</v>
      </c>
      <c r="B44842" t="s">
        <v>62453</v>
      </c>
      <c r="C44842">
        <v>1</v>
      </c>
      <c r="D44842">
        <v>0</v>
      </c>
    </row>
    <row r="44843" spans="1:4" x14ac:dyDescent="0.25">
      <c r="A44843" t="s">
        <v>62451</v>
      </c>
      <c r="B44843" t="s">
        <v>62454</v>
      </c>
      <c r="C44843">
        <v>0</v>
      </c>
      <c r="D44843">
        <v>0</v>
      </c>
    </row>
    <row r="44844" spans="1:4" x14ac:dyDescent="0.25">
      <c r="A44844" t="s">
        <v>62451</v>
      </c>
      <c r="B44844" t="s">
        <v>62455</v>
      </c>
      <c r="C44844">
        <v>1</v>
      </c>
      <c r="D44844">
        <v>0</v>
      </c>
    </row>
    <row r="44845" spans="1:4" x14ac:dyDescent="0.25">
      <c r="A44845" t="s">
        <v>62456</v>
      </c>
      <c r="B44845" t="s">
        <v>62457</v>
      </c>
      <c r="C44845">
        <v>1</v>
      </c>
      <c r="D44845">
        <v>0</v>
      </c>
    </row>
    <row r="44846" spans="1:4" x14ac:dyDescent="0.25">
      <c r="A44846" t="s">
        <v>62456</v>
      </c>
      <c r="B44846" t="s">
        <v>62457</v>
      </c>
      <c r="C44846">
        <v>1</v>
      </c>
      <c r="D44846">
        <v>0</v>
      </c>
    </row>
    <row r="44847" spans="1:4" x14ac:dyDescent="0.25">
      <c r="A44847" t="s">
        <v>62456</v>
      </c>
      <c r="B44847" t="s">
        <v>62458</v>
      </c>
      <c r="C44847">
        <v>1</v>
      </c>
      <c r="D44847">
        <v>0</v>
      </c>
    </row>
    <row r="44848" spans="1:4" x14ac:dyDescent="0.25">
      <c r="A44848" t="s">
        <v>62456</v>
      </c>
      <c r="B44848" t="s">
        <v>62459</v>
      </c>
      <c r="C44848">
        <v>1</v>
      </c>
      <c r="D44848">
        <v>0</v>
      </c>
    </row>
    <row r="44849" spans="1:4" x14ac:dyDescent="0.25">
      <c r="A44849" t="s">
        <v>62460</v>
      </c>
      <c r="B44849" t="s">
        <v>62461</v>
      </c>
      <c r="C44849">
        <v>1</v>
      </c>
      <c r="D44849">
        <v>0</v>
      </c>
    </row>
    <row r="44850" spans="1:4" x14ac:dyDescent="0.25">
      <c r="A44850" t="s">
        <v>62460</v>
      </c>
      <c r="B44850" t="s">
        <v>62462</v>
      </c>
      <c r="C44850">
        <v>1</v>
      </c>
      <c r="D44850">
        <v>0</v>
      </c>
    </row>
    <row r="44851" spans="1:4" x14ac:dyDescent="0.25">
      <c r="A44851" t="s">
        <v>62460</v>
      </c>
      <c r="B44851" t="s">
        <v>62463</v>
      </c>
      <c r="C44851">
        <v>1</v>
      </c>
      <c r="D44851">
        <v>0</v>
      </c>
    </row>
    <row r="44852" spans="1:4" x14ac:dyDescent="0.25">
      <c r="A44852" t="s">
        <v>62460</v>
      </c>
      <c r="B44852" t="s">
        <v>62464</v>
      </c>
      <c r="C44852">
        <v>1</v>
      </c>
      <c r="D44852">
        <v>0</v>
      </c>
    </row>
    <row r="44853" spans="1:4" x14ac:dyDescent="0.25">
      <c r="A44853" t="s">
        <v>62460</v>
      </c>
      <c r="B44853" t="s">
        <v>62465</v>
      </c>
      <c r="C44853">
        <v>1</v>
      </c>
      <c r="D44853">
        <v>0</v>
      </c>
    </row>
    <row r="44854" spans="1:4" x14ac:dyDescent="0.25">
      <c r="A44854" t="s">
        <v>62460</v>
      </c>
      <c r="B44854" t="s">
        <v>62466</v>
      </c>
      <c r="C44854">
        <v>1</v>
      </c>
      <c r="D44854">
        <v>0</v>
      </c>
    </row>
    <row r="44855" spans="1:4" x14ac:dyDescent="0.25">
      <c r="A44855" t="s">
        <v>62460</v>
      </c>
      <c r="B44855" t="s">
        <v>62467</v>
      </c>
      <c r="C44855">
        <v>1</v>
      </c>
      <c r="D44855">
        <v>0</v>
      </c>
    </row>
    <row r="44856" spans="1:4" x14ac:dyDescent="0.25">
      <c r="A44856" t="s">
        <v>62468</v>
      </c>
      <c r="B44856" t="s">
        <v>62469</v>
      </c>
      <c r="C44856">
        <v>1</v>
      </c>
      <c r="D44856">
        <v>0</v>
      </c>
    </row>
    <row r="44857" spans="1:4" x14ac:dyDescent="0.25">
      <c r="A44857" t="s">
        <v>62468</v>
      </c>
      <c r="B44857" t="s">
        <v>62470</v>
      </c>
      <c r="C44857">
        <v>0</v>
      </c>
      <c r="D44857">
        <v>0</v>
      </c>
    </row>
    <row r="44858" spans="1:4" x14ac:dyDescent="0.25">
      <c r="A44858" t="s">
        <v>62468</v>
      </c>
      <c r="B44858" t="s">
        <v>62471</v>
      </c>
      <c r="C44858">
        <v>1</v>
      </c>
      <c r="D44858">
        <v>0</v>
      </c>
    </row>
    <row r="44859" spans="1:4" x14ac:dyDescent="0.25">
      <c r="A44859" t="s">
        <v>62468</v>
      </c>
      <c r="B44859" t="s">
        <v>62472</v>
      </c>
      <c r="C44859">
        <v>1</v>
      </c>
      <c r="D44859">
        <v>0</v>
      </c>
    </row>
    <row r="44860" spans="1:4" x14ac:dyDescent="0.25">
      <c r="A44860" t="s">
        <v>62468</v>
      </c>
      <c r="B44860" t="s">
        <v>62473</v>
      </c>
      <c r="C44860">
        <v>2</v>
      </c>
      <c r="D44860">
        <v>0</v>
      </c>
    </row>
    <row r="44861" spans="1:4" x14ac:dyDescent="0.25">
      <c r="A44861" t="s">
        <v>62468</v>
      </c>
      <c r="B44861" t="s">
        <v>62474</v>
      </c>
      <c r="C44861">
        <v>2</v>
      </c>
      <c r="D44861">
        <v>0</v>
      </c>
    </row>
    <row r="44862" spans="1:4" x14ac:dyDescent="0.25">
      <c r="A44862" t="s">
        <v>62475</v>
      </c>
      <c r="B44862" t="s">
        <v>62476</v>
      </c>
      <c r="C44862">
        <v>2</v>
      </c>
      <c r="D44862">
        <v>0</v>
      </c>
    </row>
    <row r="44863" spans="1:4" x14ac:dyDescent="0.25">
      <c r="A44863" t="s">
        <v>62475</v>
      </c>
      <c r="B44863" t="s">
        <v>62477</v>
      </c>
      <c r="C44863">
        <v>1</v>
      </c>
      <c r="D44863">
        <v>0</v>
      </c>
    </row>
    <row r="44864" spans="1:4" x14ac:dyDescent="0.25">
      <c r="A44864" t="s">
        <v>62475</v>
      </c>
      <c r="B44864" t="s">
        <v>62478</v>
      </c>
      <c r="C44864">
        <v>1</v>
      </c>
      <c r="D44864">
        <v>0</v>
      </c>
    </row>
    <row r="44865" spans="1:4" x14ac:dyDescent="0.25">
      <c r="A44865" t="s">
        <v>62479</v>
      </c>
      <c r="B44865" t="s">
        <v>62480</v>
      </c>
      <c r="C44865">
        <v>1</v>
      </c>
      <c r="D44865">
        <v>0</v>
      </c>
    </row>
    <row r="44866" spans="1:4" x14ac:dyDescent="0.25">
      <c r="A44866" t="s">
        <v>62479</v>
      </c>
      <c r="B44866" t="s">
        <v>62481</v>
      </c>
      <c r="C44866">
        <v>0</v>
      </c>
      <c r="D44866">
        <v>0</v>
      </c>
    </row>
    <row r="44867" spans="1:4" x14ac:dyDescent="0.25">
      <c r="A44867" t="s">
        <v>62479</v>
      </c>
      <c r="B44867" t="s">
        <v>62482</v>
      </c>
      <c r="C44867">
        <v>2</v>
      </c>
      <c r="D44867">
        <v>0</v>
      </c>
    </row>
    <row r="44868" spans="1:4" x14ac:dyDescent="0.25">
      <c r="A44868" t="s">
        <v>62479</v>
      </c>
      <c r="B44868" t="s">
        <v>62483</v>
      </c>
      <c r="C44868">
        <v>1</v>
      </c>
      <c r="D44868">
        <v>0</v>
      </c>
    </row>
    <row r="44869" spans="1:4" x14ac:dyDescent="0.25">
      <c r="A44869" t="s">
        <v>62479</v>
      </c>
      <c r="B44869" t="s">
        <v>62484</v>
      </c>
      <c r="C44869">
        <v>1</v>
      </c>
      <c r="D44869">
        <v>0</v>
      </c>
    </row>
    <row r="44870" spans="1:4" x14ac:dyDescent="0.25">
      <c r="A44870" t="s">
        <v>62479</v>
      </c>
      <c r="B44870" t="s">
        <v>62485</v>
      </c>
      <c r="C44870">
        <v>1</v>
      </c>
      <c r="D44870">
        <v>0</v>
      </c>
    </row>
    <row r="44871" spans="1:4" x14ac:dyDescent="0.25">
      <c r="A44871" t="s">
        <v>62486</v>
      </c>
      <c r="B44871" t="s">
        <v>62487</v>
      </c>
      <c r="C44871">
        <v>1</v>
      </c>
      <c r="D44871">
        <v>0</v>
      </c>
    </row>
    <row r="44872" spans="1:4" x14ac:dyDescent="0.25">
      <c r="A44872" t="s">
        <v>62486</v>
      </c>
      <c r="B44872" t="s">
        <v>62488</v>
      </c>
      <c r="C44872">
        <v>1</v>
      </c>
      <c r="D44872">
        <v>0</v>
      </c>
    </row>
    <row r="44873" spans="1:4" x14ac:dyDescent="0.25">
      <c r="A44873" t="s">
        <v>62486</v>
      </c>
      <c r="B44873" t="s">
        <v>62489</v>
      </c>
      <c r="C44873">
        <v>1</v>
      </c>
      <c r="D44873">
        <v>0</v>
      </c>
    </row>
    <row r="44874" spans="1:4" x14ac:dyDescent="0.25">
      <c r="A44874" t="s">
        <v>62490</v>
      </c>
      <c r="B44874" t="s">
        <v>62491</v>
      </c>
      <c r="C44874">
        <v>1</v>
      </c>
      <c r="D44874">
        <v>0</v>
      </c>
    </row>
    <row r="44875" spans="1:4" x14ac:dyDescent="0.25">
      <c r="A44875" t="s">
        <v>62490</v>
      </c>
      <c r="B44875" t="s">
        <v>62492</v>
      </c>
      <c r="C44875">
        <v>2</v>
      </c>
      <c r="D44875">
        <v>0</v>
      </c>
    </row>
    <row r="44876" spans="1:4" x14ac:dyDescent="0.25">
      <c r="A44876" t="s">
        <v>62493</v>
      </c>
      <c r="B44876" t="s">
        <v>62494</v>
      </c>
      <c r="C44876">
        <v>2</v>
      </c>
      <c r="D44876">
        <v>0</v>
      </c>
    </row>
    <row r="44877" spans="1:4" x14ac:dyDescent="0.25">
      <c r="A44877" t="s">
        <v>62493</v>
      </c>
      <c r="B44877" t="s">
        <v>62495</v>
      </c>
      <c r="C44877">
        <v>1</v>
      </c>
      <c r="D44877">
        <v>0</v>
      </c>
    </row>
    <row r="44878" spans="1:4" x14ac:dyDescent="0.25">
      <c r="A44878" t="s">
        <v>62493</v>
      </c>
      <c r="B44878" t="s">
        <v>62496</v>
      </c>
      <c r="C44878">
        <v>0</v>
      </c>
      <c r="D44878">
        <v>0</v>
      </c>
    </row>
    <row r="44879" spans="1:4" x14ac:dyDescent="0.25">
      <c r="A44879" t="s">
        <v>62493</v>
      </c>
      <c r="B44879" t="s">
        <v>62497</v>
      </c>
      <c r="C44879">
        <v>1</v>
      </c>
      <c r="D44879">
        <v>0</v>
      </c>
    </row>
    <row r="44880" spans="1:4" x14ac:dyDescent="0.25">
      <c r="A44880" t="s">
        <v>62493</v>
      </c>
      <c r="B44880" t="s">
        <v>62498</v>
      </c>
      <c r="C44880">
        <v>0</v>
      </c>
      <c r="D44880">
        <v>0</v>
      </c>
    </row>
    <row r="44881" spans="1:4" x14ac:dyDescent="0.25">
      <c r="A44881" t="s">
        <v>62499</v>
      </c>
      <c r="B44881" t="s">
        <v>3173</v>
      </c>
      <c r="C44881">
        <v>1</v>
      </c>
      <c r="D44881">
        <v>0</v>
      </c>
    </row>
    <row r="44882" spans="1:4" x14ac:dyDescent="0.25">
      <c r="A44882" t="s">
        <v>62499</v>
      </c>
      <c r="B44882" t="s">
        <v>62500</v>
      </c>
      <c r="C44882">
        <v>2</v>
      </c>
      <c r="D44882">
        <v>0</v>
      </c>
    </row>
    <row r="44883" spans="1:4" x14ac:dyDescent="0.25">
      <c r="A44883" t="s">
        <v>62499</v>
      </c>
      <c r="B44883" t="s">
        <v>62501</v>
      </c>
      <c r="C44883">
        <v>1</v>
      </c>
      <c r="D44883">
        <v>0</v>
      </c>
    </row>
    <row r="44884" spans="1:4" x14ac:dyDescent="0.25">
      <c r="A44884" t="s">
        <v>62499</v>
      </c>
      <c r="B44884" t="s">
        <v>62502</v>
      </c>
      <c r="C44884">
        <v>1</v>
      </c>
      <c r="D44884">
        <v>0</v>
      </c>
    </row>
    <row r="44885" spans="1:4" x14ac:dyDescent="0.25">
      <c r="A44885" t="s">
        <v>62499</v>
      </c>
      <c r="B44885" t="s">
        <v>62503</v>
      </c>
      <c r="C44885">
        <v>1</v>
      </c>
      <c r="D44885">
        <v>0</v>
      </c>
    </row>
    <row r="44886" spans="1:4" x14ac:dyDescent="0.25">
      <c r="A44886" t="s">
        <v>62504</v>
      </c>
      <c r="B44886" t="s">
        <v>62505</v>
      </c>
      <c r="C44886">
        <v>0</v>
      </c>
      <c r="D44886">
        <v>0</v>
      </c>
    </row>
    <row r="44887" spans="1:4" x14ac:dyDescent="0.25">
      <c r="A44887" t="s">
        <v>62504</v>
      </c>
      <c r="B44887" t="s">
        <v>62506</v>
      </c>
      <c r="C44887">
        <v>2</v>
      </c>
      <c r="D44887">
        <v>0</v>
      </c>
    </row>
    <row r="44888" spans="1:4" x14ac:dyDescent="0.25">
      <c r="A44888" t="s">
        <v>62504</v>
      </c>
      <c r="B44888" t="s">
        <v>62507</v>
      </c>
      <c r="C44888">
        <v>0</v>
      </c>
      <c r="D44888">
        <v>0</v>
      </c>
    </row>
    <row r="44889" spans="1:4" x14ac:dyDescent="0.25">
      <c r="A44889" t="s">
        <v>62504</v>
      </c>
      <c r="B44889" t="s">
        <v>62508</v>
      </c>
      <c r="C44889">
        <v>2</v>
      </c>
      <c r="D44889">
        <v>0</v>
      </c>
    </row>
    <row r="44890" spans="1:4" x14ac:dyDescent="0.25">
      <c r="A44890" t="s">
        <v>62509</v>
      </c>
      <c r="B44890" t="s">
        <v>62510</v>
      </c>
      <c r="C44890">
        <v>2</v>
      </c>
      <c r="D44890">
        <v>0</v>
      </c>
    </row>
    <row r="44891" spans="1:4" x14ac:dyDescent="0.25">
      <c r="A44891" t="s">
        <v>62509</v>
      </c>
      <c r="B44891" t="s">
        <v>62511</v>
      </c>
      <c r="C44891">
        <v>1</v>
      </c>
      <c r="D44891">
        <v>0</v>
      </c>
    </row>
    <row r="44892" spans="1:4" x14ac:dyDescent="0.25">
      <c r="A44892" t="s">
        <v>62512</v>
      </c>
      <c r="B44892" t="s">
        <v>62513</v>
      </c>
      <c r="C44892">
        <v>1</v>
      </c>
      <c r="D44892">
        <v>0</v>
      </c>
    </row>
    <row r="44893" spans="1:4" x14ac:dyDescent="0.25">
      <c r="A44893" t="s">
        <v>62512</v>
      </c>
      <c r="B44893" t="s">
        <v>12472</v>
      </c>
      <c r="C44893">
        <v>1</v>
      </c>
      <c r="D44893">
        <v>0</v>
      </c>
    </row>
    <row r="44894" spans="1:4" x14ac:dyDescent="0.25">
      <c r="A44894" t="s">
        <v>62512</v>
      </c>
      <c r="B44894" t="s">
        <v>62514</v>
      </c>
      <c r="C44894">
        <v>1</v>
      </c>
      <c r="D44894">
        <v>0</v>
      </c>
    </row>
    <row r="44895" spans="1:4" x14ac:dyDescent="0.25">
      <c r="A44895" t="s">
        <v>62512</v>
      </c>
      <c r="B44895" t="s">
        <v>62515</v>
      </c>
      <c r="C44895">
        <v>0</v>
      </c>
      <c r="D44895">
        <v>0</v>
      </c>
    </row>
    <row r="44896" spans="1:4" x14ac:dyDescent="0.25">
      <c r="A44896" t="s">
        <v>62512</v>
      </c>
      <c r="B44896" t="s">
        <v>62516</v>
      </c>
      <c r="C44896">
        <v>0</v>
      </c>
      <c r="D44896">
        <v>0</v>
      </c>
    </row>
    <row r="44897" spans="1:4" x14ac:dyDescent="0.25">
      <c r="A44897" t="s">
        <v>62512</v>
      </c>
      <c r="B44897" t="s">
        <v>62517</v>
      </c>
      <c r="C44897">
        <v>1</v>
      </c>
      <c r="D44897">
        <v>0</v>
      </c>
    </row>
    <row r="44898" spans="1:4" x14ac:dyDescent="0.25">
      <c r="A44898" t="s">
        <v>62518</v>
      </c>
      <c r="B44898" t="s">
        <v>62519</v>
      </c>
      <c r="C44898">
        <v>1</v>
      </c>
      <c r="D44898">
        <v>0</v>
      </c>
    </row>
    <row r="44899" spans="1:4" x14ac:dyDescent="0.25">
      <c r="A44899" t="s">
        <v>62518</v>
      </c>
      <c r="B44899" t="s">
        <v>62520</v>
      </c>
      <c r="C44899">
        <v>0</v>
      </c>
      <c r="D44899">
        <v>0</v>
      </c>
    </row>
    <row r="44900" spans="1:4" x14ac:dyDescent="0.25">
      <c r="A44900" t="s">
        <v>62518</v>
      </c>
      <c r="B44900" t="s">
        <v>62521</v>
      </c>
      <c r="C44900">
        <v>1</v>
      </c>
      <c r="D44900">
        <v>0</v>
      </c>
    </row>
    <row r="44901" spans="1:4" x14ac:dyDescent="0.25">
      <c r="A44901" t="s">
        <v>62518</v>
      </c>
      <c r="B44901" t="s">
        <v>62522</v>
      </c>
      <c r="C44901">
        <v>2</v>
      </c>
      <c r="D44901">
        <v>0</v>
      </c>
    </row>
    <row r="44902" spans="1:4" x14ac:dyDescent="0.25">
      <c r="A44902" t="s">
        <v>62518</v>
      </c>
      <c r="B44902" t="s">
        <v>62523</v>
      </c>
      <c r="C44902">
        <v>1</v>
      </c>
      <c r="D44902">
        <v>0</v>
      </c>
    </row>
    <row r="44903" spans="1:4" x14ac:dyDescent="0.25">
      <c r="A44903" t="s">
        <v>62524</v>
      </c>
      <c r="B44903" t="s">
        <v>62525</v>
      </c>
      <c r="C44903">
        <v>0</v>
      </c>
      <c r="D44903">
        <v>0</v>
      </c>
    </row>
    <row r="44904" spans="1:4" x14ac:dyDescent="0.25">
      <c r="A44904" t="s">
        <v>62524</v>
      </c>
      <c r="B44904" t="s">
        <v>62526</v>
      </c>
      <c r="C44904">
        <v>1</v>
      </c>
      <c r="D44904">
        <v>0</v>
      </c>
    </row>
    <row r="44905" spans="1:4" x14ac:dyDescent="0.25">
      <c r="A44905" t="s">
        <v>62524</v>
      </c>
      <c r="B44905" t="s">
        <v>62527</v>
      </c>
      <c r="C44905">
        <v>0</v>
      </c>
      <c r="D44905">
        <v>0</v>
      </c>
    </row>
    <row r="44906" spans="1:4" x14ac:dyDescent="0.25">
      <c r="A44906" t="s">
        <v>62528</v>
      </c>
      <c r="B44906" t="s">
        <v>62529</v>
      </c>
      <c r="C44906">
        <v>1</v>
      </c>
      <c r="D44906">
        <v>0</v>
      </c>
    </row>
    <row r="44907" spans="1:4" x14ac:dyDescent="0.25">
      <c r="A44907" t="s">
        <v>62528</v>
      </c>
      <c r="B44907" t="s">
        <v>62530</v>
      </c>
      <c r="C44907">
        <v>2</v>
      </c>
      <c r="D44907">
        <v>0</v>
      </c>
    </row>
    <row r="44908" spans="1:4" x14ac:dyDescent="0.25">
      <c r="A44908" t="s">
        <v>62528</v>
      </c>
      <c r="B44908" t="s">
        <v>62531</v>
      </c>
      <c r="C44908">
        <v>1</v>
      </c>
      <c r="D44908">
        <v>0</v>
      </c>
    </row>
    <row r="44909" spans="1:4" x14ac:dyDescent="0.25">
      <c r="A44909" t="s">
        <v>62528</v>
      </c>
      <c r="B44909" t="s">
        <v>62532</v>
      </c>
      <c r="C44909">
        <v>1</v>
      </c>
      <c r="D44909">
        <v>0</v>
      </c>
    </row>
    <row r="44910" spans="1:4" x14ac:dyDescent="0.25">
      <c r="A44910" t="s">
        <v>62533</v>
      </c>
      <c r="B44910" t="s">
        <v>62534</v>
      </c>
      <c r="C44910">
        <v>1</v>
      </c>
      <c r="D44910">
        <v>0</v>
      </c>
    </row>
    <row r="44911" spans="1:4" x14ac:dyDescent="0.25">
      <c r="A44911" t="s">
        <v>62533</v>
      </c>
      <c r="B44911" t="s">
        <v>18689</v>
      </c>
      <c r="C44911">
        <v>0</v>
      </c>
      <c r="D44911">
        <v>0</v>
      </c>
    </row>
    <row r="44912" spans="1:4" x14ac:dyDescent="0.25">
      <c r="A44912" t="s">
        <v>62533</v>
      </c>
      <c r="B44912" t="s">
        <v>62535</v>
      </c>
      <c r="C44912">
        <v>2</v>
      </c>
      <c r="D44912">
        <v>0</v>
      </c>
    </row>
    <row r="44913" spans="1:4" x14ac:dyDescent="0.25">
      <c r="A44913" t="s">
        <v>62533</v>
      </c>
      <c r="B44913" t="s">
        <v>62536</v>
      </c>
      <c r="C44913">
        <v>0</v>
      </c>
      <c r="D44913">
        <v>0</v>
      </c>
    </row>
    <row r="44914" spans="1:4" x14ac:dyDescent="0.25">
      <c r="A44914" t="s">
        <v>62533</v>
      </c>
      <c r="B44914" t="s">
        <v>62537</v>
      </c>
      <c r="C44914">
        <v>2</v>
      </c>
      <c r="D44914">
        <v>0</v>
      </c>
    </row>
    <row r="44915" spans="1:4" x14ac:dyDescent="0.25">
      <c r="A44915" t="s">
        <v>62538</v>
      </c>
      <c r="B44915" t="s">
        <v>62539</v>
      </c>
      <c r="C44915">
        <v>0</v>
      </c>
      <c r="D44915">
        <v>0</v>
      </c>
    </row>
    <row r="44916" spans="1:4" x14ac:dyDescent="0.25">
      <c r="A44916" t="s">
        <v>62538</v>
      </c>
      <c r="B44916" t="s">
        <v>62540</v>
      </c>
      <c r="C44916">
        <v>1</v>
      </c>
      <c r="D44916">
        <v>0</v>
      </c>
    </row>
    <row r="44917" spans="1:4" x14ac:dyDescent="0.25">
      <c r="A44917" t="s">
        <v>62538</v>
      </c>
      <c r="B44917" t="s">
        <v>62541</v>
      </c>
      <c r="C44917">
        <v>0</v>
      </c>
      <c r="D44917">
        <v>0</v>
      </c>
    </row>
    <row r="44918" spans="1:4" x14ac:dyDescent="0.25">
      <c r="A44918" t="s">
        <v>62538</v>
      </c>
      <c r="B44918" t="s">
        <v>62542</v>
      </c>
      <c r="C44918">
        <v>0</v>
      </c>
      <c r="D44918">
        <v>0</v>
      </c>
    </row>
    <row r="44919" spans="1:4" x14ac:dyDescent="0.25">
      <c r="A44919" t="s">
        <v>62538</v>
      </c>
      <c r="B44919" t="s">
        <v>62543</v>
      </c>
      <c r="C44919">
        <v>0</v>
      </c>
      <c r="D44919">
        <v>0</v>
      </c>
    </row>
    <row r="44920" spans="1:4" x14ac:dyDescent="0.25">
      <c r="A44920" t="s">
        <v>62538</v>
      </c>
      <c r="B44920" t="s">
        <v>62544</v>
      </c>
      <c r="C44920">
        <v>0</v>
      </c>
      <c r="D44920">
        <v>0</v>
      </c>
    </row>
    <row r="44921" spans="1:4" x14ac:dyDescent="0.25">
      <c r="A44921" t="s">
        <v>62538</v>
      </c>
      <c r="B44921" t="s">
        <v>62545</v>
      </c>
      <c r="C44921">
        <v>0</v>
      </c>
      <c r="D44921">
        <v>0</v>
      </c>
    </row>
    <row r="44922" spans="1:4" x14ac:dyDescent="0.25">
      <c r="A44922" t="s">
        <v>62538</v>
      </c>
      <c r="B44922" t="s">
        <v>62546</v>
      </c>
      <c r="C44922">
        <v>0</v>
      </c>
      <c r="D44922">
        <v>0</v>
      </c>
    </row>
    <row r="44923" spans="1:4" x14ac:dyDescent="0.25">
      <c r="A44923" t="s">
        <v>62547</v>
      </c>
      <c r="B44923" t="s">
        <v>62548</v>
      </c>
      <c r="C44923">
        <v>1</v>
      </c>
      <c r="D44923">
        <v>0</v>
      </c>
    </row>
    <row r="44924" spans="1:4" x14ac:dyDescent="0.25">
      <c r="A44924" t="s">
        <v>62547</v>
      </c>
      <c r="B44924" t="s">
        <v>62549</v>
      </c>
      <c r="C44924">
        <v>0</v>
      </c>
      <c r="D44924">
        <v>0</v>
      </c>
    </row>
    <row r="44925" spans="1:4" x14ac:dyDescent="0.25">
      <c r="A44925" t="s">
        <v>62547</v>
      </c>
      <c r="B44925" t="s">
        <v>62550</v>
      </c>
      <c r="C44925">
        <v>2</v>
      </c>
      <c r="D44925">
        <v>0</v>
      </c>
    </row>
    <row r="44926" spans="1:4" x14ac:dyDescent="0.25">
      <c r="A44926" t="s">
        <v>62547</v>
      </c>
      <c r="B44926" t="s">
        <v>62551</v>
      </c>
      <c r="C44926">
        <v>2</v>
      </c>
      <c r="D44926">
        <v>0</v>
      </c>
    </row>
    <row r="44927" spans="1:4" x14ac:dyDescent="0.25">
      <c r="A44927" t="s">
        <v>62552</v>
      </c>
      <c r="B44927" t="s">
        <v>62553</v>
      </c>
      <c r="C44927">
        <v>1</v>
      </c>
      <c r="D44927">
        <v>0</v>
      </c>
    </row>
    <row r="44928" spans="1:4" x14ac:dyDescent="0.25">
      <c r="A44928" t="s">
        <v>62552</v>
      </c>
      <c r="B44928" t="s">
        <v>62554</v>
      </c>
      <c r="C44928">
        <v>1</v>
      </c>
      <c r="D44928">
        <v>0</v>
      </c>
    </row>
    <row r="44929" spans="1:4" x14ac:dyDescent="0.25">
      <c r="A44929" t="s">
        <v>62552</v>
      </c>
      <c r="B44929" t="s">
        <v>62555</v>
      </c>
      <c r="C44929">
        <v>1</v>
      </c>
      <c r="D44929">
        <v>0</v>
      </c>
    </row>
    <row r="44930" spans="1:4" x14ac:dyDescent="0.25">
      <c r="A44930" t="s">
        <v>62552</v>
      </c>
      <c r="B44930" t="s">
        <v>62556</v>
      </c>
      <c r="C44930">
        <v>2</v>
      </c>
      <c r="D44930">
        <v>0</v>
      </c>
    </row>
    <row r="44931" spans="1:4" x14ac:dyDescent="0.25">
      <c r="A44931" t="s">
        <v>62552</v>
      </c>
      <c r="B44931" t="s">
        <v>62557</v>
      </c>
      <c r="C44931">
        <v>2</v>
      </c>
      <c r="D44931">
        <v>0</v>
      </c>
    </row>
    <row r="44932" spans="1:4" x14ac:dyDescent="0.25">
      <c r="A44932" t="s">
        <v>62552</v>
      </c>
      <c r="B44932" t="s">
        <v>62558</v>
      </c>
      <c r="C44932">
        <v>1</v>
      </c>
      <c r="D44932">
        <v>0</v>
      </c>
    </row>
    <row r="44933" spans="1:4" x14ac:dyDescent="0.25">
      <c r="A44933" t="s">
        <v>62552</v>
      </c>
      <c r="B44933" t="s">
        <v>62559</v>
      </c>
      <c r="C44933">
        <v>2</v>
      </c>
      <c r="D44933">
        <v>0</v>
      </c>
    </row>
    <row r="44934" spans="1:4" x14ac:dyDescent="0.25">
      <c r="A44934" t="s">
        <v>62560</v>
      </c>
      <c r="B44934" t="s">
        <v>62561</v>
      </c>
      <c r="C44934">
        <v>0</v>
      </c>
      <c r="D44934">
        <v>0</v>
      </c>
    </row>
    <row r="44935" spans="1:4" x14ac:dyDescent="0.25">
      <c r="A44935" t="s">
        <v>62560</v>
      </c>
      <c r="B44935" t="s">
        <v>62562</v>
      </c>
      <c r="C44935">
        <v>2</v>
      </c>
      <c r="D44935">
        <v>0</v>
      </c>
    </row>
    <row r="44936" spans="1:4" x14ac:dyDescent="0.25">
      <c r="A44936" t="s">
        <v>62560</v>
      </c>
      <c r="B44936" t="s">
        <v>62563</v>
      </c>
      <c r="C44936">
        <v>1</v>
      </c>
      <c r="D44936">
        <v>0</v>
      </c>
    </row>
    <row r="44937" spans="1:4" x14ac:dyDescent="0.25">
      <c r="A44937" t="s">
        <v>62560</v>
      </c>
      <c r="B44937" t="s">
        <v>62564</v>
      </c>
      <c r="C44937">
        <v>1</v>
      </c>
      <c r="D44937">
        <v>0</v>
      </c>
    </row>
    <row r="44938" spans="1:4" x14ac:dyDescent="0.25">
      <c r="A44938" t="s">
        <v>62560</v>
      </c>
      <c r="B44938" t="s">
        <v>62565</v>
      </c>
      <c r="C44938">
        <v>0</v>
      </c>
      <c r="D44938">
        <v>0</v>
      </c>
    </row>
    <row r="44939" spans="1:4" x14ac:dyDescent="0.25">
      <c r="A44939" t="s">
        <v>62560</v>
      </c>
      <c r="B44939" t="s">
        <v>62566</v>
      </c>
      <c r="C44939">
        <v>1</v>
      </c>
      <c r="D44939">
        <v>0</v>
      </c>
    </row>
    <row r="44940" spans="1:4" x14ac:dyDescent="0.25">
      <c r="A44940" t="s">
        <v>62560</v>
      </c>
      <c r="B44940" t="s">
        <v>62567</v>
      </c>
      <c r="C44940">
        <v>2</v>
      </c>
      <c r="D44940">
        <v>0</v>
      </c>
    </row>
    <row r="44941" spans="1:4" x14ac:dyDescent="0.25">
      <c r="A44941" t="s">
        <v>62568</v>
      </c>
      <c r="B44941" t="s">
        <v>62569</v>
      </c>
      <c r="C44941">
        <v>1</v>
      </c>
      <c r="D44941">
        <v>0</v>
      </c>
    </row>
    <row r="44942" spans="1:4" x14ac:dyDescent="0.25">
      <c r="A44942" t="s">
        <v>62568</v>
      </c>
      <c r="B44942" t="s">
        <v>62570</v>
      </c>
      <c r="C44942">
        <v>0</v>
      </c>
      <c r="D44942">
        <v>0</v>
      </c>
    </row>
    <row r="44943" spans="1:4" x14ac:dyDescent="0.25">
      <c r="A44943" t="s">
        <v>62568</v>
      </c>
      <c r="B44943" t="s">
        <v>62571</v>
      </c>
      <c r="C44943">
        <v>2</v>
      </c>
      <c r="D44943">
        <v>0</v>
      </c>
    </row>
    <row r="44944" spans="1:4" x14ac:dyDescent="0.25">
      <c r="A44944" t="s">
        <v>62568</v>
      </c>
      <c r="B44944" t="s">
        <v>62572</v>
      </c>
      <c r="C44944">
        <v>0</v>
      </c>
      <c r="D44944">
        <v>0</v>
      </c>
    </row>
    <row r="44945" spans="1:4" x14ac:dyDescent="0.25">
      <c r="A44945" t="s">
        <v>62573</v>
      </c>
      <c r="B44945" t="s">
        <v>62574</v>
      </c>
      <c r="C44945">
        <v>1</v>
      </c>
      <c r="D44945">
        <v>0</v>
      </c>
    </row>
    <row r="44946" spans="1:4" x14ac:dyDescent="0.25">
      <c r="A44946" t="s">
        <v>62573</v>
      </c>
      <c r="B44946" t="s">
        <v>62575</v>
      </c>
      <c r="C44946">
        <v>1</v>
      </c>
      <c r="D44946">
        <v>0</v>
      </c>
    </row>
    <row r="44947" spans="1:4" x14ac:dyDescent="0.25">
      <c r="A44947" t="s">
        <v>62573</v>
      </c>
      <c r="B44947" t="s">
        <v>62576</v>
      </c>
      <c r="C44947">
        <v>1</v>
      </c>
      <c r="D44947">
        <v>0</v>
      </c>
    </row>
    <row r="44948" spans="1:4" x14ac:dyDescent="0.25">
      <c r="A44948" t="s">
        <v>62573</v>
      </c>
      <c r="B44948" t="s">
        <v>62577</v>
      </c>
      <c r="C44948">
        <v>1</v>
      </c>
      <c r="D44948">
        <v>0</v>
      </c>
    </row>
    <row r="44949" spans="1:4" x14ac:dyDescent="0.25">
      <c r="A44949" t="s">
        <v>62578</v>
      </c>
      <c r="B44949" t="s">
        <v>62579</v>
      </c>
      <c r="C44949">
        <v>0</v>
      </c>
      <c r="D44949">
        <v>0</v>
      </c>
    </row>
    <row r="44950" spans="1:4" x14ac:dyDescent="0.25">
      <c r="A44950" t="s">
        <v>62578</v>
      </c>
      <c r="B44950" t="s">
        <v>62580</v>
      </c>
      <c r="C44950">
        <v>1</v>
      </c>
      <c r="D44950">
        <v>0</v>
      </c>
    </row>
    <row r="44951" spans="1:4" x14ac:dyDescent="0.25">
      <c r="A44951" t="s">
        <v>62578</v>
      </c>
      <c r="B44951" t="s">
        <v>62581</v>
      </c>
      <c r="C44951">
        <v>1</v>
      </c>
      <c r="D44951">
        <v>0</v>
      </c>
    </row>
    <row r="44952" spans="1:4" x14ac:dyDescent="0.25">
      <c r="A44952" t="s">
        <v>62578</v>
      </c>
      <c r="B44952" t="s">
        <v>25060</v>
      </c>
      <c r="C44952">
        <v>0</v>
      </c>
      <c r="D44952">
        <v>0</v>
      </c>
    </row>
    <row r="44953" spans="1:4" x14ac:dyDescent="0.25">
      <c r="A44953" t="s">
        <v>62578</v>
      </c>
      <c r="B44953" t="s">
        <v>62582</v>
      </c>
      <c r="C44953">
        <v>0</v>
      </c>
      <c r="D44953">
        <v>0</v>
      </c>
    </row>
    <row r="44954" spans="1:4" x14ac:dyDescent="0.25">
      <c r="A44954" t="s">
        <v>62578</v>
      </c>
      <c r="B44954" t="s">
        <v>62583</v>
      </c>
      <c r="C44954">
        <v>0</v>
      </c>
      <c r="D44954">
        <v>0</v>
      </c>
    </row>
    <row r="44955" spans="1:4" x14ac:dyDescent="0.25">
      <c r="A44955" t="s">
        <v>62578</v>
      </c>
      <c r="B44955" t="s">
        <v>62584</v>
      </c>
      <c r="C44955">
        <v>0</v>
      </c>
      <c r="D44955">
        <v>0</v>
      </c>
    </row>
    <row r="44956" spans="1:4" x14ac:dyDescent="0.25">
      <c r="A44956" t="s">
        <v>62585</v>
      </c>
      <c r="B44956" t="s">
        <v>62586</v>
      </c>
      <c r="C44956">
        <v>1</v>
      </c>
      <c r="D44956">
        <v>0</v>
      </c>
    </row>
    <row r="44957" spans="1:4" x14ac:dyDescent="0.25">
      <c r="A44957" t="s">
        <v>62585</v>
      </c>
      <c r="B44957" t="s">
        <v>62587</v>
      </c>
      <c r="C44957">
        <v>2</v>
      </c>
      <c r="D44957">
        <v>0</v>
      </c>
    </row>
    <row r="44958" spans="1:4" x14ac:dyDescent="0.25">
      <c r="A44958" t="s">
        <v>62585</v>
      </c>
      <c r="B44958" t="s">
        <v>62588</v>
      </c>
      <c r="C44958">
        <v>0</v>
      </c>
      <c r="D44958">
        <v>0</v>
      </c>
    </row>
    <row r="44959" spans="1:4" x14ac:dyDescent="0.25">
      <c r="A44959" t="s">
        <v>62585</v>
      </c>
      <c r="B44959" t="s">
        <v>62589</v>
      </c>
      <c r="C44959">
        <v>2</v>
      </c>
      <c r="D44959">
        <v>0</v>
      </c>
    </row>
    <row r="44960" spans="1:4" x14ac:dyDescent="0.25">
      <c r="A44960" t="s">
        <v>62590</v>
      </c>
      <c r="B44960" t="s">
        <v>62591</v>
      </c>
      <c r="C44960">
        <v>1</v>
      </c>
      <c r="D44960">
        <v>0</v>
      </c>
    </row>
    <row r="44961" spans="1:4" x14ac:dyDescent="0.25">
      <c r="A44961" t="s">
        <v>62590</v>
      </c>
      <c r="B44961" t="s">
        <v>62592</v>
      </c>
      <c r="C44961">
        <v>1</v>
      </c>
      <c r="D44961">
        <v>0</v>
      </c>
    </row>
    <row r="44962" spans="1:4" x14ac:dyDescent="0.25">
      <c r="A44962" t="s">
        <v>62590</v>
      </c>
      <c r="B44962" t="s">
        <v>5713</v>
      </c>
      <c r="C44962">
        <v>1</v>
      </c>
      <c r="D44962">
        <v>0</v>
      </c>
    </row>
    <row r="44963" spans="1:4" x14ac:dyDescent="0.25">
      <c r="A44963" t="s">
        <v>62590</v>
      </c>
      <c r="B44963" t="s">
        <v>62593</v>
      </c>
      <c r="C44963">
        <v>2</v>
      </c>
      <c r="D44963">
        <v>0</v>
      </c>
    </row>
    <row r="44964" spans="1:4" x14ac:dyDescent="0.25">
      <c r="A44964" t="s">
        <v>62590</v>
      </c>
      <c r="B44964" t="s">
        <v>62594</v>
      </c>
      <c r="C44964">
        <v>2</v>
      </c>
      <c r="D44964">
        <v>0</v>
      </c>
    </row>
    <row r="44965" spans="1:4" x14ac:dyDescent="0.25">
      <c r="A44965" t="s">
        <v>62595</v>
      </c>
      <c r="B44965" t="s">
        <v>62596</v>
      </c>
      <c r="C44965">
        <v>1</v>
      </c>
      <c r="D44965">
        <v>0</v>
      </c>
    </row>
    <row r="44966" spans="1:4" x14ac:dyDescent="0.25">
      <c r="A44966" t="s">
        <v>62595</v>
      </c>
      <c r="B44966" t="s">
        <v>2267</v>
      </c>
      <c r="C44966">
        <v>0</v>
      </c>
      <c r="D44966">
        <v>0</v>
      </c>
    </row>
    <row r="44967" spans="1:4" x14ac:dyDescent="0.25">
      <c r="A44967" t="s">
        <v>62595</v>
      </c>
      <c r="B44967" t="s">
        <v>62597</v>
      </c>
      <c r="C44967">
        <v>1</v>
      </c>
      <c r="D44967">
        <v>0</v>
      </c>
    </row>
    <row r="44968" spans="1:4" x14ac:dyDescent="0.25">
      <c r="A44968" t="s">
        <v>62595</v>
      </c>
      <c r="B44968" t="s">
        <v>62598</v>
      </c>
      <c r="C44968">
        <v>2</v>
      </c>
      <c r="D44968">
        <v>0</v>
      </c>
    </row>
    <row r="44969" spans="1:4" x14ac:dyDescent="0.25">
      <c r="A44969" t="s">
        <v>62595</v>
      </c>
      <c r="B44969" t="s">
        <v>62599</v>
      </c>
      <c r="C44969">
        <v>2</v>
      </c>
      <c r="D44969">
        <v>0</v>
      </c>
    </row>
    <row r="44970" spans="1:4" x14ac:dyDescent="0.25">
      <c r="A44970" t="s">
        <v>62595</v>
      </c>
      <c r="B44970" t="s">
        <v>62597</v>
      </c>
      <c r="C44970">
        <v>1</v>
      </c>
      <c r="D44970">
        <v>0</v>
      </c>
    </row>
    <row r="44971" spans="1:4" x14ac:dyDescent="0.25">
      <c r="A44971" t="s">
        <v>62595</v>
      </c>
      <c r="B44971" t="s">
        <v>62600</v>
      </c>
      <c r="C44971">
        <v>2</v>
      </c>
      <c r="D44971">
        <v>0</v>
      </c>
    </row>
    <row r="44972" spans="1:4" x14ac:dyDescent="0.25">
      <c r="A44972" t="s">
        <v>62595</v>
      </c>
      <c r="B44972" t="s">
        <v>62601</v>
      </c>
      <c r="C44972">
        <v>1</v>
      </c>
      <c r="D44972">
        <v>0</v>
      </c>
    </row>
    <row r="44973" spans="1:4" x14ac:dyDescent="0.25">
      <c r="A44973" t="s">
        <v>62595</v>
      </c>
      <c r="B44973" t="s">
        <v>62602</v>
      </c>
      <c r="C44973">
        <v>2</v>
      </c>
      <c r="D44973">
        <v>0</v>
      </c>
    </row>
    <row r="44974" spans="1:4" x14ac:dyDescent="0.25">
      <c r="A44974" t="s">
        <v>62595</v>
      </c>
      <c r="B44974" t="s">
        <v>62603</v>
      </c>
      <c r="C44974">
        <v>2</v>
      </c>
      <c r="D44974">
        <v>0</v>
      </c>
    </row>
    <row r="44975" spans="1:4" x14ac:dyDescent="0.25">
      <c r="A44975" t="s">
        <v>62595</v>
      </c>
      <c r="B44975" t="s">
        <v>62604</v>
      </c>
      <c r="C44975">
        <v>0</v>
      </c>
      <c r="D44975">
        <v>0</v>
      </c>
    </row>
    <row r="44976" spans="1:4" x14ac:dyDescent="0.25">
      <c r="A44976" t="s">
        <v>62595</v>
      </c>
      <c r="B44976" t="s">
        <v>62605</v>
      </c>
      <c r="C44976">
        <v>0</v>
      </c>
      <c r="D44976">
        <v>0</v>
      </c>
    </row>
    <row r="44977" spans="1:4" x14ac:dyDescent="0.25">
      <c r="A44977" t="s">
        <v>62606</v>
      </c>
      <c r="B44977" t="s">
        <v>62607</v>
      </c>
      <c r="C44977">
        <v>0</v>
      </c>
      <c r="D44977">
        <v>0</v>
      </c>
    </row>
    <row r="44978" spans="1:4" x14ac:dyDescent="0.25">
      <c r="A44978" t="s">
        <v>62608</v>
      </c>
      <c r="B44978" t="s">
        <v>62609</v>
      </c>
      <c r="C44978">
        <v>1</v>
      </c>
      <c r="D44978">
        <v>0</v>
      </c>
    </row>
    <row r="44979" spans="1:4" x14ac:dyDescent="0.25">
      <c r="A44979" t="s">
        <v>62608</v>
      </c>
      <c r="B44979" t="s">
        <v>62610</v>
      </c>
      <c r="C44979">
        <v>1</v>
      </c>
      <c r="D44979">
        <v>0</v>
      </c>
    </row>
    <row r="44980" spans="1:4" x14ac:dyDescent="0.25">
      <c r="A44980" t="s">
        <v>62608</v>
      </c>
      <c r="B44980" t="s">
        <v>62611</v>
      </c>
      <c r="C44980">
        <v>0</v>
      </c>
      <c r="D44980">
        <v>0</v>
      </c>
    </row>
    <row r="44981" spans="1:4" x14ac:dyDescent="0.25">
      <c r="A44981" t="s">
        <v>62612</v>
      </c>
      <c r="B44981" t="s">
        <v>62613</v>
      </c>
      <c r="C44981">
        <v>1</v>
      </c>
      <c r="D44981">
        <v>0</v>
      </c>
    </row>
    <row r="44982" spans="1:4" x14ac:dyDescent="0.25">
      <c r="A44982" t="s">
        <v>62612</v>
      </c>
      <c r="B44982" t="s">
        <v>62614</v>
      </c>
      <c r="C44982">
        <v>0</v>
      </c>
      <c r="D44982">
        <v>0</v>
      </c>
    </row>
    <row r="44983" spans="1:4" x14ac:dyDescent="0.25">
      <c r="A44983" t="s">
        <v>62612</v>
      </c>
      <c r="B44983" t="s">
        <v>62615</v>
      </c>
      <c r="C44983">
        <v>1</v>
      </c>
      <c r="D44983">
        <v>0</v>
      </c>
    </row>
    <row r="44984" spans="1:4" x14ac:dyDescent="0.25">
      <c r="A44984" t="s">
        <v>62612</v>
      </c>
      <c r="B44984" t="s">
        <v>62616</v>
      </c>
      <c r="C44984">
        <v>0</v>
      </c>
      <c r="D44984">
        <v>0</v>
      </c>
    </row>
    <row r="44985" spans="1:4" x14ac:dyDescent="0.25">
      <c r="A44985" t="s">
        <v>62617</v>
      </c>
      <c r="B44985" t="s">
        <v>62618</v>
      </c>
      <c r="C44985">
        <v>0</v>
      </c>
      <c r="D44985">
        <v>0</v>
      </c>
    </row>
    <row r="44986" spans="1:4" x14ac:dyDescent="0.25">
      <c r="A44986" t="s">
        <v>62617</v>
      </c>
      <c r="B44986" t="s">
        <v>62619</v>
      </c>
      <c r="C44986">
        <v>0</v>
      </c>
      <c r="D44986">
        <v>0</v>
      </c>
    </row>
    <row r="44987" spans="1:4" x14ac:dyDescent="0.25">
      <c r="A44987" t="s">
        <v>62617</v>
      </c>
      <c r="B44987" t="s">
        <v>62620</v>
      </c>
      <c r="C44987">
        <v>0</v>
      </c>
      <c r="D44987">
        <v>0</v>
      </c>
    </row>
    <row r="44988" spans="1:4" x14ac:dyDescent="0.25">
      <c r="A44988" t="s">
        <v>62621</v>
      </c>
      <c r="B44988" t="s">
        <v>62622</v>
      </c>
      <c r="C44988">
        <v>2</v>
      </c>
      <c r="D44988">
        <v>0</v>
      </c>
    </row>
    <row r="44989" spans="1:4" x14ac:dyDescent="0.25">
      <c r="A44989" t="s">
        <v>62623</v>
      </c>
      <c r="B44989" t="s">
        <v>62624</v>
      </c>
      <c r="C44989">
        <v>0</v>
      </c>
      <c r="D44989">
        <v>0</v>
      </c>
    </row>
    <row r="44990" spans="1:4" x14ac:dyDescent="0.25">
      <c r="A44990" t="s">
        <v>62623</v>
      </c>
      <c r="B44990" t="s">
        <v>62625</v>
      </c>
      <c r="C44990">
        <v>1</v>
      </c>
      <c r="D44990">
        <v>0</v>
      </c>
    </row>
    <row r="44991" spans="1:4" x14ac:dyDescent="0.25">
      <c r="A44991" t="s">
        <v>62623</v>
      </c>
      <c r="B44991" t="s">
        <v>62626</v>
      </c>
      <c r="C44991">
        <v>1</v>
      </c>
      <c r="D44991">
        <v>0</v>
      </c>
    </row>
    <row r="44992" spans="1:4" x14ac:dyDescent="0.25">
      <c r="A44992" t="s">
        <v>62623</v>
      </c>
      <c r="B44992" t="s">
        <v>62627</v>
      </c>
      <c r="C44992">
        <v>1</v>
      </c>
      <c r="D44992">
        <v>0</v>
      </c>
    </row>
    <row r="44993" spans="1:4" x14ac:dyDescent="0.25">
      <c r="A44993" t="s">
        <v>62623</v>
      </c>
      <c r="B44993" t="s">
        <v>62628</v>
      </c>
      <c r="C44993">
        <v>0</v>
      </c>
      <c r="D44993">
        <v>0</v>
      </c>
    </row>
    <row r="44994" spans="1:4" x14ac:dyDescent="0.25">
      <c r="A44994" t="s">
        <v>62629</v>
      </c>
      <c r="B44994" t="s">
        <v>62630</v>
      </c>
      <c r="C44994">
        <v>0</v>
      </c>
      <c r="D44994">
        <v>0</v>
      </c>
    </row>
    <row r="44995" spans="1:4" x14ac:dyDescent="0.25">
      <c r="A44995" t="s">
        <v>62629</v>
      </c>
      <c r="B44995" t="s">
        <v>62631</v>
      </c>
      <c r="C44995">
        <v>0</v>
      </c>
      <c r="D44995">
        <v>0</v>
      </c>
    </row>
    <row r="44996" spans="1:4" x14ac:dyDescent="0.25">
      <c r="A44996" t="s">
        <v>62632</v>
      </c>
      <c r="B44996" t="s">
        <v>62633</v>
      </c>
      <c r="C44996">
        <v>0</v>
      </c>
      <c r="D44996">
        <v>0</v>
      </c>
    </row>
    <row r="44997" spans="1:4" x14ac:dyDescent="0.25">
      <c r="A44997" t="s">
        <v>62632</v>
      </c>
      <c r="B44997" t="s">
        <v>62634</v>
      </c>
      <c r="C44997">
        <v>0</v>
      </c>
      <c r="D44997">
        <v>0</v>
      </c>
    </row>
    <row r="44998" spans="1:4" x14ac:dyDescent="0.25">
      <c r="A44998" t="s">
        <v>62632</v>
      </c>
      <c r="B44998" t="s">
        <v>62635</v>
      </c>
      <c r="C44998">
        <v>1</v>
      </c>
      <c r="D44998">
        <v>0</v>
      </c>
    </row>
    <row r="44999" spans="1:4" x14ac:dyDescent="0.25">
      <c r="A44999" t="s">
        <v>62636</v>
      </c>
      <c r="B44999" t="s">
        <v>5864</v>
      </c>
      <c r="C44999">
        <v>1</v>
      </c>
      <c r="D44999">
        <v>0</v>
      </c>
    </row>
    <row r="45000" spans="1:4" x14ac:dyDescent="0.25">
      <c r="A45000" t="s">
        <v>62636</v>
      </c>
      <c r="B45000" t="s">
        <v>17313</v>
      </c>
      <c r="C45000">
        <v>1</v>
      </c>
      <c r="D45000">
        <v>0</v>
      </c>
    </row>
    <row r="45001" spans="1:4" x14ac:dyDescent="0.25">
      <c r="A45001" t="s">
        <v>62636</v>
      </c>
      <c r="B45001" t="s">
        <v>62637</v>
      </c>
      <c r="C45001">
        <v>0</v>
      </c>
      <c r="D45001">
        <v>0</v>
      </c>
    </row>
    <row r="45002" spans="1:4" x14ac:dyDescent="0.25">
      <c r="A45002" t="s">
        <v>62636</v>
      </c>
      <c r="B45002" t="s">
        <v>62638</v>
      </c>
      <c r="C45002">
        <v>1</v>
      </c>
      <c r="D45002">
        <v>0</v>
      </c>
    </row>
    <row r="45003" spans="1:4" x14ac:dyDescent="0.25">
      <c r="A45003" t="s">
        <v>62639</v>
      </c>
      <c r="B45003" t="s">
        <v>62640</v>
      </c>
      <c r="C45003">
        <v>0</v>
      </c>
      <c r="D45003">
        <v>0</v>
      </c>
    </row>
    <row r="45004" spans="1:4" x14ac:dyDescent="0.25">
      <c r="A45004" t="s">
        <v>62639</v>
      </c>
      <c r="B45004" t="s">
        <v>62641</v>
      </c>
      <c r="C45004">
        <v>2</v>
      </c>
      <c r="D45004">
        <v>0</v>
      </c>
    </row>
    <row r="45005" spans="1:4" x14ac:dyDescent="0.25">
      <c r="A45005" t="s">
        <v>62639</v>
      </c>
      <c r="B45005" t="s">
        <v>62642</v>
      </c>
      <c r="C45005">
        <v>2</v>
      </c>
      <c r="D45005">
        <v>0</v>
      </c>
    </row>
    <row r="45006" spans="1:4" x14ac:dyDescent="0.25">
      <c r="A45006" t="s">
        <v>62639</v>
      </c>
      <c r="B45006" t="s">
        <v>62643</v>
      </c>
      <c r="C45006">
        <v>0</v>
      </c>
      <c r="D45006">
        <v>0</v>
      </c>
    </row>
    <row r="45007" spans="1:4" x14ac:dyDescent="0.25">
      <c r="A45007" t="s">
        <v>62644</v>
      </c>
      <c r="B45007" t="s">
        <v>62645</v>
      </c>
      <c r="C45007">
        <v>0</v>
      </c>
      <c r="D45007">
        <v>0</v>
      </c>
    </row>
    <row r="45008" spans="1:4" x14ac:dyDescent="0.25">
      <c r="A45008" t="s">
        <v>62644</v>
      </c>
      <c r="B45008" t="s">
        <v>62646</v>
      </c>
      <c r="C45008">
        <v>2</v>
      </c>
      <c r="D45008">
        <v>0</v>
      </c>
    </row>
    <row r="45009" spans="1:4" x14ac:dyDescent="0.25">
      <c r="A45009" t="s">
        <v>62644</v>
      </c>
      <c r="B45009" t="s">
        <v>62647</v>
      </c>
      <c r="C45009">
        <v>1</v>
      </c>
      <c r="D45009">
        <v>0</v>
      </c>
    </row>
    <row r="45010" spans="1:4" x14ac:dyDescent="0.25">
      <c r="A45010" t="s">
        <v>62644</v>
      </c>
      <c r="B45010" t="s">
        <v>62648</v>
      </c>
      <c r="C45010">
        <v>2</v>
      </c>
      <c r="D45010">
        <v>0</v>
      </c>
    </row>
    <row r="45011" spans="1:4" x14ac:dyDescent="0.25">
      <c r="A45011" t="s">
        <v>62644</v>
      </c>
      <c r="B45011" t="s">
        <v>62649</v>
      </c>
      <c r="C45011">
        <v>1</v>
      </c>
      <c r="D45011">
        <v>0</v>
      </c>
    </row>
    <row r="45012" spans="1:4" x14ac:dyDescent="0.25">
      <c r="A45012" t="s">
        <v>62644</v>
      </c>
      <c r="B45012" t="s">
        <v>62650</v>
      </c>
      <c r="C45012">
        <v>0</v>
      </c>
      <c r="D45012">
        <v>0</v>
      </c>
    </row>
    <row r="45013" spans="1:4" x14ac:dyDescent="0.25">
      <c r="A45013" t="s">
        <v>62651</v>
      </c>
      <c r="B45013" t="s">
        <v>62652</v>
      </c>
      <c r="C45013">
        <v>1</v>
      </c>
      <c r="D45013">
        <v>0</v>
      </c>
    </row>
    <row r="45014" spans="1:4" x14ac:dyDescent="0.25">
      <c r="A45014" t="s">
        <v>62651</v>
      </c>
      <c r="B45014" t="s">
        <v>62653</v>
      </c>
      <c r="C45014">
        <v>1</v>
      </c>
      <c r="D45014">
        <v>0</v>
      </c>
    </row>
    <row r="45015" spans="1:4" x14ac:dyDescent="0.25">
      <c r="A45015" t="s">
        <v>62651</v>
      </c>
      <c r="B45015" t="s">
        <v>62654</v>
      </c>
      <c r="C45015">
        <v>0</v>
      </c>
      <c r="D45015">
        <v>0</v>
      </c>
    </row>
    <row r="45016" spans="1:4" x14ac:dyDescent="0.25">
      <c r="A45016" t="s">
        <v>62651</v>
      </c>
      <c r="B45016" t="s">
        <v>62655</v>
      </c>
      <c r="C45016">
        <v>1</v>
      </c>
      <c r="D45016">
        <v>0</v>
      </c>
    </row>
    <row r="45017" spans="1:4" x14ac:dyDescent="0.25">
      <c r="A45017" t="s">
        <v>62651</v>
      </c>
      <c r="B45017" t="s">
        <v>62656</v>
      </c>
      <c r="C45017">
        <v>1</v>
      </c>
      <c r="D45017">
        <v>0</v>
      </c>
    </row>
    <row r="45018" spans="1:4" x14ac:dyDescent="0.25">
      <c r="A45018" t="s">
        <v>62651</v>
      </c>
      <c r="B45018" t="s">
        <v>62657</v>
      </c>
      <c r="C45018">
        <v>2</v>
      </c>
      <c r="D45018">
        <v>0</v>
      </c>
    </row>
    <row r="45019" spans="1:4" x14ac:dyDescent="0.25">
      <c r="A45019" t="s">
        <v>62651</v>
      </c>
      <c r="B45019" t="s">
        <v>62658</v>
      </c>
      <c r="C45019">
        <v>1</v>
      </c>
      <c r="D45019">
        <v>0</v>
      </c>
    </row>
    <row r="45020" spans="1:4" x14ac:dyDescent="0.25">
      <c r="A45020" t="s">
        <v>62651</v>
      </c>
      <c r="B45020" t="s">
        <v>11075</v>
      </c>
      <c r="C45020">
        <v>1</v>
      </c>
      <c r="D45020">
        <v>0</v>
      </c>
    </row>
    <row r="45021" spans="1:4" x14ac:dyDescent="0.25">
      <c r="A45021" t="s">
        <v>62651</v>
      </c>
      <c r="B45021" t="s">
        <v>62652</v>
      </c>
      <c r="C45021">
        <v>1</v>
      </c>
      <c r="D45021">
        <v>0</v>
      </c>
    </row>
    <row r="45022" spans="1:4" x14ac:dyDescent="0.25">
      <c r="A45022" t="s">
        <v>62651</v>
      </c>
      <c r="B45022" t="s">
        <v>62659</v>
      </c>
      <c r="C45022">
        <v>1</v>
      </c>
      <c r="D45022">
        <v>0</v>
      </c>
    </row>
    <row r="45023" spans="1:4" x14ac:dyDescent="0.25">
      <c r="A45023" t="s">
        <v>62651</v>
      </c>
      <c r="B45023" t="s">
        <v>46567</v>
      </c>
      <c r="C45023">
        <v>1</v>
      </c>
      <c r="D45023">
        <v>0</v>
      </c>
    </row>
    <row r="45024" spans="1:4" x14ac:dyDescent="0.25">
      <c r="A45024" t="s">
        <v>62660</v>
      </c>
      <c r="B45024" t="s">
        <v>1294</v>
      </c>
      <c r="C45024">
        <v>1</v>
      </c>
      <c r="D45024">
        <v>0</v>
      </c>
    </row>
    <row r="45025" spans="1:4" x14ac:dyDescent="0.25">
      <c r="A45025" t="s">
        <v>62660</v>
      </c>
      <c r="B45025" t="s">
        <v>62661</v>
      </c>
      <c r="C45025">
        <v>0</v>
      </c>
      <c r="D45025">
        <v>0</v>
      </c>
    </row>
    <row r="45026" spans="1:4" x14ac:dyDescent="0.25">
      <c r="A45026" t="s">
        <v>62660</v>
      </c>
      <c r="B45026" t="s">
        <v>62662</v>
      </c>
      <c r="C45026">
        <v>0</v>
      </c>
      <c r="D45026">
        <v>0</v>
      </c>
    </row>
    <row r="45027" spans="1:4" x14ac:dyDescent="0.25">
      <c r="A45027" t="s">
        <v>62660</v>
      </c>
      <c r="B45027" t="s">
        <v>62663</v>
      </c>
      <c r="C45027">
        <v>2</v>
      </c>
      <c r="D45027">
        <v>0</v>
      </c>
    </row>
    <row r="45028" spans="1:4" x14ac:dyDescent="0.25">
      <c r="A45028" t="s">
        <v>62664</v>
      </c>
      <c r="B45028" t="s">
        <v>62665</v>
      </c>
      <c r="C45028">
        <v>1</v>
      </c>
      <c r="D45028">
        <v>0</v>
      </c>
    </row>
    <row r="45029" spans="1:4" x14ac:dyDescent="0.25">
      <c r="A45029" t="s">
        <v>62666</v>
      </c>
      <c r="B45029" t="s">
        <v>62667</v>
      </c>
      <c r="C45029">
        <v>1</v>
      </c>
      <c r="D45029">
        <v>0</v>
      </c>
    </row>
    <row r="45030" spans="1:4" x14ac:dyDescent="0.25">
      <c r="A45030" t="s">
        <v>62668</v>
      </c>
      <c r="B45030" t="s">
        <v>62669</v>
      </c>
      <c r="C45030">
        <v>1</v>
      </c>
      <c r="D45030">
        <v>0</v>
      </c>
    </row>
    <row r="45031" spans="1:4" x14ac:dyDescent="0.25">
      <c r="A45031" t="s">
        <v>62668</v>
      </c>
      <c r="B45031" t="s">
        <v>62670</v>
      </c>
      <c r="C45031">
        <v>2</v>
      </c>
      <c r="D45031">
        <v>0</v>
      </c>
    </row>
    <row r="45032" spans="1:4" x14ac:dyDescent="0.25">
      <c r="A45032" t="s">
        <v>62668</v>
      </c>
      <c r="B45032" t="s">
        <v>62671</v>
      </c>
      <c r="C45032">
        <v>0</v>
      </c>
      <c r="D45032">
        <v>0</v>
      </c>
    </row>
    <row r="45033" spans="1:4" x14ac:dyDescent="0.25">
      <c r="A45033" t="s">
        <v>62668</v>
      </c>
      <c r="B45033" t="s">
        <v>62672</v>
      </c>
      <c r="C45033">
        <v>2</v>
      </c>
      <c r="D45033">
        <v>0</v>
      </c>
    </row>
    <row r="45034" spans="1:4" x14ac:dyDescent="0.25">
      <c r="A45034" t="s">
        <v>62668</v>
      </c>
      <c r="B45034" t="s">
        <v>62673</v>
      </c>
      <c r="C45034">
        <v>2</v>
      </c>
      <c r="D45034">
        <v>0</v>
      </c>
    </row>
    <row r="45035" spans="1:4" x14ac:dyDescent="0.25">
      <c r="A45035" t="s">
        <v>62674</v>
      </c>
      <c r="B45035" t="s">
        <v>62675</v>
      </c>
      <c r="C45035">
        <v>0</v>
      </c>
      <c r="D45035">
        <v>0</v>
      </c>
    </row>
    <row r="45036" spans="1:4" x14ac:dyDescent="0.25">
      <c r="A45036" t="s">
        <v>62674</v>
      </c>
      <c r="B45036" t="s">
        <v>62676</v>
      </c>
      <c r="C45036">
        <v>1</v>
      </c>
      <c r="D45036">
        <v>0</v>
      </c>
    </row>
    <row r="45037" spans="1:4" x14ac:dyDescent="0.25">
      <c r="A45037" t="s">
        <v>62674</v>
      </c>
      <c r="B45037" t="s">
        <v>47873</v>
      </c>
      <c r="C45037">
        <v>0</v>
      </c>
      <c r="D45037">
        <v>0</v>
      </c>
    </row>
    <row r="45038" spans="1:4" x14ac:dyDescent="0.25">
      <c r="A45038" t="s">
        <v>62674</v>
      </c>
      <c r="B45038" t="s">
        <v>62677</v>
      </c>
      <c r="C45038">
        <v>1</v>
      </c>
      <c r="D45038">
        <v>0</v>
      </c>
    </row>
    <row r="45039" spans="1:4" x14ac:dyDescent="0.25">
      <c r="A45039" t="s">
        <v>62674</v>
      </c>
      <c r="B45039" t="s">
        <v>62678</v>
      </c>
      <c r="C45039">
        <v>1</v>
      </c>
      <c r="D45039">
        <v>0</v>
      </c>
    </row>
    <row r="45040" spans="1:4" x14ac:dyDescent="0.25">
      <c r="A45040" t="s">
        <v>62679</v>
      </c>
      <c r="B45040" t="s">
        <v>62680</v>
      </c>
      <c r="C45040">
        <v>1</v>
      </c>
      <c r="D45040">
        <v>0</v>
      </c>
    </row>
    <row r="45041" spans="1:4" x14ac:dyDescent="0.25">
      <c r="A45041" t="s">
        <v>62679</v>
      </c>
      <c r="B45041" t="s">
        <v>62681</v>
      </c>
      <c r="C45041">
        <v>0</v>
      </c>
      <c r="D45041">
        <v>0</v>
      </c>
    </row>
    <row r="45042" spans="1:4" x14ac:dyDescent="0.25">
      <c r="A45042" t="s">
        <v>62679</v>
      </c>
      <c r="B45042" t="s">
        <v>62682</v>
      </c>
      <c r="C45042">
        <v>0</v>
      </c>
      <c r="D45042">
        <v>0</v>
      </c>
    </row>
    <row r="45043" spans="1:4" x14ac:dyDescent="0.25">
      <c r="A45043" t="s">
        <v>62679</v>
      </c>
      <c r="B45043" t="s">
        <v>62683</v>
      </c>
      <c r="C45043">
        <v>0</v>
      </c>
      <c r="D45043">
        <v>0</v>
      </c>
    </row>
    <row r="45044" spans="1:4" x14ac:dyDescent="0.25">
      <c r="A45044" t="s">
        <v>62679</v>
      </c>
      <c r="B45044" t="s">
        <v>62684</v>
      </c>
      <c r="C45044">
        <v>1</v>
      </c>
      <c r="D45044">
        <v>0</v>
      </c>
    </row>
    <row r="45045" spans="1:4" x14ac:dyDescent="0.25">
      <c r="A45045" t="s">
        <v>62679</v>
      </c>
      <c r="B45045" t="s">
        <v>62685</v>
      </c>
      <c r="C45045">
        <v>1</v>
      </c>
      <c r="D45045">
        <v>0</v>
      </c>
    </row>
    <row r="45046" spans="1:4" x14ac:dyDescent="0.25">
      <c r="A45046" t="s">
        <v>62686</v>
      </c>
      <c r="B45046" t="s">
        <v>62687</v>
      </c>
      <c r="C45046">
        <v>1</v>
      </c>
      <c r="D45046">
        <v>0</v>
      </c>
    </row>
    <row r="45047" spans="1:4" x14ac:dyDescent="0.25">
      <c r="A45047" t="s">
        <v>62686</v>
      </c>
      <c r="B45047" t="s">
        <v>62688</v>
      </c>
      <c r="C45047">
        <v>1</v>
      </c>
      <c r="D45047">
        <v>0</v>
      </c>
    </row>
    <row r="45048" spans="1:4" x14ac:dyDescent="0.25">
      <c r="A45048" t="s">
        <v>62689</v>
      </c>
      <c r="B45048" t="s">
        <v>62690</v>
      </c>
      <c r="C45048">
        <v>1</v>
      </c>
      <c r="D45048">
        <v>0</v>
      </c>
    </row>
    <row r="45049" spans="1:4" x14ac:dyDescent="0.25">
      <c r="A45049" t="s">
        <v>62689</v>
      </c>
      <c r="B45049" t="s">
        <v>62691</v>
      </c>
      <c r="C45049">
        <v>2</v>
      </c>
      <c r="D45049">
        <v>0</v>
      </c>
    </row>
    <row r="45050" spans="1:4" x14ac:dyDescent="0.25">
      <c r="A45050" t="s">
        <v>62692</v>
      </c>
      <c r="B45050" t="s">
        <v>62693</v>
      </c>
      <c r="C45050">
        <v>1</v>
      </c>
      <c r="D45050">
        <v>0</v>
      </c>
    </row>
    <row r="45051" spans="1:4" x14ac:dyDescent="0.25">
      <c r="A45051" t="s">
        <v>62692</v>
      </c>
      <c r="B45051" t="s">
        <v>62694</v>
      </c>
      <c r="C45051">
        <v>1</v>
      </c>
      <c r="D45051">
        <v>0</v>
      </c>
    </row>
    <row r="45052" spans="1:4" x14ac:dyDescent="0.25">
      <c r="A45052" t="s">
        <v>62692</v>
      </c>
      <c r="B45052" t="s">
        <v>62695</v>
      </c>
      <c r="C45052">
        <v>1</v>
      </c>
      <c r="D45052">
        <v>0</v>
      </c>
    </row>
    <row r="45053" spans="1:4" x14ac:dyDescent="0.25">
      <c r="A45053" t="s">
        <v>62692</v>
      </c>
      <c r="B45053" t="s">
        <v>62696</v>
      </c>
      <c r="C45053">
        <v>1</v>
      </c>
      <c r="D45053">
        <v>0</v>
      </c>
    </row>
    <row r="45054" spans="1:4" x14ac:dyDescent="0.25">
      <c r="A45054" t="s">
        <v>62697</v>
      </c>
      <c r="B45054" t="s">
        <v>62698</v>
      </c>
      <c r="C45054">
        <v>0</v>
      </c>
      <c r="D45054">
        <v>0</v>
      </c>
    </row>
    <row r="45055" spans="1:4" x14ac:dyDescent="0.25">
      <c r="A45055" t="s">
        <v>62697</v>
      </c>
      <c r="B45055" t="s">
        <v>62699</v>
      </c>
      <c r="C45055">
        <v>1</v>
      </c>
      <c r="D45055">
        <v>0</v>
      </c>
    </row>
    <row r="45056" spans="1:4" x14ac:dyDescent="0.25">
      <c r="A45056" t="s">
        <v>62697</v>
      </c>
      <c r="B45056" t="s">
        <v>62700</v>
      </c>
      <c r="C45056">
        <v>2</v>
      </c>
      <c r="D45056">
        <v>0</v>
      </c>
    </row>
    <row r="45057" spans="1:4" x14ac:dyDescent="0.25">
      <c r="A45057" t="s">
        <v>62697</v>
      </c>
      <c r="B45057" t="s">
        <v>62701</v>
      </c>
      <c r="C45057">
        <v>1</v>
      </c>
      <c r="D45057">
        <v>0</v>
      </c>
    </row>
    <row r="45058" spans="1:4" x14ac:dyDescent="0.25">
      <c r="A45058" t="s">
        <v>62702</v>
      </c>
      <c r="B45058" t="s">
        <v>62703</v>
      </c>
      <c r="C45058">
        <v>0</v>
      </c>
      <c r="D45058">
        <v>0</v>
      </c>
    </row>
    <row r="45059" spans="1:4" x14ac:dyDescent="0.25">
      <c r="A45059" t="s">
        <v>62702</v>
      </c>
      <c r="B45059" t="s">
        <v>11948</v>
      </c>
      <c r="C45059">
        <v>1</v>
      </c>
      <c r="D45059">
        <v>0</v>
      </c>
    </row>
    <row r="45060" spans="1:4" x14ac:dyDescent="0.25">
      <c r="A45060" t="s">
        <v>62702</v>
      </c>
      <c r="B45060" t="s">
        <v>11948</v>
      </c>
      <c r="C45060">
        <v>0</v>
      </c>
      <c r="D45060">
        <v>0</v>
      </c>
    </row>
    <row r="45061" spans="1:4" x14ac:dyDescent="0.25">
      <c r="A45061" t="s">
        <v>62702</v>
      </c>
      <c r="B45061" t="s">
        <v>62704</v>
      </c>
      <c r="C45061">
        <v>0</v>
      </c>
      <c r="D45061">
        <v>0</v>
      </c>
    </row>
    <row r="45062" spans="1:4" x14ac:dyDescent="0.25">
      <c r="A45062" t="s">
        <v>62702</v>
      </c>
      <c r="B45062" t="s">
        <v>62705</v>
      </c>
      <c r="C45062">
        <v>0</v>
      </c>
      <c r="D45062">
        <v>0</v>
      </c>
    </row>
    <row r="45063" spans="1:4" x14ac:dyDescent="0.25">
      <c r="A45063" t="s">
        <v>62706</v>
      </c>
      <c r="B45063" t="s">
        <v>62707</v>
      </c>
      <c r="C45063">
        <v>1</v>
      </c>
      <c r="D45063">
        <v>0</v>
      </c>
    </row>
    <row r="45064" spans="1:4" x14ac:dyDescent="0.25">
      <c r="A45064" t="s">
        <v>62706</v>
      </c>
      <c r="B45064" t="s">
        <v>62708</v>
      </c>
      <c r="C45064">
        <v>1</v>
      </c>
      <c r="D45064">
        <v>0</v>
      </c>
    </row>
    <row r="45065" spans="1:4" x14ac:dyDescent="0.25">
      <c r="A45065" t="s">
        <v>62706</v>
      </c>
      <c r="B45065" t="s">
        <v>62709</v>
      </c>
      <c r="C45065">
        <v>1</v>
      </c>
      <c r="D45065">
        <v>0</v>
      </c>
    </row>
    <row r="45066" spans="1:4" x14ac:dyDescent="0.25">
      <c r="A45066" t="s">
        <v>62706</v>
      </c>
      <c r="B45066" t="s">
        <v>5713</v>
      </c>
      <c r="C45066">
        <v>1</v>
      </c>
      <c r="D45066">
        <v>0</v>
      </c>
    </row>
    <row r="45067" spans="1:4" x14ac:dyDescent="0.25">
      <c r="A45067" t="s">
        <v>62710</v>
      </c>
      <c r="B45067" t="s">
        <v>62711</v>
      </c>
      <c r="C45067">
        <v>1</v>
      </c>
      <c r="D45067">
        <v>0</v>
      </c>
    </row>
    <row r="45068" spans="1:4" x14ac:dyDescent="0.25">
      <c r="A45068" t="s">
        <v>62710</v>
      </c>
      <c r="B45068" t="s">
        <v>62712</v>
      </c>
      <c r="C45068">
        <v>1</v>
      </c>
      <c r="D45068">
        <v>0</v>
      </c>
    </row>
    <row r="45069" spans="1:4" x14ac:dyDescent="0.25">
      <c r="A45069" t="s">
        <v>62710</v>
      </c>
      <c r="B45069" t="s">
        <v>62713</v>
      </c>
      <c r="C45069">
        <v>1</v>
      </c>
      <c r="D45069">
        <v>0</v>
      </c>
    </row>
    <row r="45070" spans="1:4" x14ac:dyDescent="0.25">
      <c r="A45070" t="s">
        <v>62714</v>
      </c>
      <c r="B45070" t="s">
        <v>62715</v>
      </c>
      <c r="C45070">
        <v>1</v>
      </c>
      <c r="D45070">
        <v>0</v>
      </c>
    </row>
    <row r="45071" spans="1:4" x14ac:dyDescent="0.25">
      <c r="A45071" t="s">
        <v>62714</v>
      </c>
      <c r="B45071" t="s">
        <v>62716</v>
      </c>
      <c r="C45071">
        <v>2</v>
      </c>
      <c r="D45071">
        <v>0</v>
      </c>
    </row>
    <row r="45072" spans="1:4" x14ac:dyDescent="0.25">
      <c r="A45072" t="s">
        <v>62714</v>
      </c>
      <c r="B45072" t="s">
        <v>62717</v>
      </c>
      <c r="C45072">
        <v>1</v>
      </c>
      <c r="D45072">
        <v>0</v>
      </c>
    </row>
    <row r="45073" spans="1:4" x14ac:dyDescent="0.25">
      <c r="A45073" t="s">
        <v>62714</v>
      </c>
      <c r="B45073" t="s">
        <v>62718</v>
      </c>
      <c r="C45073">
        <v>1</v>
      </c>
      <c r="D45073">
        <v>0</v>
      </c>
    </row>
    <row r="45074" spans="1:4" x14ac:dyDescent="0.25">
      <c r="A45074" t="s">
        <v>62719</v>
      </c>
      <c r="B45074" t="s">
        <v>62720</v>
      </c>
      <c r="C45074">
        <v>1</v>
      </c>
      <c r="D45074">
        <v>0</v>
      </c>
    </row>
    <row r="45075" spans="1:4" x14ac:dyDescent="0.25">
      <c r="A45075" t="s">
        <v>62719</v>
      </c>
      <c r="B45075" t="s">
        <v>62721</v>
      </c>
      <c r="C45075">
        <v>1</v>
      </c>
      <c r="D45075">
        <v>0</v>
      </c>
    </row>
    <row r="45076" spans="1:4" x14ac:dyDescent="0.25">
      <c r="A45076" t="s">
        <v>62719</v>
      </c>
      <c r="B45076" t="s">
        <v>62722</v>
      </c>
      <c r="C45076">
        <v>0</v>
      </c>
      <c r="D45076">
        <v>0</v>
      </c>
    </row>
    <row r="45077" spans="1:4" x14ac:dyDescent="0.25">
      <c r="A45077" t="s">
        <v>62719</v>
      </c>
      <c r="B45077" t="s">
        <v>1555</v>
      </c>
      <c r="C45077">
        <v>2</v>
      </c>
      <c r="D45077">
        <v>0</v>
      </c>
    </row>
    <row r="45078" spans="1:4" x14ac:dyDescent="0.25">
      <c r="A45078" t="s">
        <v>62719</v>
      </c>
      <c r="B45078" t="s">
        <v>62723</v>
      </c>
      <c r="C45078">
        <v>1</v>
      </c>
      <c r="D45078">
        <v>0</v>
      </c>
    </row>
    <row r="45079" spans="1:4" x14ac:dyDescent="0.25">
      <c r="A45079" t="s">
        <v>62719</v>
      </c>
      <c r="B45079" t="s">
        <v>62724</v>
      </c>
      <c r="C45079">
        <v>1</v>
      </c>
      <c r="D45079">
        <v>0</v>
      </c>
    </row>
    <row r="45080" spans="1:4" x14ac:dyDescent="0.25">
      <c r="A45080" t="s">
        <v>62719</v>
      </c>
      <c r="B45080" t="s">
        <v>62725</v>
      </c>
      <c r="C45080">
        <v>1</v>
      </c>
      <c r="D45080">
        <v>0</v>
      </c>
    </row>
    <row r="45081" spans="1:4" x14ac:dyDescent="0.25">
      <c r="A45081" t="s">
        <v>62719</v>
      </c>
      <c r="B45081" t="s">
        <v>62726</v>
      </c>
      <c r="C45081">
        <v>2</v>
      </c>
      <c r="D45081">
        <v>0</v>
      </c>
    </row>
    <row r="45082" spans="1:4" x14ac:dyDescent="0.25">
      <c r="A45082" t="s">
        <v>62719</v>
      </c>
      <c r="B45082" t="s">
        <v>62727</v>
      </c>
      <c r="C45082">
        <v>1</v>
      </c>
      <c r="D45082">
        <v>0</v>
      </c>
    </row>
    <row r="45083" spans="1:4" x14ac:dyDescent="0.25">
      <c r="A45083" t="s">
        <v>62719</v>
      </c>
      <c r="B45083" t="s">
        <v>62728</v>
      </c>
      <c r="C45083">
        <v>1</v>
      </c>
      <c r="D45083">
        <v>0</v>
      </c>
    </row>
    <row r="45084" spans="1:4" x14ac:dyDescent="0.25">
      <c r="A45084" t="s">
        <v>62719</v>
      </c>
      <c r="B45084" t="s">
        <v>62729</v>
      </c>
      <c r="C45084">
        <v>2</v>
      </c>
      <c r="D45084">
        <v>0</v>
      </c>
    </row>
    <row r="45085" spans="1:4" x14ac:dyDescent="0.25">
      <c r="A45085" t="s">
        <v>62730</v>
      </c>
      <c r="B45085" t="s">
        <v>62731</v>
      </c>
      <c r="C45085">
        <v>1</v>
      </c>
      <c r="D45085">
        <v>0</v>
      </c>
    </row>
    <row r="45086" spans="1:4" x14ac:dyDescent="0.25">
      <c r="A45086" t="s">
        <v>62730</v>
      </c>
      <c r="B45086" t="s">
        <v>62732</v>
      </c>
      <c r="C45086">
        <v>2</v>
      </c>
      <c r="D45086">
        <v>0</v>
      </c>
    </row>
    <row r="45087" spans="1:4" x14ac:dyDescent="0.25">
      <c r="A45087" t="s">
        <v>62733</v>
      </c>
      <c r="B45087" t="s">
        <v>12472</v>
      </c>
      <c r="C45087">
        <v>1</v>
      </c>
      <c r="D45087">
        <v>0</v>
      </c>
    </row>
    <row r="45088" spans="1:4" x14ac:dyDescent="0.25">
      <c r="A45088" t="s">
        <v>62733</v>
      </c>
      <c r="B45088" t="s">
        <v>62734</v>
      </c>
      <c r="C45088">
        <v>1</v>
      </c>
      <c r="D45088">
        <v>0</v>
      </c>
    </row>
    <row r="45089" spans="1:4" x14ac:dyDescent="0.25">
      <c r="A45089" t="s">
        <v>62733</v>
      </c>
      <c r="B45089" t="s">
        <v>62735</v>
      </c>
      <c r="C45089">
        <v>0</v>
      </c>
      <c r="D45089">
        <v>0</v>
      </c>
    </row>
    <row r="45090" spans="1:4" x14ac:dyDescent="0.25">
      <c r="A45090" t="s">
        <v>62733</v>
      </c>
      <c r="B45090" t="s">
        <v>62736</v>
      </c>
      <c r="C45090">
        <v>1</v>
      </c>
      <c r="D45090">
        <v>0</v>
      </c>
    </row>
    <row r="45091" spans="1:4" x14ac:dyDescent="0.25">
      <c r="A45091" t="s">
        <v>62733</v>
      </c>
      <c r="B45091" t="s">
        <v>62737</v>
      </c>
      <c r="C45091">
        <v>0</v>
      </c>
      <c r="D45091">
        <v>0</v>
      </c>
    </row>
    <row r="45092" spans="1:4" x14ac:dyDescent="0.25">
      <c r="A45092" t="s">
        <v>62738</v>
      </c>
      <c r="B45092" t="s">
        <v>62739</v>
      </c>
      <c r="C45092">
        <v>1</v>
      </c>
      <c r="D45092">
        <v>0</v>
      </c>
    </row>
    <row r="45093" spans="1:4" x14ac:dyDescent="0.25">
      <c r="A45093" t="s">
        <v>62738</v>
      </c>
      <c r="B45093" t="s">
        <v>62740</v>
      </c>
      <c r="C45093">
        <v>0</v>
      </c>
      <c r="D45093">
        <v>0</v>
      </c>
    </row>
    <row r="45094" spans="1:4" x14ac:dyDescent="0.25">
      <c r="A45094" t="s">
        <v>62738</v>
      </c>
      <c r="B45094" t="s">
        <v>62741</v>
      </c>
      <c r="C45094">
        <v>1</v>
      </c>
      <c r="D45094">
        <v>0</v>
      </c>
    </row>
    <row r="45095" spans="1:4" x14ac:dyDescent="0.25">
      <c r="A45095" t="s">
        <v>62738</v>
      </c>
      <c r="B45095" t="s">
        <v>62742</v>
      </c>
      <c r="C45095">
        <v>1</v>
      </c>
      <c r="D45095">
        <v>0</v>
      </c>
    </row>
    <row r="45096" spans="1:4" x14ac:dyDescent="0.25">
      <c r="A45096" t="s">
        <v>62738</v>
      </c>
      <c r="B45096" t="s">
        <v>62743</v>
      </c>
      <c r="C45096">
        <v>1</v>
      </c>
      <c r="D45096">
        <v>0</v>
      </c>
    </row>
    <row r="45097" spans="1:4" x14ac:dyDescent="0.25">
      <c r="A45097" t="s">
        <v>62744</v>
      </c>
      <c r="B45097" t="s">
        <v>62745</v>
      </c>
      <c r="C45097">
        <v>1</v>
      </c>
      <c r="D45097">
        <v>0</v>
      </c>
    </row>
    <row r="45098" spans="1:4" x14ac:dyDescent="0.25">
      <c r="A45098" t="s">
        <v>62746</v>
      </c>
      <c r="B45098" t="s">
        <v>62747</v>
      </c>
      <c r="C45098">
        <v>0</v>
      </c>
      <c r="D45098">
        <v>0</v>
      </c>
    </row>
    <row r="45099" spans="1:4" x14ac:dyDescent="0.25">
      <c r="A45099" t="s">
        <v>62746</v>
      </c>
      <c r="B45099" t="s">
        <v>62748</v>
      </c>
      <c r="C45099">
        <v>0</v>
      </c>
      <c r="D45099">
        <v>0</v>
      </c>
    </row>
    <row r="45100" spans="1:4" x14ac:dyDescent="0.25">
      <c r="A45100" t="s">
        <v>62746</v>
      </c>
      <c r="B45100" t="s">
        <v>62749</v>
      </c>
      <c r="C45100">
        <v>0</v>
      </c>
      <c r="D45100">
        <v>0</v>
      </c>
    </row>
    <row r="45101" spans="1:4" x14ac:dyDescent="0.25">
      <c r="A45101" t="s">
        <v>62746</v>
      </c>
      <c r="B45101" t="s">
        <v>62750</v>
      </c>
      <c r="C45101">
        <v>0</v>
      </c>
      <c r="D45101">
        <v>0</v>
      </c>
    </row>
    <row r="45102" spans="1:4" x14ac:dyDescent="0.25">
      <c r="A45102" t="s">
        <v>62751</v>
      </c>
      <c r="B45102" t="s">
        <v>62752</v>
      </c>
      <c r="C45102">
        <v>2</v>
      </c>
      <c r="D45102">
        <v>0</v>
      </c>
    </row>
    <row r="45103" spans="1:4" x14ac:dyDescent="0.25">
      <c r="A45103" t="s">
        <v>62751</v>
      </c>
      <c r="B45103" t="s">
        <v>62753</v>
      </c>
      <c r="C45103">
        <v>1</v>
      </c>
      <c r="D45103">
        <v>0</v>
      </c>
    </row>
    <row r="45104" spans="1:4" x14ac:dyDescent="0.25">
      <c r="A45104" t="s">
        <v>62751</v>
      </c>
      <c r="B45104" t="s">
        <v>62754</v>
      </c>
      <c r="C45104">
        <v>1</v>
      </c>
      <c r="D45104">
        <v>0</v>
      </c>
    </row>
    <row r="45105" spans="1:4" x14ac:dyDescent="0.25">
      <c r="A45105" t="s">
        <v>62751</v>
      </c>
      <c r="B45105" t="s">
        <v>62755</v>
      </c>
      <c r="C45105">
        <v>1</v>
      </c>
      <c r="D45105">
        <v>0</v>
      </c>
    </row>
    <row r="45106" spans="1:4" x14ac:dyDescent="0.25">
      <c r="A45106" t="s">
        <v>62751</v>
      </c>
      <c r="B45106" t="s">
        <v>62756</v>
      </c>
      <c r="C45106">
        <v>1</v>
      </c>
      <c r="D45106">
        <v>0</v>
      </c>
    </row>
    <row r="45107" spans="1:4" x14ac:dyDescent="0.25">
      <c r="A45107" t="s">
        <v>62751</v>
      </c>
      <c r="B45107" t="s">
        <v>62757</v>
      </c>
      <c r="C45107">
        <v>1</v>
      </c>
      <c r="D45107">
        <v>0</v>
      </c>
    </row>
    <row r="45108" spans="1:4" x14ac:dyDescent="0.25">
      <c r="A45108" t="s">
        <v>62751</v>
      </c>
      <c r="B45108" t="s">
        <v>62758</v>
      </c>
      <c r="C45108">
        <v>1</v>
      </c>
      <c r="D45108">
        <v>0</v>
      </c>
    </row>
    <row r="45109" spans="1:4" x14ac:dyDescent="0.25">
      <c r="A45109" t="s">
        <v>62751</v>
      </c>
      <c r="B45109" t="s">
        <v>62759</v>
      </c>
      <c r="C45109">
        <v>1</v>
      </c>
      <c r="D45109">
        <v>0</v>
      </c>
    </row>
    <row r="45110" spans="1:4" x14ac:dyDescent="0.25">
      <c r="A45110" t="s">
        <v>62760</v>
      </c>
      <c r="B45110" t="s">
        <v>62761</v>
      </c>
      <c r="C45110">
        <v>1</v>
      </c>
      <c r="D45110">
        <v>0</v>
      </c>
    </row>
    <row r="45111" spans="1:4" x14ac:dyDescent="0.25">
      <c r="A45111" t="s">
        <v>62760</v>
      </c>
      <c r="B45111" t="s">
        <v>62762</v>
      </c>
      <c r="C45111">
        <v>0</v>
      </c>
      <c r="D45111">
        <v>0</v>
      </c>
    </row>
    <row r="45112" spans="1:4" x14ac:dyDescent="0.25">
      <c r="A45112" t="s">
        <v>62760</v>
      </c>
      <c r="B45112" t="s">
        <v>62763</v>
      </c>
      <c r="C45112">
        <v>0</v>
      </c>
      <c r="D45112">
        <v>0</v>
      </c>
    </row>
    <row r="45113" spans="1:4" x14ac:dyDescent="0.25">
      <c r="A45113" t="s">
        <v>62764</v>
      </c>
      <c r="B45113" t="s">
        <v>5047</v>
      </c>
      <c r="C45113">
        <v>0</v>
      </c>
      <c r="D45113">
        <v>0</v>
      </c>
    </row>
    <row r="45114" spans="1:4" x14ac:dyDescent="0.25">
      <c r="A45114" t="s">
        <v>62764</v>
      </c>
      <c r="B45114" t="s">
        <v>62765</v>
      </c>
      <c r="C45114">
        <v>2</v>
      </c>
      <c r="D45114">
        <v>0</v>
      </c>
    </row>
    <row r="45115" spans="1:4" x14ac:dyDescent="0.25">
      <c r="A45115" t="s">
        <v>62764</v>
      </c>
      <c r="B45115" t="s">
        <v>62766</v>
      </c>
      <c r="C45115">
        <v>2</v>
      </c>
      <c r="D45115">
        <v>0</v>
      </c>
    </row>
    <row r="45116" spans="1:4" x14ac:dyDescent="0.25">
      <c r="A45116" t="s">
        <v>62767</v>
      </c>
      <c r="B45116" t="s">
        <v>62768</v>
      </c>
      <c r="C45116">
        <v>0</v>
      </c>
      <c r="D45116">
        <v>0</v>
      </c>
    </row>
    <row r="45117" spans="1:4" x14ac:dyDescent="0.25">
      <c r="A45117" t="s">
        <v>62767</v>
      </c>
      <c r="B45117" t="s">
        <v>62769</v>
      </c>
      <c r="C45117">
        <v>0</v>
      </c>
      <c r="D45117">
        <v>0</v>
      </c>
    </row>
    <row r="45118" spans="1:4" x14ac:dyDescent="0.25">
      <c r="A45118" t="s">
        <v>62770</v>
      </c>
      <c r="B45118" t="s">
        <v>62771</v>
      </c>
      <c r="C45118">
        <v>1</v>
      </c>
      <c r="D45118">
        <v>0</v>
      </c>
    </row>
    <row r="45119" spans="1:4" x14ac:dyDescent="0.25">
      <c r="A45119" t="s">
        <v>62770</v>
      </c>
      <c r="B45119" t="s">
        <v>62772</v>
      </c>
      <c r="C45119">
        <v>1</v>
      </c>
      <c r="D45119">
        <v>0</v>
      </c>
    </row>
    <row r="45120" spans="1:4" x14ac:dyDescent="0.25">
      <c r="A45120" t="s">
        <v>62770</v>
      </c>
      <c r="B45120" t="s">
        <v>62773</v>
      </c>
      <c r="C45120">
        <v>2</v>
      </c>
      <c r="D45120">
        <v>0</v>
      </c>
    </row>
    <row r="45121" spans="1:4" x14ac:dyDescent="0.25">
      <c r="A45121" t="s">
        <v>62774</v>
      </c>
      <c r="B45121" t="s">
        <v>62775</v>
      </c>
      <c r="C45121">
        <v>0</v>
      </c>
      <c r="D45121">
        <v>0</v>
      </c>
    </row>
    <row r="45122" spans="1:4" x14ac:dyDescent="0.25">
      <c r="A45122" t="s">
        <v>62776</v>
      </c>
      <c r="B45122" t="s">
        <v>62777</v>
      </c>
      <c r="C45122">
        <v>2</v>
      </c>
      <c r="D45122">
        <v>0</v>
      </c>
    </row>
    <row r="45123" spans="1:4" x14ac:dyDescent="0.25">
      <c r="A45123" t="s">
        <v>62776</v>
      </c>
      <c r="B45123" t="s">
        <v>12472</v>
      </c>
      <c r="C45123">
        <v>1</v>
      </c>
      <c r="D45123">
        <v>0</v>
      </c>
    </row>
    <row r="45124" spans="1:4" x14ac:dyDescent="0.25">
      <c r="A45124" t="s">
        <v>62776</v>
      </c>
      <c r="B45124" t="s">
        <v>62778</v>
      </c>
      <c r="C45124">
        <v>2</v>
      </c>
      <c r="D45124">
        <v>0</v>
      </c>
    </row>
    <row r="45125" spans="1:4" x14ac:dyDescent="0.25">
      <c r="A45125" t="s">
        <v>62776</v>
      </c>
      <c r="B45125" t="s">
        <v>62779</v>
      </c>
      <c r="C45125">
        <v>2</v>
      </c>
      <c r="D45125">
        <v>0</v>
      </c>
    </row>
    <row r="45126" spans="1:4" x14ac:dyDescent="0.25">
      <c r="A45126" t="s">
        <v>62776</v>
      </c>
      <c r="B45126" t="s">
        <v>62780</v>
      </c>
      <c r="C45126">
        <v>2</v>
      </c>
      <c r="D45126">
        <v>0</v>
      </c>
    </row>
    <row r="45127" spans="1:4" x14ac:dyDescent="0.25">
      <c r="A45127" t="s">
        <v>62776</v>
      </c>
      <c r="B45127" t="s">
        <v>62781</v>
      </c>
      <c r="C45127">
        <v>1</v>
      </c>
      <c r="D45127">
        <v>0</v>
      </c>
    </row>
    <row r="45128" spans="1:4" x14ac:dyDescent="0.25">
      <c r="A45128" t="s">
        <v>62776</v>
      </c>
      <c r="B45128" t="s">
        <v>62782</v>
      </c>
      <c r="C45128">
        <v>2</v>
      </c>
      <c r="D45128">
        <v>0</v>
      </c>
    </row>
    <row r="45129" spans="1:4" x14ac:dyDescent="0.25">
      <c r="A45129" t="s">
        <v>62783</v>
      </c>
      <c r="B45129" t="s">
        <v>62784</v>
      </c>
      <c r="C45129">
        <v>1</v>
      </c>
      <c r="D45129">
        <v>0</v>
      </c>
    </row>
    <row r="45130" spans="1:4" x14ac:dyDescent="0.25">
      <c r="A45130" t="s">
        <v>62783</v>
      </c>
      <c r="B45130" t="s">
        <v>62785</v>
      </c>
      <c r="C45130">
        <v>1</v>
      </c>
      <c r="D45130">
        <v>0</v>
      </c>
    </row>
    <row r="45131" spans="1:4" x14ac:dyDescent="0.25">
      <c r="A45131" t="s">
        <v>62783</v>
      </c>
      <c r="B45131" t="s">
        <v>62786</v>
      </c>
      <c r="C45131">
        <v>1</v>
      </c>
      <c r="D45131">
        <v>0</v>
      </c>
    </row>
    <row r="45132" spans="1:4" x14ac:dyDescent="0.25">
      <c r="A45132" t="s">
        <v>62787</v>
      </c>
      <c r="B45132" t="s">
        <v>62788</v>
      </c>
      <c r="C45132">
        <v>1</v>
      </c>
      <c r="D45132">
        <v>0</v>
      </c>
    </row>
    <row r="45133" spans="1:4" x14ac:dyDescent="0.25">
      <c r="A45133" t="s">
        <v>62787</v>
      </c>
      <c r="B45133" t="s">
        <v>35545</v>
      </c>
      <c r="C45133">
        <v>1</v>
      </c>
      <c r="D45133">
        <v>0</v>
      </c>
    </row>
    <row r="45134" spans="1:4" x14ac:dyDescent="0.25">
      <c r="A45134" t="s">
        <v>62787</v>
      </c>
      <c r="B45134" t="s">
        <v>35545</v>
      </c>
      <c r="C45134">
        <v>1</v>
      </c>
      <c r="D45134">
        <v>0</v>
      </c>
    </row>
    <row r="45135" spans="1:4" x14ac:dyDescent="0.25">
      <c r="A45135" t="s">
        <v>62787</v>
      </c>
      <c r="B45135" t="s">
        <v>62789</v>
      </c>
      <c r="C45135">
        <v>1</v>
      </c>
      <c r="D45135">
        <v>0</v>
      </c>
    </row>
    <row r="45136" spans="1:4" x14ac:dyDescent="0.25">
      <c r="A45136" t="s">
        <v>62787</v>
      </c>
      <c r="B45136" t="s">
        <v>62790</v>
      </c>
      <c r="C45136">
        <v>2</v>
      </c>
      <c r="D45136">
        <v>0</v>
      </c>
    </row>
    <row r="45137" spans="1:4" x14ac:dyDescent="0.25">
      <c r="A45137" t="s">
        <v>62791</v>
      </c>
      <c r="B45137" t="s">
        <v>62792</v>
      </c>
      <c r="C45137">
        <v>1</v>
      </c>
      <c r="D45137">
        <v>0</v>
      </c>
    </row>
    <row r="45138" spans="1:4" x14ac:dyDescent="0.25">
      <c r="A45138" t="s">
        <v>62791</v>
      </c>
      <c r="B45138" t="s">
        <v>62793</v>
      </c>
      <c r="C45138">
        <v>1</v>
      </c>
      <c r="D45138">
        <v>0</v>
      </c>
    </row>
    <row r="45139" spans="1:4" x14ac:dyDescent="0.25">
      <c r="A45139" t="s">
        <v>62791</v>
      </c>
      <c r="B45139" t="s">
        <v>62794</v>
      </c>
      <c r="C45139">
        <v>1</v>
      </c>
      <c r="D45139">
        <v>0</v>
      </c>
    </row>
    <row r="45140" spans="1:4" x14ac:dyDescent="0.25">
      <c r="A45140" t="s">
        <v>62791</v>
      </c>
      <c r="B45140" t="s">
        <v>62795</v>
      </c>
      <c r="C45140">
        <v>2</v>
      </c>
      <c r="D45140">
        <v>0</v>
      </c>
    </row>
    <row r="45141" spans="1:4" x14ac:dyDescent="0.25">
      <c r="A45141" t="s">
        <v>62791</v>
      </c>
      <c r="B45141" t="s">
        <v>62796</v>
      </c>
      <c r="C45141">
        <v>1</v>
      </c>
      <c r="D45141">
        <v>0</v>
      </c>
    </row>
    <row r="45142" spans="1:4" x14ac:dyDescent="0.25">
      <c r="A45142" t="s">
        <v>62791</v>
      </c>
      <c r="B45142" t="s">
        <v>62797</v>
      </c>
      <c r="C45142">
        <v>1</v>
      </c>
      <c r="D45142">
        <v>0</v>
      </c>
    </row>
    <row r="45143" spans="1:4" x14ac:dyDescent="0.25">
      <c r="A45143" t="s">
        <v>62791</v>
      </c>
      <c r="B45143" t="s">
        <v>5434</v>
      </c>
      <c r="C45143">
        <v>1</v>
      </c>
      <c r="D45143">
        <v>0</v>
      </c>
    </row>
    <row r="45144" spans="1:4" x14ac:dyDescent="0.25">
      <c r="A45144" t="s">
        <v>62798</v>
      </c>
      <c r="B45144" t="s">
        <v>62799</v>
      </c>
      <c r="C45144">
        <v>1</v>
      </c>
      <c r="D45144">
        <v>0</v>
      </c>
    </row>
    <row r="45145" spans="1:4" x14ac:dyDescent="0.25">
      <c r="A45145" t="s">
        <v>62798</v>
      </c>
      <c r="B45145" t="s">
        <v>62800</v>
      </c>
      <c r="C45145">
        <v>1</v>
      </c>
      <c r="D45145">
        <v>0</v>
      </c>
    </row>
    <row r="45146" spans="1:4" x14ac:dyDescent="0.25">
      <c r="A45146" t="s">
        <v>62798</v>
      </c>
      <c r="B45146" t="s">
        <v>62801</v>
      </c>
      <c r="C45146">
        <v>1</v>
      </c>
      <c r="D45146">
        <v>0</v>
      </c>
    </row>
    <row r="45147" spans="1:4" x14ac:dyDescent="0.25">
      <c r="A45147" t="s">
        <v>62798</v>
      </c>
      <c r="B45147" t="s">
        <v>62802</v>
      </c>
      <c r="C45147">
        <v>1</v>
      </c>
      <c r="D45147">
        <v>0</v>
      </c>
    </row>
    <row r="45148" spans="1:4" x14ac:dyDescent="0.25">
      <c r="A45148" t="s">
        <v>62803</v>
      </c>
      <c r="B45148" t="s">
        <v>62804</v>
      </c>
      <c r="C45148">
        <v>1</v>
      </c>
      <c r="D45148">
        <v>0</v>
      </c>
    </row>
    <row r="45149" spans="1:4" x14ac:dyDescent="0.25">
      <c r="A45149" t="s">
        <v>62803</v>
      </c>
      <c r="B45149" t="s">
        <v>62805</v>
      </c>
      <c r="C45149">
        <v>1</v>
      </c>
      <c r="D45149">
        <v>0</v>
      </c>
    </row>
    <row r="45150" spans="1:4" x14ac:dyDescent="0.25">
      <c r="A45150" t="s">
        <v>62803</v>
      </c>
      <c r="B45150" t="s">
        <v>62806</v>
      </c>
      <c r="C45150">
        <v>0</v>
      </c>
      <c r="D45150">
        <v>0</v>
      </c>
    </row>
    <row r="45151" spans="1:4" x14ac:dyDescent="0.25">
      <c r="A45151" t="s">
        <v>62803</v>
      </c>
      <c r="B45151" t="s">
        <v>62807</v>
      </c>
      <c r="C45151">
        <v>1</v>
      </c>
      <c r="D45151">
        <v>0</v>
      </c>
    </row>
    <row r="45152" spans="1:4" x14ac:dyDescent="0.25">
      <c r="A45152" t="s">
        <v>62803</v>
      </c>
      <c r="B45152" t="s">
        <v>62808</v>
      </c>
      <c r="C45152">
        <v>0</v>
      </c>
      <c r="D45152">
        <v>0</v>
      </c>
    </row>
    <row r="45153" spans="1:4" x14ac:dyDescent="0.25">
      <c r="A45153" t="s">
        <v>62803</v>
      </c>
      <c r="B45153" t="s">
        <v>62809</v>
      </c>
      <c r="C45153">
        <v>2</v>
      </c>
      <c r="D45153">
        <v>0</v>
      </c>
    </row>
    <row r="45154" spans="1:4" x14ac:dyDescent="0.25">
      <c r="A45154" t="s">
        <v>62803</v>
      </c>
      <c r="B45154" t="s">
        <v>62810</v>
      </c>
      <c r="C45154">
        <v>1</v>
      </c>
      <c r="D45154">
        <v>0</v>
      </c>
    </row>
    <row r="45155" spans="1:4" x14ac:dyDescent="0.25">
      <c r="A45155" t="s">
        <v>62811</v>
      </c>
      <c r="B45155" t="s">
        <v>62812</v>
      </c>
      <c r="C45155">
        <v>1</v>
      </c>
      <c r="D45155">
        <v>0</v>
      </c>
    </row>
    <row r="45156" spans="1:4" x14ac:dyDescent="0.25">
      <c r="A45156" t="s">
        <v>62811</v>
      </c>
      <c r="B45156" t="s">
        <v>5434</v>
      </c>
      <c r="C45156">
        <v>1</v>
      </c>
      <c r="D45156">
        <v>0</v>
      </c>
    </row>
    <row r="45157" spans="1:4" x14ac:dyDescent="0.25">
      <c r="A45157" t="s">
        <v>62811</v>
      </c>
      <c r="B45157" t="s">
        <v>62813</v>
      </c>
      <c r="C45157">
        <v>1</v>
      </c>
      <c r="D45157">
        <v>0</v>
      </c>
    </row>
    <row r="45158" spans="1:4" x14ac:dyDescent="0.25">
      <c r="A45158" t="s">
        <v>62811</v>
      </c>
      <c r="B45158" t="s">
        <v>62814</v>
      </c>
      <c r="C45158">
        <v>1</v>
      </c>
      <c r="D45158">
        <v>0</v>
      </c>
    </row>
    <row r="45159" spans="1:4" x14ac:dyDescent="0.25">
      <c r="A45159" t="s">
        <v>62811</v>
      </c>
      <c r="B45159" t="s">
        <v>62815</v>
      </c>
      <c r="C45159">
        <v>1</v>
      </c>
      <c r="D45159">
        <v>0</v>
      </c>
    </row>
    <row r="45160" spans="1:4" x14ac:dyDescent="0.25">
      <c r="A45160" t="s">
        <v>62816</v>
      </c>
      <c r="B45160" t="s">
        <v>62817</v>
      </c>
      <c r="C45160">
        <v>1</v>
      </c>
      <c r="D45160">
        <v>0</v>
      </c>
    </row>
    <row r="45161" spans="1:4" x14ac:dyDescent="0.25">
      <c r="A45161" t="s">
        <v>62816</v>
      </c>
      <c r="B45161" t="s">
        <v>62818</v>
      </c>
      <c r="C45161">
        <v>0</v>
      </c>
      <c r="D45161">
        <v>0</v>
      </c>
    </row>
    <row r="45162" spans="1:4" x14ac:dyDescent="0.25">
      <c r="A45162" t="s">
        <v>62816</v>
      </c>
      <c r="B45162" t="s">
        <v>62819</v>
      </c>
      <c r="C45162">
        <v>2</v>
      </c>
      <c r="D45162">
        <v>0</v>
      </c>
    </row>
    <row r="45163" spans="1:4" x14ac:dyDescent="0.25">
      <c r="A45163" t="s">
        <v>62816</v>
      </c>
      <c r="B45163" t="s">
        <v>62820</v>
      </c>
      <c r="C45163">
        <v>1</v>
      </c>
      <c r="D45163">
        <v>0</v>
      </c>
    </row>
    <row r="45164" spans="1:4" x14ac:dyDescent="0.25">
      <c r="A45164" t="s">
        <v>62816</v>
      </c>
      <c r="B45164" t="s">
        <v>62821</v>
      </c>
      <c r="C45164">
        <v>0</v>
      </c>
      <c r="D45164">
        <v>0</v>
      </c>
    </row>
    <row r="45165" spans="1:4" x14ac:dyDescent="0.25">
      <c r="A45165" t="s">
        <v>62822</v>
      </c>
      <c r="B45165" t="s">
        <v>62823</v>
      </c>
      <c r="C45165">
        <v>0</v>
      </c>
      <c r="D45165">
        <v>0</v>
      </c>
    </row>
    <row r="45166" spans="1:4" x14ac:dyDescent="0.25">
      <c r="A45166" t="s">
        <v>62824</v>
      </c>
      <c r="B45166" t="s">
        <v>62825</v>
      </c>
      <c r="C45166">
        <v>1</v>
      </c>
      <c r="D45166">
        <v>0</v>
      </c>
    </row>
    <row r="45167" spans="1:4" x14ac:dyDescent="0.25">
      <c r="A45167" t="s">
        <v>62824</v>
      </c>
      <c r="B45167" t="s">
        <v>62826</v>
      </c>
      <c r="C45167">
        <v>1</v>
      </c>
      <c r="D45167">
        <v>0</v>
      </c>
    </row>
    <row r="45168" spans="1:4" x14ac:dyDescent="0.25">
      <c r="A45168" t="s">
        <v>62824</v>
      </c>
      <c r="B45168" t="s">
        <v>62827</v>
      </c>
      <c r="C45168">
        <v>1</v>
      </c>
      <c r="D45168">
        <v>0</v>
      </c>
    </row>
    <row r="45169" spans="1:4" x14ac:dyDescent="0.25">
      <c r="A45169" t="s">
        <v>62824</v>
      </c>
      <c r="B45169" t="s">
        <v>62828</v>
      </c>
      <c r="C45169">
        <v>1</v>
      </c>
      <c r="D45169">
        <v>0</v>
      </c>
    </row>
    <row r="45170" spans="1:4" x14ac:dyDescent="0.25">
      <c r="A45170" t="s">
        <v>62824</v>
      </c>
      <c r="B45170" t="s">
        <v>62417</v>
      </c>
      <c r="C45170">
        <v>1</v>
      </c>
      <c r="D45170">
        <v>0</v>
      </c>
    </row>
    <row r="45171" spans="1:4" x14ac:dyDescent="0.25">
      <c r="A45171" t="s">
        <v>62829</v>
      </c>
      <c r="B45171" t="s">
        <v>62830</v>
      </c>
      <c r="C45171">
        <v>0</v>
      </c>
      <c r="D45171">
        <v>0</v>
      </c>
    </row>
    <row r="45172" spans="1:4" x14ac:dyDescent="0.25">
      <c r="A45172" t="s">
        <v>62829</v>
      </c>
      <c r="B45172" t="s">
        <v>62831</v>
      </c>
      <c r="C45172">
        <v>2</v>
      </c>
      <c r="D45172">
        <v>0</v>
      </c>
    </row>
    <row r="45173" spans="1:4" x14ac:dyDescent="0.25">
      <c r="A45173" t="s">
        <v>62829</v>
      </c>
      <c r="B45173" t="s">
        <v>62832</v>
      </c>
      <c r="C45173">
        <v>2</v>
      </c>
      <c r="D45173">
        <v>0</v>
      </c>
    </row>
    <row r="45174" spans="1:4" x14ac:dyDescent="0.25">
      <c r="A45174" t="s">
        <v>62829</v>
      </c>
      <c r="B45174" t="s">
        <v>62833</v>
      </c>
      <c r="C45174">
        <v>1</v>
      </c>
      <c r="D45174">
        <v>0</v>
      </c>
    </row>
    <row r="45175" spans="1:4" x14ac:dyDescent="0.25">
      <c r="A45175" t="s">
        <v>62829</v>
      </c>
      <c r="B45175" t="s">
        <v>62834</v>
      </c>
      <c r="C45175">
        <v>0</v>
      </c>
      <c r="D45175">
        <v>0</v>
      </c>
    </row>
    <row r="45176" spans="1:4" x14ac:dyDescent="0.25">
      <c r="A45176" t="s">
        <v>62829</v>
      </c>
      <c r="B45176" t="s">
        <v>62835</v>
      </c>
      <c r="C45176">
        <v>0</v>
      </c>
      <c r="D45176">
        <v>0</v>
      </c>
    </row>
    <row r="45177" spans="1:4" x14ac:dyDescent="0.25">
      <c r="A45177" t="s">
        <v>62836</v>
      </c>
      <c r="B45177" t="s">
        <v>62837</v>
      </c>
      <c r="C45177">
        <v>1</v>
      </c>
      <c r="D45177">
        <v>0</v>
      </c>
    </row>
    <row r="45178" spans="1:4" x14ac:dyDescent="0.25">
      <c r="A45178" t="s">
        <v>62836</v>
      </c>
      <c r="B45178" t="s">
        <v>62838</v>
      </c>
      <c r="C45178">
        <v>1</v>
      </c>
      <c r="D45178">
        <v>0</v>
      </c>
    </row>
    <row r="45179" spans="1:4" x14ac:dyDescent="0.25">
      <c r="A45179" t="s">
        <v>62836</v>
      </c>
      <c r="B45179" t="s">
        <v>62839</v>
      </c>
      <c r="C45179">
        <v>1</v>
      </c>
      <c r="D45179">
        <v>0</v>
      </c>
    </row>
    <row r="45180" spans="1:4" x14ac:dyDescent="0.25">
      <c r="A45180" t="s">
        <v>62836</v>
      </c>
      <c r="B45180" t="s">
        <v>62840</v>
      </c>
      <c r="C45180">
        <v>1</v>
      </c>
      <c r="D45180">
        <v>0</v>
      </c>
    </row>
    <row r="45181" spans="1:4" x14ac:dyDescent="0.25">
      <c r="A45181" t="s">
        <v>62841</v>
      </c>
      <c r="B45181" t="s">
        <v>5713</v>
      </c>
      <c r="C45181">
        <v>1</v>
      </c>
      <c r="D45181">
        <v>0</v>
      </c>
    </row>
    <row r="45182" spans="1:4" x14ac:dyDescent="0.25">
      <c r="A45182" t="s">
        <v>62841</v>
      </c>
      <c r="B45182" t="s">
        <v>62842</v>
      </c>
      <c r="C45182">
        <v>0</v>
      </c>
      <c r="D45182">
        <v>0</v>
      </c>
    </row>
    <row r="45183" spans="1:4" x14ac:dyDescent="0.25">
      <c r="A45183" t="s">
        <v>62841</v>
      </c>
      <c r="B45183" t="s">
        <v>62843</v>
      </c>
      <c r="C45183">
        <v>1</v>
      </c>
      <c r="D45183">
        <v>0</v>
      </c>
    </row>
    <row r="45184" spans="1:4" x14ac:dyDescent="0.25">
      <c r="A45184" t="s">
        <v>62844</v>
      </c>
      <c r="B45184" t="s">
        <v>62845</v>
      </c>
      <c r="C45184">
        <v>0</v>
      </c>
      <c r="D45184">
        <v>0</v>
      </c>
    </row>
    <row r="45185" spans="1:4" x14ac:dyDescent="0.25">
      <c r="A45185" t="s">
        <v>62844</v>
      </c>
      <c r="B45185" t="s">
        <v>62846</v>
      </c>
      <c r="C45185">
        <v>1</v>
      </c>
      <c r="D45185">
        <v>0</v>
      </c>
    </row>
    <row r="45186" spans="1:4" x14ac:dyDescent="0.25">
      <c r="A45186" t="s">
        <v>62844</v>
      </c>
      <c r="B45186" t="s">
        <v>62847</v>
      </c>
      <c r="C45186">
        <v>0</v>
      </c>
      <c r="D45186">
        <v>0</v>
      </c>
    </row>
    <row r="45187" spans="1:4" x14ac:dyDescent="0.25">
      <c r="A45187" t="s">
        <v>62844</v>
      </c>
      <c r="B45187" t="s">
        <v>62848</v>
      </c>
      <c r="C45187">
        <v>2</v>
      </c>
      <c r="D45187">
        <v>0</v>
      </c>
    </row>
    <row r="45188" spans="1:4" x14ac:dyDescent="0.25">
      <c r="A45188" t="s">
        <v>62844</v>
      </c>
      <c r="B45188" t="s">
        <v>62849</v>
      </c>
      <c r="C45188">
        <v>1</v>
      </c>
      <c r="D45188">
        <v>0</v>
      </c>
    </row>
    <row r="45189" spans="1:4" x14ac:dyDescent="0.25">
      <c r="A45189" t="s">
        <v>62844</v>
      </c>
      <c r="B45189" t="s">
        <v>62850</v>
      </c>
      <c r="C45189">
        <v>0</v>
      </c>
      <c r="D45189">
        <v>0</v>
      </c>
    </row>
    <row r="45190" spans="1:4" x14ac:dyDescent="0.25">
      <c r="A45190" t="s">
        <v>62844</v>
      </c>
      <c r="B45190" t="s">
        <v>62851</v>
      </c>
      <c r="C45190">
        <v>2</v>
      </c>
      <c r="D45190">
        <v>0</v>
      </c>
    </row>
    <row r="45191" spans="1:4" x14ac:dyDescent="0.25">
      <c r="A45191" t="s">
        <v>62852</v>
      </c>
      <c r="B45191" t="s">
        <v>62853</v>
      </c>
      <c r="C45191">
        <v>1</v>
      </c>
      <c r="D45191">
        <v>0</v>
      </c>
    </row>
    <row r="45192" spans="1:4" x14ac:dyDescent="0.25">
      <c r="A45192" t="s">
        <v>62852</v>
      </c>
      <c r="B45192" t="s">
        <v>62854</v>
      </c>
      <c r="C45192">
        <v>1</v>
      </c>
      <c r="D45192">
        <v>0</v>
      </c>
    </row>
    <row r="45193" spans="1:4" x14ac:dyDescent="0.25">
      <c r="A45193" t="s">
        <v>62852</v>
      </c>
      <c r="B45193" t="s">
        <v>62855</v>
      </c>
      <c r="C45193">
        <v>1</v>
      </c>
      <c r="D45193">
        <v>0</v>
      </c>
    </row>
    <row r="45194" spans="1:4" x14ac:dyDescent="0.25">
      <c r="A45194" t="s">
        <v>62852</v>
      </c>
      <c r="B45194" t="s">
        <v>62856</v>
      </c>
      <c r="C45194">
        <v>1</v>
      </c>
      <c r="D45194">
        <v>0</v>
      </c>
    </row>
    <row r="45195" spans="1:4" x14ac:dyDescent="0.25">
      <c r="A45195" t="s">
        <v>62852</v>
      </c>
      <c r="B45195" t="s">
        <v>62857</v>
      </c>
      <c r="C45195">
        <v>1</v>
      </c>
      <c r="D45195">
        <v>0</v>
      </c>
    </row>
    <row r="45196" spans="1:4" x14ac:dyDescent="0.25">
      <c r="A45196" t="s">
        <v>62858</v>
      </c>
      <c r="B45196" t="s">
        <v>49794</v>
      </c>
      <c r="C45196">
        <v>1</v>
      </c>
      <c r="D45196">
        <v>0</v>
      </c>
    </row>
    <row r="45197" spans="1:4" x14ac:dyDescent="0.25">
      <c r="A45197" t="s">
        <v>62858</v>
      </c>
      <c r="B45197" t="s">
        <v>62859</v>
      </c>
      <c r="C45197">
        <v>1</v>
      </c>
      <c r="D45197">
        <v>0</v>
      </c>
    </row>
    <row r="45198" spans="1:4" x14ac:dyDescent="0.25">
      <c r="A45198" t="s">
        <v>62858</v>
      </c>
      <c r="B45198" t="s">
        <v>62860</v>
      </c>
      <c r="C45198">
        <v>1</v>
      </c>
      <c r="D45198">
        <v>0</v>
      </c>
    </row>
    <row r="45199" spans="1:4" x14ac:dyDescent="0.25">
      <c r="A45199" t="s">
        <v>62858</v>
      </c>
      <c r="B45199" t="s">
        <v>62861</v>
      </c>
      <c r="C45199">
        <v>0</v>
      </c>
      <c r="D45199">
        <v>0</v>
      </c>
    </row>
    <row r="45200" spans="1:4" x14ac:dyDescent="0.25">
      <c r="A45200" t="s">
        <v>62858</v>
      </c>
      <c r="B45200" t="s">
        <v>62862</v>
      </c>
      <c r="C45200">
        <v>1</v>
      </c>
      <c r="D45200">
        <v>0</v>
      </c>
    </row>
    <row r="45201" spans="1:4" x14ac:dyDescent="0.25">
      <c r="A45201" t="s">
        <v>62858</v>
      </c>
      <c r="B45201" t="s">
        <v>62863</v>
      </c>
      <c r="C45201">
        <v>2</v>
      </c>
      <c r="D45201">
        <v>0</v>
      </c>
    </row>
    <row r="45202" spans="1:4" x14ac:dyDescent="0.25">
      <c r="A45202" t="s">
        <v>62864</v>
      </c>
      <c r="B45202" t="s">
        <v>62865</v>
      </c>
      <c r="C45202">
        <v>1</v>
      </c>
      <c r="D45202">
        <v>0</v>
      </c>
    </row>
    <row r="45203" spans="1:4" x14ac:dyDescent="0.25">
      <c r="A45203" t="s">
        <v>62864</v>
      </c>
      <c r="B45203" t="s">
        <v>62866</v>
      </c>
      <c r="C45203">
        <v>1</v>
      </c>
      <c r="D45203">
        <v>0</v>
      </c>
    </row>
    <row r="45204" spans="1:4" x14ac:dyDescent="0.25">
      <c r="A45204" t="s">
        <v>62864</v>
      </c>
      <c r="B45204" t="s">
        <v>49601</v>
      </c>
      <c r="C45204">
        <v>0</v>
      </c>
      <c r="D45204">
        <v>0</v>
      </c>
    </row>
    <row r="45205" spans="1:4" x14ac:dyDescent="0.25">
      <c r="A45205" t="s">
        <v>62864</v>
      </c>
      <c r="B45205" t="s">
        <v>62867</v>
      </c>
      <c r="C45205">
        <v>0</v>
      </c>
      <c r="D45205">
        <v>0</v>
      </c>
    </row>
    <row r="45206" spans="1:4" x14ac:dyDescent="0.25">
      <c r="A45206" t="s">
        <v>62868</v>
      </c>
      <c r="B45206" t="s">
        <v>62869</v>
      </c>
      <c r="C45206">
        <v>1</v>
      </c>
      <c r="D45206">
        <v>0</v>
      </c>
    </row>
    <row r="45207" spans="1:4" x14ac:dyDescent="0.25">
      <c r="A45207" t="s">
        <v>62868</v>
      </c>
      <c r="B45207" t="s">
        <v>62870</v>
      </c>
      <c r="C45207">
        <v>1</v>
      </c>
      <c r="D45207">
        <v>0</v>
      </c>
    </row>
    <row r="45208" spans="1:4" x14ac:dyDescent="0.25">
      <c r="A45208" t="s">
        <v>62868</v>
      </c>
      <c r="B45208" t="s">
        <v>62871</v>
      </c>
      <c r="C45208">
        <v>1</v>
      </c>
      <c r="D45208">
        <v>0</v>
      </c>
    </row>
    <row r="45209" spans="1:4" x14ac:dyDescent="0.25">
      <c r="A45209" t="s">
        <v>62868</v>
      </c>
      <c r="B45209" t="s">
        <v>62872</v>
      </c>
      <c r="C45209">
        <v>1</v>
      </c>
      <c r="D45209">
        <v>0</v>
      </c>
    </row>
    <row r="45210" spans="1:4" x14ac:dyDescent="0.25">
      <c r="A45210" t="s">
        <v>62868</v>
      </c>
      <c r="B45210" t="s">
        <v>62873</v>
      </c>
      <c r="C45210">
        <v>1</v>
      </c>
      <c r="D45210">
        <v>0</v>
      </c>
    </row>
    <row r="45211" spans="1:4" x14ac:dyDescent="0.25">
      <c r="A45211" t="s">
        <v>62874</v>
      </c>
      <c r="B45211" t="s">
        <v>62875</v>
      </c>
      <c r="C45211">
        <v>1</v>
      </c>
      <c r="D45211">
        <v>0</v>
      </c>
    </row>
    <row r="45212" spans="1:4" x14ac:dyDescent="0.25">
      <c r="A45212" t="s">
        <v>62874</v>
      </c>
      <c r="B45212" t="s">
        <v>62876</v>
      </c>
      <c r="C45212">
        <v>1</v>
      </c>
      <c r="D45212">
        <v>0</v>
      </c>
    </row>
    <row r="45213" spans="1:4" x14ac:dyDescent="0.25">
      <c r="A45213" t="s">
        <v>62874</v>
      </c>
      <c r="B45213" t="s">
        <v>62877</v>
      </c>
      <c r="C45213">
        <v>2</v>
      </c>
      <c r="D45213">
        <v>0</v>
      </c>
    </row>
    <row r="45214" spans="1:4" x14ac:dyDescent="0.25">
      <c r="A45214" t="s">
        <v>62878</v>
      </c>
      <c r="B45214" t="s">
        <v>5434</v>
      </c>
      <c r="C45214">
        <v>1</v>
      </c>
      <c r="D45214">
        <v>0</v>
      </c>
    </row>
    <row r="45215" spans="1:4" x14ac:dyDescent="0.25">
      <c r="A45215" t="s">
        <v>62878</v>
      </c>
      <c r="B45215" t="s">
        <v>62879</v>
      </c>
      <c r="C45215">
        <v>1</v>
      </c>
      <c r="D45215">
        <v>0</v>
      </c>
    </row>
    <row r="45216" spans="1:4" x14ac:dyDescent="0.25">
      <c r="A45216" t="s">
        <v>62878</v>
      </c>
      <c r="B45216" t="s">
        <v>62880</v>
      </c>
      <c r="C45216">
        <v>1</v>
      </c>
      <c r="D45216">
        <v>0</v>
      </c>
    </row>
    <row r="45217" spans="1:4" x14ac:dyDescent="0.25">
      <c r="A45217" t="s">
        <v>62881</v>
      </c>
      <c r="B45217" t="s">
        <v>62882</v>
      </c>
      <c r="C45217">
        <v>1</v>
      </c>
      <c r="D45217">
        <v>0</v>
      </c>
    </row>
    <row r="45218" spans="1:4" x14ac:dyDescent="0.25">
      <c r="A45218" t="s">
        <v>62881</v>
      </c>
      <c r="B45218" t="s">
        <v>62883</v>
      </c>
      <c r="C45218">
        <v>1</v>
      </c>
      <c r="D45218">
        <v>0</v>
      </c>
    </row>
    <row r="45219" spans="1:4" x14ac:dyDescent="0.25">
      <c r="A45219" t="s">
        <v>62881</v>
      </c>
      <c r="B45219" t="s">
        <v>62884</v>
      </c>
      <c r="C45219">
        <v>2</v>
      </c>
      <c r="D45219">
        <v>0</v>
      </c>
    </row>
    <row r="45220" spans="1:4" x14ac:dyDescent="0.25">
      <c r="A45220" t="s">
        <v>62885</v>
      </c>
      <c r="B45220" t="s">
        <v>62886</v>
      </c>
      <c r="C45220">
        <v>1</v>
      </c>
      <c r="D45220">
        <v>0</v>
      </c>
    </row>
    <row r="45221" spans="1:4" x14ac:dyDescent="0.25">
      <c r="A45221" t="s">
        <v>62885</v>
      </c>
      <c r="B45221" t="s">
        <v>62887</v>
      </c>
      <c r="C45221">
        <v>0</v>
      </c>
      <c r="D45221">
        <v>0</v>
      </c>
    </row>
    <row r="45222" spans="1:4" x14ac:dyDescent="0.25">
      <c r="A45222" t="s">
        <v>62885</v>
      </c>
      <c r="B45222" t="s">
        <v>62888</v>
      </c>
      <c r="C45222">
        <v>1</v>
      </c>
      <c r="D45222">
        <v>0</v>
      </c>
    </row>
    <row r="45223" spans="1:4" x14ac:dyDescent="0.25">
      <c r="A45223" t="s">
        <v>62889</v>
      </c>
      <c r="B45223" t="s">
        <v>62890</v>
      </c>
      <c r="C45223">
        <v>1</v>
      </c>
      <c r="D45223">
        <v>0</v>
      </c>
    </row>
    <row r="45224" spans="1:4" x14ac:dyDescent="0.25">
      <c r="A45224" t="s">
        <v>62889</v>
      </c>
      <c r="B45224" t="s">
        <v>62891</v>
      </c>
      <c r="C45224">
        <v>2</v>
      </c>
      <c r="D45224">
        <v>0</v>
      </c>
    </row>
    <row r="45225" spans="1:4" x14ac:dyDescent="0.25">
      <c r="A45225" t="s">
        <v>62889</v>
      </c>
      <c r="B45225" t="s">
        <v>62892</v>
      </c>
      <c r="C45225">
        <v>0</v>
      </c>
      <c r="D45225">
        <v>0</v>
      </c>
    </row>
    <row r="45226" spans="1:4" x14ac:dyDescent="0.25">
      <c r="A45226" t="s">
        <v>62889</v>
      </c>
      <c r="B45226" t="s">
        <v>62893</v>
      </c>
      <c r="C45226">
        <v>0</v>
      </c>
      <c r="D45226">
        <v>0</v>
      </c>
    </row>
    <row r="45227" spans="1:4" x14ac:dyDescent="0.25">
      <c r="A45227" t="s">
        <v>62889</v>
      </c>
      <c r="B45227" t="s">
        <v>62894</v>
      </c>
      <c r="C45227">
        <v>1</v>
      </c>
      <c r="D45227">
        <v>0</v>
      </c>
    </row>
    <row r="45228" spans="1:4" x14ac:dyDescent="0.25">
      <c r="A45228" t="s">
        <v>62895</v>
      </c>
      <c r="B45228" t="s">
        <v>62896</v>
      </c>
      <c r="C45228">
        <v>1</v>
      </c>
      <c r="D45228">
        <v>0</v>
      </c>
    </row>
    <row r="45229" spans="1:4" x14ac:dyDescent="0.25">
      <c r="A45229" t="s">
        <v>62895</v>
      </c>
      <c r="B45229" t="s">
        <v>62897</v>
      </c>
      <c r="C45229">
        <v>0</v>
      </c>
      <c r="D45229">
        <v>0</v>
      </c>
    </row>
    <row r="45230" spans="1:4" x14ac:dyDescent="0.25">
      <c r="A45230" t="s">
        <v>62898</v>
      </c>
      <c r="B45230" t="s">
        <v>996</v>
      </c>
      <c r="C45230">
        <v>1</v>
      </c>
      <c r="D45230">
        <v>0</v>
      </c>
    </row>
    <row r="45231" spans="1:4" x14ac:dyDescent="0.25">
      <c r="A45231" t="s">
        <v>62899</v>
      </c>
      <c r="B45231" t="s">
        <v>62900</v>
      </c>
      <c r="C45231">
        <v>1</v>
      </c>
      <c r="D45231">
        <v>0</v>
      </c>
    </row>
    <row r="45232" spans="1:4" x14ac:dyDescent="0.25">
      <c r="A45232" t="s">
        <v>62899</v>
      </c>
      <c r="B45232" t="s">
        <v>2267</v>
      </c>
      <c r="C45232">
        <v>0</v>
      </c>
      <c r="D45232">
        <v>0</v>
      </c>
    </row>
    <row r="45233" spans="1:4" x14ac:dyDescent="0.25">
      <c r="A45233" t="s">
        <v>62899</v>
      </c>
      <c r="B45233" t="s">
        <v>62901</v>
      </c>
      <c r="C45233">
        <v>0</v>
      </c>
      <c r="D45233">
        <v>0</v>
      </c>
    </row>
    <row r="45234" spans="1:4" x14ac:dyDescent="0.25">
      <c r="A45234" t="s">
        <v>62902</v>
      </c>
      <c r="B45234" t="s">
        <v>62903</v>
      </c>
      <c r="C45234">
        <v>1</v>
      </c>
      <c r="D45234">
        <v>0</v>
      </c>
    </row>
    <row r="45235" spans="1:4" x14ac:dyDescent="0.25">
      <c r="A45235" t="s">
        <v>62902</v>
      </c>
      <c r="B45235" t="s">
        <v>62904</v>
      </c>
      <c r="C45235">
        <v>1</v>
      </c>
      <c r="D45235">
        <v>0</v>
      </c>
    </row>
    <row r="45236" spans="1:4" x14ac:dyDescent="0.25">
      <c r="A45236" t="s">
        <v>62902</v>
      </c>
      <c r="B45236" t="s">
        <v>62905</v>
      </c>
      <c r="C45236">
        <v>0</v>
      </c>
      <c r="D45236">
        <v>0</v>
      </c>
    </row>
    <row r="45237" spans="1:4" x14ac:dyDescent="0.25">
      <c r="A45237" t="s">
        <v>62902</v>
      </c>
      <c r="B45237" t="s">
        <v>62906</v>
      </c>
      <c r="C45237">
        <v>1</v>
      </c>
      <c r="D45237">
        <v>0</v>
      </c>
    </row>
    <row r="45238" spans="1:4" x14ac:dyDescent="0.25">
      <c r="A45238" t="s">
        <v>62902</v>
      </c>
      <c r="B45238" t="s">
        <v>62907</v>
      </c>
      <c r="C45238">
        <v>2</v>
      </c>
      <c r="D45238">
        <v>0</v>
      </c>
    </row>
    <row r="45239" spans="1:4" x14ac:dyDescent="0.25">
      <c r="A45239" t="s">
        <v>62908</v>
      </c>
      <c r="B45239" t="s">
        <v>62909</v>
      </c>
      <c r="C45239">
        <v>1</v>
      </c>
      <c r="D45239">
        <v>0</v>
      </c>
    </row>
    <row r="45240" spans="1:4" x14ac:dyDescent="0.25">
      <c r="A45240" t="s">
        <v>62910</v>
      </c>
      <c r="B45240" t="s">
        <v>62911</v>
      </c>
      <c r="C45240">
        <v>1</v>
      </c>
      <c r="D45240">
        <v>0</v>
      </c>
    </row>
    <row r="45241" spans="1:4" x14ac:dyDescent="0.25">
      <c r="A45241" t="s">
        <v>62910</v>
      </c>
      <c r="B45241" t="s">
        <v>62912</v>
      </c>
      <c r="C45241">
        <v>1</v>
      </c>
      <c r="D45241">
        <v>0</v>
      </c>
    </row>
    <row r="45242" spans="1:4" x14ac:dyDescent="0.25">
      <c r="A45242" t="s">
        <v>62910</v>
      </c>
      <c r="B45242" t="s">
        <v>62913</v>
      </c>
      <c r="C45242">
        <v>1</v>
      </c>
      <c r="D45242">
        <v>0</v>
      </c>
    </row>
    <row r="45243" spans="1:4" x14ac:dyDescent="0.25">
      <c r="A45243" t="s">
        <v>62910</v>
      </c>
      <c r="B45243" t="s">
        <v>62914</v>
      </c>
      <c r="C45243">
        <v>1</v>
      </c>
      <c r="D45243">
        <v>0</v>
      </c>
    </row>
    <row r="45244" spans="1:4" x14ac:dyDescent="0.25">
      <c r="A45244" t="s">
        <v>62915</v>
      </c>
      <c r="B45244" t="s">
        <v>62916</v>
      </c>
      <c r="C45244">
        <v>1</v>
      </c>
      <c r="D45244">
        <v>0</v>
      </c>
    </row>
    <row r="45245" spans="1:4" x14ac:dyDescent="0.25">
      <c r="A45245" t="s">
        <v>62915</v>
      </c>
      <c r="B45245" t="s">
        <v>62917</v>
      </c>
      <c r="C45245">
        <v>1</v>
      </c>
      <c r="D45245">
        <v>0</v>
      </c>
    </row>
    <row r="45246" spans="1:4" x14ac:dyDescent="0.25">
      <c r="A45246" t="s">
        <v>62915</v>
      </c>
      <c r="B45246" t="s">
        <v>62918</v>
      </c>
      <c r="C45246">
        <v>1</v>
      </c>
      <c r="D45246">
        <v>0</v>
      </c>
    </row>
    <row r="45247" spans="1:4" x14ac:dyDescent="0.25">
      <c r="A45247" t="s">
        <v>62915</v>
      </c>
      <c r="B45247" t="s">
        <v>62919</v>
      </c>
      <c r="C45247">
        <v>1</v>
      </c>
      <c r="D45247">
        <v>0</v>
      </c>
    </row>
    <row r="45248" spans="1:4" x14ac:dyDescent="0.25">
      <c r="A45248" t="s">
        <v>62920</v>
      </c>
      <c r="B45248" t="s">
        <v>62921</v>
      </c>
      <c r="C45248">
        <v>1</v>
      </c>
      <c r="D45248">
        <v>0</v>
      </c>
    </row>
    <row r="45249" spans="1:4" x14ac:dyDescent="0.25">
      <c r="A45249" t="s">
        <v>62920</v>
      </c>
      <c r="B45249" t="s">
        <v>62922</v>
      </c>
      <c r="C45249">
        <v>2</v>
      </c>
      <c r="D45249">
        <v>0</v>
      </c>
    </row>
    <row r="45250" spans="1:4" x14ac:dyDescent="0.25">
      <c r="A45250" t="s">
        <v>62920</v>
      </c>
      <c r="B45250" t="s">
        <v>62923</v>
      </c>
      <c r="C45250">
        <v>2</v>
      </c>
      <c r="D45250">
        <v>0</v>
      </c>
    </row>
    <row r="45251" spans="1:4" x14ac:dyDescent="0.25">
      <c r="A45251" t="s">
        <v>62924</v>
      </c>
      <c r="B45251" t="s">
        <v>62925</v>
      </c>
      <c r="C45251">
        <v>1</v>
      </c>
      <c r="D45251">
        <v>0</v>
      </c>
    </row>
    <row r="45252" spans="1:4" x14ac:dyDescent="0.25">
      <c r="A45252" t="s">
        <v>62924</v>
      </c>
      <c r="B45252" t="s">
        <v>62926</v>
      </c>
      <c r="C45252">
        <v>1</v>
      </c>
      <c r="D45252">
        <v>0</v>
      </c>
    </row>
    <row r="45253" spans="1:4" x14ac:dyDescent="0.25">
      <c r="A45253" t="s">
        <v>62924</v>
      </c>
      <c r="B45253" t="s">
        <v>62927</v>
      </c>
      <c r="C45253">
        <v>1</v>
      </c>
      <c r="D45253">
        <v>0</v>
      </c>
    </row>
    <row r="45254" spans="1:4" x14ac:dyDescent="0.25">
      <c r="A45254" t="s">
        <v>62924</v>
      </c>
      <c r="B45254" t="s">
        <v>62928</v>
      </c>
      <c r="C45254">
        <v>1</v>
      </c>
      <c r="D45254">
        <v>0</v>
      </c>
    </row>
    <row r="45255" spans="1:4" x14ac:dyDescent="0.25">
      <c r="A45255" t="s">
        <v>62924</v>
      </c>
      <c r="B45255" t="s">
        <v>62929</v>
      </c>
      <c r="C45255">
        <v>1</v>
      </c>
      <c r="D45255">
        <v>0</v>
      </c>
    </row>
    <row r="45256" spans="1:4" x14ac:dyDescent="0.25">
      <c r="A45256" t="s">
        <v>62924</v>
      </c>
      <c r="B45256" t="s">
        <v>5434</v>
      </c>
      <c r="C45256">
        <v>1</v>
      </c>
      <c r="D45256">
        <v>0</v>
      </c>
    </row>
    <row r="45257" spans="1:4" x14ac:dyDescent="0.25">
      <c r="A45257" t="s">
        <v>62930</v>
      </c>
      <c r="B45257" t="s">
        <v>62931</v>
      </c>
      <c r="C45257">
        <v>1</v>
      </c>
      <c r="D45257">
        <v>0</v>
      </c>
    </row>
    <row r="45258" spans="1:4" x14ac:dyDescent="0.25">
      <c r="A45258" t="s">
        <v>62930</v>
      </c>
      <c r="B45258" t="s">
        <v>62932</v>
      </c>
      <c r="C45258">
        <v>1</v>
      </c>
      <c r="D45258">
        <v>0</v>
      </c>
    </row>
    <row r="45259" spans="1:4" x14ac:dyDescent="0.25">
      <c r="A45259" t="s">
        <v>62930</v>
      </c>
      <c r="B45259" t="s">
        <v>62933</v>
      </c>
      <c r="C45259">
        <v>1</v>
      </c>
      <c r="D45259">
        <v>0</v>
      </c>
    </row>
    <row r="45260" spans="1:4" x14ac:dyDescent="0.25">
      <c r="A45260" t="s">
        <v>62934</v>
      </c>
      <c r="B45260" t="s">
        <v>62935</v>
      </c>
      <c r="C45260">
        <v>0</v>
      </c>
      <c r="D45260">
        <v>0</v>
      </c>
    </row>
    <row r="45261" spans="1:4" x14ac:dyDescent="0.25">
      <c r="A45261" t="s">
        <v>62934</v>
      </c>
      <c r="B45261" t="s">
        <v>62936</v>
      </c>
      <c r="C45261">
        <v>1</v>
      </c>
      <c r="D45261">
        <v>0</v>
      </c>
    </row>
    <row r="45262" spans="1:4" x14ac:dyDescent="0.25">
      <c r="A45262" t="s">
        <v>62937</v>
      </c>
      <c r="B45262" t="s">
        <v>62938</v>
      </c>
      <c r="C45262">
        <v>1</v>
      </c>
      <c r="D45262">
        <v>0</v>
      </c>
    </row>
    <row r="45263" spans="1:4" x14ac:dyDescent="0.25">
      <c r="A45263" t="s">
        <v>62937</v>
      </c>
      <c r="B45263" t="s">
        <v>62939</v>
      </c>
      <c r="C45263">
        <v>0</v>
      </c>
      <c r="D45263">
        <v>0</v>
      </c>
    </row>
    <row r="45264" spans="1:4" x14ac:dyDescent="0.25">
      <c r="A45264" t="s">
        <v>62937</v>
      </c>
      <c r="B45264" t="s">
        <v>62940</v>
      </c>
      <c r="C45264">
        <v>0</v>
      </c>
      <c r="D45264">
        <v>0</v>
      </c>
    </row>
    <row r="45265" spans="1:4" x14ac:dyDescent="0.25">
      <c r="A45265" t="s">
        <v>62937</v>
      </c>
      <c r="B45265" t="s">
        <v>62941</v>
      </c>
      <c r="C45265">
        <v>0</v>
      </c>
      <c r="D45265">
        <v>0</v>
      </c>
    </row>
    <row r="45266" spans="1:4" x14ac:dyDescent="0.25">
      <c r="A45266" t="s">
        <v>62942</v>
      </c>
      <c r="B45266" t="s">
        <v>62943</v>
      </c>
      <c r="C45266">
        <v>2</v>
      </c>
      <c r="D45266">
        <v>0</v>
      </c>
    </row>
    <row r="45267" spans="1:4" x14ac:dyDescent="0.25">
      <c r="A45267" t="s">
        <v>62942</v>
      </c>
      <c r="B45267" t="s">
        <v>62944</v>
      </c>
      <c r="C45267">
        <v>1</v>
      </c>
      <c r="D45267">
        <v>0</v>
      </c>
    </row>
    <row r="45268" spans="1:4" x14ac:dyDescent="0.25">
      <c r="A45268" t="s">
        <v>62942</v>
      </c>
      <c r="B45268" t="s">
        <v>62945</v>
      </c>
      <c r="C45268">
        <v>1</v>
      </c>
      <c r="D45268">
        <v>0</v>
      </c>
    </row>
    <row r="45269" spans="1:4" x14ac:dyDescent="0.25">
      <c r="A45269" t="s">
        <v>62942</v>
      </c>
      <c r="B45269" t="s">
        <v>62946</v>
      </c>
      <c r="C45269">
        <v>1</v>
      </c>
      <c r="D45269">
        <v>0</v>
      </c>
    </row>
    <row r="45270" spans="1:4" x14ac:dyDescent="0.25">
      <c r="A45270" t="s">
        <v>62942</v>
      </c>
      <c r="B45270" t="s">
        <v>62947</v>
      </c>
      <c r="C45270">
        <v>0</v>
      </c>
      <c r="D45270">
        <v>0</v>
      </c>
    </row>
    <row r="45271" spans="1:4" x14ac:dyDescent="0.25">
      <c r="A45271" t="s">
        <v>62948</v>
      </c>
      <c r="B45271" t="s">
        <v>62949</v>
      </c>
      <c r="C45271">
        <v>0</v>
      </c>
      <c r="D45271">
        <v>0</v>
      </c>
    </row>
    <row r="45272" spans="1:4" x14ac:dyDescent="0.25">
      <c r="A45272" t="s">
        <v>62948</v>
      </c>
      <c r="B45272" t="s">
        <v>62950</v>
      </c>
      <c r="C45272">
        <v>1</v>
      </c>
      <c r="D45272">
        <v>0</v>
      </c>
    </row>
    <row r="45273" spans="1:4" x14ac:dyDescent="0.25">
      <c r="A45273" t="s">
        <v>62951</v>
      </c>
      <c r="B45273" t="s">
        <v>62952</v>
      </c>
      <c r="C45273">
        <v>1</v>
      </c>
      <c r="D45273">
        <v>0</v>
      </c>
    </row>
    <row r="45274" spans="1:4" x14ac:dyDescent="0.25">
      <c r="A45274" t="s">
        <v>62951</v>
      </c>
      <c r="B45274" t="s">
        <v>62953</v>
      </c>
      <c r="C45274">
        <v>1</v>
      </c>
      <c r="D45274">
        <v>0</v>
      </c>
    </row>
    <row r="45275" spans="1:4" x14ac:dyDescent="0.25">
      <c r="A45275" t="s">
        <v>62951</v>
      </c>
      <c r="B45275" t="s">
        <v>62954</v>
      </c>
      <c r="C45275">
        <v>1</v>
      </c>
      <c r="D45275">
        <v>0</v>
      </c>
    </row>
    <row r="45276" spans="1:4" x14ac:dyDescent="0.25">
      <c r="A45276" t="s">
        <v>62955</v>
      </c>
      <c r="B45276" t="s">
        <v>62956</v>
      </c>
      <c r="C45276">
        <v>2</v>
      </c>
      <c r="D45276">
        <v>0</v>
      </c>
    </row>
    <row r="45277" spans="1:4" x14ac:dyDescent="0.25">
      <c r="A45277" t="s">
        <v>62955</v>
      </c>
      <c r="B45277" t="s">
        <v>62957</v>
      </c>
      <c r="C45277">
        <v>1</v>
      </c>
      <c r="D45277">
        <v>0</v>
      </c>
    </row>
    <row r="45278" spans="1:4" x14ac:dyDescent="0.25">
      <c r="A45278" t="s">
        <v>62955</v>
      </c>
      <c r="B45278" t="s">
        <v>62957</v>
      </c>
      <c r="C45278">
        <v>1</v>
      </c>
      <c r="D45278">
        <v>0</v>
      </c>
    </row>
    <row r="45279" spans="1:4" x14ac:dyDescent="0.25">
      <c r="A45279" t="s">
        <v>62955</v>
      </c>
      <c r="B45279" t="s">
        <v>62958</v>
      </c>
      <c r="C45279">
        <v>0</v>
      </c>
      <c r="D45279">
        <v>0</v>
      </c>
    </row>
    <row r="45280" spans="1:4" x14ac:dyDescent="0.25">
      <c r="A45280" t="s">
        <v>62959</v>
      </c>
      <c r="B45280" t="s">
        <v>62960</v>
      </c>
      <c r="C45280">
        <v>0</v>
      </c>
      <c r="D45280">
        <v>0</v>
      </c>
    </row>
    <row r="45281" spans="1:4" x14ac:dyDescent="0.25">
      <c r="A45281" t="s">
        <v>62959</v>
      </c>
      <c r="B45281" t="s">
        <v>62961</v>
      </c>
      <c r="C45281">
        <v>0</v>
      </c>
      <c r="D45281">
        <v>0</v>
      </c>
    </row>
    <row r="45282" spans="1:4" x14ac:dyDescent="0.25">
      <c r="A45282" t="s">
        <v>62959</v>
      </c>
      <c r="B45282" t="s">
        <v>62962</v>
      </c>
      <c r="C45282">
        <v>1</v>
      </c>
      <c r="D45282">
        <v>0</v>
      </c>
    </row>
    <row r="45283" spans="1:4" x14ac:dyDescent="0.25">
      <c r="A45283" t="s">
        <v>62959</v>
      </c>
      <c r="B45283" t="s">
        <v>62963</v>
      </c>
      <c r="C45283">
        <v>1</v>
      </c>
      <c r="D45283">
        <v>0</v>
      </c>
    </row>
    <row r="45284" spans="1:4" x14ac:dyDescent="0.25">
      <c r="A45284" t="s">
        <v>62964</v>
      </c>
      <c r="B45284" t="s">
        <v>62965</v>
      </c>
      <c r="C45284">
        <v>1</v>
      </c>
      <c r="D45284">
        <v>0</v>
      </c>
    </row>
    <row r="45285" spans="1:4" x14ac:dyDescent="0.25">
      <c r="A45285" t="s">
        <v>62964</v>
      </c>
      <c r="B45285" t="s">
        <v>62966</v>
      </c>
      <c r="C45285">
        <v>0</v>
      </c>
      <c r="D45285">
        <v>0</v>
      </c>
    </row>
    <row r="45286" spans="1:4" x14ac:dyDescent="0.25">
      <c r="A45286" t="s">
        <v>62964</v>
      </c>
      <c r="B45286" t="s">
        <v>62967</v>
      </c>
      <c r="C45286">
        <v>1</v>
      </c>
      <c r="D45286">
        <v>0</v>
      </c>
    </row>
    <row r="45287" spans="1:4" x14ac:dyDescent="0.25">
      <c r="A45287" t="s">
        <v>62964</v>
      </c>
      <c r="B45287" t="s">
        <v>62968</v>
      </c>
      <c r="C45287">
        <v>0</v>
      </c>
      <c r="D45287">
        <v>0</v>
      </c>
    </row>
    <row r="45288" spans="1:4" x14ac:dyDescent="0.25">
      <c r="A45288" t="s">
        <v>62964</v>
      </c>
      <c r="B45288" t="s">
        <v>62969</v>
      </c>
      <c r="C45288">
        <v>0</v>
      </c>
      <c r="D45288">
        <v>0</v>
      </c>
    </row>
    <row r="45289" spans="1:4" x14ac:dyDescent="0.25">
      <c r="A45289" t="s">
        <v>62964</v>
      </c>
      <c r="B45289" t="s">
        <v>62970</v>
      </c>
      <c r="C45289">
        <v>0</v>
      </c>
      <c r="D45289">
        <v>0</v>
      </c>
    </row>
    <row r="45290" spans="1:4" x14ac:dyDescent="0.25">
      <c r="A45290" t="s">
        <v>62964</v>
      </c>
      <c r="B45290" t="s">
        <v>62971</v>
      </c>
      <c r="C45290">
        <v>0</v>
      </c>
      <c r="D45290">
        <v>0</v>
      </c>
    </row>
    <row r="45291" spans="1:4" x14ac:dyDescent="0.25">
      <c r="A45291" t="s">
        <v>62972</v>
      </c>
      <c r="B45291" t="s">
        <v>57675</v>
      </c>
      <c r="C45291">
        <v>1</v>
      </c>
      <c r="D45291">
        <v>0</v>
      </c>
    </row>
    <row r="45292" spans="1:4" x14ac:dyDescent="0.25">
      <c r="A45292" t="s">
        <v>62972</v>
      </c>
      <c r="B45292" t="s">
        <v>62973</v>
      </c>
      <c r="C45292">
        <v>1</v>
      </c>
      <c r="D45292">
        <v>0</v>
      </c>
    </row>
    <row r="45293" spans="1:4" x14ac:dyDescent="0.25">
      <c r="A45293" t="s">
        <v>62974</v>
      </c>
      <c r="B45293" t="s">
        <v>62975</v>
      </c>
      <c r="C45293">
        <v>0</v>
      </c>
      <c r="D45293">
        <v>0</v>
      </c>
    </row>
    <row r="45294" spans="1:4" x14ac:dyDescent="0.25">
      <c r="A45294" t="s">
        <v>62974</v>
      </c>
      <c r="B45294" t="s">
        <v>47929</v>
      </c>
      <c r="C45294">
        <v>0</v>
      </c>
      <c r="D45294">
        <v>0</v>
      </c>
    </row>
    <row r="45295" spans="1:4" x14ac:dyDescent="0.25">
      <c r="A45295" t="s">
        <v>62974</v>
      </c>
      <c r="B45295" t="s">
        <v>62976</v>
      </c>
      <c r="C45295">
        <v>1</v>
      </c>
      <c r="D45295">
        <v>0</v>
      </c>
    </row>
    <row r="45296" spans="1:4" x14ac:dyDescent="0.25">
      <c r="A45296" t="s">
        <v>62977</v>
      </c>
      <c r="B45296" t="s">
        <v>62978</v>
      </c>
      <c r="C45296">
        <v>1</v>
      </c>
      <c r="D45296">
        <v>0</v>
      </c>
    </row>
    <row r="45297" spans="1:4" x14ac:dyDescent="0.25">
      <c r="A45297" t="s">
        <v>62977</v>
      </c>
      <c r="B45297" t="s">
        <v>62979</v>
      </c>
      <c r="C45297">
        <v>1</v>
      </c>
      <c r="D45297">
        <v>0</v>
      </c>
    </row>
    <row r="45298" spans="1:4" x14ac:dyDescent="0.25">
      <c r="A45298" t="s">
        <v>62977</v>
      </c>
      <c r="B45298" t="s">
        <v>12472</v>
      </c>
      <c r="C45298">
        <v>1</v>
      </c>
      <c r="D45298">
        <v>0</v>
      </c>
    </row>
    <row r="45299" spans="1:4" x14ac:dyDescent="0.25">
      <c r="A45299" t="s">
        <v>62980</v>
      </c>
      <c r="B45299" t="s">
        <v>62981</v>
      </c>
      <c r="C45299">
        <v>0</v>
      </c>
      <c r="D45299">
        <v>0</v>
      </c>
    </row>
    <row r="45300" spans="1:4" x14ac:dyDescent="0.25">
      <c r="A45300" t="s">
        <v>62980</v>
      </c>
      <c r="B45300" t="s">
        <v>62982</v>
      </c>
      <c r="C45300">
        <v>1</v>
      </c>
      <c r="D45300">
        <v>0</v>
      </c>
    </row>
    <row r="45301" spans="1:4" x14ac:dyDescent="0.25">
      <c r="A45301" t="s">
        <v>62980</v>
      </c>
      <c r="B45301" t="s">
        <v>62983</v>
      </c>
      <c r="C45301">
        <v>0</v>
      </c>
      <c r="D45301">
        <v>0</v>
      </c>
    </row>
    <row r="45302" spans="1:4" x14ac:dyDescent="0.25">
      <c r="A45302" t="s">
        <v>62984</v>
      </c>
      <c r="B45302" t="s">
        <v>62985</v>
      </c>
      <c r="C45302">
        <v>1</v>
      </c>
      <c r="D45302">
        <v>0</v>
      </c>
    </row>
    <row r="45303" spans="1:4" x14ac:dyDescent="0.25">
      <c r="A45303" t="s">
        <v>62984</v>
      </c>
      <c r="B45303" t="s">
        <v>62986</v>
      </c>
      <c r="C45303">
        <v>0</v>
      </c>
      <c r="D45303">
        <v>0</v>
      </c>
    </row>
    <row r="45304" spans="1:4" x14ac:dyDescent="0.25">
      <c r="A45304" t="s">
        <v>62984</v>
      </c>
      <c r="B45304" t="s">
        <v>62987</v>
      </c>
      <c r="C45304">
        <v>0</v>
      </c>
      <c r="D45304">
        <v>0</v>
      </c>
    </row>
    <row r="45305" spans="1:4" x14ac:dyDescent="0.25">
      <c r="A45305" t="s">
        <v>62984</v>
      </c>
      <c r="B45305" t="s">
        <v>62988</v>
      </c>
      <c r="C45305">
        <v>0</v>
      </c>
      <c r="D45305">
        <v>0</v>
      </c>
    </row>
    <row r="45306" spans="1:4" x14ac:dyDescent="0.25">
      <c r="A45306" t="s">
        <v>62989</v>
      </c>
      <c r="B45306" t="s">
        <v>62990</v>
      </c>
      <c r="C45306">
        <v>1</v>
      </c>
      <c r="D45306">
        <v>0</v>
      </c>
    </row>
    <row r="45307" spans="1:4" x14ac:dyDescent="0.25">
      <c r="A45307" t="s">
        <v>62989</v>
      </c>
      <c r="B45307" t="s">
        <v>62991</v>
      </c>
      <c r="C45307">
        <v>1</v>
      </c>
      <c r="D45307">
        <v>0</v>
      </c>
    </row>
    <row r="45308" spans="1:4" x14ac:dyDescent="0.25">
      <c r="A45308" t="s">
        <v>62992</v>
      </c>
      <c r="B45308" t="s">
        <v>62993</v>
      </c>
      <c r="C45308">
        <v>2</v>
      </c>
      <c r="D45308">
        <v>0</v>
      </c>
    </row>
    <row r="45309" spans="1:4" x14ac:dyDescent="0.25">
      <c r="A45309" t="s">
        <v>62992</v>
      </c>
      <c r="B45309" t="s">
        <v>62994</v>
      </c>
      <c r="C45309">
        <v>2</v>
      </c>
      <c r="D45309">
        <v>0</v>
      </c>
    </row>
    <row r="45310" spans="1:4" x14ac:dyDescent="0.25">
      <c r="A45310" t="s">
        <v>62992</v>
      </c>
      <c r="B45310" t="s">
        <v>62995</v>
      </c>
      <c r="C45310">
        <v>2</v>
      </c>
      <c r="D45310">
        <v>0</v>
      </c>
    </row>
    <row r="45311" spans="1:4" x14ac:dyDescent="0.25">
      <c r="A45311" t="s">
        <v>62992</v>
      </c>
      <c r="B45311" t="s">
        <v>62996</v>
      </c>
      <c r="C45311">
        <v>0</v>
      </c>
      <c r="D45311">
        <v>0</v>
      </c>
    </row>
    <row r="45312" spans="1:4" x14ac:dyDescent="0.25">
      <c r="A45312" t="s">
        <v>62992</v>
      </c>
      <c r="B45312" t="s">
        <v>62997</v>
      </c>
      <c r="C45312">
        <v>0</v>
      </c>
      <c r="D45312">
        <v>0</v>
      </c>
    </row>
    <row r="45313" spans="1:4" x14ac:dyDescent="0.25">
      <c r="A45313" t="s">
        <v>62998</v>
      </c>
      <c r="B45313" t="s">
        <v>62999</v>
      </c>
      <c r="C45313">
        <v>0</v>
      </c>
      <c r="D45313">
        <v>0</v>
      </c>
    </row>
    <row r="45314" spans="1:4" x14ac:dyDescent="0.25">
      <c r="A45314" t="s">
        <v>62998</v>
      </c>
      <c r="B45314" t="s">
        <v>63000</v>
      </c>
      <c r="C45314">
        <v>1</v>
      </c>
      <c r="D45314">
        <v>0</v>
      </c>
    </row>
    <row r="45315" spans="1:4" x14ac:dyDescent="0.25">
      <c r="A45315" t="s">
        <v>63001</v>
      </c>
      <c r="B45315" t="s">
        <v>63002</v>
      </c>
      <c r="C45315">
        <v>1</v>
      </c>
      <c r="D45315">
        <v>0</v>
      </c>
    </row>
    <row r="45316" spans="1:4" x14ac:dyDescent="0.25">
      <c r="A45316" t="s">
        <v>63001</v>
      </c>
      <c r="B45316" t="s">
        <v>63003</v>
      </c>
      <c r="C45316">
        <v>2</v>
      </c>
      <c r="D45316">
        <v>0</v>
      </c>
    </row>
    <row r="45317" spans="1:4" x14ac:dyDescent="0.25">
      <c r="A45317" t="s">
        <v>63001</v>
      </c>
      <c r="B45317" t="s">
        <v>63004</v>
      </c>
      <c r="C45317">
        <v>2</v>
      </c>
      <c r="D45317">
        <v>0</v>
      </c>
    </row>
    <row r="45318" spans="1:4" x14ac:dyDescent="0.25">
      <c r="A45318" t="s">
        <v>63001</v>
      </c>
      <c r="B45318" t="s">
        <v>63005</v>
      </c>
      <c r="C45318">
        <v>1</v>
      </c>
      <c r="D45318">
        <v>0</v>
      </c>
    </row>
    <row r="45319" spans="1:4" x14ac:dyDescent="0.25">
      <c r="A45319" t="s">
        <v>63001</v>
      </c>
      <c r="B45319" t="s">
        <v>63006</v>
      </c>
      <c r="C45319">
        <v>1</v>
      </c>
      <c r="D45319">
        <v>0</v>
      </c>
    </row>
    <row r="45320" spans="1:4" x14ac:dyDescent="0.25">
      <c r="A45320" t="s">
        <v>63007</v>
      </c>
      <c r="B45320" t="s">
        <v>63008</v>
      </c>
      <c r="C45320">
        <v>1</v>
      </c>
      <c r="D45320">
        <v>0</v>
      </c>
    </row>
    <row r="45321" spans="1:4" x14ac:dyDescent="0.25">
      <c r="A45321" t="s">
        <v>63007</v>
      </c>
      <c r="B45321" t="s">
        <v>63009</v>
      </c>
      <c r="C45321">
        <v>0</v>
      </c>
      <c r="D45321">
        <v>0</v>
      </c>
    </row>
    <row r="45322" spans="1:4" x14ac:dyDescent="0.25">
      <c r="A45322" t="s">
        <v>63007</v>
      </c>
      <c r="B45322" t="s">
        <v>63010</v>
      </c>
      <c r="C45322">
        <v>2</v>
      </c>
      <c r="D45322">
        <v>0</v>
      </c>
    </row>
    <row r="45323" spans="1:4" x14ac:dyDescent="0.25">
      <c r="A45323" t="s">
        <v>63007</v>
      </c>
      <c r="B45323" t="s">
        <v>63011</v>
      </c>
      <c r="C45323">
        <v>2</v>
      </c>
      <c r="D45323">
        <v>0</v>
      </c>
    </row>
    <row r="45324" spans="1:4" x14ac:dyDescent="0.25">
      <c r="A45324" t="s">
        <v>63012</v>
      </c>
      <c r="B45324" t="s">
        <v>46710</v>
      </c>
      <c r="C45324">
        <v>0</v>
      </c>
      <c r="D45324">
        <v>0</v>
      </c>
    </row>
    <row r="45325" spans="1:4" x14ac:dyDescent="0.25">
      <c r="A45325" t="s">
        <v>63012</v>
      </c>
      <c r="B45325" t="s">
        <v>63013</v>
      </c>
      <c r="C45325">
        <v>0</v>
      </c>
      <c r="D45325">
        <v>0</v>
      </c>
    </row>
    <row r="45326" spans="1:4" x14ac:dyDescent="0.25">
      <c r="A45326" t="s">
        <v>63012</v>
      </c>
      <c r="B45326" t="s">
        <v>63014</v>
      </c>
      <c r="C45326">
        <v>0</v>
      </c>
      <c r="D45326">
        <v>0</v>
      </c>
    </row>
    <row r="45327" spans="1:4" x14ac:dyDescent="0.25">
      <c r="A45327" t="s">
        <v>63012</v>
      </c>
      <c r="B45327" t="s">
        <v>63015</v>
      </c>
      <c r="C45327">
        <v>0</v>
      </c>
      <c r="D45327">
        <v>0</v>
      </c>
    </row>
    <row r="45328" spans="1:4" x14ac:dyDescent="0.25">
      <c r="A45328" t="s">
        <v>63012</v>
      </c>
      <c r="B45328" t="s">
        <v>5047</v>
      </c>
      <c r="C45328">
        <v>0</v>
      </c>
      <c r="D45328">
        <v>0</v>
      </c>
    </row>
    <row r="45329" spans="1:4" x14ac:dyDescent="0.25">
      <c r="A45329" t="s">
        <v>63012</v>
      </c>
      <c r="B45329" t="s">
        <v>12472</v>
      </c>
      <c r="C45329">
        <v>1</v>
      </c>
      <c r="D45329">
        <v>0</v>
      </c>
    </row>
    <row r="45330" spans="1:4" x14ac:dyDescent="0.25">
      <c r="A45330" t="s">
        <v>63012</v>
      </c>
      <c r="B45330" t="s">
        <v>63016</v>
      </c>
      <c r="C45330">
        <v>0</v>
      </c>
      <c r="D45330">
        <v>0</v>
      </c>
    </row>
    <row r="45331" spans="1:4" x14ac:dyDescent="0.25">
      <c r="A45331" t="s">
        <v>63017</v>
      </c>
      <c r="B45331" t="s">
        <v>63018</v>
      </c>
      <c r="C45331">
        <v>1</v>
      </c>
      <c r="D45331">
        <v>0</v>
      </c>
    </row>
    <row r="45332" spans="1:4" x14ac:dyDescent="0.25">
      <c r="A45332" t="s">
        <v>63017</v>
      </c>
      <c r="B45332" t="s">
        <v>63019</v>
      </c>
      <c r="C45332">
        <v>0</v>
      </c>
      <c r="D45332">
        <v>0</v>
      </c>
    </row>
    <row r="45333" spans="1:4" x14ac:dyDescent="0.25">
      <c r="A45333" t="s">
        <v>63020</v>
      </c>
      <c r="B45333" t="s">
        <v>63021</v>
      </c>
      <c r="C45333">
        <v>1</v>
      </c>
      <c r="D45333">
        <v>0</v>
      </c>
    </row>
    <row r="45334" spans="1:4" x14ac:dyDescent="0.25">
      <c r="A45334" t="s">
        <v>63022</v>
      </c>
      <c r="B45334" t="s">
        <v>63023</v>
      </c>
      <c r="C45334">
        <v>1</v>
      </c>
      <c r="D45334">
        <v>0</v>
      </c>
    </row>
    <row r="45335" spans="1:4" x14ac:dyDescent="0.25">
      <c r="A45335" t="s">
        <v>63022</v>
      </c>
      <c r="B45335" t="s">
        <v>63024</v>
      </c>
      <c r="C45335">
        <v>0</v>
      </c>
      <c r="D45335">
        <v>0</v>
      </c>
    </row>
    <row r="45336" spans="1:4" x14ac:dyDescent="0.25">
      <c r="A45336" t="s">
        <v>63022</v>
      </c>
      <c r="B45336" t="s">
        <v>63025</v>
      </c>
      <c r="C45336">
        <v>2</v>
      </c>
      <c r="D45336">
        <v>0</v>
      </c>
    </row>
    <row r="45337" spans="1:4" x14ac:dyDescent="0.25">
      <c r="A45337" t="s">
        <v>63026</v>
      </c>
      <c r="B45337" t="s">
        <v>63027</v>
      </c>
      <c r="C45337">
        <v>2</v>
      </c>
      <c r="D45337">
        <v>0</v>
      </c>
    </row>
    <row r="45338" spans="1:4" x14ac:dyDescent="0.25">
      <c r="A45338" t="s">
        <v>63026</v>
      </c>
      <c r="B45338" t="s">
        <v>27248</v>
      </c>
      <c r="C45338">
        <v>1</v>
      </c>
      <c r="D45338">
        <v>0</v>
      </c>
    </row>
    <row r="45339" spans="1:4" x14ac:dyDescent="0.25">
      <c r="A45339" t="s">
        <v>63026</v>
      </c>
      <c r="B45339" t="s">
        <v>63028</v>
      </c>
      <c r="C45339">
        <v>2</v>
      </c>
      <c r="D45339">
        <v>0</v>
      </c>
    </row>
    <row r="45340" spans="1:4" x14ac:dyDescent="0.25">
      <c r="A45340" t="s">
        <v>63026</v>
      </c>
      <c r="B45340" t="s">
        <v>63029</v>
      </c>
      <c r="C45340">
        <v>2</v>
      </c>
      <c r="D45340">
        <v>0</v>
      </c>
    </row>
    <row r="45341" spans="1:4" x14ac:dyDescent="0.25">
      <c r="A45341" t="s">
        <v>63030</v>
      </c>
      <c r="B45341" t="s">
        <v>63031</v>
      </c>
      <c r="C45341">
        <v>2</v>
      </c>
      <c r="D45341">
        <v>0</v>
      </c>
    </row>
    <row r="45342" spans="1:4" x14ac:dyDescent="0.25">
      <c r="A45342" t="s">
        <v>63030</v>
      </c>
      <c r="B45342" t="s">
        <v>63032</v>
      </c>
      <c r="C45342">
        <v>2</v>
      </c>
      <c r="D45342">
        <v>0</v>
      </c>
    </row>
    <row r="45343" spans="1:4" x14ac:dyDescent="0.25">
      <c r="A45343" t="s">
        <v>63030</v>
      </c>
      <c r="B45343" t="s">
        <v>63033</v>
      </c>
      <c r="C45343">
        <v>2</v>
      </c>
      <c r="D45343">
        <v>0</v>
      </c>
    </row>
    <row r="45344" spans="1:4" x14ac:dyDescent="0.25">
      <c r="A45344" t="s">
        <v>63030</v>
      </c>
      <c r="B45344" t="s">
        <v>63034</v>
      </c>
      <c r="C45344">
        <v>2</v>
      </c>
      <c r="D45344">
        <v>0</v>
      </c>
    </row>
    <row r="45345" spans="1:4" x14ac:dyDescent="0.25">
      <c r="A45345" t="s">
        <v>63030</v>
      </c>
      <c r="B45345" t="s">
        <v>63035</v>
      </c>
      <c r="C45345">
        <v>1</v>
      </c>
      <c r="D45345">
        <v>0</v>
      </c>
    </row>
    <row r="45346" spans="1:4" x14ac:dyDescent="0.25">
      <c r="A45346" t="s">
        <v>63036</v>
      </c>
      <c r="B45346" t="s">
        <v>63037</v>
      </c>
      <c r="C45346">
        <v>1</v>
      </c>
      <c r="D45346">
        <v>0</v>
      </c>
    </row>
    <row r="45347" spans="1:4" x14ac:dyDescent="0.25">
      <c r="A45347" t="s">
        <v>63038</v>
      </c>
      <c r="B45347" t="s">
        <v>63039</v>
      </c>
      <c r="C45347">
        <v>1</v>
      </c>
      <c r="D45347">
        <v>0</v>
      </c>
    </row>
    <row r="45348" spans="1:4" x14ac:dyDescent="0.25">
      <c r="A45348" t="s">
        <v>63038</v>
      </c>
      <c r="B45348" t="s">
        <v>63040</v>
      </c>
      <c r="C45348">
        <v>2</v>
      </c>
      <c r="D45348">
        <v>0</v>
      </c>
    </row>
    <row r="45349" spans="1:4" x14ac:dyDescent="0.25">
      <c r="A45349" t="s">
        <v>63038</v>
      </c>
      <c r="B45349" t="s">
        <v>63041</v>
      </c>
      <c r="C45349">
        <v>0</v>
      </c>
      <c r="D45349">
        <v>0</v>
      </c>
    </row>
    <row r="45350" spans="1:4" x14ac:dyDescent="0.25">
      <c r="A45350" t="s">
        <v>63038</v>
      </c>
      <c r="B45350" t="s">
        <v>63042</v>
      </c>
      <c r="C45350">
        <v>0</v>
      </c>
      <c r="D45350">
        <v>0</v>
      </c>
    </row>
    <row r="45351" spans="1:4" x14ac:dyDescent="0.25">
      <c r="A45351" t="s">
        <v>63038</v>
      </c>
      <c r="B45351" t="s">
        <v>63043</v>
      </c>
      <c r="C45351">
        <v>0</v>
      </c>
      <c r="D45351">
        <v>0</v>
      </c>
    </row>
    <row r="45352" spans="1:4" x14ac:dyDescent="0.25">
      <c r="A45352" t="s">
        <v>63044</v>
      </c>
      <c r="B45352" t="s">
        <v>63045</v>
      </c>
      <c r="C45352">
        <v>0</v>
      </c>
      <c r="D45352">
        <v>0</v>
      </c>
    </row>
    <row r="45353" spans="1:4" x14ac:dyDescent="0.25">
      <c r="A45353" t="s">
        <v>63044</v>
      </c>
      <c r="B45353" t="s">
        <v>63046</v>
      </c>
      <c r="C45353">
        <v>1</v>
      </c>
      <c r="D45353">
        <v>0</v>
      </c>
    </row>
    <row r="45354" spans="1:4" x14ac:dyDescent="0.25">
      <c r="A45354" t="s">
        <v>63044</v>
      </c>
      <c r="B45354" t="s">
        <v>63047</v>
      </c>
      <c r="C45354">
        <v>0</v>
      </c>
      <c r="D45354">
        <v>0</v>
      </c>
    </row>
    <row r="45355" spans="1:4" x14ac:dyDescent="0.25">
      <c r="A45355" t="s">
        <v>63048</v>
      </c>
      <c r="B45355" t="s">
        <v>63049</v>
      </c>
      <c r="C45355">
        <v>0</v>
      </c>
      <c r="D45355">
        <v>0</v>
      </c>
    </row>
    <row r="45356" spans="1:4" x14ac:dyDescent="0.25">
      <c r="A45356" t="s">
        <v>63048</v>
      </c>
      <c r="B45356" t="s">
        <v>63050</v>
      </c>
      <c r="C45356">
        <v>0</v>
      </c>
      <c r="D45356">
        <v>0</v>
      </c>
    </row>
    <row r="45357" spans="1:4" x14ac:dyDescent="0.25">
      <c r="A45357" t="s">
        <v>63048</v>
      </c>
      <c r="B45357" t="s">
        <v>63051</v>
      </c>
      <c r="C45357">
        <v>2</v>
      </c>
      <c r="D45357">
        <v>0</v>
      </c>
    </row>
    <row r="45358" spans="1:4" x14ac:dyDescent="0.25">
      <c r="A45358" t="s">
        <v>63048</v>
      </c>
      <c r="B45358" t="s">
        <v>63052</v>
      </c>
      <c r="C45358">
        <v>2</v>
      </c>
      <c r="D45358">
        <v>0</v>
      </c>
    </row>
    <row r="45359" spans="1:4" x14ac:dyDescent="0.25">
      <c r="A45359" t="s">
        <v>63048</v>
      </c>
      <c r="B45359" t="s">
        <v>63053</v>
      </c>
      <c r="C45359">
        <v>0</v>
      </c>
      <c r="D45359">
        <v>0</v>
      </c>
    </row>
    <row r="45360" spans="1:4" x14ac:dyDescent="0.25">
      <c r="A45360" t="s">
        <v>63048</v>
      </c>
      <c r="B45360" t="s">
        <v>63054</v>
      </c>
      <c r="C45360">
        <v>0</v>
      </c>
      <c r="D45360">
        <v>0</v>
      </c>
    </row>
    <row r="45361" spans="1:4" x14ac:dyDescent="0.25">
      <c r="A45361" t="s">
        <v>63048</v>
      </c>
      <c r="B45361" t="s">
        <v>63055</v>
      </c>
      <c r="C45361">
        <v>0</v>
      </c>
      <c r="D45361">
        <v>0</v>
      </c>
    </row>
    <row r="45362" spans="1:4" x14ac:dyDescent="0.25">
      <c r="A45362" t="s">
        <v>63048</v>
      </c>
      <c r="B45362" t="s">
        <v>63056</v>
      </c>
      <c r="C45362">
        <v>2</v>
      </c>
      <c r="D45362">
        <v>0</v>
      </c>
    </row>
    <row r="45363" spans="1:4" x14ac:dyDescent="0.25">
      <c r="A45363" t="s">
        <v>63048</v>
      </c>
      <c r="B45363" t="s">
        <v>63057</v>
      </c>
      <c r="C45363">
        <v>0</v>
      </c>
      <c r="D45363">
        <v>0</v>
      </c>
    </row>
    <row r="45364" spans="1:4" x14ac:dyDescent="0.25">
      <c r="A45364" t="s">
        <v>63058</v>
      </c>
      <c r="B45364" t="s">
        <v>63059</v>
      </c>
      <c r="C45364">
        <v>1</v>
      </c>
      <c r="D45364">
        <v>0</v>
      </c>
    </row>
    <row r="45365" spans="1:4" x14ac:dyDescent="0.25">
      <c r="A45365" t="s">
        <v>63058</v>
      </c>
      <c r="B45365" t="s">
        <v>58921</v>
      </c>
      <c r="C45365">
        <v>1</v>
      </c>
      <c r="D45365">
        <v>0</v>
      </c>
    </row>
    <row r="45366" spans="1:4" x14ac:dyDescent="0.25">
      <c r="A45366" t="s">
        <v>63058</v>
      </c>
      <c r="B45366" t="s">
        <v>12472</v>
      </c>
      <c r="C45366">
        <v>1</v>
      </c>
      <c r="D45366">
        <v>0</v>
      </c>
    </row>
    <row r="45367" spans="1:4" x14ac:dyDescent="0.25">
      <c r="A45367" t="s">
        <v>63058</v>
      </c>
      <c r="B45367" t="s">
        <v>63060</v>
      </c>
      <c r="C45367">
        <v>1</v>
      </c>
      <c r="D45367">
        <v>0</v>
      </c>
    </row>
    <row r="45368" spans="1:4" x14ac:dyDescent="0.25">
      <c r="A45368" t="s">
        <v>63058</v>
      </c>
      <c r="B45368" t="s">
        <v>58920</v>
      </c>
      <c r="C45368">
        <v>0</v>
      </c>
      <c r="D45368">
        <v>0</v>
      </c>
    </row>
    <row r="45369" spans="1:4" x14ac:dyDescent="0.25">
      <c r="A45369" t="s">
        <v>63058</v>
      </c>
      <c r="B45369" t="s">
        <v>63061</v>
      </c>
      <c r="C45369">
        <v>0</v>
      </c>
      <c r="D45369">
        <v>0</v>
      </c>
    </row>
    <row r="45370" spans="1:4" x14ac:dyDescent="0.25">
      <c r="A45370" t="s">
        <v>63058</v>
      </c>
      <c r="B45370" t="s">
        <v>63062</v>
      </c>
      <c r="C45370">
        <v>1</v>
      </c>
      <c r="D45370">
        <v>0</v>
      </c>
    </row>
    <row r="45371" spans="1:4" x14ac:dyDescent="0.25">
      <c r="A45371" t="s">
        <v>63063</v>
      </c>
      <c r="B45371" t="s">
        <v>63064</v>
      </c>
      <c r="C45371">
        <v>1</v>
      </c>
      <c r="D45371">
        <v>0</v>
      </c>
    </row>
    <row r="45372" spans="1:4" x14ac:dyDescent="0.25">
      <c r="A45372" t="s">
        <v>63063</v>
      </c>
      <c r="B45372" t="s">
        <v>63065</v>
      </c>
      <c r="C45372">
        <v>1</v>
      </c>
      <c r="D45372">
        <v>0</v>
      </c>
    </row>
    <row r="45373" spans="1:4" x14ac:dyDescent="0.25">
      <c r="A45373" t="s">
        <v>63063</v>
      </c>
      <c r="B45373" t="s">
        <v>63066</v>
      </c>
      <c r="C45373">
        <v>2</v>
      </c>
      <c r="D45373">
        <v>0</v>
      </c>
    </row>
    <row r="45374" spans="1:4" x14ac:dyDescent="0.25">
      <c r="A45374" t="s">
        <v>63067</v>
      </c>
      <c r="B45374" t="s">
        <v>63068</v>
      </c>
      <c r="C45374">
        <v>1</v>
      </c>
      <c r="D45374">
        <v>0</v>
      </c>
    </row>
    <row r="45375" spans="1:4" x14ac:dyDescent="0.25">
      <c r="A45375" t="s">
        <v>63067</v>
      </c>
      <c r="B45375" t="s">
        <v>63069</v>
      </c>
      <c r="C45375">
        <v>1</v>
      </c>
      <c r="D45375">
        <v>0</v>
      </c>
    </row>
    <row r="45376" spans="1:4" x14ac:dyDescent="0.25">
      <c r="A45376" t="s">
        <v>63067</v>
      </c>
      <c r="B45376" t="s">
        <v>63070</v>
      </c>
      <c r="C45376">
        <v>1</v>
      </c>
      <c r="D45376">
        <v>0</v>
      </c>
    </row>
    <row r="45377" spans="1:4" x14ac:dyDescent="0.25">
      <c r="A45377" t="s">
        <v>63067</v>
      </c>
      <c r="B45377" t="s">
        <v>63071</v>
      </c>
      <c r="C45377">
        <v>2</v>
      </c>
      <c r="D45377">
        <v>0</v>
      </c>
    </row>
    <row r="45378" spans="1:4" x14ac:dyDescent="0.25">
      <c r="A45378" t="s">
        <v>63067</v>
      </c>
      <c r="B45378" t="s">
        <v>63072</v>
      </c>
      <c r="C45378">
        <v>1</v>
      </c>
      <c r="D45378">
        <v>0</v>
      </c>
    </row>
    <row r="45379" spans="1:4" x14ac:dyDescent="0.25">
      <c r="A45379" t="s">
        <v>63073</v>
      </c>
      <c r="B45379" t="s">
        <v>63074</v>
      </c>
      <c r="C45379">
        <v>0</v>
      </c>
      <c r="D45379">
        <v>0</v>
      </c>
    </row>
    <row r="45380" spans="1:4" x14ac:dyDescent="0.25">
      <c r="A45380" t="s">
        <v>63073</v>
      </c>
      <c r="B45380" t="s">
        <v>5434</v>
      </c>
      <c r="C45380">
        <v>1</v>
      </c>
      <c r="D45380">
        <v>0</v>
      </c>
    </row>
    <row r="45381" spans="1:4" x14ac:dyDescent="0.25">
      <c r="A45381" t="s">
        <v>63075</v>
      </c>
      <c r="B45381" t="s">
        <v>63076</v>
      </c>
      <c r="C45381">
        <v>0</v>
      </c>
      <c r="D45381">
        <v>0</v>
      </c>
    </row>
    <row r="45382" spans="1:4" x14ac:dyDescent="0.25">
      <c r="A45382" t="s">
        <v>63075</v>
      </c>
      <c r="B45382" t="s">
        <v>63077</v>
      </c>
      <c r="C45382">
        <v>2</v>
      </c>
      <c r="D45382">
        <v>0</v>
      </c>
    </row>
    <row r="45383" spans="1:4" x14ac:dyDescent="0.25">
      <c r="A45383" t="s">
        <v>63075</v>
      </c>
      <c r="B45383" t="s">
        <v>63078</v>
      </c>
      <c r="C45383">
        <v>2</v>
      </c>
      <c r="D45383">
        <v>0</v>
      </c>
    </row>
    <row r="45384" spans="1:4" x14ac:dyDescent="0.25">
      <c r="A45384" t="s">
        <v>63075</v>
      </c>
      <c r="B45384" t="s">
        <v>63079</v>
      </c>
      <c r="C45384">
        <v>1</v>
      </c>
      <c r="D45384">
        <v>0</v>
      </c>
    </row>
    <row r="45385" spans="1:4" x14ac:dyDescent="0.25">
      <c r="A45385" t="s">
        <v>63075</v>
      </c>
      <c r="B45385" t="s">
        <v>63080</v>
      </c>
      <c r="C45385">
        <v>2</v>
      </c>
      <c r="D45385">
        <v>0</v>
      </c>
    </row>
    <row r="45386" spans="1:4" x14ac:dyDescent="0.25">
      <c r="A45386" t="s">
        <v>63075</v>
      </c>
      <c r="B45386" t="s">
        <v>63081</v>
      </c>
      <c r="C45386">
        <v>1</v>
      </c>
      <c r="D45386">
        <v>0</v>
      </c>
    </row>
    <row r="45387" spans="1:4" x14ac:dyDescent="0.25">
      <c r="A45387" t="s">
        <v>63082</v>
      </c>
      <c r="B45387" t="s">
        <v>63083</v>
      </c>
      <c r="C45387">
        <v>1</v>
      </c>
      <c r="D45387">
        <v>0</v>
      </c>
    </row>
    <row r="45388" spans="1:4" x14ac:dyDescent="0.25">
      <c r="A45388" t="s">
        <v>63084</v>
      </c>
      <c r="B45388" t="s">
        <v>63085</v>
      </c>
      <c r="C45388">
        <v>1</v>
      </c>
      <c r="D45388">
        <v>0</v>
      </c>
    </row>
    <row r="45389" spans="1:4" x14ac:dyDescent="0.25">
      <c r="A45389" t="s">
        <v>63084</v>
      </c>
      <c r="B45389" t="s">
        <v>63086</v>
      </c>
      <c r="C45389">
        <v>1</v>
      </c>
      <c r="D45389">
        <v>0</v>
      </c>
    </row>
    <row r="45390" spans="1:4" x14ac:dyDescent="0.25">
      <c r="A45390" t="s">
        <v>63084</v>
      </c>
      <c r="B45390" t="s">
        <v>63087</v>
      </c>
      <c r="C45390">
        <v>1</v>
      </c>
      <c r="D45390">
        <v>0</v>
      </c>
    </row>
    <row r="45391" spans="1:4" x14ac:dyDescent="0.25">
      <c r="A45391" t="s">
        <v>63084</v>
      </c>
      <c r="B45391" t="s">
        <v>63088</v>
      </c>
      <c r="C45391">
        <v>2</v>
      </c>
      <c r="D45391">
        <v>0</v>
      </c>
    </row>
    <row r="45392" spans="1:4" x14ac:dyDescent="0.25">
      <c r="A45392" t="s">
        <v>63084</v>
      </c>
      <c r="B45392" t="s">
        <v>63089</v>
      </c>
      <c r="C45392">
        <v>1</v>
      </c>
      <c r="D45392">
        <v>0</v>
      </c>
    </row>
    <row r="45393" spans="1:4" x14ac:dyDescent="0.25">
      <c r="A45393" t="s">
        <v>63084</v>
      </c>
      <c r="B45393" t="s">
        <v>63090</v>
      </c>
      <c r="C45393">
        <v>1</v>
      </c>
      <c r="D45393">
        <v>0</v>
      </c>
    </row>
    <row r="45394" spans="1:4" x14ac:dyDescent="0.25">
      <c r="A45394" t="s">
        <v>63091</v>
      </c>
      <c r="B45394" t="s">
        <v>63092</v>
      </c>
      <c r="C45394">
        <v>2</v>
      </c>
      <c r="D45394">
        <v>0</v>
      </c>
    </row>
    <row r="45395" spans="1:4" x14ac:dyDescent="0.25">
      <c r="A45395" t="s">
        <v>63091</v>
      </c>
      <c r="B45395" t="s">
        <v>63093</v>
      </c>
      <c r="C45395">
        <v>2</v>
      </c>
      <c r="D45395">
        <v>0</v>
      </c>
    </row>
    <row r="45396" spans="1:4" x14ac:dyDescent="0.25">
      <c r="A45396" t="s">
        <v>63091</v>
      </c>
      <c r="B45396" t="s">
        <v>63094</v>
      </c>
      <c r="C45396">
        <v>2</v>
      </c>
      <c r="D45396">
        <v>0</v>
      </c>
    </row>
    <row r="45397" spans="1:4" x14ac:dyDescent="0.25">
      <c r="A45397" t="s">
        <v>63091</v>
      </c>
      <c r="B45397" t="s">
        <v>63095</v>
      </c>
      <c r="C45397">
        <v>2</v>
      </c>
      <c r="D45397">
        <v>0</v>
      </c>
    </row>
    <row r="45398" spans="1:4" x14ac:dyDescent="0.25">
      <c r="A45398" t="s">
        <v>63091</v>
      </c>
      <c r="B45398" t="s">
        <v>63096</v>
      </c>
      <c r="C45398">
        <v>1</v>
      </c>
      <c r="D45398">
        <v>0</v>
      </c>
    </row>
    <row r="45399" spans="1:4" x14ac:dyDescent="0.25">
      <c r="A45399" t="s">
        <v>63091</v>
      </c>
      <c r="B45399" t="s">
        <v>63097</v>
      </c>
      <c r="C45399">
        <v>2</v>
      </c>
      <c r="D45399">
        <v>0</v>
      </c>
    </row>
    <row r="45400" spans="1:4" x14ac:dyDescent="0.25">
      <c r="A45400" t="s">
        <v>63098</v>
      </c>
      <c r="B45400" t="s">
        <v>63099</v>
      </c>
      <c r="C45400">
        <v>1</v>
      </c>
      <c r="D45400">
        <v>0</v>
      </c>
    </row>
    <row r="45401" spans="1:4" x14ac:dyDescent="0.25">
      <c r="A45401" t="s">
        <v>63098</v>
      </c>
      <c r="B45401" t="s">
        <v>63100</v>
      </c>
      <c r="C45401">
        <v>0</v>
      </c>
      <c r="D45401">
        <v>0</v>
      </c>
    </row>
    <row r="45402" spans="1:4" x14ac:dyDescent="0.25">
      <c r="A45402" t="s">
        <v>63098</v>
      </c>
      <c r="B45402" t="s">
        <v>63101</v>
      </c>
      <c r="C45402">
        <v>0</v>
      </c>
      <c r="D45402">
        <v>0</v>
      </c>
    </row>
    <row r="45403" spans="1:4" x14ac:dyDescent="0.25">
      <c r="A45403" t="s">
        <v>63098</v>
      </c>
      <c r="B45403" t="s">
        <v>63102</v>
      </c>
      <c r="C45403">
        <v>0</v>
      </c>
      <c r="D45403">
        <v>0</v>
      </c>
    </row>
    <row r="45404" spans="1:4" x14ac:dyDescent="0.25">
      <c r="A45404" t="s">
        <v>63098</v>
      </c>
      <c r="B45404" t="s">
        <v>63103</v>
      </c>
      <c r="C45404">
        <v>0</v>
      </c>
      <c r="D45404">
        <v>0</v>
      </c>
    </row>
    <row r="45405" spans="1:4" x14ac:dyDescent="0.25">
      <c r="A45405" t="s">
        <v>63098</v>
      </c>
      <c r="B45405" t="s">
        <v>63104</v>
      </c>
      <c r="C45405">
        <v>0</v>
      </c>
      <c r="D45405">
        <v>0</v>
      </c>
    </row>
    <row r="45406" spans="1:4" x14ac:dyDescent="0.25">
      <c r="A45406" t="s">
        <v>63098</v>
      </c>
      <c r="B45406" t="s">
        <v>63105</v>
      </c>
      <c r="C45406">
        <v>0</v>
      </c>
      <c r="D45406">
        <v>0</v>
      </c>
    </row>
    <row r="45407" spans="1:4" x14ac:dyDescent="0.25">
      <c r="A45407" t="s">
        <v>63098</v>
      </c>
      <c r="B45407" t="s">
        <v>63106</v>
      </c>
      <c r="C45407">
        <v>0</v>
      </c>
      <c r="D45407">
        <v>0</v>
      </c>
    </row>
    <row r="45408" spans="1:4" x14ac:dyDescent="0.25">
      <c r="A45408" t="s">
        <v>63107</v>
      </c>
      <c r="B45408" t="s">
        <v>63108</v>
      </c>
      <c r="C45408">
        <v>1</v>
      </c>
      <c r="D45408">
        <v>0</v>
      </c>
    </row>
    <row r="45409" spans="1:4" x14ac:dyDescent="0.25">
      <c r="A45409" t="s">
        <v>63107</v>
      </c>
      <c r="B45409" t="s">
        <v>63109</v>
      </c>
      <c r="C45409">
        <v>1</v>
      </c>
      <c r="D45409">
        <v>0</v>
      </c>
    </row>
    <row r="45410" spans="1:4" x14ac:dyDescent="0.25">
      <c r="A45410" t="s">
        <v>63107</v>
      </c>
      <c r="B45410" t="s">
        <v>63110</v>
      </c>
      <c r="C45410">
        <v>2</v>
      </c>
      <c r="D45410">
        <v>0</v>
      </c>
    </row>
    <row r="45411" spans="1:4" x14ac:dyDescent="0.25">
      <c r="A45411" t="s">
        <v>63107</v>
      </c>
      <c r="B45411" t="s">
        <v>63111</v>
      </c>
      <c r="C45411">
        <v>2</v>
      </c>
      <c r="D45411">
        <v>0</v>
      </c>
    </row>
    <row r="45412" spans="1:4" x14ac:dyDescent="0.25">
      <c r="A45412" t="s">
        <v>63112</v>
      </c>
      <c r="B45412" t="s">
        <v>63113</v>
      </c>
      <c r="C45412">
        <v>1</v>
      </c>
      <c r="D45412">
        <v>0</v>
      </c>
    </row>
    <row r="45413" spans="1:4" x14ac:dyDescent="0.25">
      <c r="A45413" t="s">
        <v>63114</v>
      </c>
      <c r="B45413" t="s">
        <v>63115</v>
      </c>
      <c r="C45413">
        <v>1</v>
      </c>
      <c r="D45413">
        <v>0</v>
      </c>
    </row>
    <row r="45414" spans="1:4" x14ac:dyDescent="0.25">
      <c r="A45414" t="s">
        <v>63114</v>
      </c>
      <c r="B45414" t="s">
        <v>63116</v>
      </c>
      <c r="C45414">
        <v>1</v>
      </c>
      <c r="D45414">
        <v>0</v>
      </c>
    </row>
    <row r="45415" spans="1:4" x14ac:dyDescent="0.25">
      <c r="A45415" t="s">
        <v>63117</v>
      </c>
      <c r="B45415" t="s">
        <v>3611</v>
      </c>
      <c r="C45415">
        <v>2</v>
      </c>
      <c r="D45415">
        <v>0</v>
      </c>
    </row>
    <row r="45416" spans="1:4" x14ac:dyDescent="0.25">
      <c r="A45416" t="s">
        <v>63117</v>
      </c>
      <c r="B45416" t="s">
        <v>63118</v>
      </c>
      <c r="C45416">
        <v>2</v>
      </c>
      <c r="D45416">
        <v>0</v>
      </c>
    </row>
    <row r="45417" spans="1:4" x14ac:dyDescent="0.25">
      <c r="A45417" t="s">
        <v>63117</v>
      </c>
      <c r="B45417" t="s">
        <v>63119</v>
      </c>
      <c r="C45417">
        <v>0</v>
      </c>
      <c r="D45417">
        <v>0</v>
      </c>
    </row>
    <row r="45418" spans="1:4" x14ac:dyDescent="0.25">
      <c r="A45418" t="s">
        <v>63117</v>
      </c>
      <c r="B45418" t="s">
        <v>63120</v>
      </c>
      <c r="C45418">
        <v>1</v>
      </c>
      <c r="D45418">
        <v>0</v>
      </c>
    </row>
    <row r="45419" spans="1:4" x14ac:dyDescent="0.25">
      <c r="A45419" t="s">
        <v>63117</v>
      </c>
      <c r="B45419" t="s">
        <v>63121</v>
      </c>
      <c r="C45419">
        <v>0</v>
      </c>
      <c r="D45419">
        <v>0</v>
      </c>
    </row>
    <row r="45420" spans="1:4" x14ac:dyDescent="0.25">
      <c r="A45420" t="s">
        <v>63117</v>
      </c>
      <c r="B45420" t="s">
        <v>63122</v>
      </c>
      <c r="C45420">
        <v>2</v>
      </c>
      <c r="D45420">
        <v>0</v>
      </c>
    </row>
    <row r="45421" spans="1:4" x14ac:dyDescent="0.25">
      <c r="A45421" t="s">
        <v>63123</v>
      </c>
      <c r="B45421" t="s">
        <v>63124</v>
      </c>
      <c r="C45421">
        <v>1</v>
      </c>
      <c r="D45421">
        <v>0</v>
      </c>
    </row>
    <row r="45422" spans="1:4" x14ac:dyDescent="0.25">
      <c r="A45422" t="s">
        <v>63123</v>
      </c>
      <c r="B45422" t="s">
        <v>63125</v>
      </c>
      <c r="C45422">
        <v>1</v>
      </c>
      <c r="D45422">
        <v>0</v>
      </c>
    </row>
    <row r="45423" spans="1:4" x14ac:dyDescent="0.25">
      <c r="A45423" t="s">
        <v>63123</v>
      </c>
      <c r="B45423" t="s">
        <v>63126</v>
      </c>
      <c r="C45423">
        <v>1</v>
      </c>
      <c r="D45423">
        <v>0</v>
      </c>
    </row>
    <row r="45424" spans="1:4" x14ac:dyDescent="0.25">
      <c r="A45424" t="s">
        <v>63123</v>
      </c>
      <c r="B45424" t="s">
        <v>63127</v>
      </c>
      <c r="C45424">
        <v>2</v>
      </c>
      <c r="D45424">
        <v>0</v>
      </c>
    </row>
    <row r="45425" spans="1:4" x14ac:dyDescent="0.25">
      <c r="A45425" t="s">
        <v>63128</v>
      </c>
      <c r="B45425" t="s">
        <v>63129</v>
      </c>
      <c r="C45425">
        <v>1</v>
      </c>
      <c r="D45425">
        <v>0</v>
      </c>
    </row>
    <row r="45426" spans="1:4" x14ac:dyDescent="0.25">
      <c r="A45426" t="s">
        <v>63130</v>
      </c>
      <c r="B45426" t="s">
        <v>63131</v>
      </c>
      <c r="C45426">
        <v>1</v>
      </c>
      <c r="D45426">
        <v>0</v>
      </c>
    </row>
    <row r="45427" spans="1:4" x14ac:dyDescent="0.25">
      <c r="A45427" t="s">
        <v>63130</v>
      </c>
      <c r="B45427" t="s">
        <v>63132</v>
      </c>
      <c r="C45427">
        <v>0</v>
      </c>
      <c r="D45427">
        <v>0</v>
      </c>
    </row>
    <row r="45428" spans="1:4" x14ac:dyDescent="0.25">
      <c r="A45428" t="s">
        <v>63130</v>
      </c>
      <c r="B45428" t="s">
        <v>63133</v>
      </c>
      <c r="C45428">
        <v>1</v>
      </c>
      <c r="D45428">
        <v>0</v>
      </c>
    </row>
    <row r="45429" spans="1:4" x14ac:dyDescent="0.25">
      <c r="A45429" t="s">
        <v>63130</v>
      </c>
      <c r="B45429" t="s">
        <v>63134</v>
      </c>
      <c r="C45429">
        <v>1</v>
      </c>
      <c r="D45429">
        <v>0</v>
      </c>
    </row>
    <row r="45430" spans="1:4" x14ac:dyDescent="0.25">
      <c r="A45430" t="s">
        <v>63130</v>
      </c>
      <c r="B45430" t="s">
        <v>63135</v>
      </c>
      <c r="C45430">
        <v>2</v>
      </c>
      <c r="D45430">
        <v>0</v>
      </c>
    </row>
    <row r="45431" spans="1:4" x14ac:dyDescent="0.25">
      <c r="A45431" t="s">
        <v>63130</v>
      </c>
      <c r="B45431" t="s">
        <v>17479</v>
      </c>
      <c r="C45431">
        <v>1</v>
      </c>
      <c r="D45431">
        <v>0</v>
      </c>
    </row>
    <row r="45432" spans="1:4" x14ac:dyDescent="0.25">
      <c r="A45432" t="s">
        <v>63136</v>
      </c>
      <c r="B45432" t="s">
        <v>5434</v>
      </c>
      <c r="C45432">
        <v>1</v>
      </c>
      <c r="D45432">
        <v>0</v>
      </c>
    </row>
    <row r="45433" spans="1:4" x14ac:dyDescent="0.25">
      <c r="A45433" t="s">
        <v>63136</v>
      </c>
      <c r="B45433" t="s">
        <v>63137</v>
      </c>
      <c r="C45433">
        <v>0</v>
      </c>
      <c r="D45433">
        <v>0</v>
      </c>
    </row>
    <row r="45434" spans="1:4" x14ac:dyDescent="0.25">
      <c r="A45434" t="s">
        <v>63136</v>
      </c>
      <c r="B45434" t="s">
        <v>63138</v>
      </c>
      <c r="C45434">
        <v>2</v>
      </c>
      <c r="D45434">
        <v>0</v>
      </c>
    </row>
    <row r="45435" spans="1:4" x14ac:dyDescent="0.25">
      <c r="A45435" t="s">
        <v>63136</v>
      </c>
      <c r="B45435" t="s">
        <v>5713</v>
      </c>
      <c r="C45435">
        <v>1</v>
      </c>
      <c r="D45435">
        <v>0</v>
      </c>
    </row>
    <row r="45436" spans="1:4" x14ac:dyDescent="0.25">
      <c r="A45436" t="s">
        <v>63136</v>
      </c>
      <c r="B45436" t="s">
        <v>47183</v>
      </c>
      <c r="C45436">
        <v>2</v>
      </c>
      <c r="D45436">
        <v>0</v>
      </c>
    </row>
    <row r="45437" spans="1:4" x14ac:dyDescent="0.25">
      <c r="A45437" t="s">
        <v>63136</v>
      </c>
      <c r="B45437" t="s">
        <v>63139</v>
      </c>
      <c r="C45437">
        <v>1</v>
      </c>
      <c r="D45437">
        <v>0</v>
      </c>
    </row>
    <row r="45438" spans="1:4" x14ac:dyDescent="0.25">
      <c r="A45438" t="s">
        <v>63140</v>
      </c>
      <c r="B45438" t="s">
        <v>63141</v>
      </c>
      <c r="C45438">
        <v>0</v>
      </c>
      <c r="D45438">
        <v>0</v>
      </c>
    </row>
    <row r="45439" spans="1:4" x14ac:dyDescent="0.25">
      <c r="A45439" t="s">
        <v>63140</v>
      </c>
      <c r="B45439" t="s">
        <v>63142</v>
      </c>
      <c r="C45439">
        <v>0</v>
      </c>
      <c r="D45439">
        <v>0</v>
      </c>
    </row>
    <row r="45440" spans="1:4" x14ac:dyDescent="0.25">
      <c r="A45440" t="s">
        <v>63140</v>
      </c>
      <c r="B45440" t="s">
        <v>63143</v>
      </c>
      <c r="C45440">
        <v>0</v>
      </c>
      <c r="D45440">
        <v>0</v>
      </c>
    </row>
    <row r="45441" spans="1:4" x14ac:dyDescent="0.25">
      <c r="A45441" t="s">
        <v>63140</v>
      </c>
      <c r="B45441" t="s">
        <v>63144</v>
      </c>
      <c r="C45441">
        <v>0</v>
      </c>
      <c r="D45441">
        <v>0</v>
      </c>
    </row>
    <row r="45442" spans="1:4" x14ac:dyDescent="0.25">
      <c r="A45442" t="s">
        <v>63145</v>
      </c>
      <c r="B45442" t="s">
        <v>63146</v>
      </c>
      <c r="C45442">
        <v>0</v>
      </c>
      <c r="D45442">
        <v>0</v>
      </c>
    </row>
    <row r="45443" spans="1:4" x14ac:dyDescent="0.25">
      <c r="A45443" t="s">
        <v>63147</v>
      </c>
      <c r="B45443" t="s">
        <v>63148</v>
      </c>
      <c r="C45443">
        <v>2</v>
      </c>
      <c r="D45443">
        <v>0</v>
      </c>
    </row>
    <row r="45444" spans="1:4" x14ac:dyDescent="0.25">
      <c r="A45444" t="s">
        <v>63147</v>
      </c>
      <c r="B45444" t="s">
        <v>3347</v>
      </c>
      <c r="C45444">
        <v>0</v>
      </c>
      <c r="D45444">
        <v>0</v>
      </c>
    </row>
    <row r="45445" spans="1:4" x14ac:dyDescent="0.25">
      <c r="A45445" t="s">
        <v>63149</v>
      </c>
      <c r="B45445" t="s">
        <v>63150</v>
      </c>
      <c r="C45445">
        <v>1</v>
      </c>
      <c r="D45445">
        <v>0</v>
      </c>
    </row>
    <row r="45446" spans="1:4" x14ac:dyDescent="0.25">
      <c r="A45446" t="s">
        <v>63149</v>
      </c>
      <c r="B45446" t="s">
        <v>48005</v>
      </c>
      <c r="C45446">
        <v>1</v>
      </c>
      <c r="D45446">
        <v>0</v>
      </c>
    </row>
    <row r="45447" spans="1:4" x14ac:dyDescent="0.25">
      <c r="A45447" t="s">
        <v>63149</v>
      </c>
      <c r="B45447" t="s">
        <v>63151</v>
      </c>
      <c r="C45447">
        <v>1</v>
      </c>
      <c r="D45447">
        <v>0</v>
      </c>
    </row>
    <row r="45448" spans="1:4" x14ac:dyDescent="0.25">
      <c r="A45448" t="s">
        <v>63149</v>
      </c>
      <c r="B45448" t="s">
        <v>63152</v>
      </c>
      <c r="C45448">
        <v>1</v>
      </c>
      <c r="D45448">
        <v>0</v>
      </c>
    </row>
    <row r="45449" spans="1:4" x14ac:dyDescent="0.25">
      <c r="A45449" t="s">
        <v>63149</v>
      </c>
      <c r="B45449" t="s">
        <v>63153</v>
      </c>
      <c r="C45449">
        <v>1</v>
      </c>
      <c r="D45449">
        <v>0</v>
      </c>
    </row>
    <row r="45450" spans="1:4" x14ac:dyDescent="0.25">
      <c r="A45450" t="s">
        <v>63149</v>
      </c>
      <c r="B45450" t="s">
        <v>63154</v>
      </c>
      <c r="C45450">
        <v>1</v>
      </c>
      <c r="D45450">
        <v>0</v>
      </c>
    </row>
    <row r="45451" spans="1:4" x14ac:dyDescent="0.25">
      <c r="A45451" t="s">
        <v>63155</v>
      </c>
      <c r="B45451" t="s">
        <v>63156</v>
      </c>
      <c r="C45451">
        <v>1</v>
      </c>
      <c r="D45451">
        <v>0</v>
      </c>
    </row>
    <row r="45452" spans="1:4" x14ac:dyDescent="0.25">
      <c r="A45452" t="s">
        <v>63155</v>
      </c>
      <c r="B45452" t="s">
        <v>63157</v>
      </c>
      <c r="C45452">
        <v>0</v>
      </c>
      <c r="D45452">
        <v>0</v>
      </c>
    </row>
    <row r="45453" spans="1:4" x14ac:dyDescent="0.25">
      <c r="A45453" t="s">
        <v>63155</v>
      </c>
      <c r="B45453" t="s">
        <v>63158</v>
      </c>
      <c r="C45453">
        <v>0</v>
      </c>
      <c r="D45453">
        <v>0</v>
      </c>
    </row>
    <row r="45454" spans="1:4" x14ac:dyDescent="0.25">
      <c r="A45454" t="s">
        <v>63155</v>
      </c>
      <c r="B45454" t="s">
        <v>63159</v>
      </c>
      <c r="C45454">
        <v>0</v>
      </c>
      <c r="D45454">
        <v>0</v>
      </c>
    </row>
    <row r="45455" spans="1:4" x14ac:dyDescent="0.25">
      <c r="A45455" t="s">
        <v>63155</v>
      </c>
      <c r="B45455" t="s">
        <v>63160</v>
      </c>
      <c r="C45455">
        <v>2</v>
      </c>
      <c r="D45455">
        <v>0</v>
      </c>
    </row>
    <row r="45456" spans="1:4" x14ac:dyDescent="0.25">
      <c r="A45456" t="s">
        <v>63155</v>
      </c>
      <c r="B45456" t="s">
        <v>63161</v>
      </c>
      <c r="C45456">
        <v>0</v>
      </c>
      <c r="D45456">
        <v>0</v>
      </c>
    </row>
    <row r="45457" spans="1:4" x14ac:dyDescent="0.25">
      <c r="A45457" t="s">
        <v>63162</v>
      </c>
      <c r="B45457" t="s">
        <v>47503</v>
      </c>
      <c r="C45457">
        <v>1</v>
      </c>
      <c r="D45457">
        <v>0</v>
      </c>
    </row>
    <row r="45458" spans="1:4" x14ac:dyDescent="0.25">
      <c r="A45458" t="s">
        <v>63163</v>
      </c>
      <c r="B45458" t="s">
        <v>63164</v>
      </c>
      <c r="C45458">
        <v>2</v>
      </c>
      <c r="D45458">
        <v>0</v>
      </c>
    </row>
    <row r="45459" spans="1:4" x14ac:dyDescent="0.25">
      <c r="A45459" t="s">
        <v>63163</v>
      </c>
      <c r="B45459" t="s">
        <v>63165</v>
      </c>
      <c r="C45459">
        <v>1</v>
      </c>
      <c r="D45459">
        <v>0</v>
      </c>
    </row>
    <row r="45460" spans="1:4" x14ac:dyDescent="0.25">
      <c r="A45460" t="s">
        <v>63166</v>
      </c>
      <c r="B45460" t="s">
        <v>63167</v>
      </c>
      <c r="C45460">
        <v>1</v>
      </c>
      <c r="D45460">
        <v>0</v>
      </c>
    </row>
    <row r="45461" spans="1:4" x14ac:dyDescent="0.25">
      <c r="A45461" t="s">
        <v>63166</v>
      </c>
      <c r="B45461" t="s">
        <v>63168</v>
      </c>
      <c r="C45461">
        <v>2</v>
      </c>
      <c r="D45461">
        <v>0</v>
      </c>
    </row>
    <row r="45462" spans="1:4" x14ac:dyDescent="0.25">
      <c r="A45462" t="s">
        <v>63169</v>
      </c>
      <c r="B45462" t="s">
        <v>63170</v>
      </c>
      <c r="C45462">
        <v>1</v>
      </c>
      <c r="D45462">
        <v>0</v>
      </c>
    </row>
    <row r="45463" spans="1:4" x14ac:dyDescent="0.25">
      <c r="A45463" t="s">
        <v>63169</v>
      </c>
      <c r="B45463" t="s">
        <v>63171</v>
      </c>
      <c r="C45463">
        <v>0</v>
      </c>
      <c r="D45463">
        <v>0</v>
      </c>
    </row>
    <row r="45464" spans="1:4" x14ac:dyDescent="0.25">
      <c r="A45464" t="s">
        <v>63169</v>
      </c>
      <c r="B45464" t="s">
        <v>63172</v>
      </c>
      <c r="C45464">
        <v>1</v>
      </c>
      <c r="D45464">
        <v>0</v>
      </c>
    </row>
    <row r="45465" spans="1:4" x14ac:dyDescent="0.25">
      <c r="A45465" t="s">
        <v>63169</v>
      </c>
      <c r="B45465" t="s">
        <v>63171</v>
      </c>
      <c r="C45465">
        <v>0</v>
      </c>
      <c r="D45465">
        <v>0</v>
      </c>
    </row>
    <row r="45466" spans="1:4" x14ac:dyDescent="0.25">
      <c r="A45466" t="s">
        <v>63173</v>
      </c>
      <c r="B45466" t="s">
        <v>63174</v>
      </c>
      <c r="C45466">
        <v>1</v>
      </c>
      <c r="D45466">
        <v>0</v>
      </c>
    </row>
    <row r="45467" spans="1:4" x14ac:dyDescent="0.25">
      <c r="A45467" t="s">
        <v>63173</v>
      </c>
      <c r="B45467" t="s">
        <v>2267</v>
      </c>
      <c r="C45467">
        <v>0</v>
      </c>
      <c r="D45467">
        <v>0</v>
      </c>
    </row>
    <row r="45468" spans="1:4" x14ac:dyDescent="0.25">
      <c r="A45468" t="s">
        <v>63173</v>
      </c>
      <c r="B45468" t="s">
        <v>63175</v>
      </c>
      <c r="C45468">
        <v>1</v>
      </c>
      <c r="D45468">
        <v>0</v>
      </c>
    </row>
    <row r="45469" spans="1:4" x14ac:dyDescent="0.25">
      <c r="A45469" t="s">
        <v>63176</v>
      </c>
      <c r="B45469" t="s">
        <v>63177</v>
      </c>
      <c r="C45469">
        <v>1</v>
      </c>
      <c r="D45469">
        <v>0</v>
      </c>
    </row>
    <row r="45470" spans="1:4" x14ac:dyDescent="0.25">
      <c r="A45470" t="s">
        <v>63178</v>
      </c>
      <c r="B45470" t="s">
        <v>63179</v>
      </c>
      <c r="C45470">
        <v>2</v>
      </c>
      <c r="D45470">
        <v>0</v>
      </c>
    </row>
    <row r="45471" spans="1:4" x14ac:dyDescent="0.25">
      <c r="A45471" t="s">
        <v>63178</v>
      </c>
      <c r="B45471" t="s">
        <v>63180</v>
      </c>
      <c r="C45471">
        <v>2</v>
      </c>
      <c r="D45471">
        <v>0</v>
      </c>
    </row>
    <row r="45472" spans="1:4" x14ac:dyDescent="0.25">
      <c r="A45472" t="s">
        <v>63178</v>
      </c>
      <c r="B45472" t="s">
        <v>63181</v>
      </c>
      <c r="C45472">
        <v>0</v>
      </c>
      <c r="D45472">
        <v>0</v>
      </c>
    </row>
    <row r="45473" spans="1:4" x14ac:dyDescent="0.25">
      <c r="A45473" t="s">
        <v>63178</v>
      </c>
      <c r="B45473" t="s">
        <v>63182</v>
      </c>
      <c r="C45473">
        <v>0</v>
      </c>
      <c r="D45473">
        <v>0</v>
      </c>
    </row>
    <row r="45474" spans="1:4" x14ac:dyDescent="0.25">
      <c r="A45474" t="s">
        <v>63178</v>
      </c>
      <c r="B45474" t="s">
        <v>63183</v>
      </c>
      <c r="C45474">
        <v>0</v>
      </c>
      <c r="D45474">
        <v>0</v>
      </c>
    </row>
    <row r="45475" spans="1:4" x14ac:dyDescent="0.25">
      <c r="A45475" t="s">
        <v>63184</v>
      </c>
      <c r="B45475" t="s">
        <v>63185</v>
      </c>
      <c r="C45475">
        <v>0</v>
      </c>
      <c r="D45475">
        <v>0</v>
      </c>
    </row>
    <row r="45476" spans="1:4" x14ac:dyDescent="0.25">
      <c r="A45476" t="s">
        <v>63186</v>
      </c>
      <c r="B45476" t="s">
        <v>63187</v>
      </c>
      <c r="C45476">
        <v>1</v>
      </c>
      <c r="D45476">
        <v>0</v>
      </c>
    </row>
    <row r="45477" spans="1:4" x14ac:dyDescent="0.25">
      <c r="A45477" t="s">
        <v>63186</v>
      </c>
      <c r="B45477" t="s">
        <v>63188</v>
      </c>
      <c r="C45477">
        <v>2</v>
      </c>
      <c r="D45477">
        <v>0</v>
      </c>
    </row>
    <row r="45478" spans="1:4" x14ac:dyDescent="0.25">
      <c r="A45478" t="s">
        <v>63186</v>
      </c>
      <c r="B45478" t="s">
        <v>25616</v>
      </c>
      <c r="C45478">
        <v>0</v>
      </c>
      <c r="D45478">
        <v>0</v>
      </c>
    </row>
    <row r="45479" spans="1:4" x14ac:dyDescent="0.25">
      <c r="A45479" t="s">
        <v>63186</v>
      </c>
      <c r="B45479" t="s">
        <v>63189</v>
      </c>
      <c r="C45479">
        <v>1</v>
      </c>
      <c r="D45479">
        <v>0</v>
      </c>
    </row>
    <row r="45480" spans="1:4" x14ac:dyDescent="0.25">
      <c r="A45480" t="s">
        <v>63190</v>
      </c>
      <c r="B45480" t="s">
        <v>63191</v>
      </c>
      <c r="C45480">
        <v>1</v>
      </c>
      <c r="D45480">
        <v>0</v>
      </c>
    </row>
    <row r="45481" spans="1:4" x14ac:dyDescent="0.25">
      <c r="A45481" t="s">
        <v>63190</v>
      </c>
      <c r="B45481" t="s">
        <v>63192</v>
      </c>
      <c r="C45481">
        <v>2</v>
      </c>
      <c r="D45481">
        <v>0</v>
      </c>
    </row>
    <row r="45482" spans="1:4" x14ac:dyDescent="0.25">
      <c r="A45482" t="s">
        <v>63190</v>
      </c>
      <c r="B45482" t="s">
        <v>63193</v>
      </c>
      <c r="C45482">
        <v>1</v>
      </c>
      <c r="D45482">
        <v>0</v>
      </c>
    </row>
    <row r="45483" spans="1:4" x14ac:dyDescent="0.25">
      <c r="A45483" t="s">
        <v>63190</v>
      </c>
      <c r="B45483" t="s">
        <v>51939</v>
      </c>
      <c r="C45483">
        <v>0</v>
      </c>
      <c r="D45483">
        <v>0</v>
      </c>
    </row>
    <row r="45484" spans="1:4" x14ac:dyDescent="0.25">
      <c r="A45484" t="s">
        <v>63190</v>
      </c>
      <c r="B45484" t="s">
        <v>2061</v>
      </c>
      <c r="C45484">
        <v>0</v>
      </c>
      <c r="D45484">
        <v>0</v>
      </c>
    </row>
    <row r="45485" spans="1:4" x14ac:dyDescent="0.25">
      <c r="A45485" t="s">
        <v>63190</v>
      </c>
      <c r="B45485" t="s">
        <v>63194</v>
      </c>
      <c r="C45485">
        <v>0</v>
      </c>
      <c r="D45485">
        <v>0</v>
      </c>
    </row>
    <row r="45486" spans="1:4" x14ac:dyDescent="0.25">
      <c r="A45486" t="s">
        <v>63195</v>
      </c>
      <c r="B45486" t="s">
        <v>63196</v>
      </c>
      <c r="C45486">
        <v>1</v>
      </c>
      <c r="D45486">
        <v>0</v>
      </c>
    </row>
    <row r="45487" spans="1:4" x14ac:dyDescent="0.25">
      <c r="A45487" t="s">
        <v>63195</v>
      </c>
      <c r="B45487" t="s">
        <v>63197</v>
      </c>
      <c r="C45487">
        <v>0</v>
      </c>
      <c r="D45487">
        <v>0</v>
      </c>
    </row>
    <row r="45488" spans="1:4" x14ac:dyDescent="0.25">
      <c r="A45488" t="s">
        <v>63195</v>
      </c>
      <c r="B45488" t="s">
        <v>63198</v>
      </c>
      <c r="C45488">
        <v>1</v>
      </c>
      <c r="D45488">
        <v>0</v>
      </c>
    </row>
    <row r="45489" spans="1:4" x14ac:dyDescent="0.25">
      <c r="A45489" t="s">
        <v>63199</v>
      </c>
      <c r="B45489" t="s">
        <v>63200</v>
      </c>
      <c r="C45489">
        <v>1</v>
      </c>
      <c r="D45489">
        <v>0</v>
      </c>
    </row>
    <row r="45490" spans="1:4" x14ac:dyDescent="0.25">
      <c r="A45490" t="s">
        <v>63199</v>
      </c>
      <c r="B45490" t="s">
        <v>63201</v>
      </c>
      <c r="C45490">
        <v>1</v>
      </c>
      <c r="D45490">
        <v>0</v>
      </c>
    </row>
    <row r="45491" spans="1:4" x14ac:dyDescent="0.25">
      <c r="A45491" t="s">
        <v>63199</v>
      </c>
      <c r="B45491" t="s">
        <v>63202</v>
      </c>
      <c r="C45491">
        <v>1</v>
      </c>
      <c r="D45491">
        <v>0</v>
      </c>
    </row>
    <row r="45492" spans="1:4" x14ac:dyDescent="0.25">
      <c r="A45492" t="s">
        <v>63199</v>
      </c>
      <c r="B45492" t="s">
        <v>63203</v>
      </c>
      <c r="C45492">
        <v>1</v>
      </c>
      <c r="D45492">
        <v>0</v>
      </c>
    </row>
    <row r="45493" spans="1:4" x14ac:dyDescent="0.25">
      <c r="A45493" t="s">
        <v>63199</v>
      </c>
      <c r="B45493" t="s">
        <v>63204</v>
      </c>
      <c r="C45493">
        <v>0</v>
      </c>
      <c r="D45493">
        <v>0</v>
      </c>
    </row>
    <row r="45494" spans="1:4" x14ac:dyDescent="0.25">
      <c r="A45494" t="s">
        <v>63205</v>
      </c>
      <c r="B45494" t="s">
        <v>63206</v>
      </c>
      <c r="C45494">
        <v>1</v>
      </c>
      <c r="D45494">
        <v>0</v>
      </c>
    </row>
    <row r="45495" spans="1:4" x14ac:dyDescent="0.25">
      <c r="A45495" t="s">
        <v>63205</v>
      </c>
      <c r="B45495" t="s">
        <v>63207</v>
      </c>
      <c r="C45495">
        <v>1</v>
      </c>
      <c r="D45495">
        <v>0</v>
      </c>
    </row>
    <row r="45496" spans="1:4" x14ac:dyDescent="0.25">
      <c r="A45496" t="s">
        <v>63205</v>
      </c>
      <c r="B45496" t="s">
        <v>63208</v>
      </c>
      <c r="C45496">
        <v>1</v>
      </c>
      <c r="D45496">
        <v>0</v>
      </c>
    </row>
    <row r="45497" spans="1:4" x14ac:dyDescent="0.25">
      <c r="A45497" t="s">
        <v>63205</v>
      </c>
      <c r="B45497" t="s">
        <v>63209</v>
      </c>
      <c r="C45497">
        <v>0</v>
      </c>
      <c r="D45497">
        <v>0</v>
      </c>
    </row>
    <row r="45498" spans="1:4" x14ac:dyDescent="0.25">
      <c r="A45498" t="s">
        <v>63205</v>
      </c>
      <c r="B45498" t="s">
        <v>51835</v>
      </c>
      <c r="C45498">
        <v>2</v>
      </c>
      <c r="D45498">
        <v>0</v>
      </c>
    </row>
    <row r="45499" spans="1:4" x14ac:dyDescent="0.25">
      <c r="A45499" t="s">
        <v>63205</v>
      </c>
      <c r="B45499" t="s">
        <v>63210</v>
      </c>
      <c r="C45499">
        <v>0</v>
      </c>
      <c r="D45499">
        <v>0</v>
      </c>
    </row>
    <row r="45500" spans="1:4" x14ac:dyDescent="0.25">
      <c r="A45500" t="s">
        <v>63205</v>
      </c>
      <c r="B45500" t="s">
        <v>63211</v>
      </c>
      <c r="C45500">
        <v>1</v>
      </c>
      <c r="D45500">
        <v>0</v>
      </c>
    </row>
    <row r="45501" spans="1:4" x14ac:dyDescent="0.25">
      <c r="A45501" t="s">
        <v>63212</v>
      </c>
      <c r="B45501" t="s">
        <v>63213</v>
      </c>
      <c r="C45501">
        <v>0</v>
      </c>
      <c r="D45501">
        <v>0</v>
      </c>
    </row>
    <row r="45502" spans="1:4" x14ac:dyDescent="0.25">
      <c r="A45502" t="s">
        <v>63214</v>
      </c>
      <c r="B45502" t="s">
        <v>63215</v>
      </c>
      <c r="C45502">
        <v>1</v>
      </c>
      <c r="D45502">
        <v>0</v>
      </c>
    </row>
    <row r="45503" spans="1:4" x14ac:dyDescent="0.25">
      <c r="A45503" t="s">
        <v>63214</v>
      </c>
      <c r="B45503" t="s">
        <v>63216</v>
      </c>
      <c r="C45503">
        <v>1</v>
      </c>
      <c r="D45503">
        <v>0</v>
      </c>
    </row>
    <row r="45504" spans="1:4" x14ac:dyDescent="0.25">
      <c r="A45504" t="s">
        <v>63214</v>
      </c>
      <c r="B45504" t="s">
        <v>63217</v>
      </c>
      <c r="C45504">
        <v>2</v>
      </c>
      <c r="D45504">
        <v>0</v>
      </c>
    </row>
    <row r="45505" spans="1:4" x14ac:dyDescent="0.25">
      <c r="A45505" t="s">
        <v>63214</v>
      </c>
      <c r="B45505" t="s">
        <v>63218</v>
      </c>
      <c r="C45505">
        <v>0</v>
      </c>
      <c r="D45505">
        <v>0</v>
      </c>
    </row>
    <row r="45506" spans="1:4" x14ac:dyDescent="0.25">
      <c r="A45506" t="s">
        <v>63214</v>
      </c>
      <c r="B45506" t="s">
        <v>63219</v>
      </c>
      <c r="C45506">
        <v>1</v>
      </c>
      <c r="D45506">
        <v>0</v>
      </c>
    </row>
    <row r="45507" spans="1:4" x14ac:dyDescent="0.25">
      <c r="A45507" t="s">
        <v>63220</v>
      </c>
      <c r="B45507" t="s">
        <v>63221</v>
      </c>
      <c r="C45507">
        <v>1</v>
      </c>
      <c r="D45507">
        <v>0</v>
      </c>
    </row>
    <row r="45508" spans="1:4" x14ac:dyDescent="0.25">
      <c r="A45508" t="s">
        <v>63220</v>
      </c>
      <c r="B45508" t="s">
        <v>63222</v>
      </c>
      <c r="C45508">
        <v>0</v>
      </c>
      <c r="D45508">
        <v>0</v>
      </c>
    </row>
    <row r="45509" spans="1:4" x14ac:dyDescent="0.25">
      <c r="A45509" t="s">
        <v>63223</v>
      </c>
      <c r="B45509" t="s">
        <v>63224</v>
      </c>
      <c r="C45509">
        <v>2</v>
      </c>
      <c r="D45509">
        <v>0</v>
      </c>
    </row>
    <row r="45510" spans="1:4" x14ac:dyDescent="0.25">
      <c r="A45510" t="s">
        <v>63223</v>
      </c>
      <c r="B45510" t="s">
        <v>63225</v>
      </c>
      <c r="C45510">
        <v>1</v>
      </c>
      <c r="D45510">
        <v>0</v>
      </c>
    </row>
    <row r="45511" spans="1:4" x14ac:dyDescent="0.25">
      <c r="A45511" t="s">
        <v>63223</v>
      </c>
      <c r="B45511" t="s">
        <v>63226</v>
      </c>
      <c r="C45511">
        <v>1</v>
      </c>
      <c r="D45511">
        <v>0</v>
      </c>
    </row>
    <row r="45512" spans="1:4" x14ac:dyDescent="0.25">
      <c r="A45512" t="s">
        <v>63223</v>
      </c>
      <c r="B45512" t="s">
        <v>63227</v>
      </c>
      <c r="C45512">
        <v>0</v>
      </c>
      <c r="D45512">
        <v>0</v>
      </c>
    </row>
    <row r="45513" spans="1:4" x14ac:dyDescent="0.25">
      <c r="A45513" t="s">
        <v>63223</v>
      </c>
      <c r="B45513" t="s">
        <v>63228</v>
      </c>
      <c r="C45513">
        <v>2</v>
      </c>
      <c r="D45513">
        <v>0</v>
      </c>
    </row>
    <row r="45514" spans="1:4" x14ac:dyDescent="0.25">
      <c r="A45514" t="s">
        <v>63229</v>
      </c>
      <c r="B45514" t="s">
        <v>63230</v>
      </c>
      <c r="C45514">
        <v>0</v>
      </c>
      <c r="D45514">
        <v>0</v>
      </c>
    </row>
    <row r="45515" spans="1:4" x14ac:dyDescent="0.25">
      <c r="A45515" t="s">
        <v>63229</v>
      </c>
      <c r="B45515" t="s">
        <v>63231</v>
      </c>
      <c r="C45515">
        <v>0</v>
      </c>
      <c r="D45515">
        <v>0</v>
      </c>
    </row>
    <row r="45516" spans="1:4" x14ac:dyDescent="0.25">
      <c r="A45516" t="s">
        <v>63229</v>
      </c>
      <c r="B45516" t="s">
        <v>63232</v>
      </c>
      <c r="C45516">
        <v>0</v>
      </c>
      <c r="D45516">
        <v>0</v>
      </c>
    </row>
    <row r="45517" spans="1:4" x14ac:dyDescent="0.25">
      <c r="A45517" t="s">
        <v>63229</v>
      </c>
      <c r="B45517" t="s">
        <v>63233</v>
      </c>
      <c r="C45517">
        <v>1</v>
      </c>
      <c r="D45517">
        <v>0</v>
      </c>
    </row>
    <row r="45518" spans="1:4" x14ac:dyDescent="0.25">
      <c r="A45518" t="s">
        <v>63229</v>
      </c>
      <c r="B45518" t="s">
        <v>63234</v>
      </c>
      <c r="C45518">
        <v>2</v>
      </c>
      <c r="D45518">
        <v>0</v>
      </c>
    </row>
    <row r="45519" spans="1:4" x14ac:dyDescent="0.25">
      <c r="A45519" t="s">
        <v>63235</v>
      </c>
      <c r="B45519" t="s">
        <v>63236</v>
      </c>
      <c r="C45519">
        <v>1</v>
      </c>
      <c r="D45519">
        <v>0</v>
      </c>
    </row>
    <row r="45520" spans="1:4" x14ac:dyDescent="0.25">
      <c r="A45520" t="s">
        <v>63235</v>
      </c>
      <c r="B45520" t="s">
        <v>63237</v>
      </c>
      <c r="C45520">
        <v>2</v>
      </c>
      <c r="D45520">
        <v>0</v>
      </c>
    </row>
    <row r="45521" spans="1:4" x14ac:dyDescent="0.25">
      <c r="A45521" t="s">
        <v>63235</v>
      </c>
      <c r="B45521" t="s">
        <v>63238</v>
      </c>
      <c r="C45521">
        <v>1</v>
      </c>
      <c r="D45521">
        <v>0</v>
      </c>
    </row>
    <row r="45522" spans="1:4" x14ac:dyDescent="0.25">
      <c r="A45522" t="s">
        <v>63235</v>
      </c>
      <c r="B45522" t="s">
        <v>63239</v>
      </c>
      <c r="C45522">
        <v>1</v>
      </c>
      <c r="D45522">
        <v>0</v>
      </c>
    </row>
    <row r="45523" spans="1:4" x14ac:dyDescent="0.25">
      <c r="A45523" t="s">
        <v>63235</v>
      </c>
      <c r="B45523" t="s">
        <v>63240</v>
      </c>
      <c r="C45523">
        <v>1</v>
      </c>
      <c r="D45523">
        <v>0</v>
      </c>
    </row>
    <row r="45524" spans="1:4" x14ac:dyDescent="0.25">
      <c r="A45524" t="s">
        <v>63241</v>
      </c>
      <c r="B45524" t="s">
        <v>5713</v>
      </c>
      <c r="C45524">
        <v>1</v>
      </c>
      <c r="D45524">
        <v>0</v>
      </c>
    </row>
    <row r="45525" spans="1:4" x14ac:dyDescent="0.25">
      <c r="A45525" t="s">
        <v>63241</v>
      </c>
      <c r="B45525" t="s">
        <v>63242</v>
      </c>
      <c r="C45525">
        <v>1</v>
      </c>
      <c r="D45525">
        <v>0</v>
      </c>
    </row>
    <row r="45526" spans="1:4" x14ac:dyDescent="0.25">
      <c r="A45526" t="s">
        <v>63241</v>
      </c>
      <c r="B45526" t="s">
        <v>63243</v>
      </c>
      <c r="C45526">
        <v>1</v>
      </c>
      <c r="D45526">
        <v>0</v>
      </c>
    </row>
    <row r="45527" spans="1:4" x14ac:dyDescent="0.25">
      <c r="A45527" t="s">
        <v>63241</v>
      </c>
      <c r="B45527" t="s">
        <v>63244</v>
      </c>
      <c r="C45527">
        <v>1</v>
      </c>
      <c r="D45527">
        <v>0</v>
      </c>
    </row>
    <row r="45528" spans="1:4" x14ac:dyDescent="0.25">
      <c r="A45528" t="s">
        <v>63241</v>
      </c>
      <c r="B45528" t="s">
        <v>5434</v>
      </c>
      <c r="C45528">
        <v>1</v>
      </c>
      <c r="D45528">
        <v>0</v>
      </c>
    </row>
    <row r="45529" spans="1:4" x14ac:dyDescent="0.25">
      <c r="A45529" t="s">
        <v>63245</v>
      </c>
      <c r="B45529" t="s">
        <v>63246</v>
      </c>
      <c r="C45529">
        <v>1</v>
      </c>
      <c r="D45529">
        <v>0</v>
      </c>
    </row>
    <row r="45530" spans="1:4" x14ac:dyDescent="0.25">
      <c r="A45530" t="s">
        <v>63245</v>
      </c>
      <c r="B45530" t="s">
        <v>63247</v>
      </c>
      <c r="C45530">
        <v>1</v>
      </c>
      <c r="D45530">
        <v>0</v>
      </c>
    </row>
    <row r="45531" spans="1:4" x14ac:dyDescent="0.25">
      <c r="A45531" t="s">
        <v>63248</v>
      </c>
      <c r="B45531" t="s">
        <v>63249</v>
      </c>
      <c r="C45531">
        <v>0</v>
      </c>
      <c r="D45531">
        <v>0</v>
      </c>
    </row>
    <row r="45532" spans="1:4" x14ac:dyDescent="0.25">
      <c r="A45532" t="s">
        <v>63250</v>
      </c>
      <c r="B45532" t="s">
        <v>63251</v>
      </c>
      <c r="C45532">
        <v>1</v>
      </c>
      <c r="D45532">
        <v>0</v>
      </c>
    </row>
    <row r="45533" spans="1:4" x14ac:dyDescent="0.25">
      <c r="A45533" t="s">
        <v>63250</v>
      </c>
      <c r="B45533" t="s">
        <v>63252</v>
      </c>
      <c r="C45533">
        <v>1</v>
      </c>
      <c r="D45533">
        <v>0</v>
      </c>
    </row>
    <row r="45534" spans="1:4" x14ac:dyDescent="0.25">
      <c r="A45534" t="s">
        <v>63250</v>
      </c>
      <c r="B45534" t="s">
        <v>63253</v>
      </c>
      <c r="C45534">
        <v>1</v>
      </c>
      <c r="D45534">
        <v>0</v>
      </c>
    </row>
    <row r="45535" spans="1:4" x14ac:dyDescent="0.25">
      <c r="A45535" t="s">
        <v>63250</v>
      </c>
      <c r="B45535" t="s">
        <v>63254</v>
      </c>
      <c r="C45535">
        <v>0</v>
      </c>
      <c r="D45535">
        <v>0</v>
      </c>
    </row>
    <row r="45536" spans="1:4" x14ac:dyDescent="0.25">
      <c r="A45536" t="s">
        <v>63250</v>
      </c>
      <c r="B45536" t="s">
        <v>63255</v>
      </c>
      <c r="C45536">
        <v>2</v>
      </c>
      <c r="D45536">
        <v>0</v>
      </c>
    </row>
    <row r="45537" spans="1:4" x14ac:dyDescent="0.25">
      <c r="A45537" t="s">
        <v>63256</v>
      </c>
      <c r="B45537" t="s">
        <v>63257</v>
      </c>
      <c r="C45537">
        <v>1</v>
      </c>
      <c r="D45537">
        <v>0</v>
      </c>
    </row>
    <row r="45538" spans="1:4" x14ac:dyDescent="0.25">
      <c r="A45538" t="s">
        <v>63256</v>
      </c>
      <c r="B45538" t="s">
        <v>63258</v>
      </c>
      <c r="C45538">
        <v>1</v>
      </c>
      <c r="D45538">
        <v>0</v>
      </c>
    </row>
    <row r="45539" spans="1:4" x14ac:dyDescent="0.25">
      <c r="A45539" t="s">
        <v>63256</v>
      </c>
      <c r="B45539" t="s">
        <v>63259</v>
      </c>
      <c r="C45539">
        <v>1</v>
      </c>
      <c r="D45539">
        <v>0</v>
      </c>
    </row>
    <row r="45540" spans="1:4" x14ac:dyDescent="0.25">
      <c r="A45540" t="s">
        <v>63260</v>
      </c>
      <c r="B45540" t="s">
        <v>63261</v>
      </c>
      <c r="C45540">
        <v>1</v>
      </c>
      <c r="D45540">
        <v>0</v>
      </c>
    </row>
    <row r="45541" spans="1:4" x14ac:dyDescent="0.25">
      <c r="A45541" t="s">
        <v>63260</v>
      </c>
      <c r="B45541" t="s">
        <v>63262</v>
      </c>
      <c r="C45541">
        <v>1</v>
      </c>
      <c r="D45541">
        <v>0</v>
      </c>
    </row>
    <row r="45542" spans="1:4" x14ac:dyDescent="0.25">
      <c r="A45542" t="s">
        <v>63260</v>
      </c>
      <c r="B45542" t="s">
        <v>63263</v>
      </c>
      <c r="C45542">
        <v>2</v>
      </c>
      <c r="D45542">
        <v>0</v>
      </c>
    </row>
    <row r="45543" spans="1:4" x14ac:dyDescent="0.25">
      <c r="A45543" t="s">
        <v>63260</v>
      </c>
      <c r="B45543" t="s">
        <v>63264</v>
      </c>
      <c r="C45543">
        <v>0</v>
      </c>
      <c r="D45543">
        <v>0</v>
      </c>
    </row>
    <row r="45544" spans="1:4" x14ac:dyDescent="0.25">
      <c r="A45544" t="s">
        <v>63260</v>
      </c>
      <c r="B45544" t="s">
        <v>63265</v>
      </c>
      <c r="C45544">
        <v>0</v>
      </c>
      <c r="D45544">
        <v>0</v>
      </c>
    </row>
    <row r="45545" spans="1:4" x14ac:dyDescent="0.25">
      <c r="A45545" t="s">
        <v>63260</v>
      </c>
      <c r="B45545" t="s">
        <v>63266</v>
      </c>
      <c r="C45545">
        <v>0</v>
      </c>
      <c r="D45545">
        <v>0</v>
      </c>
    </row>
    <row r="45546" spans="1:4" x14ac:dyDescent="0.25">
      <c r="A45546" t="s">
        <v>63260</v>
      </c>
      <c r="B45546" t="s">
        <v>63267</v>
      </c>
      <c r="C45546">
        <v>2</v>
      </c>
      <c r="D45546">
        <v>0</v>
      </c>
    </row>
    <row r="45547" spans="1:4" x14ac:dyDescent="0.25">
      <c r="A45547" t="s">
        <v>63260</v>
      </c>
      <c r="B45547" t="s">
        <v>63268</v>
      </c>
      <c r="C45547">
        <v>0</v>
      </c>
      <c r="D45547">
        <v>0</v>
      </c>
    </row>
    <row r="45548" spans="1:4" x14ac:dyDescent="0.25">
      <c r="A45548" t="s">
        <v>63260</v>
      </c>
      <c r="B45548" t="s">
        <v>63269</v>
      </c>
      <c r="C45548">
        <v>0</v>
      </c>
      <c r="D45548">
        <v>0</v>
      </c>
    </row>
    <row r="45549" spans="1:4" x14ac:dyDescent="0.25">
      <c r="A45549" t="s">
        <v>63260</v>
      </c>
      <c r="B45549" t="s">
        <v>63270</v>
      </c>
      <c r="C45549">
        <v>0</v>
      </c>
      <c r="D45549">
        <v>0</v>
      </c>
    </row>
    <row r="45550" spans="1:4" x14ac:dyDescent="0.25">
      <c r="A45550" t="s">
        <v>63271</v>
      </c>
      <c r="B45550" t="s">
        <v>63272</v>
      </c>
      <c r="C45550">
        <v>1</v>
      </c>
      <c r="D45550">
        <v>0</v>
      </c>
    </row>
    <row r="45551" spans="1:4" x14ac:dyDescent="0.25">
      <c r="A45551" t="s">
        <v>63271</v>
      </c>
      <c r="B45551" t="s">
        <v>63273</v>
      </c>
      <c r="C45551">
        <v>0</v>
      </c>
      <c r="D45551">
        <v>0</v>
      </c>
    </row>
    <row r="45552" spans="1:4" x14ac:dyDescent="0.25">
      <c r="A45552" t="s">
        <v>63271</v>
      </c>
      <c r="B45552" t="s">
        <v>63274</v>
      </c>
      <c r="C45552">
        <v>1</v>
      </c>
      <c r="D45552">
        <v>0</v>
      </c>
    </row>
    <row r="45553" spans="1:4" x14ac:dyDescent="0.25">
      <c r="A45553" t="s">
        <v>63271</v>
      </c>
      <c r="B45553" t="s">
        <v>5713</v>
      </c>
      <c r="C45553">
        <v>1</v>
      </c>
      <c r="D45553">
        <v>0</v>
      </c>
    </row>
    <row r="45554" spans="1:4" x14ac:dyDescent="0.25">
      <c r="A45554" t="s">
        <v>63275</v>
      </c>
      <c r="B45554" t="s">
        <v>63276</v>
      </c>
      <c r="C45554">
        <v>1</v>
      </c>
      <c r="D45554">
        <v>0</v>
      </c>
    </row>
    <row r="45555" spans="1:4" x14ac:dyDescent="0.25">
      <c r="A45555" t="s">
        <v>63275</v>
      </c>
      <c r="B45555" t="s">
        <v>63277</v>
      </c>
      <c r="C45555">
        <v>0</v>
      </c>
      <c r="D45555">
        <v>0</v>
      </c>
    </row>
    <row r="45556" spans="1:4" x14ac:dyDescent="0.25">
      <c r="A45556" t="s">
        <v>63275</v>
      </c>
      <c r="B45556" t="s">
        <v>63278</v>
      </c>
      <c r="C45556">
        <v>0</v>
      </c>
      <c r="D45556">
        <v>0</v>
      </c>
    </row>
    <row r="45557" spans="1:4" x14ac:dyDescent="0.25">
      <c r="A45557" t="s">
        <v>63275</v>
      </c>
      <c r="B45557" t="s">
        <v>17257</v>
      </c>
      <c r="C45557">
        <v>2</v>
      </c>
      <c r="D45557">
        <v>0</v>
      </c>
    </row>
    <row r="45558" spans="1:4" x14ac:dyDescent="0.25">
      <c r="A45558" t="s">
        <v>63275</v>
      </c>
      <c r="B45558" t="s">
        <v>63279</v>
      </c>
      <c r="C45558">
        <v>1</v>
      </c>
      <c r="D45558">
        <v>0</v>
      </c>
    </row>
    <row r="45559" spans="1:4" x14ac:dyDescent="0.25">
      <c r="A45559" t="s">
        <v>63275</v>
      </c>
      <c r="B45559" t="s">
        <v>63280</v>
      </c>
      <c r="C45559">
        <v>1</v>
      </c>
      <c r="D45559">
        <v>0</v>
      </c>
    </row>
    <row r="45560" spans="1:4" x14ac:dyDescent="0.25">
      <c r="A45560" t="s">
        <v>63281</v>
      </c>
      <c r="B45560" t="s">
        <v>63282</v>
      </c>
      <c r="C45560">
        <v>0</v>
      </c>
      <c r="D45560">
        <v>0</v>
      </c>
    </row>
    <row r="45561" spans="1:4" x14ac:dyDescent="0.25">
      <c r="A45561" t="s">
        <v>63281</v>
      </c>
      <c r="B45561" t="s">
        <v>63283</v>
      </c>
      <c r="C45561">
        <v>0</v>
      </c>
      <c r="D45561">
        <v>0</v>
      </c>
    </row>
    <row r="45562" spans="1:4" x14ac:dyDescent="0.25">
      <c r="A45562" t="s">
        <v>63281</v>
      </c>
      <c r="B45562" t="s">
        <v>63284</v>
      </c>
      <c r="C45562">
        <v>0</v>
      </c>
      <c r="D45562">
        <v>0</v>
      </c>
    </row>
    <row r="45563" spans="1:4" x14ac:dyDescent="0.25">
      <c r="A45563" t="s">
        <v>63281</v>
      </c>
      <c r="B45563" t="s">
        <v>5434</v>
      </c>
      <c r="C45563">
        <v>1</v>
      </c>
      <c r="D45563">
        <v>0</v>
      </c>
    </row>
    <row r="45564" spans="1:4" x14ac:dyDescent="0.25">
      <c r="A45564" t="s">
        <v>63285</v>
      </c>
      <c r="B45564" t="s">
        <v>63286</v>
      </c>
      <c r="C45564">
        <v>0</v>
      </c>
      <c r="D45564">
        <v>0</v>
      </c>
    </row>
    <row r="45565" spans="1:4" x14ac:dyDescent="0.25">
      <c r="A45565" t="s">
        <v>63285</v>
      </c>
      <c r="B45565" t="s">
        <v>63287</v>
      </c>
      <c r="C45565">
        <v>0</v>
      </c>
      <c r="D45565">
        <v>0</v>
      </c>
    </row>
    <row r="45566" spans="1:4" x14ac:dyDescent="0.25">
      <c r="A45566" t="s">
        <v>63285</v>
      </c>
      <c r="B45566" t="s">
        <v>63288</v>
      </c>
      <c r="C45566">
        <v>2</v>
      </c>
      <c r="D45566">
        <v>0</v>
      </c>
    </row>
    <row r="45567" spans="1:4" x14ac:dyDescent="0.25">
      <c r="A45567" t="s">
        <v>63285</v>
      </c>
      <c r="B45567" t="s">
        <v>63289</v>
      </c>
      <c r="C45567">
        <v>0</v>
      </c>
      <c r="D45567">
        <v>0</v>
      </c>
    </row>
    <row r="45568" spans="1:4" x14ac:dyDescent="0.25">
      <c r="A45568" t="s">
        <v>63285</v>
      </c>
      <c r="B45568" t="s">
        <v>63290</v>
      </c>
      <c r="C45568">
        <v>0</v>
      </c>
      <c r="D45568">
        <v>0</v>
      </c>
    </row>
    <row r="45569" spans="1:4" x14ac:dyDescent="0.25">
      <c r="A45569" t="s">
        <v>63291</v>
      </c>
      <c r="B45569" t="s">
        <v>63292</v>
      </c>
      <c r="C45569">
        <v>1</v>
      </c>
      <c r="D45569">
        <v>0</v>
      </c>
    </row>
    <row r="45570" spans="1:4" x14ac:dyDescent="0.25">
      <c r="A45570" t="s">
        <v>63291</v>
      </c>
      <c r="B45570" t="s">
        <v>63293</v>
      </c>
      <c r="C45570">
        <v>2</v>
      </c>
      <c r="D45570">
        <v>0</v>
      </c>
    </row>
    <row r="45571" spans="1:4" x14ac:dyDescent="0.25">
      <c r="A45571" t="s">
        <v>63291</v>
      </c>
      <c r="B45571" t="s">
        <v>1769</v>
      </c>
      <c r="C45571">
        <v>0</v>
      </c>
      <c r="D45571">
        <v>0</v>
      </c>
    </row>
    <row r="45572" spans="1:4" x14ac:dyDescent="0.25">
      <c r="A45572" t="s">
        <v>63291</v>
      </c>
      <c r="B45572" t="s">
        <v>63294</v>
      </c>
      <c r="C45572">
        <v>0</v>
      </c>
      <c r="D45572">
        <v>0</v>
      </c>
    </row>
    <row r="45573" spans="1:4" x14ac:dyDescent="0.25">
      <c r="A45573" t="s">
        <v>63295</v>
      </c>
      <c r="B45573" t="s">
        <v>63296</v>
      </c>
      <c r="C45573">
        <v>0</v>
      </c>
      <c r="D45573">
        <v>0</v>
      </c>
    </row>
    <row r="45574" spans="1:4" x14ac:dyDescent="0.25">
      <c r="A45574" t="s">
        <v>63295</v>
      </c>
      <c r="B45574" t="s">
        <v>63297</v>
      </c>
      <c r="C45574">
        <v>1</v>
      </c>
      <c r="D45574">
        <v>0</v>
      </c>
    </row>
    <row r="45575" spans="1:4" x14ac:dyDescent="0.25">
      <c r="A45575" t="s">
        <v>63295</v>
      </c>
      <c r="B45575" t="s">
        <v>63298</v>
      </c>
      <c r="C45575">
        <v>0</v>
      </c>
      <c r="D45575">
        <v>0</v>
      </c>
    </row>
    <row r="45576" spans="1:4" x14ac:dyDescent="0.25">
      <c r="A45576" t="s">
        <v>63295</v>
      </c>
      <c r="B45576" t="s">
        <v>63299</v>
      </c>
      <c r="C45576">
        <v>0</v>
      </c>
      <c r="D45576">
        <v>0</v>
      </c>
    </row>
    <row r="45577" spans="1:4" x14ac:dyDescent="0.25">
      <c r="A45577" t="s">
        <v>63295</v>
      </c>
      <c r="B45577" t="s">
        <v>63300</v>
      </c>
      <c r="C45577">
        <v>0</v>
      </c>
      <c r="D45577">
        <v>0</v>
      </c>
    </row>
    <row r="45578" spans="1:4" x14ac:dyDescent="0.25">
      <c r="A45578" t="s">
        <v>63301</v>
      </c>
      <c r="B45578" t="s">
        <v>63302</v>
      </c>
      <c r="C45578">
        <v>1</v>
      </c>
      <c r="D45578">
        <v>0</v>
      </c>
    </row>
    <row r="45579" spans="1:4" x14ac:dyDescent="0.25">
      <c r="A45579" t="s">
        <v>63301</v>
      </c>
      <c r="B45579" t="s">
        <v>63303</v>
      </c>
      <c r="C45579">
        <v>1</v>
      </c>
      <c r="D45579">
        <v>0</v>
      </c>
    </row>
    <row r="45580" spans="1:4" x14ac:dyDescent="0.25">
      <c r="A45580" t="s">
        <v>63301</v>
      </c>
      <c r="B45580" t="s">
        <v>63304</v>
      </c>
      <c r="C45580">
        <v>1</v>
      </c>
      <c r="D45580">
        <v>0</v>
      </c>
    </row>
    <row r="45581" spans="1:4" x14ac:dyDescent="0.25">
      <c r="A45581" t="s">
        <v>63301</v>
      </c>
      <c r="B45581" t="s">
        <v>63305</v>
      </c>
      <c r="C45581">
        <v>2</v>
      </c>
      <c r="D45581">
        <v>0</v>
      </c>
    </row>
    <row r="45582" spans="1:4" x14ac:dyDescent="0.25">
      <c r="A45582" t="s">
        <v>63306</v>
      </c>
      <c r="B45582" t="s">
        <v>63307</v>
      </c>
      <c r="C45582">
        <v>0</v>
      </c>
      <c r="D45582">
        <v>0</v>
      </c>
    </row>
    <row r="45583" spans="1:4" x14ac:dyDescent="0.25">
      <c r="A45583" t="s">
        <v>63306</v>
      </c>
      <c r="B45583" t="s">
        <v>63308</v>
      </c>
      <c r="C45583">
        <v>2</v>
      </c>
      <c r="D45583">
        <v>0</v>
      </c>
    </row>
    <row r="45584" spans="1:4" x14ac:dyDescent="0.25">
      <c r="A45584" t="s">
        <v>63306</v>
      </c>
      <c r="B45584" t="s">
        <v>63309</v>
      </c>
      <c r="C45584">
        <v>2</v>
      </c>
      <c r="D45584">
        <v>0</v>
      </c>
    </row>
    <row r="45585" spans="1:4" x14ac:dyDescent="0.25">
      <c r="A45585" t="s">
        <v>63306</v>
      </c>
      <c r="B45585" t="s">
        <v>63310</v>
      </c>
      <c r="C45585">
        <v>0</v>
      </c>
      <c r="D45585">
        <v>0</v>
      </c>
    </row>
    <row r="45586" spans="1:4" x14ac:dyDescent="0.25">
      <c r="A45586" t="s">
        <v>63306</v>
      </c>
      <c r="B45586" t="s">
        <v>63311</v>
      </c>
      <c r="C45586">
        <v>0</v>
      </c>
      <c r="D45586">
        <v>0</v>
      </c>
    </row>
    <row r="45587" spans="1:4" x14ac:dyDescent="0.25">
      <c r="A45587" t="s">
        <v>63312</v>
      </c>
      <c r="B45587" t="s">
        <v>63313</v>
      </c>
      <c r="C45587">
        <v>1</v>
      </c>
      <c r="D45587">
        <v>0</v>
      </c>
    </row>
    <row r="45588" spans="1:4" x14ac:dyDescent="0.25">
      <c r="A45588" t="s">
        <v>63312</v>
      </c>
      <c r="B45588" t="s">
        <v>63314</v>
      </c>
      <c r="C45588">
        <v>0</v>
      </c>
      <c r="D45588">
        <v>0</v>
      </c>
    </row>
    <row r="45589" spans="1:4" x14ac:dyDescent="0.25">
      <c r="A45589" t="s">
        <v>63312</v>
      </c>
      <c r="B45589" t="s">
        <v>63315</v>
      </c>
      <c r="C45589">
        <v>0</v>
      </c>
      <c r="D45589">
        <v>0</v>
      </c>
    </row>
    <row r="45590" spans="1:4" x14ac:dyDescent="0.25">
      <c r="A45590" t="s">
        <v>63312</v>
      </c>
      <c r="B45590" t="s">
        <v>63316</v>
      </c>
      <c r="C45590">
        <v>1</v>
      </c>
      <c r="D45590">
        <v>0</v>
      </c>
    </row>
    <row r="45591" spans="1:4" x14ac:dyDescent="0.25">
      <c r="A45591" t="s">
        <v>63312</v>
      </c>
      <c r="B45591" t="s">
        <v>63317</v>
      </c>
      <c r="C45591">
        <v>1</v>
      </c>
      <c r="D45591">
        <v>0</v>
      </c>
    </row>
    <row r="45592" spans="1:4" x14ac:dyDescent="0.25">
      <c r="A45592" t="s">
        <v>63312</v>
      </c>
      <c r="B45592" t="s">
        <v>63318</v>
      </c>
      <c r="C45592">
        <v>2</v>
      </c>
      <c r="D45592">
        <v>0</v>
      </c>
    </row>
    <row r="45593" spans="1:4" x14ac:dyDescent="0.25">
      <c r="A45593" t="s">
        <v>63312</v>
      </c>
      <c r="B45593" t="s">
        <v>63319</v>
      </c>
      <c r="C45593">
        <v>2</v>
      </c>
      <c r="D45593">
        <v>0</v>
      </c>
    </row>
    <row r="45594" spans="1:4" x14ac:dyDescent="0.25">
      <c r="A45594" t="s">
        <v>63320</v>
      </c>
      <c r="B45594" t="s">
        <v>63321</v>
      </c>
      <c r="C45594">
        <v>1</v>
      </c>
      <c r="D45594">
        <v>0</v>
      </c>
    </row>
    <row r="45595" spans="1:4" x14ac:dyDescent="0.25">
      <c r="A45595" t="s">
        <v>63320</v>
      </c>
      <c r="B45595" t="s">
        <v>63322</v>
      </c>
      <c r="C45595">
        <v>1</v>
      </c>
      <c r="D45595">
        <v>0</v>
      </c>
    </row>
    <row r="45596" spans="1:4" x14ac:dyDescent="0.25">
      <c r="A45596" t="s">
        <v>63323</v>
      </c>
      <c r="B45596" t="s">
        <v>63324</v>
      </c>
      <c r="C45596">
        <v>0</v>
      </c>
      <c r="D45596">
        <v>0</v>
      </c>
    </row>
    <row r="45597" spans="1:4" x14ac:dyDescent="0.25">
      <c r="A45597" t="s">
        <v>63325</v>
      </c>
      <c r="B45597" t="s">
        <v>63326</v>
      </c>
      <c r="C45597">
        <v>0</v>
      </c>
      <c r="D45597">
        <v>0</v>
      </c>
    </row>
    <row r="45598" spans="1:4" x14ac:dyDescent="0.25">
      <c r="A45598" t="s">
        <v>63325</v>
      </c>
      <c r="B45598" t="s">
        <v>63327</v>
      </c>
      <c r="C45598">
        <v>0</v>
      </c>
      <c r="D45598">
        <v>0</v>
      </c>
    </row>
    <row r="45599" spans="1:4" x14ac:dyDescent="0.25">
      <c r="A45599" t="s">
        <v>63325</v>
      </c>
      <c r="B45599" t="s">
        <v>5864</v>
      </c>
      <c r="C45599">
        <v>1</v>
      </c>
      <c r="D45599">
        <v>0</v>
      </c>
    </row>
    <row r="45600" spans="1:4" x14ac:dyDescent="0.25">
      <c r="A45600" t="s">
        <v>63325</v>
      </c>
      <c r="B45600" t="s">
        <v>63328</v>
      </c>
      <c r="C45600">
        <v>2</v>
      </c>
      <c r="D45600">
        <v>0</v>
      </c>
    </row>
    <row r="45601" spans="1:4" x14ac:dyDescent="0.25">
      <c r="A45601" t="s">
        <v>63329</v>
      </c>
      <c r="B45601" t="s">
        <v>63330</v>
      </c>
      <c r="C45601">
        <v>1</v>
      </c>
      <c r="D45601">
        <v>0</v>
      </c>
    </row>
    <row r="45602" spans="1:4" x14ac:dyDescent="0.25">
      <c r="A45602" t="s">
        <v>63329</v>
      </c>
      <c r="B45602" t="s">
        <v>63331</v>
      </c>
      <c r="C45602">
        <v>0</v>
      </c>
      <c r="D45602">
        <v>0</v>
      </c>
    </row>
    <row r="45603" spans="1:4" x14ac:dyDescent="0.25">
      <c r="A45603" t="s">
        <v>63329</v>
      </c>
      <c r="B45603" t="s">
        <v>63332</v>
      </c>
      <c r="C45603">
        <v>0</v>
      </c>
      <c r="D45603">
        <v>0</v>
      </c>
    </row>
    <row r="45604" spans="1:4" x14ac:dyDescent="0.25">
      <c r="A45604" t="s">
        <v>63329</v>
      </c>
      <c r="B45604" t="s">
        <v>63333</v>
      </c>
      <c r="C45604">
        <v>1</v>
      </c>
      <c r="D45604">
        <v>0</v>
      </c>
    </row>
    <row r="45605" spans="1:4" x14ac:dyDescent="0.25">
      <c r="A45605" t="s">
        <v>63334</v>
      </c>
      <c r="B45605" t="s">
        <v>63335</v>
      </c>
      <c r="C45605">
        <v>1</v>
      </c>
      <c r="D45605">
        <v>0</v>
      </c>
    </row>
    <row r="45606" spans="1:4" x14ac:dyDescent="0.25">
      <c r="A45606" t="s">
        <v>63334</v>
      </c>
      <c r="B45606" t="s">
        <v>63336</v>
      </c>
      <c r="C45606">
        <v>1</v>
      </c>
      <c r="D45606">
        <v>0</v>
      </c>
    </row>
    <row r="45607" spans="1:4" x14ac:dyDescent="0.25">
      <c r="A45607" t="s">
        <v>63334</v>
      </c>
      <c r="B45607" t="s">
        <v>63337</v>
      </c>
      <c r="C45607">
        <v>1</v>
      </c>
      <c r="D45607">
        <v>0</v>
      </c>
    </row>
    <row r="45608" spans="1:4" x14ac:dyDescent="0.25">
      <c r="A45608" t="s">
        <v>63334</v>
      </c>
      <c r="B45608" t="s">
        <v>63338</v>
      </c>
      <c r="C45608">
        <v>1</v>
      </c>
      <c r="D45608">
        <v>0</v>
      </c>
    </row>
    <row r="45609" spans="1:4" x14ac:dyDescent="0.25">
      <c r="A45609" t="s">
        <v>63339</v>
      </c>
      <c r="B45609" t="s">
        <v>63340</v>
      </c>
      <c r="C45609">
        <v>1</v>
      </c>
      <c r="D45609">
        <v>0</v>
      </c>
    </row>
    <row r="45610" spans="1:4" x14ac:dyDescent="0.25">
      <c r="A45610" t="s">
        <v>63339</v>
      </c>
      <c r="B45610" t="s">
        <v>63341</v>
      </c>
      <c r="C45610">
        <v>0</v>
      </c>
      <c r="D45610">
        <v>0</v>
      </c>
    </row>
    <row r="45611" spans="1:4" x14ac:dyDescent="0.25">
      <c r="A45611" t="s">
        <v>63339</v>
      </c>
      <c r="B45611" t="s">
        <v>63342</v>
      </c>
      <c r="C45611">
        <v>1</v>
      </c>
      <c r="D45611">
        <v>0</v>
      </c>
    </row>
    <row r="45612" spans="1:4" x14ac:dyDescent="0.25">
      <c r="A45612" t="s">
        <v>63339</v>
      </c>
      <c r="B45612" t="s">
        <v>46710</v>
      </c>
      <c r="C45612">
        <v>0</v>
      </c>
      <c r="D45612">
        <v>0</v>
      </c>
    </row>
    <row r="45613" spans="1:4" x14ac:dyDescent="0.25">
      <c r="A45613" t="s">
        <v>63339</v>
      </c>
      <c r="B45613" t="s">
        <v>63343</v>
      </c>
      <c r="C45613">
        <v>1</v>
      </c>
      <c r="D45613">
        <v>0</v>
      </c>
    </row>
    <row r="45614" spans="1:4" x14ac:dyDescent="0.25">
      <c r="A45614" t="s">
        <v>63339</v>
      </c>
      <c r="B45614" t="s">
        <v>1499</v>
      </c>
      <c r="C45614">
        <v>1</v>
      </c>
      <c r="D45614">
        <v>0</v>
      </c>
    </row>
    <row r="45615" spans="1:4" x14ac:dyDescent="0.25">
      <c r="A45615" t="s">
        <v>63344</v>
      </c>
      <c r="B45615" t="s">
        <v>63345</v>
      </c>
      <c r="C45615">
        <v>0</v>
      </c>
      <c r="D45615">
        <v>0</v>
      </c>
    </row>
    <row r="45616" spans="1:4" x14ac:dyDescent="0.25">
      <c r="A45616" t="s">
        <v>63344</v>
      </c>
      <c r="B45616" t="s">
        <v>63346</v>
      </c>
      <c r="C45616">
        <v>1</v>
      </c>
      <c r="D45616">
        <v>0</v>
      </c>
    </row>
    <row r="45617" spans="1:4" x14ac:dyDescent="0.25">
      <c r="A45617" t="s">
        <v>63344</v>
      </c>
      <c r="B45617" t="s">
        <v>63347</v>
      </c>
      <c r="C45617">
        <v>2</v>
      </c>
      <c r="D45617">
        <v>0</v>
      </c>
    </row>
    <row r="45618" spans="1:4" x14ac:dyDescent="0.25">
      <c r="A45618" t="s">
        <v>63344</v>
      </c>
      <c r="B45618" t="s">
        <v>63348</v>
      </c>
      <c r="C45618">
        <v>0</v>
      </c>
      <c r="D45618">
        <v>0</v>
      </c>
    </row>
    <row r="45619" spans="1:4" x14ac:dyDescent="0.25">
      <c r="A45619" t="s">
        <v>63344</v>
      </c>
      <c r="B45619" t="s">
        <v>63349</v>
      </c>
      <c r="C45619">
        <v>2</v>
      </c>
      <c r="D45619">
        <v>0</v>
      </c>
    </row>
    <row r="45620" spans="1:4" x14ac:dyDescent="0.25">
      <c r="A45620" t="s">
        <v>63350</v>
      </c>
      <c r="B45620" t="s">
        <v>63351</v>
      </c>
      <c r="C45620">
        <v>1</v>
      </c>
      <c r="D45620">
        <v>0</v>
      </c>
    </row>
    <row r="45621" spans="1:4" x14ac:dyDescent="0.25">
      <c r="A45621" t="s">
        <v>63350</v>
      </c>
      <c r="B45621" t="s">
        <v>46567</v>
      </c>
      <c r="C45621">
        <v>1</v>
      </c>
      <c r="D45621">
        <v>0</v>
      </c>
    </row>
    <row r="45622" spans="1:4" x14ac:dyDescent="0.25">
      <c r="A45622" t="s">
        <v>63350</v>
      </c>
      <c r="B45622" t="s">
        <v>63352</v>
      </c>
      <c r="C45622">
        <v>1</v>
      </c>
      <c r="D45622">
        <v>0</v>
      </c>
    </row>
    <row r="45623" spans="1:4" x14ac:dyDescent="0.25">
      <c r="A45623" t="s">
        <v>63350</v>
      </c>
      <c r="B45623" t="s">
        <v>63353</v>
      </c>
      <c r="C45623">
        <v>1</v>
      </c>
      <c r="D45623">
        <v>0</v>
      </c>
    </row>
    <row r="45624" spans="1:4" x14ac:dyDescent="0.25">
      <c r="A45624" t="s">
        <v>63354</v>
      </c>
      <c r="B45624" t="s">
        <v>63355</v>
      </c>
      <c r="C45624">
        <v>1</v>
      </c>
      <c r="D45624">
        <v>0</v>
      </c>
    </row>
    <row r="45625" spans="1:4" x14ac:dyDescent="0.25">
      <c r="A45625" t="s">
        <v>63354</v>
      </c>
      <c r="B45625" t="s">
        <v>63356</v>
      </c>
      <c r="C45625">
        <v>1</v>
      </c>
      <c r="D45625">
        <v>0</v>
      </c>
    </row>
    <row r="45626" spans="1:4" x14ac:dyDescent="0.25">
      <c r="A45626" t="s">
        <v>63357</v>
      </c>
      <c r="B45626" t="s">
        <v>22326</v>
      </c>
      <c r="C45626">
        <v>1</v>
      </c>
      <c r="D45626">
        <v>0</v>
      </c>
    </row>
    <row r="45627" spans="1:4" x14ac:dyDescent="0.25">
      <c r="A45627" t="s">
        <v>63357</v>
      </c>
      <c r="B45627" t="s">
        <v>63358</v>
      </c>
      <c r="C45627">
        <v>1</v>
      </c>
      <c r="D45627">
        <v>0</v>
      </c>
    </row>
    <row r="45628" spans="1:4" x14ac:dyDescent="0.25">
      <c r="A45628" t="s">
        <v>63357</v>
      </c>
      <c r="B45628" t="s">
        <v>63359</v>
      </c>
      <c r="C45628">
        <v>1</v>
      </c>
      <c r="D45628">
        <v>0</v>
      </c>
    </row>
    <row r="45629" spans="1:4" x14ac:dyDescent="0.25">
      <c r="A45629" t="s">
        <v>63360</v>
      </c>
      <c r="B45629" t="s">
        <v>63361</v>
      </c>
      <c r="C45629">
        <v>1</v>
      </c>
      <c r="D45629">
        <v>0</v>
      </c>
    </row>
    <row r="45630" spans="1:4" x14ac:dyDescent="0.25">
      <c r="A45630" t="s">
        <v>63360</v>
      </c>
      <c r="B45630" t="s">
        <v>63362</v>
      </c>
      <c r="C45630">
        <v>1</v>
      </c>
      <c r="D45630">
        <v>0</v>
      </c>
    </row>
    <row r="45631" spans="1:4" x14ac:dyDescent="0.25">
      <c r="A45631" t="s">
        <v>63360</v>
      </c>
      <c r="B45631" t="s">
        <v>63363</v>
      </c>
      <c r="C45631">
        <v>1</v>
      </c>
      <c r="D45631">
        <v>0</v>
      </c>
    </row>
    <row r="45632" spans="1:4" x14ac:dyDescent="0.25">
      <c r="A45632" t="s">
        <v>63360</v>
      </c>
      <c r="B45632" t="s">
        <v>63364</v>
      </c>
      <c r="C45632">
        <v>1</v>
      </c>
      <c r="D45632">
        <v>0</v>
      </c>
    </row>
    <row r="45633" spans="1:4" x14ac:dyDescent="0.25">
      <c r="A45633" t="s">
        <v>63360</v>
      </c>
      <c r="B45633" t="s">
        <v>2865</v>
      </c>
      <c r="C45633">
        <v>0</v>
      </c>
      <c r="D45633">
        <v>0</v>
      </c>
    </row>
    <row r="45634" spans="1:4" x14ac:dyDescent="0.25">
      <c r="A45634" t="s">
        <v>63365</v>
      </c>
      <c r="B45634" t="s">
        <v>63366</v>
      </c>
      <c r="C45634">
        <v>0</v>
      </c>
      <c r="D45634">
        <v>0</v>
      </c>
    </row>
    <row r="45635" spans="1:4" x14ac:dyDescent="0.25">
      <c r="A45635" t="s">
        <v>63365</v>
      </c>
      <c r="B45635" t="s">
        <v>63367</v>
      </c>
      <c r="C45635">
        <v>0</v>
      </c>
      <c r="D45635">
        <v>0</v>
      </c>
    </row>
    <row r="45636" spans="1:4" x14ac:dyDescent="0.25">
      <c r="A45636" t="s">
        <v>63365</v>
      </c>
      <c r="B45636" t="s">
        <v>48192</v>
      </c>
      <c r="C45636">
        <v>0</v>
      </c>
      <c r="D45636">
        <v>0</v>
      </c>
    </row>
    <row r="45637" spans="1:4" x14ac:dyDescent="0.25">
      <c r="A45637" t="s">
        <v>63365</v>
      </c>
      <c r="B45637" t="s">
        <v>63368</v>
      </c>
      <c r="C45637">
        <v>1</v>
      </c>
      <c r="D45637">
        <v>0</v>
      </c>
    </row>
    <row r="45638" spans="1:4" x14ac:dyDescent="0.25">
      <c r="A45638" t="s">
        <v>63369</v>
      </c>
      <c r="B45638" t="s">
        <v>63370</v>
      </c>
      <c r="C45638">
        <v>1</v>
      </c>
      <c r="D45638">
        <v>0</v>
      </c>
    </row>
    <row r="45639" spans="1:4" x14ac:dyDescent="0.25">
      <c r="A45639" t="s">
        <v>63369</v>
      </c>
      <c r="B45639" t="s">
        <v>63371</v>
      </c>
      <c r="C45639">
        <v>1</v>
      </c>
      <c r="D45639">
        <v>0</v>
      </c>
    </row>
    <row r="45640" spans="1:4" x14ac:dyDescent="0.25">
      <c r="A45640" t="s">
        <v>63369</v>
      </c>
      <c r="B45640" t="s">
        <v>63372</v>
      </c>
      <c r="C45640">
        <v>1</v>
      </c>
      <c r="D45640">
        <v>0</v>
      </c>
    </row>
    <row r="45641" spans="1:4" x14ac:dyDescent="0.25">
      <c r="A45641" t="s">
        <v>63373</v>
      </c>
      <c r="B45641" t="s">
        <v>63374</v>
      </c>
      <c r="C45641">
        <v>1</v>
      </c>
      <c r="D45641">
        <v>0</v>
      </c>
    </row>
    <row r="45642" spans="1:4" x14ac:dyDescent="0.25">
      <c r="A45642" t="s">
        <v>63373</v>
      </c>
      <c r="B45642" t="s">
        <v>63375</v>
      </c>
      <c r="C45642">
        <v>2</v>
      </c>
      <c r="D45642">
        <v>0</v>
      </c>
    </row>
    <row r="45643" spans="1:4" x14ac:dyDescent="0.25">
      <c r="A45643" t="s">
        <v>63373</v>
      </c>
      <c r="B45643" t="s">
        <v>63376</v>
      </c>
      <c r="C45643">
        <v>1</v>
      </c>
      <c r="D45643">
        <v>0</v>
      </c>
    </row>
    <row r="45644" spans="1:4" x14ac:dyDescent="0.25">
      <c r="A45644" t="s">
        <v>63373</v>
      </c>
      <c r="B45644" t="s">
        <v>63377</v>
      </c>
      <c r="C45644">
        <v>0</v>
      </c>
      <c r="D45644">
        <v>0</v>
      </c>
    </row>
    <row r="45645" spans="1:4" x14ac:dyDescent="0.25">
      <c r="A45645" t="s">
        <v>63373</v>
      </c>
      <c r="B45645" t="s">
        <v>5434</v>
      </c>
      <c r="C45645">
        <v>1</v>
      </c>
      <c r="D45645">
        <v>0</v>
      </c>
    </row>
    <row r="45646" spans="1:4" x14ac:dyDescent="0.25">
      <c r="A45646" t="s">
        <v>63373</v>
      </c>
      <c r="B45646" t="s">
        <v>63378</v>
      </c>
      <c r="C45646">
        <v>0</v>
      </c>
      <c r="D45646">
        <v>0</v>
      </c>
    </row>
    <row r="45647" spans="1:4" x14ac:dyDescent="0.25">
      <c r="A45647" t="s">
        <v>63379</v>
      </c>
      <c r="B45647" t="s">
        <v>63380</v>
      </c>
      <c r="C45647">
        <v>1</v>
      </c>
      <c r="D45647">
        <v>0</v>
      </c>
    </row>
    <row r="45648" spans="1:4" x14ac:dyDescent="0.25">
      <c r="A45648" t="s">
        <v>63379</v>
      </c>
      <c r="B45648" t="s">
        <v>63381</v>
      </c>
      <c r="C45648">
        <v>0</v>
      </c>
      <c r="D45648">
        <v>0</v>
      </c>
    </row>
    <row r="45649" spans="1:4" x14ac:dyDescent="0.25">
      <c r="A45649" t="s">
        <v>63379</v>
      </c>
      <c r="B45649" t="s">
        <v>63382</v>
      </c>
      <c r="C45649">
        <v>1</v>
      </c>
      <c r="D45649">
        <v>0</v>
      </c>
    </row>
    <row r="45650" spans="1:4" x14ac:dyDescent="0.25">
      <c r="A45650" t="s">
        <v>63379</v>
      </c>
      <c r="B45650" t="s">
        <v>63383</v>
      </c>
      <c r="C45650">
        <v>1</v>
      </c>
      <c r="D45650">
        <v>0</v>
      </c>
    </row>
    <row r="45651" spans="1:4" x14ac:dyDescent="0.25">
      <c r="A45651" t="s">
        <v>63379</v>
      </c>
      <c r="B45651" t="s">
        <v>63384</v>
      </c>
      <c r="C45651">
        <v>2</v>
      </c>
      <c r="D45651">
        <v>0</v>
      </c>
    </row>
    <row r="45652" spans="1:4" x14ac:dyDescent="0.25">
      <c r="A45652" t="s">
        <v>63379</v>
      </c>
      <c r="B45652" t="s">
        <v>63385</v>
      </c>
      <c r="C45652">
        <v>1</v>
      </c>
      <c r="D45652">
        <v>0</v>
      </c>
    </row>
    <row r="45653" spans="1:4" x14ac:dyDescent="0.25">
      <c r="A45653" t="s">
        <v>63379</v>
      </c>
      <c r="B45653" t="s">
        <v>63386</v>
      </c>
      <c r="C45653">
        <v>1</v>
      </c>
      <c r="D45653">
        <v>0</v>
      </c>
    </row>
    <row r="45654" spans="1:4" x14ac:dyDescent="0.25">
      <c r="A45654" t="s">
        <v>63387</v>
      </c>
      <c r="B45654" t="s">
        <v>63388</v>
      </c>
      <c r="C45654">
        <v>1</v>
      </c>
      <c r="D45654">
        <v>0</v>
      </c>
    </row>
    <row r="45655" spans="1:4" x14ac:dyDescent="0.25">
      <c r="A45655" t="s">
        <v>63387</v>
      </c>
      <c r="B45655" t="s">
        <v>63389</v>
      </c>
      <c r="C45655">
        <v>1</v>
      </c>
      <c r="D45655">
        <v>0</v>
      </c>
    </row>
    <row r="45656" spans="1:4" x14ac:dyDescent="0.25">
      <c r="A45656" t="s">
        <v>63387</v>
      </c>
      <c r="B45656" t="s">
        <v>63390</v>
      </c>
      <c r="C45656">
        <v>0</v>
      </c>
      <c r="D45656">
        <v>0</v>
      </c>
    </row>
    <row r="45657" spans="1:4" x14ac:dyDescent="0.25">
      <c r="A45657" t="s">
        <v>63387</v>
      </c>
      <c r="B45657" t="s">
        <v>63391</v>
      </c>
      <c r="C45657">
        <v>1</v>
      </c>
      <c r="D45657">
        <v>0</v>
      </c>
    </row>
    <row r="45658" spans="1:4" x14ac:dyDescent="0.25">
      <c r="A45658" t="s">
        <v>63392</v>
      </c>
      <c r="B45658" t="s">
        <v>63393</v>
      </c>
      <c r="C45658">
        <v>1</v>
      </c>
      <c r="D45658">
        <v>0</v>
      </c>
    </row>
    <row r="45659" spans="1:4" x14ac:dyDescent="0.25">
      <c r="A45659" t="s">
        <v>63392</v>
      </c>
      <c r="B45659" t="s">
        <v>63394</v>
      </c>
      <c r="C45659">
        <v>0</v>
      </c>
      <c r="D45659">
        <v>0</v>
      </c>
    </row>
    <row r="45660" spans="1:4" x14ac:dyDescent="0.25">
      <c r="A45660" t="s">
        <v>63392</v>
      </c>
      <c r="B45660" t="s">
        <v>63395</v>
      </c>
      <c r="C45660">
        <v>1</v>
      </c>
      <c r="D45660">
        <v>0</v>
      </c>
    </row>
    <row r="45661" spans="1:4" x14ac:dyDescent="0.25">
      <c r="A45661" t="s">
        <v>63392</v>
      </c>
      <c r="B45661" t="s">
        <v>63396</v>
      </c>
      <c r="C45661">
        <v>2</v>
      </c>
      <c r="D45661">
        <v>0</v>
      </c>
    </row>
    <row r="45662" spans="1:4" x14ac:dyDescent="0.25">
      <c r="A45662" t="s">
        <v>63397</v>
      </c>
      <c r="B45662" t="s">
        <v>63398</v>
      </c>
      <c r="C45662">
        <v>2</v>
      </c>
      <c r="D45662">
        <v>0</v>
      </c>
    </row>
    <row r="45663" spans="1:4" x14ac:dyDescent="0.25">
      <c r="A45663" t="s">
        <v>63397</v>
      </c>
      <c r="B45663" t="s">
        <v>63399</v>
      </c>
      <c r="C45663">
        <v>0</v>
      </c>
      <c r="D45663">
        <v>0</v>
      </c>
    </row>
    <row r="45664" spans="1:4" x14ac:dyDescent="0.25">
      <c r="A45664" t="s">
        <v>63397</v>
      </c>
      <c r="B45664" t="s">
        <v>63400</v>
      </c>
      <c r="C45664">
        <v>2</v>
      </c>
      <c r="D45664">
        <v>0</v>
      </c>
    </row>
    <row r="45665" spans="1:4" x14ac:dyDescent="0.25">
      <c r="A45665" t="s">
        <v>63397</v>
      </c>
      <c r="B45665" t="s">
        <v>63401</v>
      </c>
      <c r="C45665">
        <v>1</v>
      </c>
      <c r="D45665">
        <v>0</v>
      </c>
    </row>
    <row r="45666" spans="1:4" x14ac:dyDescent="0.25">
      <c r="A45666" t="s">
        <v>63402</v>
      </c>
      <c r="B45666" t="s">
        <v>1938</v>
      </c>
      <c r="C45666">
        <v>0</v>
      </c>
      <c r="D45666">
        <v>0</v>
      </c>
    </row>
    <row r="45667" spans="1:4" x14ac:dyDescent="0.25">
      <c r="A45667" t="s">
        <v>63402</v>
      </c>
      <c r="B45667" t="s">
        <v>63403</v>
      </c>
      <c r="C45667">
        <v>1</v>
      </c>
      <c r="D45667">
        <v>0</v>
      </c>
    </row>
    <row r="45668" spans="1:4" x14ac:dyDescent="0.25">
      <c r="A45668" t="s">
        <v>63404</v>
      </c>
      <c r="B45668" t="s">
        <v>63405</v>
      </c>
      <c r="C45668">
        <v>1</v>
      </c>
      <c r="D45668">
        <v>0</v>
      </c>
    </row>
    <row r="45669" spans="1:4" x14ac:dyDescent="0.25">
      <c r="A45669" t="s">
        <v>63404</v>
      </c>
      <c r="B45669" t="s">
        <v>63406</v>
      </c>
      <c r="C45669">
        <v>1</v>
      </c>
      <c r="D45669">
        <v>0</v>
      </c>
    </row>
    <row r="45670" spans="1:4" x14ac:dyDescent="0.25">
      <c r="A45670" t="s">
        <v>63404</v>
      </c>
      <c r="B45670" t="s">
        <v>63407</v>
      </c>
      <c r="C45670">
        <v>0</v>
      </c>
      <c r="D45670">
        <v>0</v>
      </c>
    </row>
    <row r="45671" spans="1:4" x14ac:dyDescent="0.25">
      <c r="A45671" t="s">
        <v>63404</v>
      </c>
      <c r="B45671" t="s">
        <v>63408</v>
      </c>
      <c r="C45671">
        <v>1</v>
      </c>
      <c r="D45671">
        <v>0</v>
      </c>
    </row>
    <row r="45672" spans="1:4" x14ac:dyDescent="0.25">
      <c r="A45672" t="s">
        <v>63404</v>
      </c>
      <c r="B45672" t="s">
        <v>63409</v>
      </c>
      <c r="C45672">
        <v>0</v>
      </c>
      <c r="D45672">
        <v>0</v>
      </c>
    </row>
    <row r="45673" spans="1:4" x14ac:dyDescent="0.25">
      <c r="A45673" t="s">
        <v>63404</v>
      </c>
      <c r="B45673" t="s">
        <v>63410</v>
      </c>
      <c r="C45673">
        <v>0</v>
      </c>
      <c r="D45673">
        <v>0</v>
      </c>
    </row>
    <row r="45674" spans="1:4" x14ac:dyDescent="0.25">
      <c r="A45674" t="s">
        <v>63411</v>
      </c>
      <c r="B45674" t="s">
        <v>63412</v>
      </c>
      <c r="C45674">
        <v>1</v>
      </c>
      <c r="D45674">
        <v>0</v>
      </c>
    </row>
    <row r="45675" spans="1:4" x14ac:dyDescent="0.25">
      <c r="A45675" t="s">
        <v>63411</v>
      </c>
      <c r="B45675" t="s">
        <v>63413</v>
      </c>
      <c r="C45675">
        <v>1</v>
      </c>
      <c r="D45675">
        <v>0</v>
      </c>
    </row>
    <row r="45676" spans="1:4" x14ac:dyDescent="0.25">
      <c r="A45676" t="s">
        <v>63414</v>
      </c>
      <c r="B45676" t="s">
        <v>63415</v>
      </c>
      <c r="C45676">
        <v>0</v>
      </c>
      <c r="D45676">
        <v>0</v>
      </c>
    </row>
    <row r="45677" spans="1:4" x14ac:dyDescent="0.25">
      <c r="A45677" t="s">
        <v>63414</v>
      </c>
      <c r="B45677" t="s">
        <v>63416</v>
      </c>
      <c r="C45677">
        <v>0</v>
      </c>
      <c r="D45677">
        <v>0</v>
      </c>
    </row>
    <row r="45678" spans="1:4" x14ac:dyDescent="0.25">
      <c r="A45678" t="s">
        <v>63414</v>
      </c>
      <c r="B45678" t="s">
        <v>63417</v>
      </c>
      <c r="C45678">
        <v>2</v>
      </c>
      <c r="D45678">
        <v>0</v>
      </c>
    </row>
    <row r="45679" spans="1:4" x14ac:dyDescent="0.25">
      <c r="A45679" t="s">
        <v>63414</v>
      </c>
      <c r="B45679" t="s">
        <v>63418</v>
      </c>
      <c r="C45679">
        <v>1</v>
      </c>
      <c r="D45679">
        <v>0</v>
      </c>
    </row>
    <row r="45680" spans="1:4" x14ac:dyDescent="0.25">
      <c r="A45680" t="s">
        <v>63414</v>
      </c>
      <c r="B45680" t="s">
        <v>63419</v>
      </c>
      <c r="C45680">
        <v>1</v>
      </c>
      <c r="D45680">
        <v>0</v>
      </c>
    </row>
    <row r="45681" spans="1:4" x14ac:dyDescent="0.25">
      <c r="A45681" t="s">
        <v>63414</v>
      </c>
      <c r="B45681" t="s">
        <v>63420</v>
      </c>
      <c r="C45681">
        <v>1</v>
      </c>
      <c r="D45681">
        <v>0</v>
      </c>
    </row>
    <row r="45682" spans="1:4" x14ac:dyDescent="0.25">
      <c r="A45682" t="s">
        <v>63421</v>
      </c>
      <c r="B45682" t="s">
        <v>63422</v>
      </c>
      <c r="C45682">
        <v>2</v>
      </c>
      <c r="D45682">
        <v>0</v>
      </c>
    </row>
    <row r="45683" spans="1:4" x14ac:dyDescent="0.25">
      <c r="A45683" t="s">
        <v>63421</v>
      </c>
      <c r="B45683" t="s">
        <v>63423</v>
      </c>
      <c r="C45683">
        <v>1</v>
      </c>
      <c r="D45683">
        <v>0</v>
      </c>
    </row>
    <row r="45684" spans="1:4" x14ac:dyDescent="0.25">
      <c r="A45684" t="s">
        <v>63424</v>
      </c>
      <c r="B45684" t="s">
        <v>63425</v>
      </c>
      <c r="C45684">
        <v>2</v>
      </c>
      <c r="D45684">
        <v>0</v>
      </c>
    </row>
    <row r="45685" spans="1:4" x14ac:dyDescent="0.25">
      <c r="A45685" t="s">
        <v>63426</v>
      </c>
      <c r="B45685" t="s">
        <v>63427</v>
      </c>
      <c r="C45685">
        <v>1</v>
      </c>
      <c r="D45685">
        <v>0</v>
      </c>
    </row>
    <row r="45686" spans="1:4" x14ac:dyDescent="0.25">
      <c r="A45686" t="s">
        <v>63426</v>
      </c>
      <c r="B45686" t="s">
        <v>63428</v>
      </c>
      <c r="C45686">
        <v>0</v>
      </c>
      <c r="D45686">
        <v>0</v>
      </c>
    </row>
    <row r="45687" spans="1:4" x14ac:dyDescent="0.25">
      <c r="A45687" t="s">
        <v>63426</v>
      </c>
      <c r="B45687" t="s">
        <v>63429</v>
      </c>
      <c r="C45687">
        <v>2</v>
      </c>
      <c r="D45687">
        <v>0</v>
      </c>
    </row>
    <row r="45688" spans="1:4" x14ac:dyDescent="0.25">
      <c r="A45688" t="s">
        <v>63426</v>
      </c>
      <c r="B45688" t="s">
        <v>63430</v>
      </c>
      <c r="C45688">
        <v>1</v>
      </c>
      <c r="D45688">
        <v>0</v>
      </c>
    </row>
    <row r="45689" spans="1:4" x14ac:dyDescent="0.25">
      <c r="A45689" t="s">
        <v>63426</v>
      </c>
      <c r="B45689" t="s">
        <v>63431</v>
      </c>
      <c r="C45689">
        <v>1</v>
      </c>
      <c r="D45689">
        <v>0</v>
      </c>
    </row>
    <row r="45690" spans="1:4" x14ac:dyDescent="0.25">
      <c r="A45690" t="s">
        <v>63426</v>
      </c>
      <c r="B45690" t="s">
        <v>63432</v>
      </c>
      <c r="C45690">
        <v>1</v>
      </c>
      <c r="D45690">
        <v>0</v>
      </c>
    </row>
    <row r="45691" spans="1:4" x14ac:dyDescent="0.25">
      <c r="A45691" t="s">
        <v>63426</v>
      </c>
      <c r="B45691" t="s">
        <v>63433</v>
      </c>
      <c r="C45691">
        <v>1</v>
      </c>
      <c r="D45691">
        <v>0</v>
      </c>
    </row>
    <row r="45692" spans="1:4" x14ac:dyDescent="0.25">
      <c r="A45692" t="s">
        <v>63434</v>
      </c>
      <c r="B45692" t="s">
        <v>63435</v>
      </c>
      <c r="C45692">
        <v>1</v>
      </c>
      <c r="D45692">
        <v>0</v>
      </c>
    </row>
    <row r="45693" spans="1:4" x14ac:dyDescent="0.25">
      <c r="A45693" t="s">
        <v>63434</v>
      </c>
      <c r="B45693" t="s">
        <v>63436</v>
      </c>
      <c r="C45693">
        <v>1</v>
      </c>
      <c r="D45693">
        <v>0</v>
      </c>
    </row>
    <row r="45694" spans="1:4" x14ac:dyDescent="0.25">
      <c r="A45694" t="s">
        <v>63434</v>
      </c>
      <c r="B45694" t="s">
        <v>63437</v>
      </c>
      <c r="C45694">
        <v>1</v>
      </c>
      <c r="D45694">
        <v>0</v>
      </c>
    </row>
    <row r="45695" spans="1:4" x14ac:dyDescent="0.25">
      <c r="A45695" t="s">
        <v>63434</v>
      </c>
      <c r="B45695" t="s">
        <v>63438</v>
      </c>
      <c r="C45695">
        <v>1</v>
      </c>
      <c r="D45695">
        <v>0</v>
      </c>
    </row>
    <row r="45696" spans="1:4" x14ac:dyDescent="0.25">
      <c r="A45696" t="s">
        <v>63439</v>
      </c>
      <c r="B45696" t="s">
        <v>63440</v>
      </c>
      <c r="C45696">
        <v>2</v>
      </c>
      <c r="D45696">
        <v>0</v>
      </c>
    </row>
    <row r="45697" spans="1:4" x14ac:dyDescent="0.25">
      <c r="A45697" t="s">
        <v>63439</v>
      </c>
      <c r="B45697" t="s">
        <v>63441</v>
      </c>
      <c r="C45697">
        <v>2</v>
      </c>
      <c r="D45697">
        <v>0</v>
      </c>
    </row>
    <row r="45698" spans="1:4" x14ac:dyDescent="0.25">
      <c r="A45698" t="s">
        <v>63439</v>
      </c>
      <c r="B45698" t="s">
        <v>63442</v>
      </c>
      <c r="C45698">
        <v>1</v>
      </c>
      <c r="D45698">
        <v>0</v>
      </c>
    </row>
    <row r="45699" spans="1:4" x14ac:dyDescent="0.25">
      <c r="A45699" t="s">
        <v>63439</v>
      </c>
      <c r="B45699" t="s">
        <v>63443</v>
      </c>
      <c r="C45699">
        <v>1</v>
      </c>
      <c r="D45699">
        <v>0</v>
      </c>
    </row>
    <row r="45700" spans="1:4" x14ac:dyDescent="0.25">
      <c r="A45700" t="s">
        <v>63439</v>
      </c>
      <c r="B45700" t="s">
        <v>63444</v>
      </c>
      <c r="C45700">
        <v>1</v>
      </c>
      <c r="D45700">
        <v>0</v>
      </c>
    </row>
    <row r="45701" spans="1:4" x14ac:dyDescent="0.25">
      <c r="A45701" t="s">
        <v>63439</v>
      </c>
      <c r="B45701" t="s">
        <v>63445</v>
      </c>
      <c r="C45701">
        <v>1</v>
      </c>
      <c r="D45701">
        <v>0</v>
      </c>
    </row>
    <row r="45702" spans="1:4" x14ac:dyDescent="0.25">
      <c r="A45702" t="s">
        <v>63439</v>
      </c>
      <c r="B45702" t="s">
        <v>63446</v>
      </c>
      <c r="C45702">
        <v>1</v>
      </c>
      <c r="D45702">
        <v>0</v>
      </c>
    </row>
    <row r="45703" spans="1:4" x14ac:dyDescent="0.25">
      <c r="A45703" t="s">
        <v>63447</v>
      </c>
      <c r="B45703" t="s">
        <v>1294</v>
      </c>
      <c r="C45703">
        <v>1</v>
      </c>
      <c r="D45703">
        <v>0</v>
      </c>
    </row>
    <row r="45704" spans="1:4" x14ac:dyDescent="0.25">
      <c r="A45704" t="s">
        <v>63447</v>
      </c>
      <c r="B45704" t="s">
        <v>63448</v>
      </c>
      <c r="C45704">
        <v>0</v>
      </c>
      <c r="D45704">
        <v>0</v>
      </c>
    </row>
    <row r="45705" spans="1:4" x14ac:dyDescent="0.25">
      <c r="A45705" t="s">
        <v>63447</v>
      </c>
      <c r="B45705" t="s">
        <v>63449</v>
      </c>
      <c r="C45705">
        <v>0</v>
      </c>
      <c r="D45705">
        <v>0</v>
      </c>
    </row>
    <row r="45706" spans="1:4" x14ac:dyDescent="0.25">
      <c r="A45706" t="s">
        <v>63450</v>
      </c>
      <c r="B45706" t="s">
        <v>63451</v>
      </c>
      <c r="C45706">
        <v>0</v>
      </c>
      <c r="D45706">
        <v>0</v>
      </c>
    </row>
    <row r="45707" spans="1:4" x14ac:dyDescent="0.25">
      <c r="A45707" t="s">
        <v>63452</v>
      </c>
      <c r="B45707" t="s">
        <v>63453</v>
      </c>
      <c r="C45707">
        <v>1</v>
      </c>
      <c r="D45707">
        <v>0</v>
      </c>
    </row>
    <row r="45708" spans="1:4" x14ac:dyDescent="0.25">
      <c r="A45708" t="s">
        <v>63452</v>
      </c>
      <c r="B45708" t="s">
        <v>63454</v>
      </c>
      <c r="C45708">
        <v>1</v>
      </c>
      <c r="D45708">
        <v>0</v>
      </c>
    </row>
    <row r="45709" spans="1:4" x14ac:dyDescent="0.25">
      <c r="A45709" t="s">
        <v>63455</v>
      </c>
      <c r="B45709" t="s">
        <v>63456</v>
      </c>
      <c r="C45709">
        <v>1</v>
      </c>
      <c r="D45709">
        <v>0</v>
      </c>
    </row>
    <row r="45710" spans="1:4" x14ac:dyDescent="0.25">
      <c r="A45710" t="s">
        <v>63455</v>
      </c>
      <c r="B45710" t="s">
        <v>63457</v>
      </c>
      <c r="C45710">
        <v>1</v>
      </c>
      <c r="D45710">
        <v>0</v>
      </c>
    </row>
    <row r="45711" spans="1:4" x14ac:dyDescent="0.25">
      <c r="A45711" t="s">
        <v>63455</v>
      </c>
      <c r="B45711" t="s">
        <v>63458</v>
      </c>
      <c r="C45711">
        <v>1</v>
      </c>
      <c r="D45711">
        <v>0</v>
      </c>
    </row>
    <row r="45712" spans="1:4" x14ac:dyDescent="0.25">
      <c r="A45712" t="s">
        <v>63455</v>
      </c>
      <c r="B45712" t="s">
        <v>63459</v>
      </c>
      <c r="C45712">
        <v>1</v>
      </c>
      <c r="D45712">
        <v>0</v>
      </c>
    </row>
    <row r="45713" spans="1:4" x14ac:dyDescent="0.25">
      <c r="A45713" t="s">
        <v>63455</v>
      </c>
      <c r="B45713" t="s">
        <v>63460</v>
      </c>
      <c r="C45713">
        <v>1</v>
      </c>
      <c r="D45713">
        <v>0</v>
      </c>
    </row>
    <row r="45714" spans="1:4" x14ac:dyDescent="0.25">
      <c r="A45714" t="s">
        <v>63455</v>
      </c>
      <c r="B45714" t="s">
        <v>63461</v>
      </c>
      <c r="C45714">
        <v>1</v>
      </c>
      <c r="D45714">
        <v>0</v>
      </c>
    </row>
    <row r="45715" spans="1:4" x14ac:dyDescent="0.25">
      <c r="A45715" t="s">
        <v>63462</v>
      </c>
      <c r="B45715" t="s">
        <v>23996</v>
      </c>
      <c r="C45715">
        <v>0</v>
      </c>
      <c r="D45715">
        <v>0</v>
      </c>
    </row>
    <row r="45716" spans="1:4" x14ac:dyDescent="0.25">
      <c r="A45716" t="s">
        <v>63462</v>
      </c>
      <c r="B45716" t="s">
        <v>63463</v>
      </c>
      <c r="C45716">
        <v>1</v>
      </c>
      <c r="D45716">
        <v>0</v>
      </c>
    </row>
    <row r="45717" spans="1:4" x14ac:dyDescent="0.25">
      <c r="A45717" t="s">
        <v>63462</v>
      </c>
      <c r="B45717" t="s">
        <v>63464</v>
      </c>
      <c r="C45717">
        <v>1</v>
      </c>
      <c r="D45717">
        <v>0</v>
      </c>
    </row>
    <row r="45718" spans="1:4" x14ac:dyDescent="0.25">
      <c r="A45718" t="s">
        <v>63462</v>
      </c>
      <c r="B45718" t="s">
        <v>63465</v>
      </c>
      <c r="C45718">
        <v>0</v>
      </c>
      <c r="D45718">
        <v>0</v>
      </c>
    </row>
    <row r="45719" spans="1:4" x14ac:dyDescent="0.25">
      <c r="A45719" t="s">
        <v>63466</v>
      </c>
      <c r="B45719" t="s">
        <v>63467</v>
      </c>
      <c r="C45719">
        <v>1</v>
      </c>
      <c r="D45719">
        <v>0</v>
      </c>
    </row>
    <row r="45720" spans="1:4" x14ac:dyDescent="0.25">
      <c r="A45720" t="s">
        <v>63466</v>
      </c>
      <c r="B45720" t="s">
        <v>63468</v>
      </c>
      <c r="C45720">
        <v>1</v>
      </c>
      <c r="D45720">
        <v>0</v>
      </c>
    </row>
    <row r="45721" spans="1:4" x14ac:dyDescent="0.25">
      <c r="A45721" t="s">
        <v>63469</v>
      </c>
      <c r="B45721" t="s">
        <v>63470</v>
      </c>
      <c r="C45721">
        <v>1</v>
      </c>
      <c r="D45721">
        <v>0</v>
      </c>
    </row>
    <row r="45722" spans="1:4" x14ac:dyDescent="0.25">
      <c r="A45722" t="s">
        <v>63469</v>
      </c>
      <c r="B45722" t="s">
        <v>63471</v>
      </c>
      <c r="C45722">
        <v>1</v>
      </c>
      <c r="D45722">
        <v>0</v>
      </c>
    </row>
    <row r="45723" spans="1:4" x14ac:dyDescent="0.25">
      <c r="A45723" t="s">
        <v>63469</v>
      </c>
      <c r="B45723" t="s">
        <v>63472</v>
      </c>
      <c r="C45723">
        <v>0</v>
      </c>
      <c r="D45723">
        <v>0</v>
      </c>
    </row>
    <row r="45724" spans="1:4" x14ac:dyDescent="0.25">
      <c r="A45724" t="s">
        <v>63469</v>
      </c>
      <c r="B45724" t="s">
        <v>63473</v>
      </c>
      <c r="C45724">
        <v>1</v>
      </c>
      <c r="D45724">
        <v>0</v>
      </c>
    </row>
    <row r="45725" spans="1:4" x14ac:dyDescent="0.25">
      <c r="A45725" t="s">
        <v>63474</v>
      </c>
      <c r="B45725" t="s">
        <v>63475</v>
      </c>
      <c r="C45725">
        <v>1</v>
      </c>
      <c r="D45725">
        <v>0</v>
      </c>
    </row>
    <row r="45726" spans="1:4" x14ac:dyDescent="0.25">
      <c r="A45726" t="s">
        <v>63474</v>
      </c>
      <c r="B45726" t="s">
        <v>63476</v>
      </c>
      <c r="C45726">
        <v>1</v>
      </c>
      <c r="D45726">
        <v>0</v>
      </c>
    </row>
    <row r="45727" spans="1:4" x14ac:dyDescent="0.25">
      <c r="A45727" t="s">
        <v>63474</v>
      </c>
      <c r="B45727" t="s">
        <v>63477</v>
      </c>
      <c r="C45727">
        <v>1</v>
      </c>
      <c r="D45727">
        <v>0</v>
      </c>
    </row>
    <row r="45728" spans="1:4" x14ac:dyDescent="0.25">
      <c r="A45728" t="s">
        <v>63474</v>
      </c>
      <c r="B45728" t="s">
        <v>63478</v>
      </c>
      <c r="C45728">
        <v>0</v>
      </c>
      <c r="D45728">
        <v>0</v>
      </c>
    </row>
    <row r="45729" spans="1:4" x14ac:dyDescent="0.25">
      <c r="A45729" t="s">
        <v>63474</v>
      </c>
      <c r="B45729" t="s">
        <v>63479</v>
      </c>
      <c r="C45729">
        <v>0</v>
      </c>
      <c r="D45729">
        <v>0</v>
      </c>
    </row>
    <row r="45730" spans="1:4" x14ac:dyDescent="0.25">
      <c r="A45730" t="s">
        <v>63480</v>
      </c>
      <c r="B45730" t="s">
        <v>5537</v>
      </c>
      <c r="C45730">
        <v>1</v>
      </c>
      <c r="D45730">
        <v>0</v>
      </c>
    </row>
    <row r="45731" spans="1:4" x14ac:dyDescent="0.25">
      <c r="A45731" t="s">
        <v>63480</v>
      </c>
      <c r="B45731" t="s">
        <v>63481</v>
      </c>
      <c r="C45731">
        <v>1</v>
      </c>
      <c r="D45731">
        <v>0</v>
      </c>
    </row>
    <row r="45732" spans="1:4" x14ac:dyDescent="0.25">
      <c r="A45732" t="s">
        <v>63480</v>
      </c>
      <c r="B45732" t="s">
        <v>63482</v>
      </c>
      <c r="C45732">
        <v>1</v>
      </c>
      <c r="D45732">
        <v>0</v>
      </c>
    </row>
    <row r="45733" spans="1:4" x14ac:dyDescent="0.25">
      <c r="A45733" t="s">
        <v>63480</v>
      </c>
      <c r="B45733" t="s">
        <v>63483</v>
      </c>
      <c r="C45733">
        <v>1</v>
      </c>
      <c r="D45733">
        <v>0</v>
      </c>
    </row>
    <row r="45734" spans="1:4" x14ac:dyDescent="0.25">
      <c r="A45734" t="s">
        <v>63480</v>
      </c>
      <c r="B45734" t="s">
        <v>63484</v>
      </c>
      <c r="C45734">
        <v>1</v>
      </c>
      <c r="D45734">
        <v>0</v>
      </c>
    </row>
    <row r="45735" spans="1:4" x14ac:dyDescent="0.25">
      <c r="A45735" t="s">
        <v>63480</v>
      </c>
      <c r="B45735" t="s">
        <v>63485</v>
      </c>
      <c r="C45735">
        <v>1</v>
      </c>
      <c r="D45735">
        <v>0</v>
      </c>
    </row>
    <row r="45736" spans="1:4" x14ac:dyDescent="0.25">
      <c r="A45736" t="s">
        <v>63486</v>
      </c>
      <c r="B45736" t="s">
        <v>63487</v>
      </c>
      <c r="C45736">
        <v>2</v>
      </c>
      <c r="D45736">
        <v>0</v>
      </c>
    </row>
    <row r="45737" spans="1:4" x14ac:dyDescent="0.25">
      <c r="A45737" t="s">
        <v>63486</v>
      </c>
      <c r="B45737" t="s">
        <v>63488</v>
      </c>
      <c r="C45737">
        <v>0</v>
      </c>
      <c r="D45737">
        <v>0</v>
      </c>
    </row>
    <row r="45738" spans="1:4" x14ac:dyDescent="0.25">
      <c r="A45738" t="s">
        <v>63486</v>
      </c>
      <c r="B45738" t="s">
        <v>63489</v>
      </c>
      <c r="C45738">
        <v>1</v>
      </c>
      <c r="D45738">
        <v>0</v>
      </c>
    </row>
    <row r="45739" spans="1:4" x14ac:dyDescent="0.25">
      <c r="A45739" t="s">
        <v>63486</v>
      </c>
      <c r="B45739" t="s">
        <v>63490</v>
      </c>
      <c r="C45739">
        <v>0</v>
      </c>
      <c r="D45739">
        <v>0</v>
      </c>
    </row>
    <row r="45740" spans="1:4" x14ac:dyDescent="0.25">
      <c r="A45740" t="s">
        <v>63486</v>
      </c>
      <c r="B45740" t="s">
        <v>63491</v>
      </c>
      <c r="C45740">
        <v>2</v>
      </c>
      <c r="D45740">
        <v>0</v>
      </c>
    </row>
    <row r="45741" spans="1:4" x14ac:dyDescent="0.25">
      <c r="A45741" t="s">
        <v>63492</v>
      </c>
      <c r="B45741" t="s">
        <v>63493</v>
      </c>
      <c r="C45741">
        <v>1</v>
      </c>
      <c r="D45741">
        <v>0</v>
      </c>
    </row>
    <row r="45742" spans="1:4" x14ac:dyDescent="0.25">
      <c r="A45742" t="s">
        <v>63492</v>
      </c>
      <c r="B45742" t="s">
        <v>63494</v>
      </c>
      <c r="C45742">
        <v>1</v>
      </c>
      <c r="D45742">
        <v>0</v>
      </c>
    </row>
    <row r="45743" spans="1:4" x14ac:dyDescent="0.25">
      <c r="A45743" t="s">
        <v>63492</v>
      </c>
      <c r="B45743" t="s">
        <v>63495</v>
      </c>
      <c r="C45743">
        <v>1</v>
      </c>
      <c r="D45743">
        <v>0</v>
      </c>
    </row>
    <row r="45744" spans="1:4" x14ac:dyDescent="0.25">
      <c r="A45744" t="s">
        <v>63492</v>
      </c>
      <c r="B45744" t="s">
        <v>63496</v>
      </c>
      <c r="C45744">
        <v>1</v>
      </c>
      <c r="D45744">
        <v>0</v>
      </c>
    </row>
    <row r="45745" spans="1:4" x14ac:dyDescent="0.25">
      <c r="A45745" t="s">
        <v>63492</v>
      </c>
      <c r="B45745" t="s">
        <v>63497</v>
      </c>
      <c r="C45745">
        <v>1</v>
      </c>
      <c r="D45745">
        <v>0</v>
      </c>
    </row>
    <row r="45746" spans="1:4" x14ac:dyDescent="0.25">
      <c r="A45746" t="s">
        <v>63498</v>
      </c>
      <c r="B45746" t="s">
        <v>63499</v>
      </c>
      <c r="C45746">
        <v>0</v>
      </c>
      <c r="D45746">
        <v>0</v>
      </c>
    </row>
    <row r="45747" spans="1:4" x14ac:dyDescent="0.25">
      <c r="A45747" t="s">
        <v>63498</v>
      </c>
      <c r="B45747" t="s">
        <v>63500</v>
      </c>
      <c r="C45747">
        <v>1</v>
      </c>
      <c r="D45747">
        <v>0</v>
      </c>
    </row>
    <row r="45748" spans="1:4" x14ac:dyDescent="0.25">
      <c r="A45748" t="s">
        <v>63498</v>
      </c>
      <c r="B45748" t="s">
        <v>63501</v>
      </c>
      <c r="C45748">
        <v>1</v>
      </c>
      <c r="D45748">
        <v>0</v>
      </c>
    </row>
    <row r="45749" spans="1:4" x14ac:dyDescent="0.25">
      <c r="A45749" t="s">
        <v>63498</v>
      </c>
      <c r="B45749" t="s">
        <v>63502</v>
      </c>
      <c r="C45749">
        <v>1</v>
      </c>
      <c r="D45749">
        <v>0</v>
      </c>
    </row>
    <row r="45750" spans="1:4" x14ac:dyDescent="0.25">
      <c r="A45750" t="s">
        <v>63498</v>
      </c>
      <c r="B45750" t="s">
        <v>63503</v>
      </c>
      <c r="C45750">
        <v>1</v>
      </c>
      <c r="D45750">
        <v>0</v>
      </c>
    </row>
    <row r="45751" spans="1:4" x14ac:dyDescent="0.25">
      <c r="A45751" t="s">
        <v>63498</v>
      </c>
      <c r="B45751" t="s">
        <v>63504</v>
      </c>
      <c r="C45751">
        <v>1</v>
      </c>
      <c r="D45751">
        <v>0</v>
      </c>
    </row>
    <row r="45752" spans="1:4" x14ac:dyDescent="0.25">
      <c r="A45752" t="s">
        <v>63505</v>
      </c>
      <c r="B45752" t="s">
        <v>63506</v>
      </c>
      <c r="C45752">
        <v>0</v>
      </c>
      <c r="D45752">
        <v>0</v>
      </c>
    </row>
    <row r="45753" spans="1:4" x14ac:dyDescent="0.25">
      <c r="A45753" t="s">
        <v>63507</v>
      </c>
      <c r="B45753" t="s">
        <v>63508</v>
      </c>
      <c r="C45753">
        <v>1</v>
      </c>
      <c r="D45753">
        <v>0</v>
      </c>
    </row>
    <row r="45754" spans="1:4" x14ac:dyDescent="0.25">
      <c r="A45754" t="s">
        <v>63507</v>
      </c>
      <c r="B45754" t="s">
        <v>63509</v>
      </c>
      <c r="C45754">
        <v>2</v>
      </c>
      <c r="D45754">
        <v>0</v>
      </c>
    </row>
    <row r="45755" spans="1:4" x14ac:dyDescent="0.25">
      <c r="A45755" t="s">
        <v>63507</v>
      </c>
      <c r="B45755" t="s">
        <v>63510</v>
      </c>
      <c r="C45755">
        <v>1</v>
      </c>
      <c r="D45755">
        <v>0</v>
      </c>
    </row>
    <row r="45756" spans="1:4" x14ac:dyDescent="0.25">
      <c r="A45756" t="s">
        <v>63507</v>
      </c>
      <c r="B45756" t="s">
        <v>63511</v>
      </c>
      <c r="C45756">
        <v>2</v>
      </c>
      <c r="D45756">
        <v>0</v>
      </c>
    </row>
    <row r="45757" spans="1:4" x14ac:dyDescent="0.25">
      <c r="A45757" t="s">
        <v>63507</v>
      </c>
      <c r="B45757" t="s">
        <v>63512</v>
      </c>
      <c r="C45757">
        <v>2</v>
      </c>
      <c r="D45757">
        <v>0</v>
      </c>
    </row>
    <row r="45758" spans="1:4" x14ac:dyDescent="0.25">
      <c r="A45758" t="s">
        <v>63507</v>
      </c>
      <c r="B45758" t="s">
        <v>63513</v>
      </c>
      <c r="C45758">
        <v>1</v>
      </c>
      <c r="D45758">
        <v>0</v>
      </c>
    </row>
    <row r="45759" spans="1:4" x14ac:dyDescent="0.25">
      <c r="A45759" t="s">
        <v>63507</v>
      </c>
      <c r="B45759" t="s">
        <v>63514</v>
      </c>
      <c r="C45759">
        <v>1</v>
      </c>
      <c r="D45759">
        <v>0</v>
      </c>
    </row>
    <row r="45760" spans="1:4" x14ac:dyDescent="0.25">
      <c r="A45760" t="s">
        <v>63515</v>
      </c>
      <c r="B45760" t="s">
        <v>53609</v>
      </c>
      <c r="C45760">
        <v>0</v>
      </c>
      <c r="D45760">
        <v>0</v>
      </c>
    </row>
    <row r="45761" spans="1:4" x14ac:dyDescent="0.25">
      <c r="A45761" t="s">
        <v>63515</v>
      </c>
      <c r="B45761" t="s">
        <v>63516</v>
      </c>
      <c r="C45761">
        <v>0</v>
      </c>
      <c r="D45761">
        <v>0</v>
      </c>
    </row>
    <row r="45762" spans="1:4" x14ac:dyDescent="0.25">
      <c r="A45762" t="s">
        <v>63515</v>
      </c>
      <c r="B45762" t="s">
        <v>63517</v>
      </c>
      <c r="C45762">
        <v>1</v>
      </c>
      <c r="D45762">
        <v>0</v>
      </c>
    </row>
    <row r="45763" spans="1:4" x14ac:dyDescent="0.25">
      <c r="A45763" t="s">
        <v>63515</v>
      </c>
      <c r="B45763" t="s">
        <v>63518</v>
      </c>
      <c r="C45763">
        <v>1</v>
      </c>
      <c r="D45763">
        <v>0</v>
      </c>
    </row>
    <row r="45764" spans="1:4" x14ac:dyDescent="0.25">
      <c r="A45764" t="s">
        <v>63515</v>
      </c>
      <c r="B45764" t="s">
        <v>63519</v>
      </c>
      <c r="C45764">
        <v>0</v>
      </c>
      <c r="D45764">
        <v>0</v>
      </c>
    </row>
    <row r="45765" spans="1:4" x14ac:dyDescent="0.25">
      <c r="A45765" t="s">
        <v>63520</v>
      </c>
      <c r="B45765" t="s">
        <v>63521</v>
      </c>
      <c r="C45765">
        <v>1</v>
      </c>
      <c r="D45765">
        <v>0</v>
      </c>
    </row>
    <row r="45766" spans="1:4" x14ac:dyDescent="0.25">
      <c r="A45766" t="s">
        <v>63520</v>
      </c>
      <c r="B45766" t="s">
        <v>63522</v>
      </c>
      <c r="C45766">
        <v>1</v>
      </c>
      <c r="D45766">
        <v>0</v>
      </c>
    </row>
    <row r="45767" spans="1:4" x14ac:dyDescent="0.25">
      <c r="A45767" t="s">
        <v>63520</v>
      </c>
      <c r="B45767" t="s">
        <v>63523</v>
      </c>
      <c r="C45767">
        <v>1</v>
      </c>
      <c r="D45767">
        <v>0</v>
      </c>
    </row>
    <row r="45768" spans="1:4" x14ac:dyDescent="0.25">
      <c r="A45768" t="s">
        <v>63524</v>
      </c>
      <c r="B45768" t="s">
        <v>63525</v>
      </c>
      <c r="C45768">
        <v>1</v>
      </c>
      <c r="D45768">
        <v>0</v>
      </c>
    </row>
    <row r="45769" spans="1:4" x14ac:dyDescent="0.25">
      <c r="A45769" t="s">
        <v>63524</v>
      </c>
      <c r="B45769" t="s">
        <v>63526</v>
      </c>
      <c r="C45769">
        <v>1</v>
      </c>
      <c r="D45769">
        <v>0</v>
      </c>
    </row>
    <row r="45770" spans="1:4" x14ac:dyDescent="0.25">
      <c r="A45770" t="s">
        <v>63524</v>
      </c>
      <c r="B45770" t="s">
        <v>63527</v>
      </c>
      <c r="C45770">
        <v>1</v>
      </c>
      <c r="D45770">
        <v>0</v>
      </c>
    </row>
    <row r="45771" spans="1:4" x14ac:dyDescent="0.25">
      <c r="A45771" t="s">
        <v>63524</v>
      </c>
      <c r="B45771" t="s">
        <v>63528</v>
      </c>
      <c r="C45771">
        <v>2</v>
      </c>
      <c r="D45771">
        <v>0</v>
      </c>
    </row>
    <row r="45772" spans="1:4" x14ac:dyDescent="0.25">
      <c r="A45772" t="s">
        <v>63524</v>
      </c>
      <c r="B45772" t="s">
        <v>63529</v>
      </c>
      <c r="C45772">
        <v>1</v>
      </c>
      <c r="D45772">
        <v>0</v>
      </c>
    </row>
    <row r="45773" spans="1:4" x14ac:dyDescent="0.25">
      <c r="A45773" t="s">
        <v>63524</v>
      </c>
      <c r="B45773" t="s">
        <v>63530</v>
      </c>
      <c r="C45773">
        <v>1</v>
      </c>
      <c r="D45773">
        <v>0</v>
      </c>
    </row>
    <row r="45774" spans="1:4" x14ac:dyDescent="0.25">
      <c r="A45774" t="s">
        <v>63524</v>
      </c>
      <c r="B45774" t="s">
        <v>63531</v>
      </c>
      <c r="C45774">
        <v>1</v>
      </c>
      <c r="D45774">
        <v>0</v>
      </c>
    </row>
    <row r="45775" spans="1:4" x14ac:dyDescent="0.25">
      <c r="A45775" t="s">
        <v>63524</v>
      </c>
      <c r="B45775" t="s">
        <v>63532</v>
      </c>
      <c r="C45775">
        <v>1</v>
      </c>
      <c r="D45775">
        <v>0</v>
      </c>
    </row>
    <row r="45776" spans="1:4" x14ac:dyDescent="0.25">
      <c r="A45776" t="s">
        <v>63524</v>
      </c>
      <c r="B45776" t="s">
        <v>63533</v>
      </c>
      <c r="C45776">
        <v>2</v>
      </c>
      <c r="D45776">
        <v>0</v>
      </c>
    </row>
    <row r="45777" spans="1:4" x14ac:dyDescent="0.25">
      <c r="A45777" t="s">
        <v>63524</v>
      </c>
      <c r="B45777" t="s">
        <v>2865</v>
      </c>
      <c r="C45777">
        <v>1</v>
      </c>
      <c r="D45777">
        <v>0</v>
      </c>
    </row>
    <row r="45778" spans="1:4" x14ac:dyDescent="0.25">
      <c r="A45778" t="s">
        <v>63534</v>
      </c>
      <c r="B45778" t="s">
        <v>1294</v>
      </c>
      <c r="C45778">
        <v>1</v>
      </c>
      <c r="D45778">
        <v>0</v>
      </c>
    </row>
    <row r="45779" spans="1:4" x14ac:dyDescent="0.25">
      <c r="A45779" t="s">
        <v>63534</v>
      </c>
      <c r="B45779" t="s">
        <v>63535</v>
      </c>
      <c r="C45779">
        <v>1</v>
      </c>
      <c r="D45779">
        <v>0</v>
      </c>
    </row>
    <row r="45780" spans="1:4" x14ac:dyDescent="0.25">
      <c r="A45780" t="s">
        <v>63534</v>
      </c>
      <c r="B45780" t="s">
        <v>63536</v>
      </c>
      <c r="C45780">
        <v>0</v>
      </c>
      <c r="D45780">
        <v>0</v>
      </c>
    </row>
    <row r="45781" spans="1:4" x14ac:dyDescent="0.25">
      <c r="A45781" t="s">
        <v>63537</v>
      </c>
      <c r="B45781" t="s">
        <v>63538</v>
      </c>
      <c r="C45781">
        <v>1</v>
      </c>
      <c r="D45781">
        <v>0</v>
      </c>
    </row>
    <row r="45782" spans="1:4" x14ac:dyDescent="0.25">
      <c r="A45782" t="s">
        <v>63537</v>
      </c>
      <c r="B45782" t="s">
        <v>5434</v>
      </c>
      <c r="C45782">
        <v>1</v>
      </c>
      <c r="D45782">
        <v>0</v>
      </c>
    </row>
    <row r="45783" spans="1:4" x14ac:dyDescent="0.25">
      <c r="A45783" t="s">
        <v>63537</v>
      </c>
      <c r="B45783" t="s">
        <v>63539</v>
      </c>
      <c r="C45783">
        <v>1</v>
      </c>
      <c r="D45783">
        <v>0</v>
      </c>
    </row>
    <row r="45784" spans="1:4" x14ac:dyDescent="0.25">
      <c r="A45784" t="s">
        <v>63537</v>
      </c>
      <c r="B45784" t="s">
        <v>63540</v>
      </c>
      <c r="C45784">
        <v>1</v>
      </c>
      <c r="D45784">
        <v>0</v>
      </c>
    </row>
    <row r="45785" spans="1:4" x14ac:dyDescent="0.25">
      <c r="A45785" t="s">
        <v>63537</v>
      </c>
      <c r="B45785" t="s">
        <v>63541</v>
      </c>
      <c r="C45785">
        <v>1</v>
      </c>
      <c r="D45785">
        <v>0</v>
      </c>
    </row>
    <row r="45786" spans="1:4" x14ac:dyDescent="0.25">
      <c r="A45786" t="s">
        <v>63537</v>
      </c>
      <c r="B45786" t="s">
        <v>63542</v>
      </c>
      <c r="C45786">
        <v>1</v>
      </c>
      <c r="D45786">
        <v>0</v>
      </c>
    </row>
    <row r="45787" spans="1:4" x14ac:dyDescent="0.25">
      <c r="A45787" t="s">
        <v>63537</v>
      </c>
      <c r="B45787" t="s">
        <v>63543</v>
      </c>
      <c r="C45787">
        <v>1</v>
      </c>
      <c r="D45787">
        <v>0</v>
      </c>
    </row>
    <row r="45788" spans="1:4" x14ac:dyDescent="0.25">
      <c r="A45788" t="s">
        <v>63544</v>
      </c>
      <c r="B45788" t="s">
        <v>14543</v>
      </c>
      <c r="C45788">
        <v>1</v>
      </c>
      <c r="D45788">
        <v>0</v>
      </c>
    </row>
    <row r="45789" spans="1:4" x14ac:dyDescent="0.25">
      <c r="A45789" t="s">
        <v>63544</v>
      </c>
      <c r="B45789" t="s">
        <v>63545</v>
      </c>
      <c r="C45789">
        <v>0</v>
      </c>
      <c r="D45789">
        <v>0</v>
      </c>
    </row>
    <row r="45790" spans="1:4" x14ac:dyDescent="0.25">
      <c r="A45790" t="s">
        <v>63544</v>
      </c>
      <c r="B45790" t="s">
        <v>63546</v>
      </c>
      <c r="C45790">
        <v>1</v>
      </c>
      <c r="D45790">
        <v>0</v>
      </c>
    </row>
    <row r="45791" spans="1:4" x14ac:dyDescent="0.25">
      <c r="A45791" t="s">
        <v>63544</v>
      </c>
      <c r="B45791" t="s">
        <v>63547</v>
      </c>
      <c r="C45791">
        <v>2</v>
      </c>
      <c r="D45791">
        <v>0</v>
      </c>
    </row>
    <row r="45792" spans="1:4" x14ac:dyDescent="0.25">
      <c r="A45792" t="s">
        <v>63544</v>
      </c>
      <c r="B45792" t="s">
        <v>48536</v>
      </c>
      <c r="C45792">
        <v>0</v>
      </c>
      <c r="D45792">
        <v>0</v>
      </c>
    </row>
    <row r="45793" spans="1:4" x14ac:dyDescent="0.25">
      <c r="A45793" t="s">
        <v>63544</v>
      </c>
      <c r="B45793" t="s">
        <v>63548</v>
      </c>
      <c r="C45793">
        <v>2</v>
      </c>
      <c r="D45793">
        <v>0</v>
      </c>
    </row>
    <row r="45794" spans="1:4" x14ac:dyDescent="0.25">
      <c r="A45794" t="s">
        <v>63544</v>
      </c>
      <c r="B45794" t="s">
        <v>63549</v>
      </c>
      <c r="C45794">
        <v>2</v>
      </c>
      <c r="D45794">
        <v>0</v>
      </c>
    </row>
    <row r="45795" spans="1:4" x14ac:dyDescent="0.25">
      <c r="A45795" t="s">
        <v>63550</v>
      </c>
      <c r="B45795" t="s">
        <v>63551</v>
      </c>
      <c r="C45795">
        <v>1</v>
      </c>
      <c r="D45795">
        <v>0</v>
      </c>
    </row>
    <row r="45796" spans="1:4" x14ac:dyDescent="0.25">
      <c r="A45796" t="s">
        <v>63550</v>
      </c>
      <c r="B45796" t="s">
        <v>63552</v>
      </c>
      <c r="C45796">
        <v>2</v>
      </c>
      <c r="D45796">
        <v>0</v>
      </c>
    </row>
    <row r="45797" spans="1:4" x14ac:dyDescent="0.25">
      <c r="A45797" t="s">
        <v>63550</v>
      </c>
      <c r="B45797" t="s">
        <v>63553</v>
      </c>
      <c r="C45797">
        <v>0</v>
      </c>
      <c r="D45797">
        <v>0</v>
      </c>
    </row>
    <row r="45798" spans="1:4" x14ac:dyDescent="0.25">
      <c r="A45798" t="s">
        <v>63550</v>
      </c>
      <c r="B45798" t="s">
        <v>63554</v>
      </c>
      <c r="C45798">
        <v>2</v>
      </c>
      <c r="D45798">
        <v>0</v>
      </c>
    </row>
    <row r="45799" spans="1:4" x14ac:dyDescent="0.25">
      <c r="A45799" t="s">
        <v>63550</v>
      </c>
      <c r="B45799" t="s">
        <v>63555</v>
      </c>
      <c r="C45799">
        <v>1</v>
      </c>
      <c r="D45799">
        <v>0</v>
      </c>
    </row>
    <row r="45800" spans="1:4" x14ac:dyDescent="0.25">
      <c r="A45800" t="s">
        <v>63550</v>
      </c>
      <c r="B45800" t="s">
        <v>63556</v>
      </c>
      <c r="C45800">
        <v>2</v>
      </c>
      <c r="D45800">
        <v>0</v>
      </c>
    </row>
    <row r="45801" spans="1:4" x14ac:dyDescent="0.25">
      <c r="A45801" t="s">
        <v>63550</v>
      </c>
      <c r="B45801" t="s">
        <v>63557</v>
      </c>
      <c r="C45801">
        <v>2</v>
      </c>
      <c r="D45801">
        <v>0</v>
      </c>
    </row>
    <row r="45802" spans="1:4" x14ac:dyDescent="0.25">
      <c r="A45802" t="s">
        <v>63558</v>
      </c>
      <c r="B45802" t="s">
        <v>63559</v>
      </c>
      <c r="C45802">
        <v>0</v>
      </c>
      <c r="D45802">
        <v>0</v>
      </c>
    </row>
    <row r="45803" spans="1:4" x14ac:dyDescent="0.25">
      <c r="A45803" t="s">
        <v>63558</v>
      </c>
      <c r="B45803" t="s">
        <v>63560</v>
      </c>
      <c r="C45803">
        <v>1</v>
      </c>
      <c r="D45803">
        <v>0</v>
      </c>
    </row>
    <row r="45804" spans="1:4" x14ac:dyDescent="0.25">
      <c r="A45804" t="s">
        <v>63558</v>
      </c>
      <c r="B45804" t="s">
        <v>63561</v>
      </c>
      <c r="C45804">
        <v>2</v>
      </c>
      <c r="D45804">
        <v>0</v>
      </c>
    </row>
    <row r="45805" spans="1:4" x14ac:dyDescent="0.25">
      <c r="A45805" t="s">
        <v>63558</v>
      </c>
      <c r="B45805" t="s">
        <v>63562</v>
      </c>
      <c r="C45805">
        <v>0</v>
      </c>
      <c r="D45805">
        <v>0</v>
      </c>
    </row>
    <row r="45806" spans="1:4" x14ac:dyDescent="0.25">
      <c r="A45806" t="s">
        <v>63558</v>
      </c>
      <c r="B45806" t="s">
        <v>63563</v>
      </c>
      <c r="C45806">
        <v>0</v>
      </c>
      <c r="D45806">
        <v>0</v>
      </c>
    </row>
    <row r="45807" spans="1:4" x14ac:dyDescent="0.25">
      <c r="A45807" t="s">
        <v>63558</v>
      </c>
      <c r="B45807" t="s">
        <v>63564</v>
      </c>
      <c r="C45807">
        <v>0</v>
      </c>
      <c r="D45807">
        <v>0</v>
      </c>
    </row>
    <row r="45808" spans="1:4" x14ac:dyDescent="0.25">
      <c r="A45808" t="s">
        <v>63558</v>
      </c>
      <c r="B45808" t="s">
        <v>63565</v>
      </c>
      <c r="C45808">
        <v>1</v>
      </c>
      <c r="D45808">
        <v>0</v>
      </c>
    </row>
    <row r="45809" spans="1:4" x14ac:dyDescent="0.25">
      <c r="A45809" t="s">
        <v>63566</v>
      </c>
      <c r="B45809" t="s">
        <v>63567</v>
      </c>
      <c r="C45809">
        <v>1</v>
      </c>
      <c r="D45809">
        <v>0</v>
      </c>
    </row>
    <row r="45810" spans="1:4" x14ac:dyDescent="0.25">
      <c r="A45810" t="s">
        <v>63566</v>
      </c>
      <c r="B45810" t="s">
        <v>63568</v>
      </c>
      <c r="C45810">
        <v>1</v>
      </c>
      <c r="D45810">
        <v>0</v>
      </c>
    </row>
    <row r="45811" spans="1:4" x14ac:dyDescent="0.25">
      <c r="A45811" t="s">
        <v>63566</v>
      </c>
      <c r="B45811" t="s">
        <v>62503</v>
      </c>
      <c r="C45811">
        <v>1</v>
      </c>
      <c r="D45811">
        <v>0</v>
      </c>
    </row>
    <row r="45812" spans="1:4" x14ac:dyDescent="0.25">
      <c r="A45812" t="s">
        <v>63566</v>
      </c>
      <c r="B45812" t="s">
        <v>63569</v>
      </c>
      <c r="C45812">
        <v>1</v>
      </c>
      <c r="D45812">
        <v>0</v>
      </c>
    </row>
    <row r="45813" spans="1:4" x14ac:dyDescent="0.25">
      <c r="A45813" t="s">
        <v>63566</v>
      </c>
      <c r="B45813" t="s">
        <v>63570</v>
      </c>
      <c r="C45813">
        <v>0</v>
      </c>
      <c r="D45813">
        <v>0</v>
      </c>
    </row>
    <row r="45814" spans="1:4" x14ac:dyDescent="0.25">
      <c r="A45814" t="s">
        <v>63566</v>
      </c>
      <c r="B45814" t="s">
        <v>63571</v>
      </c>
      <c r="C45814">
        <v>2</v>
      </c>
      <c r="D45814">
        <v>0</v>
      </c>
    </row>
    <row r="45815" spans="1:4" x14ac:dyDescent="0.25">
      <c r="A45815" t="s">
        <v>63572</v>
      </c>
      <c r="B45815" t="s">
        <v>63573</v>
      </c>
      <c r="C45815">
        <v>1</v>
      </c>
      <c r="D45815">
        <v>0</v>
      </c>
    </row>
    <row r="45816" spans="1:4" x14ac:dyDescent="0.25">
      <c r="A45816" t="s">
        <v>63572</v>
      </c>
      <c r="B45816" t="s">
        <v>63574</v>
      </c>
      <c r="C45816">
        <v>1</v>
      </c>
      <c r="D45816">
        <v>0</v>
      </c>
    </row>
    <row r="45817" spans="1:4" x14ac:dyDescent="0.25">
      <c r="A45817" t="s">
        <v>63572</v>
      </c>
      <c r="B45817" t="s">
        <v>63575</v>
      </c>
      <c r="C45817">
        <v>1</v>
      </c>
      <c r="D45817">
        <v>0</v>
      </c>
    </row>
    <row r="45818" spans="1:4" x14ac:dyDescent="0.25">
      <c r="A45818" t="s">
        <v>63572</v>
      </c>
      <c r="B45818" t="s">
        <v>63576</v>
      </c>
      <c r="C45818">
        <v>1</v>
      </c>
      <c r="D45818">
        <v>0</v>
      </c>
    </row>
    <row r="45819" spans="1:4" x14ac:dyDescent="0.25">
      <c r="A45819" t="s">
        <v>63577</v>
      </c>
      <c r="B45819" t="s">
        <v>63578</v>
      </c>
      <c r="C45819">
        <v>1</v>
      </c>
      <c r="D45819">
        <v>0</v>
      </c>
    </row>
    <row r="45820" spans="1:4" x14ac:dyDescent="0.25">
      <c r="A45820" t="s">
        <v>63577</v>
      </c>
      <c r="B45820" t="s">
        <v>63579</v>
      </c>
      <c r="C45820">
        <v>0</v>
      </c>
      <c r="D45820">
        <v>0</v>
      </c>
    </row>
    <row r="45821" spans="1:4" x14ac:dyDescent="0.25">
      <c r="A45821" t="s">
        <v>63577</v>
      </c>
      <c r="B45821" t="s">
        <v>2865</v>
      </c>
      <c r="C45821">
        <v>1</v>
      </c>
      <c r="D45821">
        <v>0</v>
      </c>
    </row>
    <row r="45822" spans="1:4" x14ac:dyDescent="0.25">
      <c r="A45822" t="s">
        <v>63580</v>
      </c>
      <c r="B45822" t="s">
        <v>63581</v>
      </c>
      <c r="C45822">
        <v>1</v>
      </c>
      <c r="D45822">
        <v>0</v>
      </c>
    </row>
    <row r="45823" spans="1:4" x14ac:dyDescent="0.25">
      <c r="A45823" t="s">
        <v>63580</v>
      </c>
      <c r="B45823" t="s">
        <v>63582</v>
      </c>
      <c r="C45823">
        <v>1</v>
      </c>
      <c r="D45823">
        <v>0</v>
      </c>
    </row>
    <row r="45824" spans="1:4" x14ac:dyDescent="0.25">
      <c r="A45824" t="s">
        <v>63583</v>
      </c>
      <c r="B45824" t="s">
        <v>12472</v>
      </c>
      <c r="C45824">
        <v>1</v>
      </c>
      <c r="D45824">
        <v>0</v>
      </c>
    </row>
    <row r="45825" spans="1:4" x14ac:dyDescent="0.25">
      <c r="A45825" t="s">
        <v>63583</v>
      </c>
      <c r="B45825" t="s">
        <v>50409</v>
      </c>
      <c r="C45825">
        <v>1</v>
      </c>
      <c r="D45825">
        <v>0</v>
      </c>
    </row>
    <row r="45826" spans="1:4" x14ac:dyDescent="0.25">
      <c r="A45826" t="s">
        <v>63583</v>
      </c>
      <c r="B45826" t="s">
        <v>63584</v>
      </c>
      <c r="C45826">
        <v>2</v>
      </c>
      <c r="D45826">
        <v>0</v>
      </c>
    </row>
    <row r="45827" spans="1:4" x14ac:dyDescent="0.25">
      <c r="A45827" t="s">
        <v>63583</v>
      </c>
      <c r="B45827" t="s">
        <v>12472</v>
      </c>
      <c r="C45827">
        <v>1</v>
      </c>
      <c r="D45827">
        <v>0</v>
      </c>
    </row>
    <row r="45828" spans="1:4" x14ac:dyDescent="0.25">
      <c r="A45828" t="s">
        <v>63583</v>
      </c>
      <c r="B45828" t="s">
        <v>63585</v>
      </c>
      <c r="C45828">
        <v>2</v>
      </c>
      <c r="D45828">
        <v>0</v>
      </c>
    </row>
    <row r="45829" spans="1:4" x14ac:dyDescent="0.25">
      <c r="A45829" t="s">
        <v>63583</v>
      </c>
      <c r="B45829" t="s">
        <v>63586</v>
      </c>
      <c r="C45829">
        <v>1</v>
      </c>
      <c r="D45829">
        <v>0</v>
      </c>
    </row>
    <row r="45830" spans="1:4" x14ac:dyDescent="0.25">
      <c r="A45830" t="s">
        <v>63583</v>
      </c>
      <c r="B45830" t="s">
        <v>63587</v>
      </c>
      <c r="C45830">
        <v>0</v>
      </c>
      <c r="D45830">
        <v>0</v>
      </c>
    </row>
    <row r="45831" spans="1:4" x14ac:dyDescent="0.25">
      <c r="A45831" t="s">
        <v>63583</v>
      </c>
      <c r="B45831" t="s">
        <v>37299</v>
      </c>
      <c r="C45831">
        <v>0</v>
      </c>
      <c r="D45831">
        <v>0</v>
      </c>
    </row>
    <row r="45832" spans="1:4" x14ac:dyDescent="0.25">
      <c r="A45832" t="s">
        <v>63583</v>
      </c>
      <c r="B45832" t="s">
        <v>50412</v>
      </c>
      <c r="C45832">
        <v>1</v>
      </c>
      <c r="D45832">
        <v>0</v>
      </c>
    </row>
    <row r="45833" spans="1:4" x14ac:dyDescent="0.25">
      <c r="A45833" t="s">
        <v>63583</v>
      </c>
      <c r="B45833" t="s">
        <v>37299</v>
      </c>
      <c r="C45833">
        <v>0</v>
      </c>
      <c r="D45833">
        <v>0</v>
      </c>
    </row>
    <row r="45834" spans="1:4" x14ac:dyDescent="0.25">
      <c r="A45834" t="s">
        <v>63588</v>
      </c>
      <c r="B45834" t="s">
        <v>63589</v>
      </c>
      <c r="C45834">
        <v>2</v>
      </c>
      <c r="D45834">
        <v>0</v>
      </c>
    </row>
    <row r="45835" spans="1:4" x14ac:dyDescent="0.25">
      <c r="A45835" t="s">
        <v>63588</v>
      </c>
      <c r="B45835" t="s">
        <v>63590</v>
      </c>
      <c r="C45835">
        <v>0</v>
      </c>
      <c r="D45835">
        <v>0</v>
      </c>
    </row>
    <row r="45836" spans="1:4" x14ac:dyDescent="0.25">
      <c r="A45836" t="s">
        <v>63588</v>
      </c>
      <c r="B45836" t="s">
        <v>63591</v>
      </c>
      <c r="C45836">
        <v>2</v>
      </c>
      <c r="D45836">
        <v>0</v>
      </c>
    </row>
    <row r="45837" spans="1:4" x14ac:dyDescent="0.25">
      <c r="A45837" t="s">
        <v>63588</v>
      </c>
      <c r="B45837" t="s">
        <v>63592</v>
      </c>
      <c r="C45837">
        <v>0</v>
      </c>
      <c r="D45837">
        <v>0</v>
      </c>
    </row>
    <row r="45838" spans="1:4" x14ac:dyDescent="0.25">
      <c r="A45838" t="s">
        <v>63588</v>
      </c>
      <c r="B45838" t="s">
        <v>63593</v>
      </c>
      <c r="C45838">
        <v>1</v>
      </c>
      <c r="D45838">
        <v>0</v>
      </c>
    </row>
    <row r="45839" spans="1:4" x14ac:dyDescent="0.25">
      <c r="A45839" t="s">
        <v>63594</v>
      </c>
      <c r="B45839" t="s">
        <v>63595</v>
      </c>
      <c r="C45839">
        <v>1</v>
      </c>
      <c r="D45839">
        <v>0</v>
      </c>
    </row>
    <row r="45840" spans="1:4" x14ac:dyDescent="0.25">
      <c r="A45840" t="s">
        <v>63594</v>
      </c>
      <c r="B45840" t="s">
        <v>63596</v>
      </c>
      <c r="C45840">
        <v>0</v>
      </c>
      <c r="D45840">
        <v>0</v>
      </c>
    </row>
    <row r="45841" spans="1:4" x14ac:dyDescent="0.25">
      <c r="A45841" t="s">
        <v>63594</v>
      </c>
      <c r="B45841" t="s">
        <v>63597</v>
      </c>
      <c r="C45841">
        <v>0</v>
      </c>
      <c r="D45841">
        <v>0</v>
      </c>
    </row>
    <row r="45842" spans="1:4" x14ac:dyDescent="0.25">
      <c r="A45842" t="s">
        <v>63594</v>
      </c>
      <c r="B45842" t="s">
        <v>63598</v>
      </c>
      <c r="C45842">
        <v>1</v>
      </c>
      <c r="D45842">
        <v>0</v>
      </c>
    </row>
    <row r="45843" spans="1:4" x14ac:dyDescent="0.25">
      <c r="A45843" t="s">
        <v>63599</v>
      </c>
      <c r="B45843" t="s">
        <v>63600</v>
      </c>
      <c r="C45843">
        <v>2</v>
      </c>
      <c r="D45843">
        <v>0</v>
      </c>
    </row>
    <row r="45844" spans="1:4" x14ac:dyDescent="0.25">
      <c r="A45844" t="s">
        <v>63601</v>
      </c>
      <c r="B45844" t="s">
        <v>63602</v>
      </c>
      <c r="C45844">
        <v>0</v>
      </c>
      <c r="D45844">
        <v>0</v>
      </c>
    </row>
    <row r="45845" spans="1:4" x14ac:dyDescent="0.25">
      <c r="A45845" t="s">
        <v>63601</v>
      </c>
      <c r="B45845" t="s">
        <v>63603</v>
      </c>
      <c r="C45845">
        <v>0</v>
      </c>
      <c r="D45845">
        <v>0</v>
      </c>
    </row>
    <row r="45846" spans="1:4" x14ac:dyDescent="0.25">
      <c r="A45846" t="s">
        <v>63601</v>
      </c>
      <c r="B45846" t="s">
        <v>63604</v>
      </c>
      <c r="C45846">
        <v>0</v>
      </c>
      <c r="D45846">
        <v>0</v>
      </c>
    </row>
    <row r="45847" spans="1:4" x14ac:dyDescent="0.25">
      <c r="A45847" t="s">
        <v>63601</v>
      </c>
      <c r="B45847" t="s">
        <v>63605</v>
      </c>
      <c r="C45847">
        <v>0</v>
      </c>
      <c r="D45847">
        <v>0</v>
      </c>
    </row>
    <row r="45848" spans="1:4" x14ac:dyDescent="0.25">
      <c r="A45848" t="s">
        <v>63601</v>
      </c>
      <c r="B45848" t="s">
        <v>63606</v>
      </c>
      <c r="C45848">
        <v>0</v>
      </c>
      <c r="D45848">
        <v>0</v>
      </c>
    </row>
    <row r="45849" spans="1:4" x14ac:dyDescent="0.25">
      <c r="A45849" t="s">
        <v>63607</v>
      </c>
      <c r="B45849" t="s">
        <v>63608</v>
      </c>
      <c r="C45849">
        <v>0</v>
      </c>
      <c r="D45849">
        <v>0</v>
      </c>
    </row>
    <row r="45850" spans="1:4" x14ac:dyDescent="0.25">
      <c r="A45850" t="s">
        <v>63607</v>
      </c>
      <c r="B45850" t="s">
        <v>63609</v>
      </c>
      <c r="C45850">
        <v>0</v>
      </c>
      <c r="D45850">
        <v>0</v>
      </c>
    </row>
    <row r="45851" spans="1:4" x14ac:dyDescent="0.25">
      <c r="A45851" t="s">
        <v>63607</v>
      </c>
      <c r="B45851" t="s">
        <v>63610</v>
      </c>
      <c r="C45851">
        <v>0</v>
      </c>
      <c r="D45851">
        <v>0</v>
      </c>
    </row>
    <row r="45852" spans="1:4" x14ac:dyDescent="0.25">
      <c r="A45852" t="s">
        <v>63607</v>
      </c>
      <c r="B45852" t="s">
        <v>63611</v>
      </c>
      <c r="C45852">
        <v>1</v>
      </c>
      <c r="D45852">
        <v>0</v>
      </c>
    </row>
    <row r="45853" spans="1:4" x14ac:dyDescent="0.25">
      <c r="A45853" t="s">
        <v>63607</v>
      </c>
      <c r="B45853" t="s">
        <v>63612</v>
      </c>
      <c r="C45853">
        <v>0</v>
      </c>
      <c r="D45853">
        <v>0</v>
      </c>
    </row>
    <row r="45854" spans="1:4" x14ac:dyDescent="0.25">
      <c r="A45854" t="s">
        <v>63607</v>
      </c>
      <c r="B45854" t="s">
        <v>63613</v>
      </c>
      <c r="C45854">
        <v>1</v>
      </c>
      <c r="D45854">
        <v>0</v>
      </c>
    </row>
    <row r="45855" spans="1:4" x14ac:dyDescent="0.25">
      <c r="A45855" t="s">
        <v>63614</v>
      </c>
      <c r="B45855" t="s">
        <v>63615</v>
      </c>
      <c r="C45855">
        <v>2</v>
      </c>
      <c r="D45855">
        <v>0</v>
      </c>
    </row>
    <row r="45856" spans="1:4" x14ac:dyDescent="0.25">
      <c r="A45856" t="s">
        <v>63614</v>
      </c>
      <c r="B45856" t="s">
        <v>63616</v>
      </c>
      <c r="C45856">
        <v>0</v>
      </c>
      <c r="D45856">
        <v>0</v>
      </c>
    </row>
    <row r="45857" spans="1:4" x14ac:dyDescent="0.25">
      <c r="A45857" t="s">
        <v>63617</v>
      </c>
      <c r="B45857" t="s">
        <v>63618</v>
      </c>
      <c r="C45857">
        <v>1</v>
      </c>
      <c r="D45857">
        <v>0</v>
      </c>
    </row>
    <row r="45858" spans="1:4" x14ac:dyDescent="0.25">
      <c r="A45858" t="s">
        <v>63617</v>
      </c>
      <c r="B45858" t="s">
        <v>63619</v>
      </c>
      <c r="C45858">
        <v>2</v>
      </c>
      <c r="D45858">
        <v>0</v>
      </c>
    </row>
    <row r="45859" spans="1:4" x14ac:dyDescent="0.25">
      <c r="A45859" t="s">
        <v>63620</v>
      </c>
      <c r="B45859" t="s">
        <v>63621</v>
      </c>
      <c r="C45859">
        <v>0</v>
      </c>
      <c r="D45859">
        <v>0</v>
      </c>
    </row>
    <row r="45860" spans="1:4" x14ac:dyDescent="0.25">
      <c r="A45860" t="s">
        <v>63620</v>
      </c>
      <c r="B45860" t="s">
        <v>63622</v>
      </c>
      <c r="C45860">
        <v>1</v>
      </c>
      <c r="D45860">
        <v>0</v>
      </c>
    </row>
    <row r="45861" spans="1:4" x14ac:dyDescent="0.25">
      <c r="A45861" t="s">
        <v>63620</v>
      </c>
      <c r="B45861" t="s">
        <v>63623</v>
      </c>
      <c r="C45861">
        <v>1</v>
      </c>
      <c r="D45861">
        <v>0</v>
      </c>
    </row>
    <row r="45862" spans="1:4" x14ac:dyDescent="0.25">
      <c r="A45862" t="s">
        <v>63620</v>
      </c>
      <c r="B45862" t="s">
        <v>63623</v>
      </c>
      <c r="C45862">
        <v>2</v>
      </c>
      <c r="D45862">
        <v>0</v>
      </c>
    </row>
    <row r="45863" spans="1:4" x14ac:dyDescent="0.25">
      <c r="A45863" t="s">
        <v>63624</v>
      </c>
      <c r="B45863" t="s">
        <v>63625</v>
      </c>
      <c r="C45863">
        <v>2</v>
      </c>
      <c r="D45863">
        <v>0</v>
      </c>
    </row>
    <row r="45864" spans="1:4" x14ac:dyDescent="0.25">
      <c r="A45864" t="s">
        <v>63624</v>
      </c>
      <c r="B45864" t="s">
        <v>63626</v>
      </c>
      <c r="C45864">
        <v>1</v>
      </c>
      <c r="D45864">
        <v>0</v>
      </c>
    </row>
    <row r="45865" spans="1:4" x14ac:dyDescent="0.25">
      <c r="A45865" t="s">
        <v>63624</v>
      </c>
      <c r="B45865" t="s">
        <v>63627</v>
      </c>
      <c r="C45865">
        <v>1</v>
      </c>
      <c r="D45865">
        <v>0</v>
      </c>
    </row>
    <row r="45866" spans="1:4" x14ac:dyDescent="0.25">
      <c r="A45866" t="s">
        <v>63624</v>
      </c>
      <c r="B45866" t="s">
        <v>39414</v>
      </c>
      <c r="C45866">
        <v>0</v>
      </c>
      <c r="D45866">
        <v>0</v>
      </c>
    </row>
    <row r="45867" spans="1:4" x14ac:dyDescent="0.25">
      <c r="A45867" t="s">
        <v>63624</v>
      </c>
      <c r="B45867" t="s">
        <v>25931</v>
      </c>
      <c r="C45867">
        <v>0</v>
      </c>
      <c r="D45867">
        <v>0</v>
      </c>
    </row>
    <row r="45868" spans="1:4" x14ac:dyDescent="0.25">
      <c r="A45868" t="s">
        <v>63628</v>
      </c>
      <c r="B45868" t="s">
        <v>63629</v>
      </c>
      <c r="C45868">
        <v>1</v>
      </c>
      <c r="D45868">
        <v>0</v>
      </c>
    </row>
    <row r="45869" spans="1:4" x14ac:dyDescent="0.25">
      <c r="A45869" t="s">
        <v>63630</v>
      </c>
      <c r="B45869" t="s">
        <v>63631</v>
      </c>
      <c r="C45869">
        <v>0</v>
      </c>
      <c r="D45869">
        <v>0</v>
      </c>
    </row>
    <row r="45870" spans="1:4" x14ac:dyDescent="0.25">
      <c r="A45870" t="s">
        <v>63630</v>
      </c>
      <c r="B45870" t="s">
        <v>63632</v>
      </c>
      <c r="C45870">
        <v>0</v>
      </c>
      <c r="D45870">
        <v>0</v>
      </c>
    </row>
    <row r="45871" spans="1:4" x14ac:dyDescent="0.25">
      <c r="A45871" t="s">
        <v>63633</v>
      </c>
      <c r="B45871" t="s">
        <v>63634</v>
      </c>
      <c r="C45871">
        <v>1</v>
      </c>
      <c r="D45871">
        <v>0</v>
      </c>
    </row>
    <row r="45872" spans="1:4" x14ac:dyDescent="0.25">
      <c r="A45872" t="s">
        <v>63633</v>
      </c>
      <c r="B45872" t="s">
        <v>63635</v>
      </c>
      <c r="C45872">
        <v>1</v>
      </c>
      <c r="D45872">
        <v>0</v>
      </c>
    </row>
    <row r="45873" spans="1:4" x14ac:dyDescent="0.25">
      <c r="A45873" t="s">
        <v>63633</v>
      </c>
      <c r="B45873" t="s">
        <v>63636</v>
      </c>
      <c r="C45873">
        <v>0</v>
      </c>
      <c r="D45873">
        <v>0</v>
      </c>
    </row>
    <row r="45874" spans="1:4" x14ac:dyDescent="0.25">
      <c r="A45874" t="s">
        <v>63633</v>
      </c>
      <c r="B45874" t="s">
        <v>63637</v>
      </c>
      <c r="C45874">
        <v>1</v>
      </c>
      <c r="D45874">
        <v>0</v>
      </c>
    </row>
    <row r="45875" spans="1:4" x14ac:dyDescent="0.25">
      <c r="A45875" t="s">
        <v>63633</v>
      </c>
      <c r="B45875" t="s">
        <v>63638</v>
      </c>
      <c r="C45875">
        <v>2</v>
      </c>
      <c r="D45875">
        <v>0</v>
      </c>
    </row>
    <row r="45876" spans="1:4" x14ac:dyDescent="0.25">
      <c r="A45876" t="s">
        <v>63633</v>
      </c>
      <c r="B45876" t="s">
        <v>63639</v>
      </c>
      <c r="C45876">
        <v>2</v>
      </c>
      <c r="D45876">
        <v>0</v>
      </c>
    </row>
    <row r="45877" spans="1:4" x14ac:dyDescent="0.25">
      <c r="A45877" t="s">
        <v>63640</v>
      </c>
      <c r="B45877" t="s">
        <v>63641</v>
      </c>
      <c r="C45877">
        <v>0</v>
      </c>
      <c r="D45877">
        <v>0</v>
      </c>
    </row>
    <row r="45878" spans="1:4" x14ac:dyDescent="0.25">
      <c r="A45878" t="s">
        <v>63640</v>
      </c>
      <c r="B45878" t="s">
        <v>63641</v>
      </c>
      <c r="C45878">
        <v>0</v>
      </c>
      <c r="D45878">
        <v>0</v>
      </c>
    </row>
    <row r="45879" spans="1:4" x14ac:dyDescent="0.25">
      <c r="A45879" t="s">
        <v>63640</v>
      </c>
      <c r="B45879" t="s">
        <v>63642</v>
      </c>
      <c r="C45879">
        <v>1</v>
      </c>
      <c r="D45879">
        <v>0</v>
      </c>
    </row>
    <row r="45880" spans="1:4" x14ac:dyDescent="0.25">
      <c r="A45880" t="s">
        <v>63640</v>
      </c>
      <c r="B45880" t="s">
        <v>63643</v>
      </c>
      <c r="C45880">
        <v>0</v>
      </c>
      <c r="D45880">
        <v>0</v>
      </c>
    </row>
    <row r="45881" spans="1:4" x14ac:dyDescent="0.25">
      <c r="A45881" t="s">
        <v>63640</v>
      </c>
      <c r="B45881" t="s">
        <v>63644</v>
      </c>
      <c r="C45881">
        <v>0</v>
      </c>
      <c r="D45881">
        <v>0</v>
      </c>
    </row>
    <row r="45882" spans="1:4" x14ac:dyDescent="0.25">
      <c r="A45882" t="s">
        <v>63640</v>
      </c>
      <c r="B45882" t="s">
        <v>63645</v>
      </c>
      <c r="C45882">
        <v>0</v>
      </c>
      <c r="D45882">
        <v>0</v>
      </c>
    </row>
    <row r="45883" spans="1:4" x14ac:dyDescent="0.25">
      <c r="A45883" t="s">
        <v>63640</v>
      </c>
      <c r="B45883" t="s">
        <v>63646</v>
      </c>
      <c r="C45883">
        <v>0</v>
      </c>
      <c r="D45883">
        <v>0</v>
      </c>
    </row>
    <row r="45884" spans="1:4" x14ac:dyDescent="0.25">
      <c r="A45884" t="s">
        <v>63647</v>
      </c>
      <c r="B45884" t="s">
        <v>63648</v>
      </c>
      <c r="C45884">
        <v>0</v>
      </c>
      <c r="D45884">
        <v>0</v>
      </c>
    </row>
    <row r="45885" spans="1:4" x14ac:dyDescent="0.25">
      <c r="A45885" t="s">
        <v>63647</v>
      </c>
      <c r="B45885" t="s">
        <v>63649</v>
      </c>
      <c r="C45885">
        <v>1</v>
      </c>
      <c r="D45885">
        <v>0</v>
      </c>
    </row>
    <row r="45886" spans="1:4" x14ac:dyDescent="0.25">
      <c r="A45886" t="s">
        <v>63647</v>
      </c>
      <c r="B45886" t="s">
        <v>63650</v>
      </c>
      <c r="C45886">
        <v>1</v>
      </c>
      <c r="D45886">
        <v>0</v>
      </c>
    </row>
    <row r="45887" spans="1:4" x14ac:dyDescent="0.25">
      <c r="A45887" t="s">
        <v>63647</v>
      </c>
      <c r="B45887" t="s">
        <v>63651</v>
      </c>
      <c r="C45887">
        <v>0</v>
      </c>
      <c r="D45887">
        <v>0</v>
      </c>
    </row>
    <row r="45888" spans="1:4" x14ac:dyDescent="0.25">
      <c r="A45888" t="s">
        <v>63647</v>
      </c>
      <c r="B45888" t="s">
        <v>63652</v>
      </c>
      <c r="C45888">
        <v>1</v>
      </c>
      <c r="D45888">
        <v>0</v>
      </c>
    </row>
    <row r="45889" spans="1:4" x14ac:dyDescent="0.25">
      <c r="A45889" t="s">
        <v>63653</v>
      </c>
      <c r="B45889" t="s">
        <v>63654</v>
      </c>
      <c r="C45889">
        <v>1</v>
      </c>
      <c r="D45889">
        <v>0</v>
      </c>
    </row>
    <row r="45890" spans="1:4" x14ac:dyDescent="0.25">
      <c r="A45890" t="s">
        <v>63653</v>
      </c>
      <c r="B45890" t="s">
        <v>63655</v>
      </c>
      <c r="C45890">
        <v>1</v>
      </c>
      <c r="D45890">
        <v>0</v>
      </c>
    </row>
    <row r="45891" spans="1:4" x14ac:dyDescent="0.25">
      <c r="A45891" t="s">
        <v>63653</v>
      </c>
      <c r="B45891" t="s">
        <v>63656</v>
      </c>
      <c r="C45891">
        <v>1</v>
      </c>
      <c r="D45891">
        <v>0</v>
      </c>
    </row>
    <row r="45892" spans="1:4" x14ac:dyDescent="0.25">
      <c r="A45892" t="s">
        <v>63653</v>
      </c>
      <c r="B45892" t="s">
        <v>63657</v>
      </c>
      <c r="C45892">
        <v>1</v>
      </c>
      <c r="D45892">
        <v>0</v>
      </c>
    </row>
    <row r="45893" spans="1:4" x14ac:dyDescent="0.25">
      <c r="A45893" t="s">
        <v>63653</v>
      </c>
      <c r="B45893" t="s">
        <v>63658</v>
      </c>
      <c r="C45893">
        <v>1</v>
      </c>
      <c r="D45893">
        <v>0</v>
      </c>
    </row>
    <row r="45894" spans="1:4" x14ac:dyDescent="0.25">
      <c r="A45894" t="s">
        <v>63653</v>
      </c>
      <c r="B45894" t="s">
        <v>63659</v>
      </c>
      <c r="C45894">
        <v>1</v>
      </c>
      <c r="D45894">
        <v>0</v>
      </c>
    </row>
    <row r="45895" spans="1:4" x14ac:dyDescent="0.25">
      <c r="A45895" t="s">
        <v>63653</v>
      </c>
      <c r="B45895" t="s">
        <v>63660</v>
      </c>
      <c r="C45895">
        <v>1</v>
      </c>
      <c r="D45895">
        <v>0</v>
      </c>
    </row>
    <row r="45896" spans="1:4" x14ac:dyDescent="0.25">
      <c r="A45896" t="s">
        <v>63653</v>
      </c>
      <c r="B45896" t="s">
        <v>63661</v>
      </c>
      <c r="C45896">
        <v>1</v>
      </c>
      <c r="D45896">
        <v>0</v>
      </c>
    </row>
    <row r="45897" spans="1:4" x14ac:dyDescent="0.25">
      <c r="A45897" t="s">
        <v>63653</v>
      </c>
      <c r="B45897" t="s">
        <v>63662</v>
      </c>
      <c r="C45897">
        <v>1</v>
      </c>
      <c r="D45897">
        <v>0</v>
      </c>
    </row>
    <row r="45898" spans="1:4" x14ac:dyDescent="0.25">
      <c r="A45898" t="s">
        <v>63663</v>
      </c>
      <c r="B45898" t="s">
        <v>63664</v>
      </c>
      <c r="C45898">
        <v>1</v>
      </c>
      <c r="D45898">
        <v>0</v>
      </c>
    </row>
    <row r="45899" spans="1:4" x14ac:dyDescent="0.25">
      <c r="A45899" t="s">
        <v>63663</v>
      </c>
      <c r="B45899" t="s">
        <v>63665</v>
      </c>
      <c r="C45899">
        <v>0</v>
      </c>
      <c r="D45899">
        <v>0</v>
      </c>
    </row>
    <row r="45900" spans="1:4" x14ac:dyDescent="0.25">
      <c r="A45900" t="s">
        <v>63663</v>
      </c>
      <c r="B45900" t="s">
        <v>20641</v>
      </c>
      <c r="C45900">
        <v>0</v>
      </c>
      <c r="D45900">
        <v>0</v>
      </c>
    </row>
    <row r="45901" spans="1:4" x14ac:dyDescent="0.25">
      <c r="A45901" t="s">
        <v>63663</v>
      </c>
      <c r="B45901" t="s">
        <v>63666</v>
      </c>
      <c r="C45901">
        <v>2</v>
      </c>
      <c r="D45901">
        <v>0</v>
      </c>
    </row>
    <row r="45902" spans="1:4" x14ac:dyDescent="0.25">
      <c r="A45902" t="s">
        <v>63667</v>
      </c>
      <c r="B45902" t="s">
        <v>63668</v>
      </c>
      <c r="C45902">
        <v>1</v>
      </c>
      <c r="D45902">
        <v>0</v>
      </c>
    </row>
    <row r="45903" spans="1:4" x14ac:dyDescent="0.25">
      <c r="A45903" t="s">
        <v>63667</v>
      </c>
      <c r="B45903" t="s">
        <v>63669</v>
      </c>
      <c r="C45903">
        <v>0</v>
      </c>
      <c r="D45903">
        <v>0</v>
      </c>
    </row>
    <row r="45904" spans="1:4" x14ac:dyDescent="0.25">
      <c r="A45904" t="s">
        <v>63670</v>
      </c>
      <c r="B45904" t="s">
        <v>29172</v>
      </c>
      <c r="C45904">
        <v>0</v>
      </c>
      <c r="D45904">
        <v>0</v>
      </c>
    </row>
    <row r="45905" spans="1:4" x14ac:dyDescent="0.25">
      <c r="A45905" t="s">
        <v>63670</v>
      </c>
      <c r="B45905" t="s">
        <v>63671</v>
      </c>
      <c r="C45905">
        <v>2</v>
      </c>
      <c r="D45905">
        <v>0</v>
      </c>
    </row>
    <row r="45906" spans="1:4" x14ac:dyDescent="0.25">
      <c r="A45906" t="s">
        <v>63672</v>
      </c>
      <c r="B45906" t="s">
        <v>29146</v>
      </c>
      <c r="C45906">
        <v>1</v>
      </c>
      <c r="D45906">
        <v>0</v>
      </c>
    </row>
    <row r="45907" spans="1:4" x14ac:dyDescent="0.25">
      <c r="A45907" t="s">
        <v>63672</v>
      </c>
      <c r="B45907" t="s">
        <v>63673</v>
      </c>
      <c r="C45907">
        <v>1</v>
      </c>
      <c r="D45907">
        <v>0</v>
      </c>
    </row>
    <row r="45908" spans="1:4" x14ac:dyDescent="0.25">
      <c r="A45908" t="s">
        <v>63672</v>
      </c>
      <c r="B45908" t="s">
        <v>63674</v>
      </c>
      <c r="C45908">
        <v>1</v>
      </c>
      <c r="D45908">
        <v>0</v>
      </c>
    </row>
    <row r="45909" spans="1:4" x14ac:dyDescent="0.25">
      <c r="A45909" t="s">
        <v>63672</v>
      </c>
      <c r="B45909" t="s">
        <v>63675</v>
      </c>
      <c r="C45909">
        <v>1</v>
      </c>
      <c r="D45909">
        <v>0</v>
      </c>
    </row>
    <row r="45910" spans="1:4" x14ac:dyDescent="0.25">
      <c r="A45910" t="s">
        <v>63672</v>
      </c>
      <c r="B45910" t="s">
        <v>63676</v>
      </c>
      <c r="C45910">
        <v>1</v>
      </c>
      <c r="D45910">
        <v>0</v>
      </c>
    </row>
    <row r="45911" spans="1:4" x14ac:dyDescent="0.25">
      <c r="A45911" t="s">
        <v>63677</v>
      </c>
      <c r="B45911" t="s">
        <v>63678</v>
      </c>
      <c r="C45911">
        <v>1</v>
      </c>
      <c r="D45911">
        <v>0</v>
      </c>
    </row>
    <row r="45912" spans="1:4" x14ac:dyDescent="0.25">
      <c r="A45912" t="s">
        <v>63677</v>
      </c>
      <c r="B45912" t="s">
        <v>11948</v>
      </c>
      <c r="C45912">
        <v>0</v>
      </c>
      <c r="D45912">
        <v>0</v>
      </c>
    </row>
    <row r="45913" spans="1:4" x14ac:dyDescent="0.25">
      <c r="A45913" t="s">
        <v>63677</v>
      </c>
      <c r="B45913" t="s">
        <v>63679</v>
      </c>
      <c r="C45913">
        <v>0</v>
      </c>
      <c r="D45913">
        <v>0</v>
      </c>
    </row>
    <row r="45914" spans="1:4" x14ac:dyDescent="0.25">
      <c r="A45914" t="s">
        <v>63677</v>
      </c>
      <c r="B45914" t="s">
        <v>63680</v>
      </c>
      <c r="C45914">
        <v>0</v>
      </c>
      <c r="D45914">
        <v>0</v>
      </c>
    </row>
    <row r="45915" spans="1:4" x14ac:dyDescent="0.25">
      <c r="A45915" t="s">
        <v>63681</v>
      </c>
      <c r="B45915" t="s">
        <v>63682</v>
      </c>
      <c r="C45915">
        <v>1</v>
      </c>
      <c r="D45915">
        <v>0</v>
      </c>
    </row>
    <row r="45916" spans="1:4" x14ac:dyDescent="0.25">
      <c r="A45916" t="s">
        <v>63681</v>
      </c>
      <c r="B45916" t="s">
        <v>63683</v>
      </c>
      <c r="C45916">
        <v>1</v>
      </c>
      <c r="D45916">
        <v>0</v>
      </c>
    </row>
    <row r="45917" spans="1:4" x14ac:dyDescent="0.25">
      <c r="A45917" t="s">
        <v>63681</v>
      </c>
      <c r="B45917" t="s">
        <v>63684</v>
      </c>
      <c r="C45917">
        <v>0</v>
      </c>
      <c r="D45917">
        <v>0</v>
      </c>
    </row>
    <row r="45918" spans="1:4" x14ac:dyDescent="0.25">
      <c r="A45918" t="s">
        <v>63681</v>
      </c>
      <c r="B45918" t="s">
        <v>63685</v>
      </c>
      <c r="C45918">
        <v>0</v>
      </c>
      <c r="D45918">
        <v>0</v>
      </c>
    </row>
    <row r="45919" spans="1:4" x14ac:dyDescent="0.25">
      <c r="A45919" t="s">
        <v>63681</v>
      </c>
      <c r="B45919" t="s">
        <v>63686</v>
      </c>
      <c r="C45919">
        <v>1</v>
      </c>
      <c r="D45919">
        <v>0</v>
      </c>
    </row>
    <row r="45920" spans="1:4" x14ac:dyDescent="0.25">
      <c r="A45920" t="s">
        <v>63681</v>
      </c>
      <c r="B45920" t="s">
        <v>63687</v>
      </c>
      <c r="C45920">
        <v>2</v>
      </c>
      <c r="D45920">
        <v>0</v>
      </c>
    </row>
    <row r="45921" spans="1:4" x14ac:dyDescent="0.25">
      <c r="A45921" t="s">
        <v>63688</v>
      </c>
      <c r="B45921" t="s">
        <v>63689</v>
      </c>
      <c r="C45921">
        <v>1</v>
      </c>
      <c r="D45921">
        <v>0</v>
      </c>
    </row>
    <row r="45922" spans="1:4" x14ac:dyDescent="0.25">
      <c r="A45922" t="s">
        <v>63688</v>
      </c>
      <c r="B45922" t="s">
        <v>63690</v>
      </c>
      <c r="C45922">
        <v>1</v>
      </c>
      <c r="D45922">
        <v>0</v>
      </c>
    </row>
    <row r="45923" spans="1:4" x14ac:dyDescent="0.25">
      <c r="A45923" t="s">
        <v>63688</v>
      </c>
      <c r="B45923" t="s">
        <v>17479</v>
      </c>
      <c r="C45923">
        <v>1</v>
      </c>
      <c r="D45923">
        <v>0</v>
      </c>
    </row>
    <row r="45924" spans="1:4" x14ac:dyDescent="0.25">
      <c r="A45924" t="s">
        <v>63691</v>
      </c>
      <c r="B45924" t="s">
        <v>63692</v>
      </c>
      <c r="C45924">
        <v>0</v>
      </c>
      <c r="D45924">
        <v>0</v>
      </c>
    </row>
    <row r="45925" spans="1:4" x14ac:dyDescent="0.25">
      <c r="A45925" t="s">
        <v>63691</v>
      </c>
      <c r="B45925" t="s">
        <v>63693</v>
      </c>
      <c r="C45925">
        <v>1</v>
      </c>
      <c r="D45925">
        <v>0</v>
      </c>
    </row>
    <row r="45926" spans="1:4" x14ac:dyDescent="0.25">
      <c r="A45926" t="s">
        <v>63691</v>
      </c>
      <c r="B45926" t="s">
        <v>63694</v>
      </c>
      <c r="C45926">
        <v>2</v>
      </c>
      <c r="D45926">
        <v>0</v>
      </c>
    </row>
    <row r="45927" spans="1:4" x14ac:dyDescent="0.25">
      <c r="A45927" t="s">
        <v>63691</v>
      </c>
      <c r="B45927" t="s">
        <v>63695</v>
      </c>
      <c r="C45927">
        <v>1</v>
      </c>
      <c r="D45927">
        <v>0</v>
      </c>
    </row>
    <row r="45928" spans="1:4" x14ac:dyDescent="0.25">
      <c r="A45928" t="s">
        <v>63691</v>
      </c>
      <c r="B45928" t="s">
        <v>63696</v>
      </c>
      <c r="C45928">
        <v>1</v>
      </c>
      <c r="D45928">
        <v>0</v>
      </c>
    </row>
    <row r="45929" spans="1:4" x14ac:dyDescent="0.25">
      <c r="A45929" t="s">
        <v>63691</v>
      </c>
      <c r="B45929" t="s">
        <v>63697</v>
      </c>
      <c r="C45929">
        <v>1</v>
      </c>
      <c r="D45929">
        <v>0</v>
      </c>
    </row>
    <row r="45930" spans="1:4" x14ac:dyDescent="0.25">
      <c r="A45930" t="s">
        <v>63691</v>
      </c>
      <c r="B45930" t="s">
        <v>63698</v>
      </c>
      <c r="C45930">
        <v>1</v>
      </c>
      <c r="D45930">
        <v>0</v>
      </c>
    </row>
    <row r="45931" spans="1:4" x14ac:dyDescent="0.25">
      <c r="A45931" t="s">
        <v>63699</v>
      </c>
      <c r="B45931" t="s">
        <v>63700</v>
      </c>
      <c r="C45931">
        <v>1</v>
      </c>
      <c r="D45931">
        <v>0</v>
      </c>
    </row>
    <row r="45932" spans="1:4" x14ac:dyDescent="0.25">
      <c r="A45932" t="s">
        <v>63699</v>
      </c>
      <c r="B45932" t="s">
        <v>63701</v>
      </c>
      <c r="C45932">
        <v>1</v>
      </c>
      <c r="D45932">
        <v>0</v>
      </c>
    </row>
    <row r="45933" spans="1:4" x14ac:dyDescent="0.25">
      <c r="A45933" t="s">
        <v>63702</v>
      </c>
      <c r="B45933" t="s">
        <v>63703</v>
      </c>
      <c r="C45933">
        <v>1</v>
      </c>
      <c r="D45933">
        <v>0</v>
      </c>
    </row>
    <row r="45934" spans="1:4" x14ac:dyDescent="0.25">
      <c r="A45934" t="s">
        <v>63704</v>
      </c>
      <c r="B45934" t="s">
        <v>63705</v>
      </c>
      <c r="C45934">
        <v>1</v>
      </c>
      <c r="D45934">
        <v>0</v>
      </c>
    </row>
    <row r="45935" spans="1:4" x14ac:dyDescent="0.25">
      <c r="A45935" t="s">
        <v>63704</v>
      </c>
      <c r="B45935" t="s">
        <v>63706</v>
      </c>
      <c r="C45935">
        <v>2</v>
      </c>
      <c r="D45935">
        <v>0</v>
      </c>
    </row>
    <row r="45936" spans="1:4" x14ac:dyDescent="0.25">
      <c r="A45936" t="s">
        <v>63704</v>
      </c>
      <c r="B45936" t="s">
        <v>63707</v>
      </c>
      <c r="C45936">
        <v>1</v>
      </c>
      <c r="D45936">
        <v>0</v>
      </c>
    </row>
    <row r="45937" spans="1:4" x14ac:dyDescent="0.25">
      <c r="A45937" t="s">
        <v>63708</v>
      </c>
      <c r="B45937" t="s">
        <v>63709</v>
      </c>
      <c r="C45937">
        <v>1</v>
      </c>
      <c r="D45937">
        <v>0</v>
      </c>
    </row>
    <row r="45938" spans="1:4" x14ac:dyDescent="0.25">
      <c r="A45938" t="s">
        <v>63708</v>
      </c>
      <c r="B45938" t="s">
        <v>63710</v>
      </c>
      <c r="C45938">
        <v>0</v>
      </c>
      <c r="D45938">
        <v>0</v>
      </c>
    </row>
    <row r="45939" spans="1:4" x14ac:dyDescent="0.25">
      <c r="A45939" t="s">
        <v>63708</v>
      </c>
      <c r="B45939" t="s">
        <v>46567</v>
      </c>
      <c r="C45939">
        <v>1</v>
      </c>
      <c r="D45939">
        <v>0</v>
      </c>
    </row>
    <row r="45940" spans="1:4" x14ac:dyDescent="0.25">
      <c r="A45940" t="s">
        <v>63708</v>
      </c>
      <c r="B45940" t="s">
        <v>63711</v>
      </c>
      <c r="C45940">
        <v>0</v>
      </c>
      <c r="D45940">
        <v>0</v>
      </c>
    </row>
    <row r="45941" spans="1:4" x14ac:dyDescent="0.25">
      <c r="A45941" t="s">
        <v>63708</v>
      </c>
      <c r="B45941" t="s">
        <v>63712</v>
      </c>
      <c r="C45941">
        <v>0</v>
      </c>
      <c r="D45941">
        <v>0</v>
      </c>
    </row>
    <row r="45942" spans="1:4" x14ac:dyDescent="0.25">
      <c r="A45942" t="s">
        <v>63713</v>
      </c>
      <c r="B45942" t="s">
        <v>63714</v>
      </c>
      <c r="C45942">
        <v>1</v>
      </c>
      <c r="D45942">
        <v>0</v>
      </c>
    </row>
    <row r="45943" spans="1:4" x14ac:dyDescent="0.25">
      <c r="A45943" t="s">
        <v>63713</v>
      </c>
      <c r="B45943" t="s">
        <v>63715</v>
      </c>
      <c r="C45943">
        <v>2</v>
      </c>
      <c r="D45943">
        <v>0</v>
      </c>
    </row>
    <row r="45944" spans="1:4" x14ac:dyDescent="0.25">
      <c r="A45944" t="s">
        <v>63713</v>
      </c>
      <c r="B45944" t="s">
        <v>63716</v>
      </c>
      <c r="C45944">
        <v>2</v>
      </c>
      <c r="D45944">
        <v>0</v>
      </c>
    </row>
    <row r="45945" spans="1:4" x14ac:dyDescent="0.25">
      <c r="A45945" t="s">
        <v>63713</v>
      </c>
      <c r="B45945" t="s">
        <v>63717</v>
      </c>
      <c r="C45945">
        <v>2</v>
      </c>
      <c r="D45945">
        <v>0</v>
      </c>
    </row>
    <row r="45946" spans="1:4" x14ac:dyDescent="0.25">
      <c r="A45946" t="s">
        <v>63718</v>
      </c>
      <c r="B45946" t="s">
        <v>63719</v>
      </c>
      <c r="C45946">
        <v>2</v>
      </c>
      <c r="D45946">
        <v>0</v>
      </c>
    </row>
    <row r="45947" spans="1:4" x14ac:dyDescent="0.25">
      <c r="A45947" t="s">
        <v>63718</v>
      </c>
      <c r="B45947" t="s">
        <v>63720</v>
      </c>
      <c r="C45947">
        <v>2</v>
      </c>
      <c r="D45947">
        <v>0</v>
      </c>
    </row>
    <row r="45948" spans="1:4" x14ac:dyDescent="0.25">
      <c r="A45948" t="s">
        <v>63721</v>
      </c>
      <c r="B45948" t="s">
        <v>63722</v>
      </c>
      <c r="C45948">
        <v>2</v>
      </c>
      <c r="D45948">
        <v>0</v>
      </c>
    </row>
    <row r="45949" spans="1:4" x14ac:dyDescent="0.25">
      <c r="A45949" t="s">
        <v>63721</v>
      </c>
      <c r="B45949" t="s">
        <v>63723</v>
      </c>
      <c r="C45949">
        <v>1</v>
      </c>
      <c r="D45949">
        <v>0</v>
      </c>
    </row>
    <row r="45950" spans="1:4" x14ac:dyDescent="0.25">
      <c r="A45950" t="s">
        <v>63721</v>
      </c>
      <c r="B45950" t="s">
        <v>63724</v>
      </c>
      <c r="C45950">
        <v>1</v>
      </c>
      <c r="D45950">
        <v>0</v>
      </c>
    </row>
    <row r="45951" spans="1:4" x14ac:dyDescent="0.25">
      <c r="A45951" t="s">
        <v>63725</v>
      </c>
      <c r="B45951" t="s">
        <v>63726</v>
      </c>
      <c r="C45951">
        <v>1</v>
      </c>
      <c r="D45951">
        <v>0</v>
      </c>
    </row>
    <row r="45952" spans="1:4" x14ac:dyDescent="0.25">
      <c r="A45952" t="s">
        <v>63725</v>
      </c>
      <c r="B45952" t="s">
        <v>63727</v>
      </c>
      <c r="C45952">
        <v>1</v>
      </c>
      <c r="D45952">
        <v>0</v>
      </c>
    </row>
    <row r="45953" spans="1:4" x14ac:dyDescent="0.25">
      <c r="A45953" t="s">
        <v>63725</v>
      </c>
      <c r="B45953" t="s">
        <v>63728</v>
      </c>
      <c r="C45953">
        <v>1</v>
      </c>
      <c r="D45953">
        <v>0</v>
      </c>
    </row>
    <row r="45954" spans="1:4" x14ac:dyDescent="0.25">
      <c r="A45954" t="s">
        <v>63725</v>
      </c>
      <c r="B45954" t="s">
        <v>63729</v>
      </c>
      <c r="C45954">
        <v>1</v>
      </c>
      <c r="D45954">
        <v>0</v>
      </c>
    </row>
    <row r="45955" spans="1:4" x14ac:dyDescent="0.25">
      <c r="A45955" t="s">
        <v>63730</v>
      </c>
      <c r="B45955" t="s">
        <v>63731</v>
      </c>
      <c r="C45955">
        <v>1</v>
      </c>
      <c r="D45955">
        <v>0</v>
      </c>
    </row>
    <row r="45956" spans="1:4" x14ac:dyDescent="0.25">
      <c r="A45956" t="s">
        <v>63730</v>
      </c>
      <c r="B45956" t="s">
        <v>63732</v>
      </c>
      <c r="C45956">
        <v>1</v>
      </c>
      <c r="D45956">
        <v>0</v>
      </c>
    </row>
    <row r="45957" spans="1:4" x14ac:dyDescent="0.25">
      <c r="A45957" t="s">
        <v>63730</v>
      </c>
      <c r="B45957" t="s">
        <v>63733</v>
      </c>
      <c r="C45957">
        <v>1</v>
      </c>
      <c r="D45957">
        <v>0</v>
      </c>
    </row>
    <row r="45958" spans="1:4" x14ac:dyDescent="0.25">
      <c r="A45958" t="s">
        <v>63730</v>
      </c>
      <c r="B45958" t="s">
        <v>63734</v>
      </c>
      <c r="C45958">
        <v>1</v>
      </c>
      <c r="D45958">
        <v>0</v>
      </c>
    </row>
    <row r="45959" spans="1:4" x14ac:dyDescent="0.25">
      <c r="A45959" t="s">
        <v>63730</v>
      </c>
      <c r="B45959" t="s">
        <v>63735</v>
      </c>
      <c r="C45959">
        <v>2</v>
      </c>
      <c r="D45959">
        <v>0</v>
      </c>
    </row>
    <row r="45960" spans="1:4" x14ac:dyDescent="0.25">
      <c r="A45960" t="s">
        <v>63730</v>
      </c>
      <c r="B45960" t="s">
        <v>63736</v>
      </c>
      <c r="C45960">
        <v>2</v>
      </c>
      <c r="D45960">
        <v>0</v>
      </c>
    </row>
    <row r="45961" spans="1:4" x14ac:dyDescent="0.25">
      <c r="A45961" t="s">
        <v>63737</v>
      </c>
      <c r="B45961" t="s">
        <v>63738</v>
      </c>
      <c r="C45961">
        <v>0</v>
      </c>
      <c r="D45961">
        <v>0</v>
      </c>
    </row>
    <row r="45962" spans="1:4" x14ac:dyDescent="0.25">
      <c r="A45962" t="s">
        <v>63737</v>
      </c>
      <c r="B45962" t="s">
        <v>63739</v>
      </c>
      <c r="C45962">
        <v>1</v>
      </c>
      <c r="D45962">
        <v>0</v>
      </c>
    </row>
    <row r="45963" spans="1:4" x14ac:dyDescent="0.25">
      <c r="A45963" t="s">
        <v>63737</v>
      </c>
      <c r="B45963" t="s">
        <v>63740</v>
      </c>
      <c r="C45963">
        <v>0</v>
      </c>
      <c r="D45963">
        <v>0</v>
      </c>
    </row>
    <row r="45964" spans="1:4" x14ac:dyDescent="0.25">
      <c r="A45964" t="s">
        <v>63737</v>
      </c>
      <c r="B45964" t="s">
        <v>63741</v>
      </c>
      <c r="C45964">
        <v>1</v>
      </c>
      <c r="D45964">
        <v>0</v>
      </c>
    </row>
    <row r="45965" spans="1:4" x14ac:dyDescent="0.25">
      <c r="A45965" t="s">
        <v>63737</v>
      </c>
      <c r="B45965" t="s">
        <v>63742</v>
      </c>
      <c r="C45965">
        <v>2</v>
      </c>
      <c r="D45965">
        <v>0</v>
      </c>
    </row>
    <row r="45966" spans="1:4" x14ac:dyDescent="0.25">
      <c r="A45966" t="s">
        <v>63737</v>
      </c>
      <c r="B45966" t="s">
        <v>63743</v>
      </c>
      <c r="C45966">
        <v>1</v>
      </c>
      <c r="D45966">
        <v>0</v>
      </c>
    </row>
    <row r="45967" spans="1:4" x14ac:dyDescent="0.25">
      <c r="A45967" t="s">
        <v>63737</v>
      </c>
      <c r="B45967" t="s">
        <v>63744</v>
      </c>
      <c r="C45967">
        <v>2</v>
      </c>
      <c r="D45967">
        <v>0</v>
      </c>
    </row>
    <row r="45968" spans="1:4" x14ac:dyDescent="0.25">
      <c r="A45968" t="s">
        <v>63745</v>
      </c>
      <c r="B45968" t="s">
        <v>63746</v>
      </c>
      <c r="C45968">
        <v>2</v>
      </c>
      <c r="D45968">
        <v>0</v>
      </c>
    </row>
    <row r="45969" spans="1:4" x14ac:dyDescent="0.25">
      <c r="A45969" t="s">
        <v>63747</v>
      </c>
      <c r="B45969" t="s">
        <v>63748</v>
      </c>
      <c r="C45969">
        <v>1</v>
      </c>
      <c r="D45969">
        <v>0</v>
      </c>
    </row>
    <row r="45970" spans="1:4" x14ac:dyDescent="0.25">
      <c r="A45970" t="s">
        <v>63747</v>
      </c>
      <c r="B45970" t="s">
        <v>63749</v>
      </c>
      <c r="C45970">
        <v>0</v>
      </c>
      <c r="D45970">
        <v>0</v>
      </c>
    </row>
    <row r="45971" spans="1:4" x14ac:dyDescent="0.25">
      <c r="A45971" t="s">
        <v>63747</v>
      </c>
      <c r="B45971" t="s">
        <v>63750</v>
      </c>
      <c r="C45971">
        <v>2</v>
      </c>
      <c r="D45971">
        <v>0</v>
      </c>
    </row>
    <row r="45972" spans="1:4" x14ac:dyDescent="0.25">
      <c r="A45972" t="s">
        <v>63747</v>
      </c>
      <c r="B45972" t="s">
        <v>63751</v>
      </c>
      <c r="C45972">
        <v>0</v>
      </c>
      <c r="D45972">
        <v>0</v>
      </c>
    </row>
    <row r="45973" spans="1:4" x14ac:dyDescent="0.25">
      <c r="A45973" t="s">
        <v>63747</v>
      </c>
      <c r="B45973" t="s">
        <v>63752</v>
      </c>
      <c r="C45973">
        <v>1</v>
      </c>
      <c r="D45973">
        <v>0</v>
      </c>
    </row>
    <row r="45974" spans="1:4" x14ac:dyDescent="0.25">
      <c r="A45974" t="s">
        <v>63747</v>
      </c>
      <c r="B45974" t="s">
        <v>63753</v>
      </c>
      <c r="C45974">
        <v>1</v>
      </c>
      <c r="D45974">
        <v>0</v>
      </c>
    </row>
    <row r="45975" spans="1:4" x14ac:dyDescent="0.25">
      <c r="A45975" t="s">
        <v>63747</v>
      </c>
      <c r="B45975" t="s">
        <v>63754</v>
      </c>
      <c r="C45975">
        <v>0</v>
      </c>
      <c r="D45975">
        <v>0</v>
      </c>
    </row>
    <row r="45976" spans="1:4" x14ac:dyDescent="0.25">
      <c r="A45976" t="s">
        <v>63747</v>
      </c>
      <c r="B45976" t="s">
        <v>63755</v>
      </c>
      <c r="C45976">
        <v>2</v>
      </c>
      <c r="D45976">
        <v>0</v>
      </c>
    </row>
    <row r="45977" spans="1:4" x14ac:dyDescent="0.25">
      <c r="A45977" t="s">
        <v>63747</v>
      </c>
      <c r="B45977" t="s">
        <v>63756</v>
      </c>
      <c r="C45977">
        <v>0</v>
      </c>
      <c r="D45977">
        <v>0</v>
      </c>
    </row>
    <row r="45978" spans="1:4" x14ac:dyDescent="0.25">
      <c r="A45978" t="s">
        <v>63757</v>
      </c>
      <c r="B45978" t="s">
        <v>63758</v>
      </c>
      <c r="C45978">
        <v>0</v>
      </c>
      <c r="D45978">
        <v>0</v>
      </c>
    </row>
    <row r="45979" spans="1:4" x14ac:dyDescent="0.25">
      <c r="A45979" t="s">
        <v>63757</v>
      </c>
      <c r="B45979" t="s">
        <v>63759</v>
      </c>
      <c r="C45979">
        <v>1</v>
      </c>
      <c r="D45979">
        <v>0</v>
      </c>
    </row>
    <row r="45980" spans="1:4" x14ac:dyDescent="0.25">
      <c r="A45980" t="s">
        <v>63757</v>
      </c>
      <c r="B45980" t="s">
        <v>63760</v>
      </c>
      <c r="C45980">
        <v>0</v>
      </c>
      <c r="D45980">
        <v>0</v>
      </c>
    </row>
    <row r="45981" spans="1:4" x14ac:dyDescent="0.25">
      <c r="A45981" t="s">
        <v>63757</v>
      </c>
      <c r="B45981" t="s">
        <v>56077</v>
      </c>
      <c r="C45981">
        <v>1</v>
      </c>
      <c r="D45981">
        <v>0</v>
      </c>
    </row>
    <row r="45982" spans="1:4" x14ac:dyDescent="0.25">
      <c r="A45982" t="s">
        <v>63757</v>
      </c>
      <c r="B45982" t="s">
        <v>63761</v>
      </c>
      <c r="C45982">
        <v>0</v>
      </c>
      <c r="D45982">
        <v>0</v>
      </c>
    </row>
    <row r="45983" spans="1:4" x14ac:dyDescent="0.25">
      <c r="A45983" t="s">
        <v>63762</v>
      </c>
      <c r="B45983" t="s">
        <v>63763</v>
      </c>
      <c r="C45983">
        <v>1</v>
      </c>
      <c r="D45983">
        <v>0</v>
      </c>
    </row>
    <row r="45984" spans="1:4" x14ac:dyDescent="0.25">
      <c r="A45984" t="s">
        <v>63764</v>
      </c>
      <c r="B45984" t="s">
        <v>63765</v>
      </c>
      <c r="C45984">
        <v>0</v>
      </c>
      <c r="D45984">
        <v>0</v>
      </c>
    </row>
    <row r="45985" spans="1:4" x14ac:dyDescent="0.25">
      <c r="A45985" t="s">
        <v>63764</v>
      </c>
      <c r="B45985" t="s">
        <v>63766</v>
      </c>
      <c r="C45985">
        <v>1</v>
      </c>
      <c r="D45985">
        <v>0</v>
      </c>
    </row>
    <row r="45986" spans="1:4" x14ac:dyDescent="0.25">
      <c r="A45986" t="s">
        <v>63764</v>
      </c>
      <c r="B45986" t="s">
        <v>63767</v>
      </c>
      <c r="C45986">
        <v>0</v>
      </c>
      <c r="D45986">
        <v>0</v>
      </c>
    </row>
    <row r="45987" spans="1:4" x14ac:dyDescent="0.25">
      <c r="A45987" t="s">
        <v>63764</v>
      </c>
      <c r="B45987" t="s">
        <v>23996</v>
      </c>
      <c r="C45987">
        <v>0</v>
      </c>
      <c r="D45987">
        <v>0</v>
      </c>
    </row>
    <row r="45988" spans="1:4" x14ac:dyDescent="0.25">
      <c r="A45988" t="s">
        <v>63764</v>
      </c>
      <c r="B45988" t="s">
        <v>63768</v>
      </c>
      <c r="C45988">
        <v>2</v>
      </c>
      <c r="D45988">
        <v>0</v>
      </c>
    </row>
    <row r="45989" spans="1:4" x14ac:dyDescent="0.25">
      <c r="A45989" t="s">
        <v>63764</v>
      </c>
      <c r="B45989" t="s">
        <v>63769</v>
      </c>
      <c r="C45989">
        <v>1</v>
      </c>
      <c r="D45989">
        <v>0</v>
      </c>
    </row>
    <row r="45990" spans="1:4" x14ac:dyDescent="0.25">
      <c r="A45990" t="s">
        <v>63764</v>
      </c>
      <c r="B45990" t="s">
        <v>63770</v>
      </c>
      <c r="C45990">
        <v>1</v>
      </c>
      <c r="D45990">
        <v>0</v>
      </c>
    </row>
    <row r="45991" spans="1:4" x14ac:dyDescent="0.25">
      <c r="A45991" t="s">
        <v>63771</v>
      </c>
      <c r="B45991" t="s">
        <v>63772</v>
      </c>
      <c r="C45991">
        <v>0</v>
      </c>
      <c r="D45991">
        <v>0</v>
      </c>
    </row>
    <row r="45992" spans="1:4" x14ac:dyDescent="0.25">
      <c r="A45992" t="s">
        <v>63773</v>
      </c>
      <c r="B45992" t="s">
        <v>63774</v>
      </c>
      <c r="C45992">
        <v>1</v>
      </c>
      <c r="D45992">
        <v>0</v>
      </c>
    </row>
    <row r="45993" spans="1:4" x14ac:dyDescent="0.25">
      <c r="A45993" t="s">
        <v>63773</v>
      </c>
      <c r="B45993" t="s">
        <v>63775</v>
      </c>
      <c r="C45993">
        <v>1</v>
      </c>
      <c r="D45993">
        <v>0</v>
      </c>
    </row>
    <row r="45994" spans="1:4" x14ac:dyDescent="0.25">
      <c r="A45994" t="s">
        <v>63773</v>
      </c>
      <c r="B45994" t="s">
        <v>63776</v>
      </c>
      <c r="C45994">
        <v>1</v>
      </c>
      <c r="D45994">
        <v>0</v>
      </c>
    </row>
    <row r="45995" spans="1:4" x14ac:dyDescent="0.25">
      <c r="A45995" t="s">
        <v>63773</v>
      </c>
      <c r="B45995" t="s">
        <v>5713</v>
      </c>
      <c r="C45995">
        <v>1</v>
      </c>
      <c r="D45995">
        <v>0</v>
      </c>
    </row>
    <row r="45996" spans="1:4" x14ac:dyDescent="0.25">
      <c r="A45996" t="s">
        <v>63773</v>
      </c>
      <c r="B45996" t="s">
        <v>63777</v>
      </c>
      <c r="C45996">
        <v>1</v>
      </c>
      <c r="D45996">
        <v>0</v>
      </c>
    </row>
    <row r="45997" spans="1:4" x14ac:dyDescent="0.25">
      <c r="A45997" t="s">
        <v>63773</v>
      </c>
      <c r="B45997" t="s">
        <v>63778</v>
      </c>
      <c r="C45997">
        <v>1</v>
      </c>
      <c r="D45997">
        <v>0</v>
      </c>
    </row>
    <row r="45998" spans="1:4" x14ac:dyDescent="0.25">
      <c r="A45998" t="s">
        <v>63773</v>
      </c>
      <c r="B45998" t="s">
        <v>63779</v>
      </c>
      <c r="C45998">
        <v>0</v>
      </c>
      <c r="D45998">
        <v>0</v>
      </c>
    </row>
    <row r="45999" spans="1:4" x14ac:dyDescent="0.25">
      <c r="A45999" t="s">
        <v>63780</v>
      </c>
      <c r="B45999" t="s">
        <v>63781</v>
      </c>
      <c r="C45999">
        <v>0</v>
      </c>
      <c r="D45999">
        <v>0</v>
      </c>
    </row>
    <row r="46000" spans="1:4" x14ac:dyDescent="0.25">
      <c r="A46000" t="s">
        <v>63780</v>
      </c>
      <c r="B46000" t="s">
        <v>63782</v>
      </c>
      <c r="C46000">
        <v>2</v>
      </c>
      <c r="D46000">
        <v>0</v>
      </c>
    </row>
    <row r="46001" spans="1:4" x14ac:dyDescent="0.25">
      <c r="A46001" t="s">
        <v>63780</v>
      </c>
      <c r="B46001" t="s">
        <v>63783</v>
      </c>
      <c r="C46001">
        <v>0</v>
      </c>
      <c r="D46001">
        <v>0</v>
      </c>
    </row>
    <row r="46002" spans="1:4" x14ac:dyDescent="0.25">
      <c r="A46002" t="s">
        <v>63780</v>
      </c>
      <c r="B46002" t="s">
        <v>63784</v>
      </c>
      <c r="C46002">
        <v>2</v>
      </c>
      <c r="D46002">
        <v>0</v>
      </c>
    </row>
    <row r="46003" spans="1:4" x14ac:dyDescent="0.25">
      <c r="A46003" t="s">
        <v>63785</v>
      </c>
      <c r="B46003" t="s">
        <v>63786</v>
      </c>
      <c r="C46003">
        <v>2</v>
      </c>
      <c r="D46003">
        <v>0</v>
      </c>
    </row>
    <row r="46004" spans="1:4" x14ac:dyDescent="0.25">
      <c r="A46004" t="s">
        <v>63787</v>
      </c>
      <c r="B46004" t="s">
        <v>63788</v>
      </c>
      <c r="C46004">
        <v>0</v>
      </c>
      <c r="D46004">
        <v>0</v>
      </c>
    </row>
    <row r="46005" spans="1:4" x14ac:dyDescent="0.25">
      <c r="A46005" t="s">
        <v>63787</v>
      </c>
      <c r="B46005" t="s">
        <v>63789</v>
      </c>
      <c r="C46005">
        <v>0</v>
      </c>
      <c r="D46005">
        <v>0</v>
      </c>
    </row>
    <row r="46006" spans="1:4" x14ac:dyDescent="0.25">
      <c r="A46006" t="s">
        <v>63787</v>
      </c>
      <c r="B46006" t="s">
        <v>63790</v>
      </c>
      <c r="C46006">
        <v>0</v>
      </c>
      <c r="D46006">
        <v>0</v>
      </c>
    </row>
    <row r="46007" spans="1:4" x14ac:dyDescent="0.25">
      <c r="A46007" t="s">
        <v>63787</v>
      </c>
      <c r="B46007" t="s">
        <v>63791</v>
      </c>
      <c r="C46007">
        <v>2</v>
      </c>
      <c r="D46007">
        <v>0</v>
      </c>
    </row>
    <row r="46008" spans="1:4" x14ac:dyDescent="0.25">
      <c r="A46008" t="s">
        <v>63787</v>
      </c>
      <c r="B46008" t="s">
        <v>63792</v>
      </c>
      <c r="C46008">
        <v>2</v>
      </c>
      <c r="D46008">
        <v>0</v>
      </c>
    </row>
    <row r="46009" spans="1:4" x14ac:dyDescent="0.25">
      <c r="A46009" t="s">
        <v>63787</v>
      </c>
      <c r="B46009" t="s">
        <v>63793</v>
      </c>
      <c r="C46009">
        <v>2</v>
      </c>
      <c r="D46009">
        <v>0</v>
      </c>
    </row>
    <row r="46010" spans="1:4" x14ac:dyDescent="0.25">
      <c r="A46010" t="s">
        <v>63794</v>
      </c>
      <c r="B46010" t="s">
        <v>63795</v>
      </c>
      <c r="C46010">
        <v>1</v>
      </c>
      <c r="D46010">
        <v>0</v>
      </c>
    </row>
    <row r="46011" spans="1:4" x14ac:dyDescent="0.25">
      <c r="A46011" t="s">
        <v>63796</v>
      </c>
      <c r="B46011" t="s">
        <v>63797</v>
      </c>
      <c r="C46011">
        <v>1</v>
      </c>
      <c r="D46011">
        <v>0</v>
      </c>
    </row>
    <row r="46012" spans="1:4" x14ac:dyDescent="0.25">
      <c r="A46012" t="s">
        <v>63796</v>
      </c>
      <c r="B46012" t="s">
        <v>63798</v>
      </c>
      <c r="C46012">
        <v>1</v>
      </c>
      <c r="D46012">
        <v>0</v>
      </c>
    </row>
    <row r="46013" spans="1:4" x14ac:dyDescent="0.25">
      <c r="A46013" t="s">
        <v>63799</v>
      </c>
      <c r="B46013" t="s">
        <v>63800</v>
      </c>
      <c r="C46013">
        <v>2</v>
      </c>
      <c r="D46013">
        <v>0</v>
      </c>
    </row>
    <row r="46014" spans="1:4" x14ac:dyDescent="0.25">
      <c r="A46014" t="s">
        <v>63799</v>
      </c>
      <c r="B46014" t="s">
        <v>63801</v>
      </c>
      <c r="C46014">
        <v>1</v>
      </c>
      <c r="D46014">
        <v>0</v>
      </c>
    </row>
    <row r="46015" spans="1:4" x14ac:dyDescent="0.25">
      <c r="A46015" t="s">
        <v>63802</v>
      </c>
      <c r="B46015" t="s">
        <v>63803</v>
      </c>
      <c r="C46015">
        <v>1</v>
      </c>
      <c r="D46015">
        <v>0</v>
      </c>
    </row>
    <row r="46016" spans="1:4" x14ac:dyDescent="0.25">
      <c r="A46016" t="s">
        <v>63802</v>
      </c>
      <c r="B46016" t="s">
        <v>63804</v>
      </c>
      <c r="C46016">
        <v>0</v>
      </c>
      <c r="D46016">
        <v>0</v>
      </c>
    </row>
    <row r="46017" spans="1:4" x14ac:dyDescent="0.25">
      <c r="A46017" t="s">
        <v>63802</v>
      </c>
      <c r="B46017" t="s">
        <v>63805</v>
      </c>
      <c r="C46017">
        <v>1</v>
      </c>
      <c r="D46017">
        <v>0</v>
      </c>
    </row>
    <row r="46018" spans="1:4" x14ac:dyDescent="0.25">
      <c r="A46018" t="s">
        <v>63806</v>
      </c>
      <c r="B46018" t="s">
        <v>63807</v>
      </c>
      <c r="C46018">
        <v>1</v>
      </c>
      <c r="D46018">
        <v>0</v>
      </c>
    </row>
    <row r="46019" spans="1:4" x14ac:dyDescent="0.25">
      <c r="A46019" t="s">
        <v>63806</v>
      </c>
      <c r="B46019" t="s">
        <v>63808</v>
      </c>
      <c r="C46019">
        <v>1</v>
      </c>
      <c r="D46019">
        <v>0</v>
      </c>
    </row>
    <row r="46020" spans="1:4" x14ac:dyDescent="0.25">
      <c r="A46020" t="s">
        <v>63806</v>
      </c>
      <c r="B46020" t="s">
        <v>63809</v>
      </c>
      <c r="C46020">
        <v>2</v>
      </c>
      <c r="D46020">
        <v>0</v>
      </c>
    </row>
    <row r="46021" spans="1:4" x14ac:dyDescent="0.25">
      <c r="A46021" t="s">
        <v>63806</v>
      </c>
      <c r="B46021" t="s">
        <v>63810</v>
      </c>
      <c r="C46021">
        <v>1</v>
      </c>
      <c r="D46021">
        <v>0</v>
      </c>
    </row>
    <row r="46022" spans="1:4" x14ac:dyDescent="0.25">
      <c r="A46022" t="s">
        <v>63806</v>
      </c>
      <c r="B46022" t="s">
        <v>63811</v>
      </c>
      <c r="C46022">
        <v>2</v>
      </c>
      <c r="D46022">
        <v>0</v>
      </c>
    </row>
    <row r="46023" spans="1:4" x14ac:dyDescent="0.25">
      <c r="A46023" t="s">
        <v>63806</v>
      </c>
      <c r="B46023" t="s">
        <v>63812</v>
      </c>
      <c r="C46023">
        <v>1</v>
      </c>
      <c r="D46023">
        <v>0</v>
      </c>
    </row>
    <row r="46024" spans="1:4" x14ac:dyDescent="0.25">
      <c r="A46024" t="s">
        <v>63813</v>
      </c>
      <c r="B46024" t="s">
        <v>63814</v>
      </c>
      <c r="C46024">
        <v>1</v>
      </c>
      <c r="D46024">
        <v>0</v>
      </c>
    </row>
    <row r="46025" spans="1:4" x14ac:dyDescent="0.25">
      <c r="A46025" t="s">
        <v>63813</v>
      </c>
      <c r="B46025" t="s">
        <v>63815</v>
      </c>
      <c r="C46025">
        <v>1</v>
      </c>
      <c r="D46025">
        <v>0</v>
      </c>
    </row>
    <row r="46026" spans="1:4" x14ac:dyDescent="0.25">
      <c r="A46026" t="s">
        <v>63816</v>
      </c>
      <c r="B46026" t="s">
        <v>63817</v>
      </c>
      <c r="C46026">
        <v>1</v>
      </c>
      <c r="D46026">
        <v>0</v>
      </c>
    </row>
    <row r="46027" spans="1:4" x14ac:dyDescent="0.25">
      <c r="A46027" t="s">
        <v>63816</v>
      </c>
      <c r="B46027" t="s">
        <v>63818</v>
      </c>
      <c r="C46027">
        <v>1</v>
      </c>
      <c r="D46027">
        <v>0</v>
      </c>
    </row>
    <row r="46028" spans="1:4" x14ac:dyDescent="0.25">
      <c r="A46028" t="s">
        <v>63819</v>
      </c>
      <c r="B46028" t="s">
        <v>63820</v>
      </c>
      <c r="C46028">
        <v>1</v>
      </c>
      <c r="D46028">
        <v>0</v>
      </c>
    </row>
    <row r="46029" spans="1:4" x14ac:dyDescent="0.25">
      <c r="A46029" t="s">
        <v>63819</v>
      </c>
      <c r="B46029" t="s">
        <v>63821</v>
      </c>
      <c r="C46029">
        <v>1</v>
      </c>
      <c r="D46029">
        <v>0</v>
      </c>
    </row>
    <row r="46030" spans="1:4" x14ac:dyDescent="0.25">
      <c r="A46030" t="s">
        <v>63822</v>
      </c>
      <c r="B46030" t="s">
        <v>63823</v>
      </c>
      <c r="C46030">
        <v>1</v>
      </c>
      <c r="D46030">
        <v>0</v>
      </c>
    </row>
    <row r="46031" spans="1:4" x14ac:dyDescent="0.25">
      <c r="A46031" t="s">
        <v>63822</v>
      </c>
      <c r="B46031" t="s">
        <v>63824</v>
      </c>
      <c r="C46031">
        <v>1</v>
      </c>
      <c r="D46031">
        <v>0</v>
      </c>
    </row>
    <row r="46032" spans="1:4" x14ac:dyDescent="0.25">
      <c r="A46032" t="s">
        <v>63822</v>
      </c>
      <c r="B46032" t="s">
        <v>63825</v>
      </c>
      <c r="C46032">
        <v>1</v>
      </c>
      <c r="D46032">
        <v>0</v>
      </c>
    </row>
    <row r="46033" spans="1:4" x14ac:dyDescent="0.25">
      <c r="A46033" t="s">
        <v>63822</v>
      </c>
      <c r="B46033" t="s">
        <v>63826</v>
      </c>
      <c r="C46033">
        <v>0</v>
      </c>
      <c r="D46033">
        <v>0</v>
      </c>
    </row>
    <row r="46034" spans="1:4" x14ac:dyDescent="0.25">
      <c r="A46034" t="s">
        <v>63822</v>
      </c>
      <c r="B46034" t="s">
        <v>5713</v>
      </c>
      <c r="C46034">
        <v>1</v>
      </c>
      <c r="D46034">
        <v>0</v>
      </c>
    </row>
    <row r="46035" spans="1:4" x14ac:dyDescent="0.25">
      <c r="A46035" t="s">
        <v>63822</v>
      </c>
      <c r="B46035" t="s">
        <v>63827</v>
      </c>
      <c r="C46035">
        <v>1</v>
      </c>
      <c r="D46035">
        <v>0</v>
      </c>
    </row>
    <row r="46036" spans="1:4" x14ac:dyDescent="0.25">
      <c r="A46036" t="s">
        <v>63828</v>
      </c>
      <c r="B46036" t="s">
        <v>63829</v>
      </c>
      <c r="C46036">
        <v>0</v>
      </c>
      <c r="D46036">
        <v>0</v>
      </c>
    </row>
    <row r="46037" spans="1:4" x14ac:dyDescent="0.25">
      <c r="A46037" t="s">
        <v>63828</v>
      </c>
      <c r="B46037" t="s">
        <v>63830</v>
      </c>
      <c r="C46037">
        <v>0</v>
      </c>
      <c r="D46037">
        <v>0</v>
      </c>
    </row>
    <row r="46038" spans="1:4" x14ac:dyDescent="0.25">
      <c r="A46038" t="s">
        <v>63828</v>
      </c>
      <c r="B46038" t="s">
        <v>63831</v>
      </c>
      <c r="C46038">
        <v>0</v>
      </c>
      <c r="D46038">
        <v>0</v>
      </c>
    </row>
    <row r="46039" spans="1:4" x14ac:dyDescent="0.25">
      <c r="A46039" t="s">
        <v>63828</v>
      </c>
      <c r="B46039" t="s">
        <v>63832</v>
      </c>
      <c r="C46039">
        <v>0</v>
      </c>
      <c r="D46039">
        <v>0</v>
      </c>
    </row>
    <row r="46040" spans="1:4" x14ac:dyDescent="0.25">
      <c r="A46040" t="s">
        <v>63828</v>
      </c>
      <c r="B46040" t="s">
        <v>63833</v>
      </c>
      <c r="C46040">
        <v>1</v>
      </c>
      <c r="D46040">
        <v>0</v>
      </c>
    </row>
    <row r="46041" spans="1:4" x14ac:dyDescent="0.25">
      <c r="A46041" t="s">
        <v>63834</v>
      </c>
      <c r="B46041" t="s">
        <v>63835</v>
      </c>
      <c r="C46041">
        <v>1</v>
      </c>
      <c r="D46041">
        <v>0</v>
      </c>
    </row>
    <row r="46042" spans="1:4" x14ac:dyDescent="0.25">
      <c r="A46042" t="s">
        <v>63836</v>
      </c>
      <c r="B46042" t="s">
        <v>63837</v>
      </c>
      <c r="C46042">
        <v>1</v>
      </c>
      <c r="D46042">
        <v>0</v>
      </c>
    </row>
    <row r="46043" spans="1:4" x14ac:dyDescent="0.25">
      <c r="A46043" t="s">
        <v>63836</v>
      </c>
      <c r="B46043" t="s">
        <v>21395</v>
      </c>
      <c r="C46043">
        <v>1</v>
      </c>
      <c r="D46043">
        <v>0</v>
      </c>
    </row>
    <row r="46044" spans="1:4" x14ac:dyDescent="0.25">
      <c r="A46044" t="s">
        <v>63836</v>
      </c>
      <c r="B46044" t="s">
        <v>63838</v>
      </c>
      <c r="C46044">
        <v>2</v>
      </c>
      <c r="D46044">
        <v>0</v>
      </c>
    </row>
    <row r="46045" spans="1:4" x14ac:dyDescent="0.25">
      <c r="A46045" t="s">
        <v>63836</v>
      </c>
      <c r="B46045" t="s">
        <v>63839</v>
      </c>
      <c r="C46045">
        <v>1</v>
      </c>
      <c r="D46045">
        <v>0</v>
      </c>
    </row>
    <row r="46046" spans="1:4" x14ac:dyDescent="0.25">
      <c r="A46046" t="s">
        <v>63836</v>
      </c>
      <c r="B46046" t="s">
        <v>51939</v>
      </c>
      <c r="C46046">
        <v>0</v>
      </c>
      <c r="D46046">
        <v>0</v>
      </c>
    </row>
    <row r="46047" spans="1:4" x14ac:dyDescent="0.25">
      <c r="A46047" t="s">
        <v>63836</v>
      </c>
      <c r="B46047" t="s">
        <v>63840</v>
      </c>
      <c r="C46047">
        <v>1</v>
      </c>
      <c r="D46047">
        <v>0</v>
      </c>
    </row>
    <row r="46048" spans="1:4" x14ac:dyDescent="0.25">
      <c r="A46048" t="s">
        <v>63836</v>
      </c>
      <c r="B46048" t="s">
        <v>63841</v>
      </c>
      <c r="C46048">
        <v>0</v>
      </c>
      <c r="D46048">
        <v>0</v>
      </c>
    </row>
    <row r="46049" spans="1:4" x14ac:dyDescent="0.25">
      <c r="A46049" t="s">
        <v>63836</v>
      </c>
      <c r="B46049" t="s">
        <v>63842</v>
      </c>
      <c r="C46049">
        <v>1</v>
      </c>
      <c r="D46049">
        <v>0</v>
      </c>
    </row>
    <row r="46050" spans="1:4" x14ac:dyDescent="0.25">
      <c r="A46050" t="s">
        <v>63843</v>
      </c>
      <c r="B46050" t="s">
        <v>51204</v>
      </c>
      <c r="C46050">
        <v>1</v>
      </c>
      <c r="D46050">
        <v>0</v>
      </c>
    </row>
    <row r="46051" spans="1:4" x14ac:dyDescent="0.25">
      <c r="A46051" t="s">
        <v>63843</v>
      </c>
      <c r="B46051" t="s">
        <v>63844</v>
      </c>
      <c r="C46051">
        <v>2</v>
      </c>
      <c r="D46051">
        <v>0</v>
      </c>
    </row>
    <row r="46052" spans="1:4" x14ac:dyDescent="0.25">
      <c r="A46052" t="s">
        <v>63843</v>
      </c>
      <c r="B46052" t="s">
        <v>63845</v>
      </c>
      <c r="C46052">
        <v>1</v>
      </c>
      <c r="D46052">
        <v>0</v>
      </c>
    </row>
    <row r="46053" spans="1:4" x14ac:dyDescent="0.25">
      <c r="A46053" t="s">
        <v>63843</v>
      </c>
      <c r="B46053" t="s">
        <v>63846</v>
      </c>
      <c r="C46053">
        <v>0</v>
      </c>
      <c r="D46053">
        <v>0</v>
      </c>
    </row>
    <row r="46054" spans="1:4" x14ac:dyDescent="0.25">
      <c r="A46054" t="s">
        <v>63847</v>
      </c>
      <c r="B46054" t="s">
        <v>63848</v>
      </c>
      <c r="C46054">
        <v>0</v>
      </c>
      <c r="D46054">
        <v>0</v>
      </c>
    </row>
    <row r="46055" spans="1:4" x14ac:dyDescent="0.25">
      <c r="A46055" t="s">
        <v>63849</v>
      </c>
      <c r="B46055" t="s">
        <v>61157</v>
      </c>
      <c r="C46055">
        <v>1</v>
      </c>
      <c r="D46055">
        <v>0</v>
      </c>
    </row>
    <row r="46056" spans="1:4" x14ac:dyDescent="0.25">
      <c r="A46056" t="s">
        <v>63849</v>
      </c>
      <c r="B46056" t="s">
        <v>63850</v>
      </c>
      <c r="C46056">
        <v>0</v>
      </c>
      <c r="D46056">
        <v>0</v>
      </c>
    </row>
    <row r="46057" spans="1:4" x14ac:dyDescent="0.25">
      <c r="A46057" t="s">
        <v>63849</v>
      </c>
      <c r="B46057" t="s">
        <v>63851</v>
      </c>
      <c r="C46057">
        <v>0</v>
      </c>
      <c r="D46057">
        <v>0</v>
      </c>
    </row>
    <row r="46058" spans="1:4" x14ac:dyDescent="0.25">
      <c r="A46058" t="s">
        <v>63849</v>
      </c>
      <c r="B46058" t="s">
        <v>63852</v>
      </c>
      <c r="C46058">
        <v>1</v>
      </c>
      <c r="D46058">
        <v>0</v>
      </c>
    </row>
    <row r="46059" spans="1:4" x14ac:dyDescent="0.25">
      <c r="A46059" t="s">
        <v>63849</v>
      </c>
      <c r="B46059" t="s">
        <v>63853</v>
      </c>
      <c r="C46059">
        <v>1</v>
      </c>
      <c r="D46059">
        <v>0</v>
      </c>
    </row>
    <row r="46060" spans="1:4" x14ac:dyDescent="0.25">
      <c r="A46060" t="s">
        <v>63854</v>
      </c>
      <c r="B46060" t="s">
        <v>63855</v>
      </c>
      <c r="C46060">
        <v>1</v>
      </c>
      <c r="D46060">
        <v>0</v>
      </c>
    </row>
    <row r="46061" spans="1:4" x14ac:dyDescent="0.25">
      <c r="A46061" t="s">
        <v>63854</v>
      </c>
      <c r="B46061" t="s">
        <v>63856</v>
      </c>
      <c r="C46061">
        <v>1</v>
      </c>
      <c r="D46061">
        <v>0</v>
      </c>
    </row>
    <row r="46062" spans="1:4" x14ac:dyDescent="0.25">
      <c r="A46062" t="s">
        <v>63857</v>
      </c>
      <c r="B46062" t="s">
        <v>63858</v>
      </c>
      <c r="C46062">
        <v>2</v>
      </c>
      <c r="D46062">
        <v>0</v>
      </c>
    </row>
    <row r="46063" spans="1:4" x14ac:dyDescent="0.25">
      <c r="A46063" t="s">
        <v>63857</v>
      </c>
      <c r="B46063" t="s">
        <v>63859</v>
      </c>
      <c r="C46063">
        <v>1</v>
      </c>
      <c r="D46063">
        <v>0</v>
      </c>
    </row>
    <row r="46064" spans="1:4" x14ac:dyDescent="0.25">
      <c r="A46064" t="s">
        <v>63857</v>
      </c>
      <c r="B46064" t="s">
        <v>63860</v>
      </c>
      <c r="C46064">
        <v>1</v>
      </c>
      <c r="D46064">
        <v>0</v>
      </c>
    </row>
    <row r="46065" spans="1:4" x14ac:dyDescent="0.25">
      <c r="A46065" t="s">
        <v>63857</v>
      </c>
      <c r="B46065" t="s">
        <v>63861</v>
      </c>
      <c r="C46065">
        <v>1</v>
      </c>
      <c r="D46065">
        <v>0</v>
      </c>
    </row>
    <row r="46066" spans="1:4" x14ac:dyDescent="0.25">
      <c r="A46066" t="s">
        <v>63862</v>
      </c>
      <c r="B46066" t="s">
        <v>63863</v>
      </c>
      <c r="C46066">
        <v>1</v>
      </c>
      <c r="D46066">
        <v>0</v>
      </c>
    </row>
    <row r="46067" spans="1:4" x14ac:dyDescent="0.25">
      <c r="A46067" t="s">
        <v>63862</v>
      </c>
      <c r="B46067" t="s">
        <v>63864</v>
      </c>
      <c r="C46067">
        <v>2</v>
      </c>
      <c r="D46067">
        <v>0</v>
      </c>
    </row>
    <row r="46068" spans="1:4" x14ac:dyDescent="0.25">
      <c r="A46068" t="s">
        <v>63862</v>
      </c>
      <c r="B46068" t="s">
        <v>63865</v>
      </c>
      <c r="C46068">
        <v>2</v>
      </c>
      <c r="D46068">
        <v>0</v>
      </c>
    </row>
    <row r="46069" spans="1:4" x14ac:dyDescent="0.25">
      <c r="A46069" t="s">
        <v>63862</v>
      </c>
      <c r="B46069" t="s">
        <v>63866</v>
      </c>
      <c r="C46069">
        <v>0</v>
      </c>
      <c r="D46069">
        <v>0</v>
      </c>
    </row>
    <row r="46070" spans="1:4" x14ac:dyDescent="0.25">
      <c r="A46070" t="s">
        <v>63862</v>
      </c>
      <c r="B46070" t="s">
        <v>63867</v>
      </c>
      <c r="C46070">
        <v>2</v>
      </c>
      <c r="D46070">
        <v>0</v>
      </c>
    </row>
    <row r="46071" spans="1:4" x14ac:dyDescent="0.25">
      <c r="A46071" t="s">
        <v>63862</v>
      </c>
      <c r="B46071" t="s">
        <v>2651</v>
      </c>
      <c r="C46071">
        <v>0</v>
      </c>
      <c r="D46071">
        <v>0</v>
      </c>
    </row>
    <row r="46072" spans="1:4" x14ac:dyDescent="0.25">
      <c r="A46072" t="s">
        <v>63868</v>
      </c>
      <c r="B46072" t="s">
        <v>63869</v>
      </c>
      <c r="C46072">
        <v>0</v>
      </c>
      <c r="D46072">
        <v>0</v>
      </c>
    </row>
    <row r="46073" spans="1:4" x14ac:dyDescent="0.25">
      <c r="A46073" t="s">
        <v>63868</v>
      </c>
      <c r="B46073" t="s">
        <v>61776</v>
      </c>
      <c r="C46073">
        <v>1</v>
      </c>
      <c r="D46073">
        <v>0</v>
      </c>
    </row>
    <row r="46074" spans="1:4" x14ac:dyDescent="0.25">
      <c r="A46074" t="s">
        <v>63868</v>
      </c>
      <c r="B46074" t="s">
        <v>63870</v>
      </c>
      <c r="C46074">
        <v>0</v>
      </c>
      <c r="D46074">
        <v>0</v>
      </c>
    </row>
    <row r="46075" spans="1:4" x14ac:dyDescent="0.25">
      <c r="A46075" t="s">
        <v>63868</v>
      </c>
      <c r="B46075" t="s">
        <v>63871</v>
      </c>
      <c r="C46075">
        <v>0</v>
      </c>
      <c r="D46075">
        <v>0</v>
      </c>
    </row>
    <row r="46076" spans="1:4" x14ac:dyDescent="0.25">
      <c r="A46076" t="s">
        <v>63872</v>
      </c>
      <c r="B46076" t="s">
        <v>63873</v>
      </c>
      <c r="C46076">
        <v>1</v>
      </c>
      <c r="D46076">
        <v>0</v>
      </c>
    </row>
    <row r="46077" spans="1:4" x14ac:dyDescent="0.25">
      <c r="A46077" t="s">
        <v>63872</v>
      </c>
      <c r="B46077" t="s">
        <v>63874</v>
      </c>
      <c r="C46077">
        <v>0</v>
      </c>
      <c r="D46077">
        <v>0</v>
      </c>
    </row>
    <row r="46078" spans="1:4" x14ac:dyDescent="0.25">
      <c r="A46078" t="s">
        <v>63872</v>
      </c>
      <c r="B46078" t="s">
        <v>63875</v>
      </c>
      <c r="C46078">
        <v>0</v>
      </c>
      <c r="D46078">
        <v>0</v>
      </c>
    </row>
    <row r="46079" spans="1:4" x14ac:dyDescent="0.25">
      <c r="A46079" t="s">
        <v>63872</v>
      </c>
      <c r="B46079" t="s">
        <v>63876</v>
      </c>
      <c r="C46079">
        <v>1</v>
      </c>
      <c r="D46079">
        <v>0</v>
      </c>
    </row>
    <row r="46080" spans="1:4" x14ac:dyDescent="0.25">
      <c r="A46080" t="s">
        <v>63877</v>
      </c>
      <c r="B46080" t="s">
        <v>63878</v>
      </c>
      <c r="C46080">
        <v>1</v>
      </c>
      <c r="D46080">
        <v>0</v>
      </c>
    </row>
    <row r="46081" spans="1:4" x14ac:dyDescent="0.25">
      <c r="A46081" t="s">
        <v>63877</v>
      </c>
      <c r="B46081" t="s">
        <v>63879</v>
      </c>
      <c r="C46081">
        <v>0</v>
      </c>
      <c r="D46081">
        <v>0</v>
      </c>
    </row>
    <row r="46082" spans="1:4" x14ac:dyDescent="0.25">
      <c r="A46082" t="s">
        <v>63877</v>
      </c>
      <c r="B46082" t="s">
        <v>63880</v>
      </c>
      <c r="C46082">
        <v>1</v>
      </c>
      <c r="D46082">
        <v>0</v>
      </c>
    </row>
    <row r="46083" spans="1:4" x14ac:dyDescent="0.25">
      <c r="A46083" t="s">
        <v>63877</v>
      </c>
      <c r="B46083" t="s">
        <v>63881</v>
      </c>
      <c r="C46083">
        <v>0</v>
      </c>
      <c r="D46083">
        <v>0</v>
      </c>
    </row>
    <row r="46084" spans="1:4" x14ac:dyDescent="0.25">
      <c r="A46084" t="s">
        <v>63877</v>
      </c>
      <c r="B46084" t="s">
        <v>63882</v>
      </c>
      <c r="C46084">
        <v>1</v>
      </c>
      <c r="D46084">
        <v>0</v>
      </c>
    </row>
    <row r="46085" spans="1:4" x14ac:dyDescent="0.25">
      <c r="A46085" t="s">
        <v>63883</v>
      </c>
      <c r="B46085" t="s">
        <v>63884</v>
      </c>
      <c r="C46085">
        <v>1</v>
      </c>
      <c r="D46085">
        <v>0</v>
      </c>
    </row>
    <row r="46086" spans="1:4" x14ac:dyDescent="0.25">
      <c r="A46086" t="s">
        <v>63883</v>
      </c>
      <c r="B46086" t="s">
        <v>63885</v>
      </c>
      <c r="C46086">
        <v>2</v>
      </c>
      <c r="D46086">
        <v>0</v>
      </c>
    </row>
    <row r="46087" spans="1:4" x14ac:dyDescent="0.25">
      <c r="A46087" t="s">
        <v>63883</v>
      </c>
      <c r="B46087" t="s">
        <v>63886</v>
      </c>
      <c r="C46087">
        <v>2</v>
      </c>
      <c r="D46087">
        <v>0</v>
      </c>
    </row>
    <row r="46088" spans="1:4" x14ac:dyDescent="0.25">
      <c r="A46088" t="s">
        <v>63883</v>
      </c>
      <c r="B46088" t="s">
        <v>63887</v>
      </c>
      <c r="C46088">
        <v>2</v>
      </c>
      <c r="D46088">
        <v>0</v>
      </c>
    </row>
    <row r="46089" spans="1:4" x14ac:dyDescent="0.25">
      <c r="A46089" t="s">
        <v>63883</v>
      </c>
      <c r="B46089" t="s">
        <v>63888</v>
      </c>
      <c r="C46089">
        <v>2</v>
      </c>
      <c r="D46089">
        <v>0</v>
      </c>
    </row>
    <row r="46090" spans="1:4" x14ac:dyDescent="0.25">
      <c r="A46090" t="s">
        <v>63889</v>
      </c>
      <c r="B46090" t="s">
        <v>63890</v>
      </c>
      <c r="C46090">
        <v>0</v>
      </c>
      <c r="D46090">
        <v>0</v>
      </c>
    </row>
    <row r="46091" spans="1:4" x14ac:dyDescent="0.25">
      <c r="A46091" t="s">
        <v>63891</v>
      </c>
      <c r="B46091" t="s">
        <v>63892</v>
      </c>
      <c r="C46091">
        <v>1</v>
      </c>
      <c r="D46091">
        <v>0</v>
      </c>
    </row>
    <row r="46092" spans="1:4" x14ac:dyDescent="0.25">
      <c r="A46092" t="s">
        <v>63891</v>
      </c>
      <c r="B46092" t="s">
        <v>63893</v>
      </c>
      <c r="C46092">
        <v>0</v>
      </c>
      <c r="D46092">
        <v>0</v>
      </c>
    </row>
    <row r="46093" spans="1:4" x14ac:dyDescent="0.25">
      <c r="A46093" t="s">
        <v>63891</v>
      </c>
      <c r="B46093" t="s">
        <v>63894</v>
      </c>
      <c r="C46093">
        <v>2</v>
      </c>
      <c r="D46093">
        <v>0</v>
      </c>
    </row>
    <row r="46094" spans="1:4" x14ac:dyDescent="0.25">
      <c r="A46094" t="s">
        <v>63891</v>
      </c>
      <c r="B46094" t="s">
        <v>63895</v>
      </c>
      <c r="C46094">
        <v>1</v>
      </c>
      <c r="D46094">
        <v>0</v>
      </c>
    </row>
    <row r="46095" spans="1:4" x14ac:dyDescent="0.25">
      <c r="A46095" t="s">
        <v>63891</v>
      </c>
      <c r="B46095" t="s">
        <v>63896</v>
      </c>
      <c r="C46095">
        <v>1</v>
      </c>
      <c r="D46095">
        <v>0</v>
      </c>
    </row>
    <row r="46096" spans="1:4" x14ac:dyDescent="0.25">
      <c r="A46096" t="s">
        <v>63897</v>
      </c>
      <c r="B46096" t="s">
        <v>63898</v>
      </c>
      <c r="C46096">
        <v>0</v>
      </c>
      <c r="D46096">
        <v>0</v>
      </c>
    </row>
    <row r="46097" spans="1:4" x14ac:dyDescent="0.25">
      <c r="A46097" t="s">
        <v>63897</v>
      </c>
      <c r="B46097" t="s">
        <v>63899</v>
      </c>
      <c r="C46097">
        <v>0</v>
      </c>
      <c r="D46097">
        <v>0</v>
      </c>
    </row>
    <row r="46098" spans="1:4" x14ac:dyDescent="0.25">
      <c r="A46098" t="s">
        <v>63900</v>
      </c>
      <c r="B46098" t="s">
        <v>63901</v>
      </c>
      <c r="C46098">
        <v>0</v>
      </c>
      <c r="D46098">
        <v>0</v>
      </c>
    </row>
    <row r="46099" spans="1:4" x14ac:dyDescent="0.25">
      <c r="A46099" t="s">
        <v>63900</v>
      </c>
      <c r="B46099" t="s">
        <v>63902</v>
      </c>
      <c r="C46099">
        <v>1</v>
      </c>
      <c r="D46099">
        <v>0</v>
      </c>
    </row>
    <row r="46100" spans="1:4" x14ac:dyDescent="0.25">
      <c r="A46100" t="s">
        <v>63900</v>
      </c>
      <c r="B46100" t="s">
        <v>63903</v>
      </c>
      <c r="C46100">
        <v>0</v>
      </c>
      <c r="D46100">
        <v>0</v>
      </c>
    </row>
    <row r="46101" spans="1:4" x14ac:dyDescent="0.25">
      <c r="A46101" t="s">
        <v>63900</v>
      </c>
      <c r="B46101" t="s">
        <v>63904</v>
      </c>
      <c r="C46101">
        <v>0</v>
      </c>
      <c r="D46101">
        <v>0</v>
      </c>
    </row>
    <row r="46102" spans="1:4" x14ac:dyDescent="0.25">
      <c r="A46102" t="s">
        <v>63900</v>
      </c>
      <c r="B46102" t="s">
        <v>63905</v>
      </c>
      <c r="C46102">
        <v>2</v>
      </c>
      <c r="D46102">
        <v>0</v>
      </c>
    </row>
    <row r="46103" spans="1:4" x14ac:dyDescent="0.25">
      <c r="A46103" t="s">
        <v>63906</v>
      </c>
      <c r="B46103" t="s">
        <v>63907</v>
      </c>
      <c r="C46103">
        <v>1</v>
      </c>
      <c r="D46103">
        <v>0</v>
      </c>
    </row>
    <row r="46104" spans="1:4" x14ac:dyDescent="0.25">
      <c r="A46104" t="s">
        <v>63906</v>
      </c>
      <c r="B46104" t="s">
        <v>2052</v>
      </c>
      <c r="C46104">
        <v>0</v>
      </c>
      <c r="D46104">
        <v>0</v>
      </c>
    </row>
    <row r="46105" spans="1:4" x14ac:dyDescent="0.25">
      <c r="A46105" t="s">
        <v>63906</v>
      </c>
      <c r="B46105" t="s">
        <v>63908</v>
      </c>
      <c r="C46105">
        <v>1</v>
      </c>
      <c r="D46105">
        <v>0</v>
      </c>
    </row>
    <row r="46106" spans="1:4" x14ac:dyDescent="0.25">
      <c r="A46106" t="s">
        <v>63906</v>
      </c>
      <c r="B46106" t="s">
        <v>63909</v>
      </c>
      <c r="C46106">
        <v>1</v>
      </c>
      <c r="D46106">
        <v>0</v>
      </c>
    </row>
    <row r="46107" spans="1:4" x14ac:dyDescent="0.25">
      <c r="A46107" t="s">
        <v>63906</v>
      </c>
      <c r="B46107" t="s">
        <v>63910</v>
      </c>
      <c r="C46107">
        <v>1</v>
      </c>
      <c r="D46107">
        <v>0</v>
      </c>
    </row>
    <row r="46108" spans="1:4" x14ac:dyDescent="0.25">
      <c r="A46108" t="s">
        <v>63911</v>
      </c>
      <c r="B46108" t="s">
        <v>63912</v>
      </c>
      <c r="C46108">
        <v>1</v>
      </c>
      <c r="D46108">
        <v>0</v>
      </c>
    </row>
    <row r="46109" spans="1:4" x14ac:dyDescent="0.25">
      <c r="A46109" t="s">
        <v>63911</v>
      </c>
      <c r="B46109" t="s">
        <v>63913</v>
      </c>
      <c r="C46109">
        <v>2</v>
      </c>
      <c r="D46109">
        <v>0</v>
      </c>
    </row>
    <row r="46110" spans="1:4" x14ac:dyDescent="0.25">
      <c r="A46110" t="s">
        <v>63914</v>
      </c>
      <c r="B46110" t="s">
        <v>63915</v>
      </c>
      <c r="C46110">
        <v>1</v>
      </c>
      <c r="D46110">
        <v>0</v>
      </c>
    </row>
    <row r="46111" spans="1:4" x14ac:dyDescent="0.25">
      <c r="A46111" t="s">
        <v>63914</v>
      </c>
      <c r="B46111" t="s">
        <v>63916</v>
      </c>
      <c r="C46111">
        <v>0</v>
      </c>
      <c r="D46111">
        <v>0</v>
      </c>
    </row>
    <row r="46112" spans="1:4" x14ac:dyDescent="0.25">
      <c r="A46112" t="s">
        <v>63917</v>
      </c>
      <c r="B46112" t="s">
        <v>63918</v>
      </c>
      <c r="C46112">
        <v>1</v>
      </c>
      <c r="D46112">
        <v>0</v>
      </c>
    </row>
    <row r="46113" spans="1:4" x14ac:dyDescent="0.25">
      <c r="A46113" t="s">
        <v>63917</v>
      </c>
      <c r="B46113" t="s">
        <v>63919</v>
      </c>
      <c r="C46113">
        <v>1</v>
      </c>
      <c r="D46113">
        <v>0</v>
      </c>
    </row>
    <row r="46114" spans="1:4" x14ac:dyDescent="0.25">
      <c r="A46114" t="s">
        <v>63917</v>
      </c>
      <c r="B46114" t="s">
        <v>63920</v>
      </c>
      <c r="C46114">
        <v>0</v>
      </c>
      <c r="D46114">
        <v>0</v>
      </c>
    </row>
    <row r="46115" spans="1:4" x14ac:dyDescent="0.25">
      <c r="A46115" t="s">
        <v>63917</v>
      </c>
      <c r="B46115" t="s">
        <v>63921</v>
      </c>
      <c r="C46115">
        <v>1</v>
      </c>
      <c r="D46115">
        <v>0</v>
      </c>
    </row>
    <row r="46116" spans="1:4" x14ac:dyDescent="0.25">
      <c r="A46116" t="s">
        <v>63917</v>
      </c>
      <c r="B46116" t="s">
        <v>63922</v>
      </c>
      <c r="C46116">
        <v>1</v>
      </c>
      <c r="D46116">
        <v>0</v>
      </c>
    </row>
    <row r="46117" spans="1:4" x14ac:dyDescent="0.25">
      <c r="A46117" t="s">
        <v>63917</v>
      </c>
      <c r="B46117" t="s">
        <v>63923</v>
      </c>
      <c r="C46117">
        <v>2</v>
      </c>
      <c r="D46117">
        <v>0</v>
      </c>
    </row>
    <row r="46118" spans="1:4" x14ac:dyDescent="0.25">
      <c r="A46118" t="s">
        <v>63917</v>
      </c>
      <c r="B46118" t="s">
        <v>63924</v>
      </c>
      <c r="C46118">
        <v>0</v>
      </c>
      <c r="D46118">
        <v>0</v>
      </c>
    </row>
    <row r="46119" spans="1:4" x14ac:dyDescent="0.25">
      <c r="A46119" t="s">
        <v>63925</v>
      </c>
      <c r="B46119" t="s">
        <v>63926</v>
      </c>
      <c r="C46119">
        <v>1</v>
      </c>
      <c r="D46119">
        <v>0</v>
      </c>
    </row>
    <row r="46120" spans="1:4" x14ac:dyDescent="0.25">
      <c r="A46120" t="s">
        <v>63927</v>
      </c>
      <c r="B46120" t="s">
        <v>51835</v>
      </c>
      <c r="C46120">
        <v>0</v>
      </c>
      <c r="D46120">
        <v>0</v>
      </c>
    </row>
    <row r="46121" spans="1:4" x14ac:dyDescent="0.25">
      <c r="A46121" t="s">
        <v>63928</v>
      </c>
      <c r="B46121" t="s">
        <v>46710</v>
      </c>
      <c r="C46121">
        <v>1</v>
      </c>
      <c r="D46121">
        <v>0</v>
      </c>
    </row>
    <row r="46122" spans="1:4" x14ac:dyDescent="0.25">
      <c r="A46122" t="s">
        <v>63928</v>
      </c>
      <c r="B46122" t="s">
        <v>63929</v>
      </c>
      <c r="C46122">
        <v>2</v>
      </c>
      <c r="D46122">
        <v>0</v>
      </c>
    </row>
    <row r="46123" spans="1:4" x14ac:dyDescent="0.25">
      <c r="A46123" t="s">
        <v>63928</v>
      </c>
      <c r="B46123" t="s">
        <v>63930</v>
      </c>
      <c r="C46123">
        <v>1</v>
      </c>
      <c r="D46123">
        <v>0</v>
      </c>
    </row>
    <row r="46124" spans="1:4" x14ac:dyDescent="0.25">
      <c r="A46124" t="s">
        <v>63931</v>
      </c>
      <c r="B46124" t="s">
        <v>63932</v>
      </c>
      <c r="C46124">
        <v>1</v>
      </c>
      <c r="D46124">
        <v>0</v>
      </c>
    </row>
    <row r="46125" spans="1:4" x14ac:dyDescent="0.25">
      <c r="A46125" t="s">
        <v>63931</v>
      </c>
      <c r="B46125" t="s">
        <v>63933</v>
      </c>
      <c r="C46125">
        <v>2</v>
      </c>
      <c r="D46125">
        <v>0</v>
      </c>
    </row>
    <row r="46126" spans="1:4" x14ac:dyDescent="0.25">
      <c r="A46126" t="s">
        <v>63931</v>
      </c>
      <c r="B46126" t="s">
        <v>63932</v>
      </c>
      <c r="C46126">
        <v>2</v>
      </c>
      <c r="D46126">
        <v>0</v>
      </c>
    </row>
    <row r="46127" spans="1:4" x14ac:dyDescent="0.25">
      <c r="A46127" t="s">
        <v>63931</v>
      </c>
      <c r="B46127" t="s">
        <v>63934</v>
      </c>
      <c r="C46127">
        <v>2</v>
      </c>
      <c r="D46127">
        <v>0</v>
      </c>
    </row>
    <row r="46128" spans="1:4" x14ac:dyDescent="0.25">
      <c r="A46128" t="s">
        <v>63931</v>
      </c>
      <c r="B46128" t="s">
        <v>63935</v>
      </c>
      <c r="C46128">
        <v>1</v>
      </c>
      <c r="D46128">
        <v>0</v>
      </c>
    </row>
    <row r="46129" spans="1:4" x14ac:dyDescent="0.25">
      <c r="A46129" t="s">
        <v>63931</v>
      </c>
      <c r="B46129" t="s">
        <v>63936</v>
      </c>
      <c r="C46129">
        <v>2</v>
      </c>
      <c r="D46129">
        <v>0</v>
      </c>
    </row>
    <row r="46130" spans="1:4" x14ac:dyDescent="0.25">
      <c r="A46130" t="s">
        <v>63931</v>
      </c>
      <c r="B46130" t="s">
        <v>63937</v>
      </c>
      <c r="C46130">
        <v>1</v>
      </c>
      <c r="D46130">
        <v>0</v>
      </c>
    </row>
    <row r="46131" spans="1:4" x14ac:dyDescent="0.25">
      <c r="A46131" t="s">
        <v>63938</v>
      </c>
      <c r="B46131" t="s">
        <v>63939</v>
      </c>
      <c r="C46131">
        <v>0</v>
      </c>
      <c r="D46131">
        <v>0</v>
      </c>
    </row>
    <row r="46132" spans="1:4" x14ac:dyDescent="0.25">
      <c r="A46132" t="s">
        <v>63938</v>
      </c>
      <c r="B46132" t="s">
        <v>63940</v>
      </c>
      <c r="C46132">
        <v>1</v>
      </c>
      <c r="D46132">
        <v>0</v>
      </c>
    </row>
    <row r="46133" spans="1:4" x14ac:dyDescent="0.25">
      <c r="A46133" t="s">
        <v>63938</v>
      </c>
      <c r="B46133" t="s">
        <v>63941</v>
      </c>
      <c r="C46133">
        <v>2</v>
      </c>
      <c r="D46133">
        <v>0</v>
      </c>
    </row>
    <row r="46134" spans="1:4" x14ac:dyDescent="0.25">
      <c r="A46134" t="s">
        <v>63938</v>
      </c>
      <c r="B46134" t="s">
        <v>63942</v>
      </c>
      <c r="C46134">
        <v>0</v>
      </c>
      <c r="D46134">
        <v>0</v>
      </c>
    </row>
    <row r="46135" spans="1:4" x14ac:dyDescent="0.25">
      <c r="A46135" t="s">
        <v>63938</v>
      </c>
      <c r="B46135" t="s">
        <v>63943</v>
      </c>
      <c r="C46135">
        <v>0</v>
      </c>
      <c r="D46135">
        <v>0</v>
      </c>
    </row>
    <row r="46136" spans="1:4" x14ac:dyDescent="0.25">
      <c r="A46136" t="s">
        <v>63944</v>
      </c>
      <c r="B46136" t="s">
        <v>63945</v>
      </c>
      <c r="C46136">
        <v>1</v>
      </c>
      <c r="D46136">
        <v>0</v>
      </c>
    </row>
    <row r="46137" spans="1:4" x14ac:dyDescent="0.25">
      <c r="A46137" t="s">
        <v>63944</v>
      </c>
      <c r="B46137" t="s">
        <v>63946</v>
      </c>
      <c r="C46137">
        <v>1</v>
      </c>
      <c r="D46137">
        <v>0</v>
      </c>
    </row>
    <row r="46138" spans="1:4" x14ac:dyDescent="0.25">
      <c r="A46138" t="s">
        <v>63944</v>
      </c>
      <c r="B46138" t="s">
        <v>63947</v>
      </c>
      <c r="C46138">
        <v>0</v>
      </c>
      <c r="D46138">
        <v>0</v>
      </c>
    </row>
    <row r="46139" spans="1:4" x14ac:dyDescent="0.25">
      <c r="A46139" t="s">
        <v>63944</v>
      </c>
      <c r="B46139" t="s">
        <v>63948</v>
      </c>
      <c r="C46139">
        <v>2</v>
      </c>
      <c r="D46139">
        <v>0</v>
      </c>
    </row>
    <row r="46140" spans="1:4" x14ac:dyDescent="0.25">
      <c r="A46140" t="s">
        <v>63944</v>
      </c>
      <c r="B46140" t="s">
        <v>63949</v>
      </c>
      <c r="C46140">
        <v>1</v>
      </c>
      <c r="D46140">
        <v>0</v>
      </c>
    </row>
    <row r="46141" spans="1:4" x14ac:dyDescent="0.25">
      <c r="A46141" t="s">
        <v>63944</v>
      </c>
      <c r="B46141" t="s">
        <v>63950</v>
      </c>
      <c r="C46141">
        <v>2</v>
      </c>
      <c r="D46141">
        <v>0</v>
      </c>
    </row>
    <row r="46142" spans="1:4" x14ac:dyDescent="0.25">
      <c r="A46142" t="s">
        <v>63951</v>
      </c>
      <c r="B46142" t="s">
        <v>63952</v>
      </c>
      <c r="C46142">
        <v>0</v>
      </c>
      <c r="D46142">
        <v>0</v>
      </c>
    </row>
    <row r="46143" spans="1:4" x14ac:dyDescent="0.25">
      <c r="A46143" t="s">
        <v>63951</v>
      </c>
      <c r="B46143" t="s">
        <v>63953</v>
      </c>
      <c r="C46143">
        <v>1</v>
      </c>
      <c r="D46143">
        <v>0</v>
      </c>
    </row>
    <row r="46144" spans="1:4" x14ac:dyDescent="0.25">
      <c r="A46144" t="s">
        <v>63951</v>
      </c>
      <c r="B46144" t="s">
        <v>63954</v>
      </c>
      <c r="C46144">
        <v>1</v>
      </c>
      <c r="D46144">
        <v>0</v>
      </c>
    </row>
    <row r="46145" spans="1:4" x14ac:dyDescent="0.25">
      <c r="A46145" t="s">
        <v>63951</v>
      </c>
      <c r="B46145" t="s">
        <v>63955</v>
      </c>
      <c r="C46145">
        <v>1</v>
      </c>
      <c r="D46145">
        <v>0</v>
      </c>
    </row>
    <row r="46146" spans="1:4" x14ac:dyDescent="0.25">
      <c r="A46146" t="s">
        <v>63951</v>
      </c>
      <c r="B46146" t="s">
        <v>63956</v>
      </c>
      <c r="C46146">
        <v>1</v>
      </c>
      <c r="D46146">
        <v>0</v>
      </c>
    </row>
    <row r="46147" spans="1:4" x14ac:dyDescent="0.25">
      <c r="A46147" t="s">
        <v>63957</v>
      </c>
      <c r="B46147" t="s">
        <v>63958</v>
      </c>
      <c r="C46147">
        <v>1</v>
      </c>
      <c r="D46147">
        <v>0</v>
      </c>
    </row>
    <row r="46148" spans="1:4" x14ac:dyDescent="0.25">
      <c r="A46148" t="s">
        <v>63957</v>
      </c>
      <c r="B46148" t="s">
        <v>63959</v>
      </c>
      <c r="C46148">
        <v>1</v>
      </c>
      <c r="D46148">
        <v>0</v>
      </c>
    </row>
    <row r="46149" spans="1:4" x14ac:dyDescent="0.25">
      <c r="A46149" t="s">
        <v>63957</v>
      </c>
      <c r="B46149" t="s">
        <v>63960</v>
      </c>
      <c r="C46149">
        <v>1</v>
      </c>
      <c r="D46149">
        <v>0</v>
      </c>
    </row>
    <row r="46150" spans="1:4" x14ac:dyDescent="0.25">
      <c r="A46150" t="s">
        <v>63957</v>
      </c>
      <c r="B46150" t="s">
        <v>63961</v>
      </c>
      <c r="C46150">
        <v>0</v>
      </c>
      <c r="D46150">
        <v>0</v>
      </c>
    </row>
    <row r="46151" spans="1:4" x14ac:dyDescent="0.25">
      <c r="A46151" t="s">
        <v>63962</v>
      </c>
      <c r="B46151" t="s">
        <v>63963</v>
      </c>
      <c r="C46151">
        <v>2</v>
      </c>
      <c r="D46151">
        <v>0</v>
      </c>
    </row>
    <row r="46152" spans="1:4" x14ac:dyDescent="0.25">
      <c r="A46152" t="s">
        <v>63962</v>
      </c>
      <c r="B46152" t="s">
        <v>63964</v>
      </c>
      <c r="C46152">
        <v>2</v>
      </c>
      <c r="D46152">
        <v>0</v>
      </c>
    </row>
    <row r="46153" spans="1:4" x14ac:dyDescent="0.25">
      <c r="A46153" t="s">
        <v>63962</v>
      </c>
      <c r="B46153" t="s">
        <v>63965</v>
      </c>
      <c r="C46153">
        <v>2</v>
      </c>
      <c r="D46153">
        <v>0</v>
      </c>
    </row>
    <row r="46154" spans="1:4" x14ac:dyDescent="0.25">
      <c r="A46154" t="s">
        <v>63962</v>
      </c>
      <c r="B46154" t="s">
        <v>63966</v>
      </c>
      <c r="C46154">
        <v>1</v>
      </c>
      <c r="D46154">
        <v>0</v>
      </c>
    </row>
    <row r="46155" spans="1:4" x14ac:dyDescent="0.25">
      <c r="A46155" t="s">
        <v>63962</v>
      </c>
      <c r="B46155" t="s">
        <v>63967</v>
      </c>
      <c r="C46155">
        <v>2</v>
      </c>
      <c r="D46155">
        <v>0</v>
      </c>
    </row>
    <row r="46156" spans="1:4" x14ac:dyDescent="0.25">
      <c r="A46156" t="s">
        <v>63962</v>
      </c>
      <c r="B46156" t="s">
        <v>63968</v>
      </c>
      <c r="C46156">
        <v>2</v>
      </c>
      <c r="D46156">
        <v>0</v>
      </c>
    </row>
    <row r="46157" spans="1:4" x14ac:dyDescent="0.25">
      <c r="A46157" t="s">
        <v>63969</v>
      </c>
      <c r="B46157" t="s">
        <v>63970</v>
      </c>
      <c r="C46157">
        <v>1</v>
      </c>
      <c r="D46157">
        <v>0</v>
      </c>
    </row>
    <row r="46158" spans="1:4" x14ac:dyDescent="0.25">
      <c r="A46158" t="s">
        <v>63969</v>
      </c>
      <c r="B46158" t="s">
        <v>63971</v>
      </c>
      <c r="C46158">
        <v>1</v>
      </c>
      <c r="D46158">
        <v>0</v>
      </c>
    </row>
    <row r="46159" spans="1:4" x14ac:dyDescent="0.25">
      <c r="A46159" t="s">
        <v>63969</v>
      </c>
      <c r="B46159" t="s">
        <v>63972</v>
      </c>
      <c r="C46159">
        <v>1</v>
      </c>
      <c r="D46159">
        <v>0</v>
      </c>
    </row>
    <row r="46160" spans="1:4" x14ac:dyDescent="0.25">
      <c r="A46160" t="s">
        <v>63969</v>
      </c>
      <c r="B46160" t="s">
        <v>63973</v>
      </c>
      <c r="C46160">
        <v>1</v>
      </c>
      <c r="D46160">
        <v>0</v>
      </c>
    </row>
    <row r="46161" spans="1:4" x14ac:dyDescent="0.25">
      <c r="A46161" t="s">
        <v>63969</v>
      </c>
      <c r="B46161" t="s">
        <v>63974</v>
      </c>
      <c r="C46161">
        <v>0</v>
      </c>
      <c r="D46161">
        <v>0</v>
      </c>
    </row>
    <row r="46162" spans="1:4" x14ac:dyDescent="0.25">
      <c r="A46162" t="s">
        <v>63975</v>
      </c>
      <c r="B46162" t="s">
        <v>63976</v>
      </c>
      <c r="C46162">
        <v>1</v>
      </c>
      <c r="D46162">
        <v>0</v>
      </c>
    </row>
    <row r="46163" spans="1:4" x14ac:dyDescent="0.25">
      <c r="A46163" t="s">
        <v>63975</v>
      </c>
      <c r="B46163" t="s">
        <v>63977</v>
      </c>
      <c r="C46163">
        <v>1</v>
      </c>
      <c r="D46163">
        <v>0</v>
      </c>
    </row>
    <row r="46164" spans="1:4" x14ac:dyDescent="0.25">
      <c r="A46164" t="s">
        <v>63975</v>
      </c>
      <c r="B46164" t="s">
        <v>63978</v>
      </c>
      <c r="C46164">
        <v>2</v>
      </c>
      <c r="D46164">
        <v>0</v>
      </c>
    </row>
    <row r="46165" spans="1:4" x14ac:dyDescent="0.25">
      <c r="A46165" t="s">
        <v>63975</v>
      </c>
      <c r="B46165" t="s">
        <v>63979</v>
      </c>
      <c r="C46165">
        <v>2</v>
      </c>
      <c r="D46165">
        <v>0</v>
      </c>
    </row>
    <row r="46166" spans="1:4" x14ac:dyDescent="0.25">
      <c r="A46166" t="s">
        <v>63980</v>
      </c>
      <c r="B46166" t="s">
        <v>63981</v>
      </c>
      <c r="C46166">
        <v>1</v>
      </c>
      <c r="D46166">
        <v>0</v>
      </c>
    </row>
    <row r="46167" spans="1:4" x14ac:dyDescent="0.25">
      <c r="A46167" t="s">
        <v>63980</v>
      </c>
      <c r="B46167" t="s">
        <v>63982</v>
      </c>
      <c r="C46167">
        <v>2</v>
      </c>
      <c r="D46167">
        <v>0</v>
      </c>
    </row>
    <row r="46168" spans="1:4" x14ac:dyDescent="0.25">
      <c r="A46168" t="s">
        <v>63980</v>
      </c>
      <c r="B46168" t="s">
        <v>63983</v>
      </c>
      <c r="C46168">
        <v>2</v>
      </c>
      <c r="D46168">
        <v>0</v>
      </c>
    </row>
    <row r="46169" spans="1:4" x14ac:dyDescent="0.25">
      <c r="A46169" t="s">
        <v>63980</v>
      </c>
      <c r="B46169" t="s">
        <v>63984</v>
      </c>
      <c r="C46169">
        <v>1</v>
      </c>
      <c r="D46169">
        <v>0</v>
      </c>
    </row>
    <row r="46170" spans="1:4" x14ac:dyDescent="0.25">
      <c r="A46170" t="s">
        <v>63980</v>
      </c>
      <c r="B46170" t="s">
        <v>63985</v>
      </c>
      <c r="C46170">
        <v>0</v>
      </c>
      <c r="D46170">
        <v>0</v>
      </c>
    </row>
    <row r="46171" spans="1:4" x14ac:dyDescent="0.25">
      <c r="A46171" t="s">
        <v>63980</v>
      </c>
      <c r="B46171" t="s">
        <v>63986</v>
      </c>
      <c r="C46171">
        <v>1</v>
      </c>
      <c r="D46171">
        <v>0</v>
      </c>
    </row>
    <row r="46172" spans="1:4" x14ac:dyDescent="0.25">
      <c r="A46172" t="s">
        <v>63980</v>
      </c>
      <c r="B46172" t="s">
        <v>63987</v>
      </c>
      <c r="C46172">
        <v>1</v>
      </c>
      <c r="D46172">
        <v>0</v>
      </c>
    </row>
    <row r="46173" spans="1:4" x14ac:dyDescent="0.25">
      <c r="A46173" t="s">
        <v>63980</v>
      </c>
      <c r="B46173" t="s">
        <v>63988</v>
      </c>
      <c r="C46173">
        <v>0</v>
      </c>
      <c r="D46173">
        <v>0</v>
      </c>
    </row>
    <row r="46174" spans="1:4" x14ac:dyDescent="0.25">
      <c r="A46174" t="s">
        <v>63989</v>
      </c>
      <c r="B46174" t="s">
        <v>63990</v>
      </c>
      <c r="C46174">
        <v>1</v>
      </c>
      <c r="D46174">
        <v>0</v>
      </c>
    </row>
    <row r="46175" spans="1:4" x14ac:dyDescent="0.25">
      <c r="A46175" t="s">
        <v>63989</v>
      </c>
      <c r="B46175" t="s">
        <v>63991</v>
      </c>
      <c r="C46175">
        <v>2</v>
      </c>
      <c r="D46175">
        <v>0</v>
      </c>
    </row>
    <row r="46176" spans="1:4" x14ac:dyDescent="0.25">
      <c r="A46176" t="s">
        <v>63989</v>
      </c>
      <c r="B46176" t="s">
        <v>53761</v>
      </c>
      <c r="C46176">
        <v>1</v>
      </c>
      <c r="D46176">
        <v>0</v>
      </c>
    </row>
    <row r="46177" spans="1:4" x14ac:dyDescent="0.25">
      <c r="A46177" t="s">
        <v>63989</v>
      </c>
      <c r="B46177" t="s">
        <v>63992</v>
      </c>
      <c r="C46177">
        <v>2</v>
      </c>
      <c r="D46177">
        <v>0</v>
      </c>
    </row>
    <row r="46178" spans="1:4" x14ac:dyDescent="0.25">
      <c r="A46178" t="s">
        <v>63993</v>
      </c>
      <c r="B46178" t="s">
        <v>63994</v>
      </c>
      <c r="C46178">
        <v>1</v>
      </c>
      <c r="D46178">
        <v>0</v>
      </c>
    </row>
    <row r="46179" spans="1:4" x14ac:dyDescent="0.25">
      <c r="A46179" t="s">
        <v>63993</v>
      </c>
      <c r="B46179" t="s">
        <v>63995</v>
      </c>
      <c r="C46179">
        <v>0</v>
      </c>
      <c r="D46179">
        <v>0</v>
      </c>
    </row>
    <row r="46180" spans="1:4" x14ac:dyDescent="0.25">
      <c r="A46180" t="s">
        <v>63993</v>
      </c>
      <c r="B46180" t="s">
        <v>63996</v>
      </c>
      <c r="C46180">
        <v>1</v>
      </c>
      <c r="D46180">
        <v>0</v>
      </c>
    </row>
    <row r="46181" spans="1:4" x14ac:dyDescent="0.25">
      <c r="A46181" t="s">
        <v>63993</v>
      </c>
      <c r="B46181" t="s">
        <v>63997</v>
      </c>
      <c r="C46181">
        <v>0</v>
      </c>
      <c r="D46181">
        <v>0</v>
      </c>
    </row>
    <row r="46182" spans="1:4" x14ac:dyDescent="0.25">
      <c r="A46182" t="s">
        <v>63993</v>
      </c>
      <c r="B46182" t="s">
        <v>2865</v>
      </c>
      <c r="C46182">
        <v>1</v>
      </c>
      <c r="D46182">
        <v>0</v>
      </c>
    </row>
    <row r="46183" spans="1:4" x14ac:dyDescent="0.25">
      <c r="A46183" t="s">
        <v>63993</v>
      </c>
      <c r="B46183" t="s">
        <v>63998</v>
      </c>
      <c r="C46183">
        <v>0</v>
      </c>
      <c r="D46183">
        <v>0</v>
      </c>
    </row>
    <row r="46184" spans="1:4" x14ac:dyDescent="0.25">
      <c r="A46184" t="s">
        <v>63999</v>
      </c>
      <c r="B46184" t="s">
        <v>64000</v>
      </c>
      <c r="C46184">
        <v>2</v>
      </c>
      <c r="D46184">
        <v>0</v>
      </c>
    </row>
    <row r="46185" spans="1:4" x14ac:dyDescent="0.25">
      <c r="A46185" t="s">
        <v>64001</v>
      </c>
      <c r="B46185" t="s">
        <v>64002</v>
      </c>
      <c r="C46185">
        <v>1</v>
      </c>
      <c r="D46185">
        <v>0</v>
      </c>
    </row>
    <row r="46186" spans="1:4" x14ac:dyDescent="0.25">
      <c r="A46186" t="s">
        <v>64001</v>
      </c>
      <c r="B46186" t="s">
        <v>64003</v>
      </c>
      <c r="C46186">
        <v>0</v>
      </c>
      <c r="D46186">
        <v>0</v>
      </c>
    </row>
    <row r="46187" spans="1:4" x14ac:dyDescent="0.25">
      <c r="A46187" t="s">
        <v>64001</v>
      </c>
      <c r="B46187" t="s">
        <v>64004</v>
      </c>
      <c r="C46187">
        <v>0</v>
      </c>
      <c r="D46187">
        <v>0</v>
      </c>
    </row>
    <row r="46188" spans="1:4" x14ac:dyDescent="0.25">
      <c r="A46188" t="s">
        <v>64001</v>
      </c>
      <c r="B46188" t="s">
        <v>64005</v>
      </c>
      <c r="C46188">
        <v>0</v>
      </c>
      <c r="D46188">
        <v>0</v>
      </c>
    </row>
    <row r="46189" spans="1:4" x14ac:dyDescent="0.25">
      <c r="A46189" t="s">
        <v>64006</v>
      </c>
      <c r="B46189" t="s">
        <v>64007</v>
      </c>
      <c r="C46189">
        <v>1</v>
      </c>
      <c r="D46189">
        <v>0</v>
      </c>
    </row>
    <row r="46190" spans="1:4" x14ac:dyDescent="0.25">
      <c r="A46190" t="s">
        <v>64006</v>
      </c>
      <c r="B46190" t="s">
        <v>64008</v>
      </c>
      <c r="C46190">
        <v>0</v>
      </c>
      <c r="D46190">
        <v>0</v>
      </c>
    </row>
    <row r="46191" spans="1:4" x14ac:dyDescent="0.25">
      <c r="A46191" t="s">
        <v>64006</v>
      </c>
      <c r="B46191" t="s">
        <v>64009</v>
      </c>
      <c r="C46191">
        <v>1</v>
      </c>
      <c r="D46191">
        <v>0</v>
      </c>
    </row>
    <row r="46192" spans="1:4" x14ac:dyDescent="0.25">
      <c r="A46192" t="s">
        <v>64010</v>
      </c>
      <c r="B46192" t="s">
        <v>64011</v>
      </c>
      <c r="C46192">
        <v>1</v>
      </c>
      <c r="D46192">
        <v>0</v>
      </c>
    </row>
    <row r="46193" spans="1:4" x14ac:dyDescent="0.25">
      <c r="A46193" t="s">
        <v>64010</v>
      </c>
      <c r="B46193" t="s">
        <v>64012</v>
      </c>
      <c r="C46193">
        <v>1</v>
      </c>
      <c r="D46193">
        <v>0</v>
      </c>
    </row>
    <row r="46194" spans="1:4" x14ac:dyDescent="0.25">
      <c r="A46194" t="s">
        <v>64010</v>
      </c>
      <c r="B46194" t="s">
        <v>64013</v>
      </c>
      <c r="C46194">
        <v>1</v>
      </c>
      <c r="D46194">
        <v>0</v>
      </c>
    </row>
    <row r="46195" spans="1:4" x14ac:dyDescent="0.25">
      <c r="A46195" t="s">
        <v>64010</v>
      </c>
      <c r="B46195" t="s">
        <v>64014</v>
      </c>
      <c r="C46195">
        <v>1</v>
      </c>
      <c r="D46195">
        <v>0</v>
      </c>
    </row>
    <row r="46196" spans="1:4" x14ac:dyDescent="0.25">
      <c r="A46196" t="s">
        <v>64010</v>
      </c>
      <c r="B46196" t="s">
        <v>64015</v>
      </c>
      <c r="C46196">
        <v>1</v>
      </c>
      <c r="D46196">
        <v>0</v>
      </c>
    </row>
    <row r="46197" spans="1:4" x14ac:dyDescent="0.25">
      <c r="A46197" t="s">
        <v>64016</v>
      </c>
      <c r="B46197" t="s">
        <v>64017</v>
      </c>
      <c r="C46197">
        <v>1</v>
      </c>
      <c r="D46197">
        <v>0</v>
      </c>
    </row>
    <row r="46198" spans="1:4" x14ac:dyDescent="0.25">
      <c r="A46198" t="s">
        <v>64016</v>
      </c>
      <c r="B46198" t="s">
        <v>64018</v>
      </c>
      <c r="C46198">
        <v>1</v>
      </c>
      <c r="D46198">
        <v>0</v>
      </c>
    </row>
    <row r="46199" spans="1:4" x14ac:dyDescent="0.25">
      <c r="A46199" t="s">
        <v>64016</v>
      </c>
      <c r="B46199" t="s">
        <v>64019</v>
      </c>
      <c r="C46199">
        <v>1</v>
      </c>
      <c r="D46199">
        <v>0</v>
      </c>
    </row>
    <row r="46200" spans="1:4" x14ac:dyDescent="0.25">
      <c r="A46200" t="s">
        <v>64016</v>
      </c>
      <c r="B46200" t="s">
        <v>64020</v>
      </c>
      <c r="C46200">
        <v>0</v>
      </c>
      <c r="D46200">
        <v>0</v>
      </c>
    </row>
    <row r="46201" spans="1:4" x14ac:dyDescent="0.25">
      <c r="A46201" t="s">
        <v>64016</v>
      </c>
      <c r="B46201" t="s">
        <v>64021</v>
      </c>
      <c r="C46201">
        <v>1</v>
      </c>
      <c r="D46201">
        <v>0</v>
      </c>
    </row>
    <row r="46202" spans="1:4" x14ac:dyDescent="0.25">
      <c r="A46202" t="s">
        <v>64022</v>
      </c>
      <c r="B46202" t="s">
        <v>5713</v>
      </c>
      <c r="C46202">
        <v>1</v>
      </c>
      <c r="D46202">
        <v>0</v>
      </c>
    </row>
    <row r="46203" spans="1:4" x14ac:dyDescent="0.25">
      <c r="A46203" t="s">
        <v>64022</v>
      </c>
      <c r="B46203" t="s">
        <v>2865</v>
      </c>
      <c r="C46203">
        <v>0</v>
      </c>
      <c r="D46203">
        <v>0</v>
      </c>
    </row>
    <row r="46204" spans="1:4" x14ac:dyDescent="0.25">
      <c r="A46204" t="s">
        <v>64022</v>
      </c>
      <c r="B46204" t="s">
        <v>64023</v>
      </c>
      <c r="C46204">
        <v>2</v>
      </c>
      <c r="D46204">
        <v>0</v>
      </c>
    </row>
    <row r="46205" spans="1:4" x14ac:dyDescent="0.25">
      <c r="A46205" t="s">
        <v>64022</v>
      </c>
      <c r="B46205" t="s">
        <v>5713</v>
      </c>
      <c r="C46205">
        <v>1</v>
      </c>
      <c r="D46205">
        <v>0</v>
      </c>
    </row>
    <row r="46206" spans="1:4" x14ac:dyDescent="0.25">
      <c r="A46206" t="s">
        <v>64022</v>
      </c>
      <c r="B46206" t="s">
        <v>11075</v>
      </c>
      <c r="C46206">
        <v>1</v>
      </c>
      <c r="D46206">
        <v>0</v>
      </c>
    </row>
    <row r="46207" spans="1:4" x14ac:dyDescent="0.25">
      <c r="A46207" t="s">
        <v>64022</v>
      </c>
      <c r="B46207" t="s">
        <v>64024</v>
      </c>
      <c r="C46207">
        <v>1</v>
      </c>
      <c r="D46207">
        <v>0</v>
      </c>
    </row>
    <row r="46208" spans="1:4" x14ac:dyDescent="0.25">
      <c r="A46208" t="s">
        <v>64025</v>
      </c>
      <c r="B46208" t="s">
        <v>64026</v>
      </c>
      <c r="C46208">
        <v>0</v>
      </c>
      <c r="D46208">
        <v>0</v>
      </c>
    </row>
    <row r="46209" spans="1:4" x14ac:dyDescent="0.25">
      <c r="A46209" t="s">
        <v>64025</v>
      </c>
      <c r="B46209" t="s">
        <v>46031</v>
      </c>
      <c r="C46209">
        <v>1</v>
      </c>
      <c r="D46209">
        <v>0</v>
      </c>
    </row>
    <row r="46210" spans="1:4" x14ac:dyDescent="0.25">
      <c r="A46210" t="s">
        <v>64025</v>
      </c>
      <c r="B46210" t="s">
        <v>19309</v>
      </c>
      <c r="C46210">
        <v>0</v>
      </c>
      <c r="D46210">
        <v>0</v>
      </c>
    </row>
    <row r="46211" spans="1:4" x14ac:dyDescent="0.25">
      <c r="A46211" t="s">
        <v>64025</v>
      </c>
      <c r="B46211" t="s">
        <v>64027</v>
      </c>
      <c r="C46211">
        <v>2</v>
      </c>
      <c r="D46211">
        <v>0</v>
      </c>
    </row>
    <row r="46212" spans="1:4" x14ac:dyDescent="0.25">
      <c r="A46212" t="s">
        <v>64025</v>
      </c>
      <c r="B46212" t="s">
        <v>64028</v>
      </c>
      <c r="C46212">
        <v>2</v>
      </c>
      <c r="D46212">
        <v>0</v>
      </c>
    </row>
    <row r="46213" spans="1:4" x14ac:dyDescent="0.25">
      <c r="A46213" t="s">
        <v>64025</v>
      </c>
      <c r="B46213" t="s">
        <v>64029</v>
      </c>
      <c r="C46213">
        <v>0</v>
      </c>
      <c r="D46213">
        <v>0</v>
      </c>
    </row>
    <row r="46214" spans="1:4" x14ac:dyDescent="0.25">
      <c r="A46214" t="s">
        <v>64030</v>
      </c>
      <c r="B46214" t="s">
        <v>64031</v>
      </c>
      <c r="C46214">
        <v>0</v>
      </c>
      <c r="D46214">
        <v>0</v>
      </c>
    </row>
    <row r="46215" spans="1:4" x14ac:dyDescent="0.25">
      <c r="A46215" t="s">
        <v>64030</v>
      </c>
      <c r="B46215" t="s">
        <v>64032</v>
      </c>
      <c r="C46215">
        <v>1</v>
      </c>
      <c r="D46215">
        <v>0</v>
      </c>
    </row>
    <row r="46216" spans="1:4" x14ac:dyDescent="0.25">
      <c r="A46216" t="s">
        <v>64030</v>
      </c>
      <c r="B46216" t="s">
        <v>64033</v>
      </c>
      <c r="C46216">
        <v>1</v>
      </c>
      <c r="D46216">
        <v>0</v>
      </c>
    </row>
    <row r="46217" spans="1:4" x14ac:dyDescent="0.25">
      <c r="A46217" t="s">
        <v>64030</v>
      </c>
      <c r="B46217" t="s">
        <v>64034</v>
      </c>
      <c r="C46217">
        <v>1</v>
      </c>
      <c r="D46217">
        <v>0</v>
      </c>
    </row>
    <row r="46218" spans="1:4" x14ac:dyDescent="0.25">
      <c r="A46218" t="s">
        <v>64030</v>
      </c>
      <c r="B46218" t="s">
        <v>64035</v>
      </c>
      <c r="C46218">
        <v>1</v>
      </c>
      <c r="D46218">
        <v>0</v>
      </c>
    </row>
    <row r="46219" spans="1:4" x14ac:dyDescent="0.25">
      <c r="A46219" t="s">
        <v>64036</v>
      </c>
      <c r="B46219" t="s">
        <v>64037</v>
      </c>
      <c r="C46219">
        <v>1</v>
      </c>
      <c r="D46219">
        <v>0</v>
      </c>
    </row>
    <row r="46220" spans="1:4" x14ac:dyDescent="0.25">
      <c r="A46220" t="s">
        <v>64036</v>
      </c>
      <c r="B46220" t="s">
        <v>64038</v>
      </c>
      <c r="C46220">
        <v>0</v>
      </c>
      <c r="D46220">
        <v>0</v>
      </c>
    </row>
    <row r="46221" spans="1:4" x14ac:dyDescent="0.25">
      <c r="A46221" t="s">
        <v>64036</v>
      </c>
      <c r="B46221" t="s">
        <v>64039</v>
      </c>
      <c r="C46221">
        <v>1</v>
      </c>
      <c r="D46221">
        <v>0</v>
      </c>
    </row>
    <row r="46222" spans="1:4" x14ac:dyDescent="0.25">
      <c r="A46222" t="s">
        <v>64036</v>
      </c>
      <c r="B46222" t="s">
        <v>64040</v>
      </c>
      <c r="C46222">
        <v>1</v>
      </c>
      <c r="D46222">
        <v>0</v>
      </c>
    </row>
    <row r="46223" spans="1:4" x14ac:dyDescent="0.25">
      <c r="A46223" t="s">
        <v>64036</v>
      </c>
      <c r="B46223" t="s">
        <v>64041</v>
      </c>
      <c r="C46223">
        <v>1</v>
      </c>
      <c r="D46223">
        <v>0</v>
      </c>
    </row>
    <row r="46224" spans="1:4" x14ac:dyDescent="0.25">
      <c r="A46224" t="s">
        <v>64036</v>
      </c>
      <c r="B46224" t="s">
        <v>64042</v>
      </c>
      <c r="C46224">
        <v>1</v>
      </c>
      <c r="D46224">
        <v>0</v>
      </c>
    </row>
    <row r="46225" spans="1:4" x14ac:dyDescent="0.25">
      <c r="A46225" t="s">
        <v>64036</v>
      </c>
      <c r="B46225" t="s">
        <v>64043</v>
      </c>
      <c r="C46225">
        <v>1</v>
      </c>
      <c r="D46225">
        <v>0</v>
      </c>
    </row>
    <row r="46226" spans="1:4" x14ac:dyDescent="0.25">
      <c r="A46226" t="s">
        <v>64036</v>
      </c>
      <c r="B46226" t="s">
        <v>64044</v>
      </c>
      <c r="C46226">
        <v>1</v>
      </c>
      <c r="D46226">
        <v>0</v>
      </c>
    </row>
    <row r="46227" spans="1:4" x14ac:dyDescent="0.25">
      <c r="A46227" t="s">
        <v>64045</v>
      </c>
      <c r="B46227" t="s">
        <v>64046</v>
      </c>
      <c r="C46227">
        <v>1</v>
      </c>
      <c r="D46227">
        <v>0</v>
      </c>
    </row>
    <row r="46228" spans="1:4" x14ac:dyDescent="0.25">
      <c r="A46228" t="s">
        <v>64045</v>
      </c>
      <c r="B46228" t="s">
        <v>64047</v>
      </c>
      <c r="C46228">
        <v>0</v>
      </c>
      <c r="D46228">
        <v>0</v>
      </c>
    </row>
    <row r="46229" spans="1:4" x14ac:dyDescent="0.25">
      <c r="A46229" t="s">
        <v>64045</v>
      </c>
      <c r="B46229" t="s">
        <v>64048</v>
      </c>
      <c r="C46229">
        <v>1</v>
      </c>
      <c r="D46229">
        <v>0</v>
      </c>
    </row>
    <row r="46230" spans="1:4" x14ac:dyDescent="0.25">
      <c r="A46230" t="s">
        <v>64045</v>
      </c>
      <c r="B46230" t="s">
        <v>64049</v>
      </c>
      <c r="C46230">
        <v>0</v>
      </c>
      <c r="D46230">
        <v>0</v>
      </c>
    </row>
    <row r="46231" spans="1:4" x14ac:dyDescent="0.25">
      <c r="A46231" t="s">
        <v>64045</v>
      </c>
      <c r="B46231" t="s">
        <v>64050</v>
      </c>
      <c r="C46231">
        <v>1</v>
      </c>
      <c r="D46231">
        <v>0</v>
      </c>
    </row>
    <row r="46232" spans="1:4" x14ac:dyDescent="0.25">
      <c r="A46232" t="s">
        <v>64045</v>
      </c>
      <c r="B46232" t="s">
        <v>64051</v>
      </c>
      <c r="C46232">
        <v>1</v>
      </c>
      <c r="D46232">
        <v>0</v>
      </c>
    </row>
    <row r="46233" spans="1:4" x14ac:dyDescent="0.25">
      <c r="A46233" t="s">
        <v>64045</v>
      </c>
      <c r="B46233" t="s">
        <v>64052</v>
      </c>
      <c r="C46233">
        <v>0</v>
      </c>
      <c r="D46233">
        <v>0</v>
      </c>
    </row>
    <row r="46234" spans="1:4" x14ac:dyDescent="0.25">
      <c r="A46234" t="s">
        <v>64053</v>
      </c>
      <c r="B46234" t="s">
        <v>64054</v>
      </c>
      <c r="C46234">
        <v>2</v>
      </c>
      <c r="D46234">
        <v>0</v>
      </c>
    </row>
    <row r="46235" spans="1:4" x14ac:dyDescent="0.25">
      <c r="A46235" t="s">
        <v>64053</v>
      </c>
      <c r="B46235" t="s">
        <v>64055</v>
      </c>
      <c r="C46235">
        <v>0</v>
      </c>
      <c r="D46235">
        <v>0</v>
      </c>
    </row>
    <row r="46236" spans="1:4" x14ac:dyDescent="0.25">
      <c r="A46236" t="s">
        <v>64056</v>
      </c>
      <c r="B46236" t="s">
        <v>64057</v>
      </c>
      <c r="C46236">
        <v>1</v>
      </c>
      <c r="D46236">
        <v>0</v>
      </c>
    </row>
    <row r="46237" spans="1:4" x14ac:dyDescent="0.25">
      <c r="A46237" t="s">
        <v>64058</v>
      </c>
      <c r="B46237" t="s">
        <v>5713</v>
      </c>
      <c r="C46237">
        <v>1</v>
      </c>
      <c r="D46237">
        <v>0</v>
      </c>
    </row>
    <row r="46238" spans="1:4" x14ac:dyDescent="0.25">
      <c r="A46238" t="s">
        <v>64059</v>
      </c>
      <c r="B46238" t="s">
        <v>64060</v>
      </c>
      <c r="C46238">
        <v>0</v>
      </c>
      <c r="D46238">
        <v>0</v>
      </c>
    </row>
    <row r="46239" spans="1:4" x14ac:dyDescent="0.25">
      <c r="A46239" t="s">
        <v>64061</v>
      </c>
      <c r="B46239" t="s">
        <v>64062</v>
      </c>
      <c r="C46239">
        <v>0</v>
      </c>
      <c r="D46239">
        <v>0</v>
      </c>
    </row>
    <row r="46240" spans="1:4" x14ac:dyDescent="0.25">
      <c r="A46240" t="s">
        <v>64061</v>
      </c>
      <c r="B46240" t="s">
        <v>64063</v>
      </c>
      <c r="C46240">
        <v>1</v>
      </c>
      <c r="D46240">
        <v>0</v>
      </c>
    </row>
    <row r="46241" spans="1:4" x14ac:dyDescent="0.25">
      <c r="A46241" t="s">
        <v>64061</v>
      </c>
      <c r="B46241" t="s">
        <v>64064</v>
      </c>
      <c r="C46241">
        <v>0</v>
      </c>
      <c r="D46241">
        <v>0</v>
      </c>
    </row>
    <row r="46242" spans="1:4" x14ac:dyDescent="0.25">
      <c r="A46242" t="s">
        <v>64061</v>
      </c>
      <c r="B46242" t="s">
        <v>64065</v>
      </c>
      <c r="C46242">
        <v>1</v>
      </c>
      <c r="D46242">
        <v>0</v>
      </c>
    </row>
    <row r="46243" spans="1:4" x14ac:dyDescent="0.25">
      <c r="A46243" t="s">
        <v>64061</v>
      </c>
      <c r="B46243" t="s">
        <v>64066</v>
      </c>
      <c r="C46243">
        <v>1</v>
      </c>
      <c r="D46243">
        <v>0</v>
      </c>
    </row>
    <row r="46244" spans="1:4" x14ac:dyDescent="0.25">
      <c r="A46244" t="s">
        <v>64061</v>
      </c>
      <c r="B46244" t="s">
        <v>64067</v>
      </c>
      <c r="C46244">
        <v>2</v>
      </c>
      <c r="D46244">
        <v>0</v>
      </c>
    </row>
    <row r="46245" spans="1:4" x14ac:dyDescent="0.25">
      <c r="A46245" t="s">
        <v>64068</v>
      </c>
      <c r="B46245" t="s">
        <v>64069</v>
      </c>
      <c r="C46245">
        <v>1</v>
      </c>
      <c r="D46245">
        <v>0</v>
      </c>
    </row>
    <row r="46246" spans="1:4" x14ac:dyDescent="0.25">
      <c r="A46246" t="s">
        <v>64070</v>
      </c>
      <c r="B46246" t="s">
        <v>64071</v>
      </c>
      <c r="C46246">
        <v>1</v>
      </c>
      <c r="D46246">
        <v>0</v>
      </c>
    </row>
    <row r="46247" spans="1:4" x14ac:dyDescent="0.25">
      <c r="A46247" t="s">
        <v>64070</v>
      </c>
      <c r="B46247" t="s">
        <v>64072</v>
      </c>
      <c r="C46247">
        <v>0</v>
      </c>
      <c r="D46247">
        <v>0</v>
      </c>
    </row>
    <row r="46248" spans="1:4" x14ac:dyDescent="0.25">
      <c r="A46248" t="s">
        <v>64070</v>
      </c>
      <c r="B46248" t="s">
        <v>64073</v>
      </c>
      <c r="C46248">
        <v>1</v>
      </c>
      <c r="D46248">
        <v>0</v>
      </c>
    </row>
    <row r="46249" spans="1:4" x14ac:dyDescent="0.25">
      <c r="A46249" t="s">
        <v>64070</v>
      </c>
      <c r="B46249" t="s">
        <v>64074</v>
      </c>
      <c r="C46249">
        <v>2</v>
      </c>
      <c r="D46249">
        <v>0</v>
      </c>
    </row>
    <row r="46250" spans="1:4" x14ac:dyDescent="0.25">
      <c r="A46250" t="s">
        <v>64070</v>
      </c>
      <c r="B46250" t="s">
        <v>64075</v>
      </c>
      <c r="C46250">
        <v>0</v>
      </c>
      <c r="D46250">
        <v>0</v>
      </c>
    </row>
    <row r="46251" spans="1:4" x14ac:dyDescent="0.25">
      <c r="A46251" t="s">
        <v>64070</v>
      </c>
      <c r="B46251" t="s">
        <v>64076</v>
      </c>
      <c r="C46251">
        <v>0</v>
      </c>
      <c r="D46251">
        <v>0</v>
      </c>
    </row>
    <row r="46252" spans="1:4" x14ac:dyDescent="0.25">
      <c r="A46252" t="s">
        <v>64070</v>
      </c>
      <c r="B46252" t="s">
        <v>64077</v>
      </c>
      <c r="C46252">
        <v>1</v>
      </c>
      <c r="D46252">
        <v>0</v>
      </c>
    </row>
    <row r="46253" spans="1:4" x14ac:dyDescent="0.25">
      <c r="A46253" t="s">
        <v>64070</v>
      </c>
      <c r="B46253" t="s">
        <v>64078</v>
      </c>
      <c r="C46253">
        <v>0</v>
      </c>
      <c r="D46253">
        <v>0</v>
      </c>
    </row>
    <row r="46254" spans="1:4" x14ac:dyDescent="0.25">
      <c r="A46254" t="s">
        <v>64070</v>
      </c>
      <c r="B46254" t="s">
        <v>64079</v>
      </c>
      <c r="C46254">
        <v>2</v>
      </c>
      <c r="D46254">
        <v>0</v>
      </c>
    </row>
    <row r="46255" spans="1:4" x14ac:dyDescent="0.25">
      <c r="A46255" t="s">
        <v>64080</v>
      </c>
      <c r="B46255" t="s">
        <v>64081</v>
      </c>
      <c r="C46255">
        <v>2</v>
      </c>
      <c r="D46255">
        <v>0</v>
      </c>
    </row>
    <row r="46256" spans="1:4" x14ac:dyDescent="0.25">
      <c r="A46256" t="s">
        <v>64080</v>
      </c>
      <c r="B46256" t="s">
        <v>64082</v>
      </c>
      <c r="C46256">
        <v>1</v>
      </c>
      <c r="D46256">
        <v>0</v>
      </c>
    </row>
    <row r="46257" spans="1:4" x14ac:dyDescent="0.25">
      <c r="A46257" t="s">
        <v>64080</v>
      </c>
      <c r="B46257" t="s">
        <v>64083</v>
      </c>
      <c r="C46257">
        <v>2</v>
      </c>
      <c r="D46257">
        <v>0</v>
      </c>
    </row>
    <row r="46258" spans="1:4" x14ac:dyDescent="0.25">
      <c r="A46258" t="s">
        <v>64080</v>
      </c>
      <c r="B46258" t="s">
        <v>64084</v>
      </c>
      <c r="C46258">
        <v>2</v>
      </c>
      <c r="D46258">
        <v>0</v>
      </c>
    </row>
    <row r="46259" spans="1:4" x14ac:dyDescent="0.25">
      <c r="A46259" t="s">
        <v>64080</v>
      </c>
      <c r="B46259" t="s">
        <v>64085</v>
      </c>
      <c r="C46259">
        <v>1</v>
      </c>
      <c r="D46259">
        <v>0</v>
      </c>
    </row>
    <row r="46260" spans="1:4" x14ac:dyDescent="0.25">
      <c r="A46260" t="s">
        <v>64080</v>
      </c>
      <c r="B46260" t="s">
        <v>64086</v>
      </c>
      <c r="C46260">
        <v>1</v>
      </c>
      <c r="D46260">
        <v>0</v>
      </c>
    </row>
    <row r="46261" spans="1:4" x14ac:dyDescent="0.25">
      <c r="A46261" t="s">
        <v>64087</v>
      </c>
      <c r="B46261" t="s">
        <v>64088</v>
      </c>
      <c r="C46261">
        <v>1</v>
      </c>
      <c r="D46261">
        <v>0</v>
      </c>
    </row>
    <row r="46262" spans="1:4" x14ac:dyDescent="0.25">
      <c r="A46262" t="s">
        <v>64087</v>
      </c>
      <c r="B46262" t="s">
        <v>64089</v>
      </c>
      <c r="C46262">
        <v>1</v>
      </c>
      <c r="D46262">
        <v>0</v>
      </c>
    </row>
    <row r="46263" spans="1:4" x14ac:dyDescent="0.25">
      <c r="A46263" t="s">
        <v>64087</v>
      </c>
      <c r="B46263" t="s">
        <v>64090</v>
      </c>
      <c r="C46263">
        <v>0</v>
      </c>
      <c r="D46263">
        <v>0</v>
      </c>
    </row>
    <row r="46264" spans="1:4" x14ac:dyDescent="0.25">
      <c r="A46264" t="s">
        <v>64091</v>
      </c>
      <c r="B46264" t="s">
        <v>64092</v>
      </c>
      <c r="C46264">
        <v>2</v>
      </c>
      <c r="D46264">
        <v>0</v>
      </c>
    </row>
    <row r="46265" spans="1:4" x14ac:dyDescent="0.25">
      <c r="A46265" t="s">
        <v>64091</v>
      </c>
      <c r="B46265" t="s">
        <v>64093</v>
      </c>
      <c r="C46265">
        <v>0</v>
      </c>
      <c r="D46265">
        <v>0</v>
      </c>
    </row>
    <row r="46266" spans="1:4" x14ac:dyDescent="0.25">
      <c r="A46266" t="s">
        <v>64094</v>
      </c>
      <c r="B46266" t="s">
        <v>64095</v>
      </c>
      <c r="C46266">
        <v>1</v>
      </c>
      <c r="D46266">
        <v>0</v>
      </c>
    </row>
    <row r="46267" spans="1:4" x14ac:dyDescent="0.25">
      <c r="A46267" t="s">
        <v>64094</v>
      </c>
      <c r="B46267" t="s">
        <v>64096</v>
      </c>
      <c r="C46267">
        <v>2</v>
      </c>
      <c r="D46267">
        <v>0</v>
      </c>
    </row>
    <row r="46268" spans="1:4" x14ac:dyDescent="0.25">
      <c r="A46268" t="s">
        <v>64094</v>
      </c>
      <c r="B46268" t="s">
        <v>64097</v>
      </c>
      <c r="C46268">
        <v>2</v>
      </c>
      <c r="D46268">
        <v>0</v>
      </c>
    </row>
    <row r="46269" spans="1:4" x14ac:dyDescent="0.25">
      <c r="A46269" t="s">
        <v>64094</v>
      </c>
      <c r="B46269" t="s">
        <v>64098</v>
      </c>
      <c r="C46269">
        <v>1</v>
      </c>
      <c r="D46269">
        <v>0</v>
      </c>
    </row>
    <row r="46270" spans="1:4" x14ac:dyDescent="0.25">
      <c r="A46270" t="s">
        <v>64094</v>
      </c>
      <c r="B46270" t="s">
        <v>64099</v>
      </c>
      <c r="C46270">
        <v>1</v>
      </c>
      <c r="D46270">
        <v>0</v>
      </c>
    </row>
    <row r="46271" spans="1:4" x14ac:dyDescent="0.25">
      <c r="A46271" t="s">
        <v>64094</v>
      </c>
      <c r="B46271" t="s">
        <v>64100</v>
      </c>
      <c r="C46271">
        <v>1</v>
      </c>
      <c r="D46271">
        <v>0</v>
      </c>
    </row>
    <row r="46272" spans="1:4" x14ac:dyDescent="0.25">
      <c r="A46272" t="s">
        <v>64094</v>
      </c>
      <c r="B46272" t="s">
        <v>64101</v>
      </c>
      <c r="C46272">
        <v>0</v>
      </c>
      <c r="D46272">
        <v>0</v>
      </c>
    </row>
    <row r="46273" spans="1:4" x14ac:dyDescent="0.25">
      <c r="A46273" t="s">
        <v>64094</v>
      </c>
      <c r="B46273" t="s">
        <v>64102</v>
      </c>
      <c r="C46273">
        <v>1</v>
      </c>
      <c r="D46273">
        <v>0</v>
      </c>
    </row>
    <row r="46274" spans="1:4" x14ac:dyDescent="0.25">
      <c r="A46274" t="s">
        <v>64103</v>
      </c>
      <c r="B46274" t="s">
        <v>64104</v>
      </c>
      <c r="C46274">
        <v>1</v>
      </c>
      <c r="D46274">
        <v>0</v>
      </c>
    </row>
    <row r="46275" spans="1:4" x14ac:dyDescent="0.25">
      <c r="A46275" t="s">
        <v>64103</v>
      </c>
      <c r="B46275" t="s">
        <v>64105</v>
      </c>
      <c r="C46275">
        <v>1</v>
      </c>
      <c r="D46275">
        <v>0</v>
      </c>
    </row>
    <row r="46276" spans="1:4" x14ac:dyDescent="0.25">
      <c r="A46276" t="s">
        <v>64103</v>
      </c>
      <c r="B46276" t="s">
        <v>21395</v>
      </c>
      <c r="C46276">
        <v>1</v>
      </c>
      <c r="D46276">
        <v>0</v>
      </c>
    </row>
    <row r="46277" spans="1:4" x14ac:dyDescent="0.25">
      <c r="A46277" t="s">
        <v>64103</v>
      </c>
      <c r="B46277" t="s">
        <v>64106</v>
      </c>
      <c r="C46277">
        <v>2</v>
      </c>
      <c r="D46277">
        <v>0</v>
      </c>
    </row>
    <row r="46278" spans="1:4" x14ac:dyDescent="0.25">
      <c r="A46278" t="s">
        <v>64103</v>
      </c>
      <c r="B46278" t="s">
        <v>11075</v>
      </c>
      <c r="C46278">
        <v>1</v>
      </c>
      <c r="D46278">
        <v>0</v>
      </c>
    </row>
    <row r="46279" spans="1:4" x14ac:dyDescent="0.25">
      <c r="A46279" t="s">
        <v>64107</v>
      </c>
      <c r="B46279" t="s">
        <v>64108</v>
      </c>
      <c r="C46279">
        <v>0</v>
      </c>
      <c r="D46279">
        <v>0</v>
      </c>
    </row>
    <row r="46280" spans="1:4" x14ac:dyDescent="0.25">
      <c r="A46280" t="s">
        <v>64107</v>
      </c>
      <c r="B46280" t="s">
        <v>64109</v>
      </c>
      <c r="C46280">
        <v>2</v>
      </c>
      <c r="D46280">
        <v>0</v>
      </c>
    </row>
    <row r="46281" spans="1:4" x14ac:dyDescent="0.25">
      <c r="A46281" t="s">
        <v>64107</v>
      </c>
      <c r="B46281" t="s">
        <v>64110</v>
      </c>
      <c r="C46281">
        <v>0</v>
      </c>
      <c r="D46281">
        <v>0</v>
      </c>
    </row>
    <row r="46282" spans="1:4" x14ac:dyDescent="0.25">
      <c r="A46282" t="s">
        <v>64107</v>
      </c>
      <c r="B46282" t="s">
        <v>64111</v>
      </c>
      <c r="C46282">
        <v>2</v>
      </c>
      <c r="D46282">
        <v>0</v>
      </c>
    </row>
    <row r="46283" spans="1:4" x14ac:dyDescent="0.25">
      <c r="A46283" t="s">
        <v>64107</v>
      </c>
      <c r="B46283" t="s">
        <v>64112</v>
      </c>
      <c r="C46283">
        <v>1</v>
      </c>
      <c r="D46283">
        <v>0</v>
      </c>
    </row>
    <row r="46284" spans="1:4" x14ac:dyDescent="0.25">
      <c r="A46284" t="s">
        <v>64107</v>
      </c>
      <c r="B46284" t="s">
        <v>64113</v>
      </c>
      <c r="C46284">
        <v>0</v>
      </c>
      <c r="D46284">
        <v>0</v>
      </c>
    </row>
    <row r="46285" spans="1:4" x14ac:dyDescent="0.25">
      <c r="A46285" t="s">
        <v>64107</v>
      </c>
      <c r="B46285" t="s">
        <v>64114</v>
      </c>
      <c r="C46285">
        <v>1</v>
      </c>
      <c r="D46285">
        <v>0</v>
      </c>
    </row>
    <row r="46286" spans="1:4" x14ac:dyDescent="0.25">
      <c r="A46286" t="s">
        <v>64107</v>
      </c>
      <c r="B46286" t="s">
        <v>64115</v>
      </c>
      <c r="C46286">
        <v>0</v>
      </c>
      <c r="D46286">
        <v>0</v>
      </c>
    </row>
    <row r="46287" spans="1:4" x14ac:dyDescent="0.25">
      <c r="A46287" t="s">
        <v>64116</v>
      </c>
      <c r="B46287" t="s">
        <v>64117</v>
      </c>
      <c r="C46287">
        <v>0</v>
      </c>
      <c r="D46287">
        <v>0</v>
      </c>
    </row>
    <row r="46288" spans="1:4" x14ac:dyDescent="0.25">
      <c r="A46288" t="s">
        <v>64116</v>
      </c>
      <c r="B46288" t="s">
        <v>64118</v>
      </c>
      <c r="C46288">
        <v>1</v>
      </c>
      <c r="D46288">
        <v>0</v>
      </c>
    </row>
    <row r="46289" spans="1:4" x14ac:dyDescent="0.25">
      <c r="A46289" t="s">
        <v>64116</v>
      </c>
      <c r="B46289" t="s">
        <v>64119</v>
      </c>
      <c r="C46289">
        <v>2</v>
      </c>
      <c r="D46289">
        <v>0</v>
      </c>
    </row>
    <row r="46290" spans="1:4" x14ac:dyDescent="0.25">
      <c r="A46290" t="s">
        <v>64116</v>
      </c>
      <c r="B46290" t="s">
        <v>64120</v>
      </c>
      <c r="C46290">
        <v>2</v>
      </c>
      <c r="D46290">
        <v>0</v>
      </c>
    </row>
    <row r="46291" spans="1:4" x14ac:dyDescent="0.25">
      <c r="A46291" t="s">
        <v>64116</v>
      </c>
      <c r="B46291" t="s">
        <v>64121</v>
      </c>
      <c r="C46291">
        <v>2</v>
      </c>
      <c r="D46291">
        <v>0</v>
      </c>
    </row>
    <row r="46292" spans="1:4" x14ac:dyDescent="0.25">
      <c r="A46292" t="s">
        <v>64116</v>
      </c>
      <c r="B46292" t="s">
        <v>64122</v>
      </c>
      <c r="C46292">
        <v>1</v>
      </c>
      <c r="D46292">
        <v>0</v>
      </c>
    </row>
    <row r="46293" spans="1:4" x14ac:dyDescent="0.25">
      <c r="A46293" t="s">
        <v>64116</v>
      </c>
      <c r="B46293" t="s">
        <v>64123</v>
      </c>
      <c r="C46293">
        <v>2</v>
      </c>
      <c r="D46293">
        <v>0</v>
      </c>
    </row>
    <row r="46294" spans="1:4" x14ac:dyDescent="0.25">
      <c r="A46294" t="s">
        <v>64124</v>
      </c>
      <c r="B46294" t="s">
        <v>64125</v>
      </c>
      <c r="C46294">
        <v>1</v>
      </c>
      <c r="D46294">
        <v>0</v>
      </c>
    </row>
    <row r="46295" spans="1:4" x14ac:dyDescent="0.25">
      <c r="A46295" t="s">
        <v>64124</v>
      </c>
      <c r="B46295" t="s">
        <v>64126</v>
      </c>
      <c r="C46295">
        <v>1</v>
      </c>
      <c r="D46295">
        <v>0</v>
      </c>
    </row>
    <row r="46296" spans="1:4" x14ac:dyDescent="0.25">
      <c r="A46296" t="s">
        <v>64124</v>
      </c>
      <c r="B46296" t="s">
        <v>64127</v>
      </c>
      <c r="C46296">
        <v>1</v>
      </c>
      <c r="D46296">
        <v>0</v>
      </c>
    </row>
    <row r="46297" spans="1:4" x14ac:dyDescent="0.25">
      <c r="A46297" t="s">
        <v>64124</v>
      </c>
      <c r="B46297" t="s">
        <v>64128</v>
      </c>
      <c r="C46297">
        <v>1</v>
      </c>
      <c r="D46297">
        <v>0</v>
      </c>
    </row>
    <row r="46298" spans="1:4" x14ac:dyDescent="0.25">
      <c r="A46298" t="s">
        <v>64124</v>
      </c>
      <c r="B46298" t="s">
        <v>64129</v>
      </c>
      <c r="C46298">
        <v>1</v>
      </c>
      <c r="D46298">
        <v>0</v>
      </c>
    </row>
    <row r="46299" spans="1:4" x14ac:dyDescent="0.25">
      <c r="A46299" t="s">
        <v>64124</v>
      </c>
      <c r="B46299" t="s">
        <v>64130</v>
      </c>
      <c r="C46299">
        <v>1</v>
      </c>
      <c r="D46299">
        <v>0</v>
      </c>
    </row>
    <row r="46300" spans="1:4" x14ac:dyDescent="0.25">
      <c r="A46300" t="s">
        <v>64124</v>
      </c>
      <c r="B46300" t="s">
        <v>64131</v>
      </c>
      <c r="C46300">
        <v>1</v>
      </c>
      <c r="D46300">
        <v>0</v>
      </c>
    </row>
    <row r="46301" spans="1:4" x14ac:dyDescent="0.25">
      <c r="A46301" t="s">
        <v>64132</v>
      </c>
      <c r="B46301" t="s">
        <v>64133</v>
      </c>
      <c r="C46301">
        <v>0</v>
      </c>
      <c r="D46301">
        <v>0</v>
      </c>
    </row>
    <row r="46302" spans="1:4" x14ac:dyDescent="0.25">
      <c r="A46302" t="s">
        <v>64132</v>
      </c>
      <c r="B46302" t="s">
        <v>64134</v>
      </c>
      <c r="C46302">
        <v>2</v>
      </c>
      <c r="D46302">
        <v>0</v>
      </c>
    </row>
    <row r="46303" spans="1:4" x14ac:dyDescent="0.25">
      <c r="A46303" t="s">
        <v>64132</v>
      </c>
      <c r="B46303" t="s">
        <v>64135</v>
      </c>
      <c r="C46303">
        <v>1</v>
      </c>
      <c r="D46303">
        <v>0</v>
      </c>
    </row>
    <row r="46304" spans="1:4" x14ac:dyDescent="0.25">
      <c r="A46304" t="s">
        <v>64136</v>
      </c>
      <c r="B46304" t="s">
        <v>62231</v>
      </c>
      <c r="C46304">
        <v>1</v>
      </c>
      <c r="D46304">
        <v>0</v>
      </c>
    </row>
    <row r="46305" spans="1:4" x14ac:dyDescent="0.25">
      <c r="A46305" t="s">
        <v>64136</v>
      </c>
      <c r="B46305" t="s">
        <v>64137</v>
      </c>
      <c r="C46305">
        <v>1</v>
      </c>
      <c r="D46305">
        <v>0</v>
      </c>
    </row>
    <row r="46306" spans="1:4" x14ac:dyDescent="0.25">
      <c r="A46306" t="s">
        <v>64136</v>
      </c>
      <c r="B46306" t="s">
        <v>64138</v>
      </c>
      <c r="C46306">
        <v>1</v>
      </c>
      <c r="D46306">
        <v>0</v>
      </c>
    </row>
    <row r="46307" spans="1:4" x14ac:dyDescent="0.25">
      <c r="A46307" t="s">
        <v>64136</v>
      </c>
      <c r="B46307" t="s">
        <v>64139</v>
      </c>
      <c r="C46307">
        <v>1</v>
      </c>
      <c r="D46307">
        <v>0</v>
      </c>
    </row>
    <row r="46308" spans="1:4" x14ac:dyDescent="0.25">
      <c r="A46308" t="s">
        <v>64140</v>
      </c>
      <c r="B46308" t="s">
        <v>64141</v>
      </c>
      <c r="C46308">
        <v>1</v>
      </c>
      <c r="D46308">
        <v>0</v>
      </c>
    </row>
    <row r="46309" spans="1:4" x14ac:dyDescent="0.25">
      <c r="A46309" t="s">
        <v>64140</v>
      </c>
      <c r="B46309" t="s">
        <v>64142</v>
      </c>
      <c r="C46309">
        <v>0</v>
      </c>
      <c r="D46309">
        <v>0</v>
      </c>
    </row>
    <row r="46310" spans="1:4" x14ac:dyDescent="0.25">
      <c r="A46310" t="s">
        <v>64140</v>
      </c>
      <c r="B46310" t="s">
        <v>64143</v>
      </c>
      <c r="C46310">
        <v>1</v>
      </c>
      <c r="D46310">
        <v>0</v>
      </c>
    </row>
    <row r="46311" spans="1:4" x14ac:dyDescent="0.25">
      <c r="A46311" t="s">
        <v>64140</v>
      </c>
      <c r="B46311" t="s">
        <v>64144</v>
      </c>
      <c r="C46311">
        <v>2</v>
      </c>
      <c r="D46311">
        <v>0</v>
      </c>
    </row>
    <row r="46312" spans="1:4" x14ac:dyDescent="0.25">
      <c r="A46312" t="s">
        <v>64145</v>
      </c>
      <c r="B46312" t="s">
        <v>64146</v>
      </c>
      <c r="C46312">
        <v>0</v>
      </c>
      <c r="D46312">
        <v>0</v>
      </c>
    </row>
    <row r="46313" spans="1:4" x14ac:dyDescent="0.25">
      <c r="A46313" t="s">
        <v>64145</v>
      </c>
      <c r="B46313" t="s">
        <v>64147</v>
      </c>
      <c r="C46313">
        <v>0</v>
      </c>
      <c r="D46313">
        <v>0</v>
      </c>
    </row>
    <row r="46314" spans="1:4" x14ac:dyDescent="0.25">
      <c r="A46314" t="s">
        <v>64145</v>
      </c>
      <c r="B46314" t="s">
        <v>64148</v>
      </c>
      <c r="C46314">
        <v>0</v>
      </c>
      <c r="D46314">
        <v>0</v>
      </c>
    </row>
    <row r="46315" spans="1:4" x14ac:dyDescent="0.25">
      <c r="A46315" t="s">
        <v>64145</v>
      </c>
      <c r="B46315" t="s">
        <v>64149</v>
      </c>
      <c r="C46315">
        <v>0</v>
      </c>
      <c r="D46315">
        <v>0</v>
      </c>
    </row>
    <row r="46316" spans="1:4" x14ac:dyDescent="0.25">
      <c r="A46316" t="s">
        <v>64150</v>
      </c>
      <c r="B46316" t="s">
        <v>64151</v>
      </c>
      <c r="C46316">
        <v>1</v>
      </c>
      <c r="D46316">
        <v>0</v>
      </c>
    </row>
    <row r="46317" spans="1:4" x14ac:dyDescent="0.25">
      <c r="A46317" t="s">
        <v>64150</v>
      </c>
      <c r="B46317" t="s">
        <v>64152</v>
      </c>
      <c r="C46317">
        <v>2</v>
      </c>
      <c r="D46317">
        <v>0</v>
      </c>
    </row>
    <row r="46318" spans="1:4" x14ac:dyDescent="0.25">
      <c r="A46318" t="s">
        <v>64150</v>
      </c>
      <c r="B46318" t="s">
        <v>64153</v>
      </c>
      <c r="C46318">
        <v>2</v>
      </c>
      <c r="D46318">
        <v>0</v>
      </c>
    </row>
    <row r="46319" spans="1:4" x14ac:dyDescent="0.25">
      <c r="A46319" t="s">
        <v>64150</v>
      </c>
      <c r="B46319" t="s">
        <v>64154</v>
      </c>
      <c r="C46319">
        <v>2</v>
      </c>
      <c r="D46319">
        <v>0</v>
      </c>
    </row>
    <row r="46320" spans="1:4" x14ac:dyDescent="0.25">
      <c r="A46320" t="s">
        <v>64150</v>
      </c>
      <c r="B46320" t="s">
        <v>1001</v>
      </c>
      <c r="C46320">
        <v>1</v>
      </c>
      <c r="D46320">
        <v>0</v>
      </c>
    </row>
    <row r="46321" spans="1:4" x14ac:dyDescent="0.25">
      <c r="A46321" t="s">
        <v>64150</v>
      </c>
      <c r="B46321" t="s">
        <v>15371</v>
      </c>
      <c r="C46321">
        <v>1</v>
      </c>
      <c r="D46321">
        <v>0</v>
      </c>
    </row>
    <row r="46322" spans="1:4" x14ac:dyDescent="0.25">
      <c r="A46322" t="s">
        <v>64155</v>
      </c>
      <c r="B46322" t="s">
        <v>64156</v>
      </c>
      <c r="C46322">
        <v>1</v>
      </c>
      <c r="D46322">
        <v>0</v>
      </c>
    </row>
    <row r="46323" spans="1:4" x14ac:dyDescent="0.25">
      <c r="A46323" t="s">
        <v>64155</v>
      </c>
      <c r="B46323" t="s">
        <v>64157</v>
      </c>
      <c r="C46323">
        <v>1</v>
      </c>
      <c r="D46323">
        <v>0</v>
      </c>
    </row>
    <row r="46324" spans="1:4" x14ac:dyDescent="0.25">
      <c r="A46324" t="s">
        <v>64155</v>
      </c>
      <c r="B46324" t="s">
        <v>64158</v>
      </c>
      <c r="C46324">
        <v>2</v>
      </c>
      <c r="D46324">
        <v>0</v>
      </c>
    </row>
    <row r="46325" spans="1:4" x14ac:dyDescent="0.25">
      <c r="A46325" t="s">
        <v>64155</v>
      </c>
      <c r="B46325" t="s">
        <v>64159</v>
      </c>
      <c r="C46325">
        <v>2</v>
      </c>
      <c r="D46325">
        <v>0</v>
      </c>
    </row>
    <row r="46326" spans="1:4" x14ac:dyDescent="0.25">
      <c r="A46326" t="s">
        <v>64155</v>
      </c>
      <c r="B46326" t="s">
        <v>64160</v>
      </c>
      <c r="C46326">
        <v>2</v>
      </c>
      <c r="D46326">
        <v>0</v>
      </c>
    </row>
    <row r="46327" spans="1:4" x14ac:dyDescent="0.25">
      <c r="A46327" t="s">
        <v>64155</v>
      </c>
      <c r="B46327" t="s">
        <v>64161</v>
      </c>
      <c r="C46327">
        <v>2</v>
      </c>
      <c r="D46327">
        <v>0</v>
      </c>
    </row>
    <row r="46328" spans="1:4" x14ac:dyDescent="0.25">
      <c r="A46328" t="s">
        <v>64155</v>
      </c>
      <c r="B46328" t="s">
        <v>64162</v>
      </c>
      <c r="C46328">
        <v>2</v>
      </c>
      <c r="D46328">
        <v>0</v>
      </c>
    </row>
    <row r="46329" spans="1:4" x14ac:dyDescent="0.25">
      <c r="A46329" t="s">
        <v>64155</v>
      </c>
      <c r="B46329" t="s">
        <v>64163</v>
      </c>
      <c r="C46329">
        <v>2</v>
      </c>
      <c r="D46329">
        <v>0</v>
      </c>
    </row>
    <row r="46330" spans="1:4" x14ac:dyDescent="0.25">
      <c r="A46330" t="s">
        <v>64155</v>
      </c>
      <c r="B46330" t="s">
        <v>64164</v>
      </c>
      <c r="C46330">
        <v>1</v>
      </c>
      <c r="D46330">
        <v>0</v>
      </c>
    </row>
    <row r="46331" spans="1:4" x14ac:dyDescent="0.25">
      <c r="A46331" t="s">
        <v>64165</v>
      </c>
      <c r="B46331" t="s">
        <v>64166</v>
      </c>
      <c r="C46331">
        <v>1</v>
      </c>
      <c r="D46331">
        <v>0</v>
      </c>
    </row>
    <row r="46332" spans="1:4" x14ac:dyDescent="0.25">
      <c r="A46332" t="s">
        <v>64167</v>
      </c>
      <c r="B46332" t="s">
        <v>64168</v>
      </c>
      <c r="C46332">
        <v>1</v>
      </c>
      <c r="D46332">
        <v>0</v>
      </c>
    </row>
    <row r="46333" spans="1:4" x14ac:dyDescent="0.25">
      <c r="A46333" t="s">
        <v>64167</v>
      </c>
      <c r="B46333" t="s">
        <v>64169</v>
      </c>
      <c r="C46333">
        <v>2</v>
      </c>
      <c r="D46333">
        <v>0</v>
      </c>
    </row>
    <row r="46334" spans="1:4" x14ac:dyDescent="0.25">
      <c r="A46334" t="s">
        <v>64167</v>
      </c>
      <c r="B46334" t="s">
        <v>64170</v>
      </c>
      <c r="C46334">
        <v>1</v>
      </c>
      <c r="D46334">
        <v>0</v>
      </c>
    </row>
    <row r="46335" spans="1:4" x14ac:dyDescent="0.25">
      <c r="A46335" t="s">
        <v>64167</v>
      </c>
      <c r="B46335" t="s">
        <v>64171</v>
      </c>
      <c r="C46335">
        <v>1</v>
      </c>
      <c r="D46335">
        <v>0</v>
      </c>
    </row>
    <row r="46336" spans="1:4" x14ac:dyDescent="0.25">
      <c r="A46336" t="s">
        <v>64167</v>
      </c>
      <c r="B46336" t="s">
        <v>64172</v>
      </c>
      <c r="C46336">
        <v>1</v>
      </c>
      <c r="D46336">
        <v>0</v>
      </c>
    </row>
    <row r="46337" spans="1:4" x14ac:dyDescent="0.25">
      <c r="A46337" t="s">
        <v>64167</v>
      </c>
      <c r="B46337" t="s">
        <v>64173</v>
      </c>
      <c r="C46337">
        <v>2</v>
      </c>
      <c r="D46337">
        <v>0</v>
      </c>
    </row>
    <row r="46338" spans="1:4" x14ac:dyDescent="0.25">
      <c r="A46338" t="s">
        <v>64174</v>
      </c>
      <c r="B46338" t="s">
        <v>64175</v>
      </c>
      <c r="C46338">
        <v>1</v>
      </c>
      <c r="D46338">
        <v>0</v>
      </c>
    </row>
    <row r="46339" spans="1:4" x14ac:dyDescent="0.25">
      <c r="A46339" t="s">
        <v>64174</v>
      </c>
      <c r="B46339" t="s">
        <v>64176</v>
      </c>
      <c r="C46339">
        <v>1</v>
      </c>
      <c r="D46339">
        <v>0</v>
      </c>
    </row>
    <row r="46340" spans="1:4" x14ac:dyDescent="0.25">
      <c r="A46340" t="s">
        <v>64174</v>
      </c>
      <c r="B46340" t="s">
        <v>64177</v>
      </c>
      <c r="C46340">
        <v>1</v>
      </c>
      <c r="D46340">
        <v>0</v>
      </c>
    </row>
    <row r="46341" spans="1:4" x14ac:dyDescent="0.25">
      <c r="A46341" t="s">
        <v>64174</v>
      </c>
      <c r="B46341" t="s">
        <v>2267</v>
      </c>
      <c r="C46341">
        <v>0</v>
      </c>
      <c r="D46341">
        <v>0</v>
      </c>
    </row>
    <row r="46342" spans="1:4" x14ac:dyDescent="0.25">
      <c r="A46342" t="s">
        <v>64174</v>
      </c>
      <c r="B46342" t="s">
        <v>64178</v>
      </c>
      <c r="C46342">
        <v>0</v>
      </c>
      <c r="D46342">
        <v>0</v>
      </c>
    </row>
    <row r="46343" spans="1:4" x14ac:dyDescent="0.25">
      <c r="A46343" t="s">
        <v>64174</v>
      </c>
      <c r="B46343" t="s">
        <v>64179</v>
      </c>
      <c r="C46343">
        <v>1</v>
      </c>
      <c r="D46343">
        <v>0</v>
      </c>
    </row>
    <row r="46344" spans="1:4" x14ac:dyDescent="0.25">
      <c r="A46344" t="s">
        <v>64180</v>
      </c>
      <c r="B46344" t="s">
        <v>64181</v>
      </c>
      <c r="C46344">
        <v>0</v>
      </c>
      <c r="D46344">
        <v>0</v>
      </c>
    </row>
    <row r="46345" spans="1:4" x14ac:dyDescent="0.25">
      <c r="A46345" t="s">
        <v>64180</v>
      </c>
      <c r="B46345" t="s">
        <v>64182</v>
      </c>
      <c r="C46345">
        <v>1</v>
      </c>
      <c r="D46345">
        <v>0</v>
      </c>
    </row>
    <row r="46346" spans="1:4" x14ac:dyDescent="0.25">
      <c r="A46346" t="s">
        <v>64180</v>
      </c>
      <c r="B46346" t="s">
        <v>64183</v>
      </c>
      <c r="C46346">
        <v>0</v>
      </c>
      <c r="D46346">
        <v>0</v>
      </c>
    </row>
    <row r="46347" spans="1:4" x14ac:dyDescent="0.25">
      <c r="A46347" t="s">
        <v>64180</v>
      </c>
      <c r="B46347" t="s">
        <v>64184</v>
      </c>
      <c r="C46347">
        <v>0</v>
      </c>
      <c r="D46347">
        <v>0</v>
      </c>
    </row>
    <row r="46348" spans="1:4" x14ac:dyDescent="0.25">
      <c r="A46348" t="s">
        <v>64180</v>
      </c>
      <c r="B46348" t="s">
        <v>64185</v>
      </c>
      <c r="C46348">
        <v>0</v>
      </c>
      <c r="D46348">
        <v>0</v>
      </c>
    </row>
    <row r="46349" spans="1:4" x14ac:dyDescent="0.25">
      <c r="A46349" t="s">
        <v>64180</v>
      </c>
      <c r="B46349" t="s">
        <v>64186</v>
      </c>
      <c r="C46349">
        <v>0</v>
      </c>
      <c r="D46349">
        <v>0</v>
      </c>
    </row>
    <row r="46350" spans="1:4" x14ac:dyDescent="0.25">
      <c r="A46350" t="s">
        <v>64187</v>
      </c>
      <c r="B46350" t="s">
        <v>64188</v>
      </c>
      <c r="C46350">
        <v>2</v>
      </c>
      <c r="D46350">
        <v>0</v>
      </c>
    </row>
    <row r="46351" spans="1:4" x14ac:dyDescent="0.25">
      <c r="A46351" t="s">
        <v>64187</v>
      </c>
      <c r="B46351" t="s">
        <v>64189</v>
      </c>
      <c r="C46351">
        <v>1</v>
      </c>
      <c r="D46351">
        <v>0</v>
      </c>
    </row>
    <row r="46352" spans="1:4" x14ac:dyDescent="0.25">
      <c r="A46352" t="s">
        <v>64187</v>
      </c>
      <c r="B46352" t="s">
        <v>64190</v>
      </c>
      <c r="C46352">
        <v>0</v>
      </c>
      <c r="D46352">
        <v>0</v>
      </c>
    </row>
    <row r="46353" spans="1:4" x14ac:dyDescent="0.25">
      <c r="A46353" t="s">
        <v>64187</v>
      </c>
      <c r="B46353" t="s">
        <v>64191</v>
      </c>
      <c r="C46353">
        <v>0</v>
      </c>
      <c r="D46353">
        <v>0</v>
      </c>
    </row>
    <row r="46354" spans="1:4" x14ac:dyDescent="0.25">
      <c r="A46354" t="s">
        <v>64192</v>
      </c>
      <c r="B46354" t="s">
        <v>64193</v>
      </c>
      <c r="C46354">
        <v>0</v>
      </c>
      <c r="D46354">
        <v>0</v>
      </c>
    </row>
    <row r="46355" spans="1:4" x14ac:dyDescent="0.25">
      <c r="A46355" t="s">
        <v>64192</v>
      </c>
      <c r="B46355" t="s">
        <v>64194</v>
      </c>
      <c r="C46355">
        <v>2</v>
      </c>
      <c r="D46355">
        <v>0</v>
      </c>
    </row>
    <row r="46356" spans="1:4" x14ac:dyDescent="0.25">
      <c r="A46356" t="s">
        <v>64192</v>
      </c>
      <c r="B46356" t="s">
        <v>64195</v>
      </c>
      <c r="C46356">
        <v>1</v>
      </c>
      <c r="D46356">
        <v>0</v>
      </c>
    </row>
    <row r="46357" spans="1:4" x14ac:dyDescent="0.25">
      <c r="A46357" t="s">
        <v>64192</v>
      </c>
      <c r="B46357" t="s">
        <v>64196</v>
      </c>
      <c r="C46357">
        <v>1</v>
      </c>
      <c r="D46357">
        <v>0</v>
      </c>
    </row>
    <row r="46358" spans="1:4" x14ac:dyDescent="0.25">
      <c r="A46358" t="s">
        <v>64192</v>
      </c>
      <c r="B46358" t="s">
        <v>64197</v>
      </c>
      <c r="C46358">
        <v>1</v>
      </c>
      <c r="D46358">
        <v>0</v>
      </c>
    </row>
    <row r="46359" spans="1:4" x14ac:dyDescent="0.25">
      <c r="A46359" t="s">
        <v>64198</v>
      </c>
      <c r="B46359" t="s">
        <v>64199</v>
      </c>
      <c r="C46359">
        <v>1</v>
      </c>
      <c r="D46359">
        <v>0</v>
      </c>
    </row>
    <row r="46360" spans="1:4" x14ac:dyDescent="0.25">
      <c r="A46360" t="s">
        <v>64198</v>
      </c>
      <c r="B46360" t="s">
        <v>64200</v>
      </c>
      <c r="C46360">
        <v>1</v>
      </c>
      <c r="D46360">
        <v>0</v>
      </c>
    </row>
    <row r="46361" spans="1:4" x14ac:dyDescent="0.25">
      <c r="A46361" t="s">
        <v>64198</v>
      </c>
      <c r="B46361" t="s">
        <v>64201</v>
      </c>
      <c r="C46361">
        <v>1</v>
      </c>
      <c r="D46361">
        <v>0</v>
      </c>
    </row>
    <row r="46362" spans="1:4" x14ac:dyDescent="0.25">
      <c r="A46362" t="s">
        <v>64202</v>
      </c>
      <c r="B46362" t="s">
        <v>64203</v>
      </c>
      <c r="C46362">
        <v>1</v>
      </c>
      <c r="D46362">
        <v>0</v>
      </c>
    </row>
    <row r="46363" spans="1:4" x14ac:dyDescent="0.25">
      <c r="A46363" t="s">
        <v>64202</v>
      </c>
      <c r="B46363" t="s">
        <v>64204</v>
      </c>
      <c r="C46363">
        <v>1</v>
      </c>
      <c r="D46363">
        <v>0</v>
      </c>
    </row>
    <row r="46364" spans="1:4" x14ac:dyDescent="0.25">
      <c r="A46364" t="s">
        <v>64202</v>
      </c>
      <c r="B46364" t="s">
        <v>5713</v>
      </c>
      <c r="C46364">
        <v>1</v>
      </c>
      <c r="D46364">
        <v>0</v>
      </c>
    </row>
    <row r="46365" spans="1:4" x14ac:dyDescent="0.25">
      <c r="A46365" t="s">
        <v>64202</v>
      </c>
      <c r="B46365" t="s">
        <v>64205</v>
      </c>
      <c r="C46365">
        <v>1</v>
      </c>
      <c r="D46365">
        <v>0</v>
      </c>
    </row>
    <row r="46366" spans="1:4" x14ac:dyDescent="0.25">
      <c r="A46366" t="s">
        <v>64206</v>
      </c>
      <c r="B46366" t="s">
        <v>64207</v>
      </c>
      <c r="C46366">
        <v>2</v>
      </c>
      <c r="D46366">
        <v>0</v>
      </c>
    </row>
    <row r="46367" spans="1:4" x14ac:dyDescent="0.25">
      <c r="A46367" t="s">
        <v>64206</v>
      </c>
      <c r="B46367" t="s">
        <v>64208</v>
      </c>
      <c r="C46367">
        <v>1</v>
      </c>
      <c r="D46367">
        <v>0</v>
      </c>
    </row>
    <row r="46368" spans="1:4" x14ac:dyDescent="0.25">
      <c r="A46368" t="s">
        <v>64206</v>
      </c>
      <c r="B46368" t="s">
        <v>64209</v>
      </c>
      <c r="C46368">
        <v>0</v>
      </c>
      <c r="D46368">
        <v>0</v>
      </c>
    </row>
    <row r="46369" spans="1:4" x14ac:dyDescent="0.25">
      <c r="A46369" t="s">
        <v>64206</v>
      </c>
      <c r="B46369" t="s">
        <v>64210</v>
      </c>
      <c r="C46369">
        <v>1</v>
      </c>
      <c r="D46369">
        <v>0</v>
      </c>
    </row>
    <row r="46370" spans="1:4" x14ac:dyDescent="0.25">
      <c r="A46370" t="s">
        <v>64206</v>
      </c>
      <c r="B46370" t="s">
        <v>64211</v>
      </c>
      <c r="C46370">
        <v>0</v>
      </c>
      <c r="D46370">
        <v>0</v>
      </c>
    </row>
    <row r="46371" spans="1:4" x14ac:dyDescent="0.25">
      <c r="A46371" t="s">
        <v>64206</v>
      </c>
      <c r="B46371" t="s">
        <v>64212</v>
      </c>
      <c r="C46371">
        <v>1</v>
      </c>
      <c r="D46371">
        <v>0</v>
      </c>
    </row>
    <row r="46372" spans="1:4" x14ac:dyDescent="0.25">
      <c r="A46372" t="s">
        <v>64213</v>
      </c>
      <c r="B46372" t="s">
        <v>64214</v>
      </c>
      <c r="C46372">
        <v>2</v>
      </c>
      <c r="D46372">
        <v>0</v>
      </c>
    </row>
    <row r="46373" spans="1:4" x14ac:dyDescent="0.25">
      <c r="A46373" t="s">
        <v>64213</v>
      </c>
      <c r="B46373" t="s">
        <v>64215</v>
      </c>
      <c r="C46373">
        <v>2</v>
      </c>
      <c r="D46373">
        <v>0</v>
      </c>
    </row>
    <row r="46374" spans="1:4" x14ac:dyDescent="0.25">
      <c r="A46374" t="s">
        <v>64213</v>
      </c>
      <c r="B46374" t="s">
        <v>64216</v>
      </c>
      <c r="C46374">
        <v>0</v>
      </c>
      <c r="D46374">
        <v>0</v>
      </c>
    </row>
    <row r="46375" spans="1:4" x14ac:dyDescent="0.25">
      <c r="A46375" t="s">
        <v>64213</v>
      </c>
      <c r="B46375" t="s">
        <v>64217</v>
      </c>
      <c r="C46375">
        <v>2</v>
      </c>
      <c r="D46375">
        <v>0</v>
      </c>
    </row>
    <row r="46376" spans="1:4" x14ac:dyDescent="0.25">
      <c r="A46376" t="s">
        <v>64213</v>
      </c>
      <c r="B46376" t="s">
        <v>64218</v>
      </c>
      <c r="C46376">
        <v>0</v>
      </c>
      <c r="D46376">
        <v>0</v>
      </c>
    </row>
    <row r="46377" spans="1:4" x14ac:dyDescent="0.25">
      <c r="A46377" t="s">
        <v>64213</v>
      </c>
      <c r="B46377" t="s">
        <v>64219</v>
      </c>
      <c r="C46377">
        <v>2</v>
      </c>
      <c r="D46377">
        <v>0</v>
      </c>
    </row>
    <row r="46378" spans="1:4" x14ac:dyDescent="0.25">
      <c r="A46378" t="s">
        <v>64213</v>
      </c>
      <c r="B46378" t="s">
        <v>64220</v>
      </c>
      <c r="C46378">
        <v>1</v>
      </c>
      <c r="D46378">
        <v>0</v>
      </c>
    </row>
    <row r="46379" spans="1:4" x14ac:dyDescent="0.25">
      <c r="A46379" t="s">
        <v>64221</v>
      </c>
      <c r="B46379" t="s">
        <v>64222</v>
      </c>
      <c r="C46379">
        <v>1</v>
      </c>
      <c r="D46379">
        <v>0</v>
      </c>
    </row>
    <row r="46380" spans="1:4" x14ac:dyDescent="0.25">
      <c r="A46380" t="s">
        <v>64221</v>
      </c>
      <c r="B46380" t="s">
        <v>64223</v>
      </c>
      <c r="C46380">
        <v>1</v>
      </c>
      <c r="D46380">
        <v>0</v>
      </c>
    </row>
    <row r="46381" spans="1:4" x14ac:dyDescent="0.25">
      <c r="A46381" t="s">
        <v>64221</v>
      </c>
      <c r="B46381" t="s">
        <v>64224</v>
      </c>
      <c r="C46381">
        <v>0</v>
      </c>
      <c r="D46381">
        <v>0</v>
      </c>
    </row>
    <row r="46382" spans="1:4" x14ac:dyDescent="0.25">
      <c r="A46382" t="s">
        <v>64221</v>
      </c>
      <c r="B46382" t="s">
        <v>64225</v>
      </c>
      <c r="C46382">
        <v>1</v>
      </c>
      <c r="D46382">
        <v>0</v>
      </c>
    </row>
    <row r="46383" spans="1:4" x14ac:dyDescent="0.25">
      <c r="A46383" t="s">
        <v>64221</v>
      </c>
      <c r="B46383" t="s">
        <v>64226</v>
      </c>
      <c r="C46383">
        <v>0</v>
      </c>
      <c r="D46383">
        <v>0</v>
      </c>
    </row>
    <row r="46384" spans="1:4" x14ac:dyDescent="0.25">
      <c r="A46384" t="s">
        <v>64221</v>
      </c>
      <c r="B46384" t="s">
        <v>64227</v>
      </c>
      <c r="C46384">
        <v>1</v>
      </c>
      <c r="D46384">
        <v>0</v>
      </c>
    </row>
    <row r="46385" spans="1:4" x14ac:dyDescent="0.25">
      <c r="A46385" t="s">
        <v>64221</v>
      </c>
      <c r="B46385" t="s">
        <v>64228</v>
      </c>
      <c r="C46385">
        <v>0</v>
      </c>
      <c r="D46385">
        <v>0</v>
      </c>
    </row>
    <row r="46386" spans="1:4" x14ac:dyDescent="0.25">
      <c r="A46386" t="s">
        <v>64229</v>
      </c>
      <c r="B46386" t="s">
        <v>64230</v>
      </c>
      <c r="C46386">
        <v>1</v>
      </c>
      <c r="D46386">
        <v>0</v>
      </c>
    </row>
    <row r="46387" spans="1:4" x14ac:dyDescent="0.25">
      <c r="A46387" t="s">
        <v>64229</v>
      </c>
      <c r="B46387" t="s">
        <v>64231</v>
      </c>
      <c r="C46387">
        <v>2</v>
      </c>
      <c r="D46387">
        <v>0</v>
      </c>
    </row>
    <row r="46388" spans="1:4" x14ac:dyDescent="0.25">
      <c r="A46388" t="s">
        <v>64229</v>
      </c>
      <c r="B46388" t="s">
        <v>64232</v>
      </c>
      <c r="C46388">
        <v>1</v>
      </c>
      <c r="D46388">
        <v>0</v>
      </c>
    </row>
    <row r="46389" spans="1:4" x14ac:dyDescent="0.25">
      <c r="A46389" t="s">
        <v>64229</v>
      </c>
      <c r="B46389" t="s">
        <v>64233</v>
      </c>
      <c r="C46389">
        <v>2</v>
      </c>
      <c r="D46389">
        <v>0</v>
      </c>
    </row>
    <row r="46390" spans="1:4" x14ac:dyDescent="0.25">
      <c r="A46390" t="s">
        <v>64229</v>
      </c>
      <c r="B46390" t="s">
        <v>64234</v>
      </c>
      <c r="C46390">
        <v>2</v>
      </c>
      <c r="D46390">
        <v>0</v>
      </c>
    </row>
    <row r="46391" spans="1:4" x14ac:dyDescent="0.25">
      <c r="A46391" t="s">
        <v>64235</v>
      </c>
      <c r="B46391" t="s">
        <v>26495</v>
      </c>
      <c r="C46391">
        <v>1</v>
      </c>
      <c r="D46391">
        <v>0</v>
      </c>
    </row>
    <row r="46392" spans="1:4" x14ac:dyDescent="0.25">
      <c r="A46392" t="s">
        <v>64235</v>
      </c>
      <c r="B46392" t="s">
        <v>64236</v>
      </c>
      <c r="C46392">
        <v>1</v>
      </c>
      <c r="D46392">
        <v>0</v>
      </c>
    </row>
    <row r="46393" spans="1:4" x14ac:dyDescent="0.25">
      <c r="A46393" t="s">
        <v>64235</v>
      </c>
      <c r="B46393" t="s">
        <v>5434</v>
      </c>
      <c r="C46393">
        <v>1</v>
      </c>
      <c r="D46393">
        <v>0</v>
      </c>
    </row>
    <row r="46394" spans="1:4" x14ac:dyDescent="0.25">
      <c r="A46394" t="s">
        <v>64235</v>
      </c>
      <c r="B46394" t="s">
        <v>64237</v>
      </c>
      <c r="C46394">
        <v>2</v>
      </c>
      <c r="D46394">
        <v>0</v>
      </c>
    </row>
    <row r="46395" spans="1:4" x14ac:dyDescent="0.25">
      <c r="A46395" t="s">
        <v>64238</v>
      </c>
      <c r="B46395" t="s">
        <v>64239</v>
      </c>
      <c r="C46395">
        <v>1</v>
      </c>
      <c r="D46395">
        <v>0</v>
      </c>
    </row>
    <row r="46396" spans="1:4" x14ac:dyDescent="0.25">
      <c r="A46396" t="s">
        <v>64238</v>
      </c>
      <c r="B46396" t="s">
        <v>64240</v>
      </c>
      <c r="C46396">
        <v>1</v>
      </c>
      <c r="D46396">
        <v>0</v>
      </c>
    </row>
    <row r="46397" spans="1:4" x14ac:dyDescent="0.25">
      <c r="A46397" t="s">
        <v>64238</v>
      </c>
      <c r="B46397" t="s">
        <v>64241</v>
      </c>
      <c r="C46397">
        <v>1</v>
      </c>
      <c r="D46397">
        <v>0</v>
      </c>
    </row>
    <row r="46398" spans="1:4" x14ac:dyDescent="0.25">
      <c r="A46398" t="s">
        <v>64242</v>
      </c>
      <c r="B46398" t="s">
        <v>20844</v>
      </c>
      <c r="C46398">
        <v>1</v>
      </c>
      <c r="D46398">
        <v>0</v>
      </c>
    </row>
    <row r="46399" spans="1:4" x14ac:dyDescent="0.25">
      <c r="A46399" t="s">
        <v>64242</v>
      </c>
      <c r="B46399" t="s">
        <v>64243</v>
      </c>
      <c r="C46399">
        <v>1</v>
      </c>
      <c r="D46399">
        <v>0</v>
      </c>
    </row>
    <row r="46400" spans="1:4" x14ac:dyDescent="0.25">
      <c r="A46400" t="s">
        <v>64242</v>
      </c>
      <c r="B46400" t="s">
        <v>64244</v>
      </c>
      <c r="C46400">
        <v>1</v>
      </c>
      <c r="D46400">
        <v>0</v>
      </c>
    </row>
    <row r="46401" spans="1:4" x14ac:dyDescent="0.25">
      <c r="A46401" t="s">
        <v>64245</v>
      </c>
      <c r="B46401" t="s">
        <v>64246</v>
      </c>
      <c r="C46401">
        <v>0</v>
      </c>
      <c r="D46401">
        <v>0</v>
      </c>
    </row>
    <row r="46402" spans="1:4" x14ac:dyDescent="0.25">
      <c r="A46402" t="s">
        <v>64245</v>
      </c>
      <c r="B46402" t="s">
        <v>64247</v>
      </c>
      <c r="C46402">
        <v>0</v>
      </c>
      <c r="D46402">
        <v>0</v>
      </c>
    </row>
    <row r="46403" spans="1:4" x14ac:dyDescent="0.25">
      <c r="A46403" t="s">
        <v>64245</v>
      </c>
      <c r="B46403" t="s">
        <v>64248</v>
      </c>
      <c r="C46403">
        <v>2</v>
      </c>
      <c r="D46403">
        <v>0</v>
      </c>
    </row>
    <row r="46404" spans="1:4" x14ac:dyDescent="0.25">
      <c r="A46404" t="s">
        <v>64249</v>
      </c>
      <c r="B46404" t="s">
        <v>64250</v>
      </c>
      <c r="C46404">
        <v>2</v>
      </c>
      <c r="D46404">
        <v>0</v>
      </c>
    </row>
    <row r="46405" spans="1:4" x14ac:dyDescent="0.25">
      <c r="A46405" t="s">
        <v>64249</v>
      </c>
      <c r="B46405" t="s">
        <v>64251</v>
      </c>
      <c r="C46405">
        <v>1</v>
      </c>
      <c r="D46405">
        <v>0</v>
      </c>
    </row>
    <row r="46406" spans="1:4" x14ac:dyDescent="0.25">
      <c r="A46406" t="s">
        <v>64249</v>
      </c>
      <c r="B46406" t="s">
        <v>64252</v>
      </c>
      <c r="C46406">
        <v>2</v>
      </c>
      <c r="D46406">
        <v>0</v>
      </c>
    </row>
    <row r="46407" spans="1:4" x14ac:dyDescent="0.25">
      <c r="A46407" t="s">
        <v>64249</v>
      </c>
      <c r="B46407" t="s">
        <v>64253</v>
      </c>
      <c r="C46407">
        <v>2</v>
      </c>
      <c r="D46407">
        <v>0</v>
      </c>
    </row>
    <row r="46408" spans="1:4" x14ac:dyDescent="0.25">
      <c r="A46408" t="s">
        <v>64249</v>
      </c>
      <c r="B46408" t="s">
        <v>64254</v>
      </c>
      <c r="C46408">
        <v>2</v>
      </c>
      <c r="D46408">
        <v>0</v>
      </c>
    </row>
    <row r="46409" spans="1:4" x14ac:dyDescent="0.25">
      <c r="A46409" t="s">
        <v>64249</v>
      </c>
      <c r="B46409" t="s">
        <v>64255</v>
      </c>
      <c r="C46409">
        <v>0</v>
      </c>
      <c r="D46409">
        <v>0</v>
      </c>
    </row>
    <row r="46410" spans="1:4" x14ac:dyDescent="0.25">
      <c r="A46410" t="s">
        <v>64256</v>
      </c>
      <c r="B46410" t="s">
        <v>64257</v>
      </c>
      <c r="C46410">
        <v>2</v>
      </c>
      <c r="D46410">
        <v>0</v>
      </c>
    </row>
    <row r="46411" spans="1:4" x14ac:dyDescent="0.25">
      <c r="A46411" t="s">
        <v>64256</v>
      </c>
      <c r="B46411" t="s">
        <v>64258</v>
      </c>
      <c r="C46411">
        <v>0</v>
      </c>
      <c r="D46411">
        <v>0</v>
      </c>
    </row>
    <row r="46412" spans="1:4" x14ac:dyDescent="0.25">
      <c r="A46412" t="s">
        <v>64256</v>
      </c>
      <c r="B46412" t="s">
        <v>64259</v>
      </c>
      <c r="C46412">
        <v>0</v>
      </c>
      <c r="D46412">
        <v>0</v>
      </c>
    </row>
    <row r="46413" spans="1:4" x14ac:dyDescent="0.25">
      <c r="A46413" t="s">
        <v>64256</v>
      </c>
      <c r="B46413" t="s">
        <v>64260</v>
      </c>
      <c r="C46413">
        <v>0</v>
      </c>
      <c r="D46413">
        <v>0</v>
      </c>
    </row>
    <row r="46414" spans="1:4" x14ac:dyDescent="0.25">
      <c r="A46414" t="s">
        <v>64261</v>
      </c>
      <c r="B46414" t="s">
        <v>64262</v>
      </c>
      <c r="C46414">
        <v>2</v>
      </c>
      <c r="D46414">
        <v>0</v>
      </c>
    </row>
    <row r="46415" spans="1:4" x14ac:dyDescent="0.25">
      <c r="A46415" t="s">
        <v>64261</v>
      </c>
      <c r="B46415" t="s">
        <v>64263</v>
      </c>
      <c r="C46415">
        <v>2</v>
      </c>
      <c r="D46415">
        <v>0</v>
      </c>
    </row>
    <row r="46416" spans="1:4" x14ac:dyDescent="0.25">
      <c r="A46416" t="s">
        <v>64264</v>
      </c>
      <c r="B46416" t="s">
        <v>64265</v>
      </c>
      <c r="C46416">
        <v>2</v>
      </c>
      <c r="D46416">
        <v>0</v>
      </c>
    </row>
    <row r="46417" spans="1:4" x14ac:dyDescent="0.25">
      <c r="A46417" t="s">
        <v>64264</v>
      </c>
      <c r="B46417" t="s">
        <v>64266</v>
      </c>
      <c r="C46417">
        <v>1</v>
      </c>
      <c r="D46417">
        <v>0</v>
      </c>
    </row>
    <row r="46418" spans="1:4" x14ac:dyDescent="0.25">
      <c r="A46418" t="s">
        <v>64267</v>
      </c>
      <c r="B46418" t="s">
        <v>64268</v>
      </c>
      <c r="C46418">
        <v>1</v>
      </c>
      <c r="D46418">
        <v>0</v>
      </c>
    </row>
    <row r="46419" spans="1:4" x14ac:dyDescent="0.25">
      <c r="A46419" t="s">
        <v>64267</v>
      </c>
      <c r="B46419" t="s">
        <v>64269</v>
      </c>
      <c r="C46419">
        <v>1</v>
      </c>
      <c r="D46419">
        <v>0</v>
      </c>
    </row>
    <row r="46420" spans="1:4" x14ac:dyDescent="0.25">
      <c r="A46420" t="s">
        <v>64267</v>
      </c>
      <c r="B46420" t="s">
        <v>64270</v>
      </c>
      <c r="C46420">
        <v>1</v>
      </c>
      <c r="D46420">
        <v>0</v>
      </c>
    </row>
    <row r="46421" spans="1:4" x14ac:dyDescent="0.25">
      <c r="A46421" t="s">
        <v>64267</v>
      </c>
      <c r="B46421" t="s">
        <v>64271</v>
      </c>
      <c r="C46421">
        <v>0</v>
      </c>
      <c r="D46421">
        <v>0</v>
      </c>
    </row>
    <row r="46422" spans="1:4" x14ac:dyDescent="0.25">
      <c r="A46422" t="s">
        <v>64267</v>
      </c>
      <c r="B46422" t="s">
        <v>64272</v>
      </c>
      <c r="C46422">
        <v>1</v>
      </c>
      <c r="D46422">
        <v>0</v>
      </c>
    </row>
    <row r="46423" spans="1:4" x14ac:dyDescent="0.25">
      <c r="A46423" t="s">
        <v>64267</v>
      </c>
      <c r="B46423" t="s">
        <v>64273</v>
      </c>
      <c r="C46423">
        <v>1</v>
      </c>
      <c r="D46423">
        <v>0</v>
      </c>
    </row>
    <row r="46424" spans="1:4" x14ac:dyDescent="0.25">
      <c r="A46424" t="s">
        <v>64274</v>
      </c>
      <c r="B46424" t="s">
        <v>64275</v>
      </c>
      <c r="C46424">
        <v>1</v>
      </c>
      <c r="D46424">
        <v>0</v>
      </c>
    </row>
    <row r="46425" spans="1:4" x14ac:dyDescent="0.25">
      <c r="A46425" t="s">
        <v>64274</v>
      </c>
      <c r="B46425" t="s">
        <v>64276</v>
      </c>
      <c r="C46425">
        <v>2</v>
      </c>
      <c r="D46425">
        <v>0</v>
      </c>
    </row>
    <row r="46426" spans="1:4" x14ac:dyDescent="0.25">
      <c r="A46426" t="s">
        <v>64274</v>
      </c>
      <c r="B46426" t="s">
        <v>64277</v>
      </c>
      <c r="C46426">
        <v>1</v>
      </c>
      <c r="D46426">
        <v>0</v>
      </c>
    </row>
    <row r="46427" spans="1:4" x14ac:dyDescent="0.25">
      <c r="A46427" t="s">
        <v>64274</v>
      </c>
      <c r="B46427" t="s">
        <v>64278</v>
      </c>
      <c r="C46427">
        <v>1</v>
      </c>
      <c r="D46427">
        <v>0</v>
      </c>
    </row>
    <row r="46428" spans="1:4" x14ac:dyDescent="0.25">
      <c r="A46428" t="s">
        <v>64279</v>
      </c>
      <c r="B46428" t="s">
        <v>64280</v>
      </c>
      <c r="C46428">
        <v>1</v>
      </c>
      <c r="D46428">
        <v>0</v>
      </c>
    </row>
    <row r="46429" spans="1:4" x14ac:dyDescent="0.25">
      <c r="A46429" t="s">
        <v>64279</v>
      </c>
      <c r="B46429" t="s">
        <v>64281</v>
      </c>
      <c r="C46429">
        <v>1</v>
      </c>
      <c r="D46429">
        <v>0</v>
      </c>
    </row>
    <row r="46430" spans="1:4" x14ac:dyDescent="0.25">
      <c r="A46430" t="s">
        <v>64279</v>
      </c>
      <c r="B46430" t="s">
        <v>64282</v>
      </c>
      <c r="C46430">
        <v>1</v>
      </c>
      <c r="D46430">
        <v>0</v>
      </c>
    </row>
    <row r="46431" spans="1:4" x14ac:dyDescent="0.25">
      <c r="A46431" t="s">
        <v>64279</v>
      </c>
      <c r="B46431" t="s">
        <v>64283</v>
      </c>
      <c r="C46431">
        <v>0</v>
      </c>
      <c r="D46431">
        <v>0</v>
      </c>
    </row>
    <row r="46432" spans="1:4" x14ac:dyDescent="0.25">
      <c r="A46432" t="s">
        <v>64279</v>
      </c>
      <c r="B46432" t="s">
        <v>64284</v>
      </c>
      <c r="C46432">
        <v>1</v>
      </c>
      <c r="D46432">
        <v>0</v>
      </c>
    </row>
    <row r="46433" spans="1:4" x14ac:dyDescent="0.25">
      <c r="A46433" t="s">
        <v>64279</v>
      </c>
      <c r="B46433" t="s">
        <v>64285</v>
      </c>
      <c r="C46433">
        <v>1</v>
      </c>
      <c r="D46433">
        <v>0</v>
      </c>
    </row>
    <row r="46434" spans="1:4" x14ac:dyDescent="0.25">
      <c r="A46434" t="s">
        <v>64279</v>
      </c>
      <c r="B46434" t="s">
        <v>64286</v>
      </c>
      <c r="C46434">
        <v>1</v>
      </c>
      <c r="D46434">
        <v>0</v>
      </c>
    </row>
    <row r="46435" spans="1:4" x14ac:dyDescent="0.25">
      <c r="A46435" t="s">
        <v>64279</v>
      </c>
      <c r="B46435" t="s">
        <v>64287</v>
      </c>
      <c r="C46435">
        <v>1</v>
      </c>
      <c r="D46435">
        <v>0</v>
      </c>
    </row>
    <row r="46436" spans="1:4" x14ac:dyDescent="0.25">
      <c r="A46436" t="s">
        <v>64288</v>
      </c>
      <c r="B46436" t="s">
        <v>64289</v>
      </c>
      <c r="C46436">
        <v>0</v>
      </c>
      <c r="D46436">
        <v>0</v>
      </c>
    </row>
    <row r="46437" spans="1:4" x14ac:dyDescent="0.25">
      <c r="A46437" t="s">
        <v>64288</v>
      </c>
      <c r="B46437" t="s">
        <v>64290</v>
      </c>
      <c r="C46437">
        <v>2</v>
      </c>
      <c r="D46437">
        <v>0</v>
      </c>
    </row>
    <row r="46438" spans="1:4" x14ac:dyDescent="0.25">
      <c r="A46438" t="s">
        <v>64288</v>
      </c>
      <c r="B46438" t="s">
        <v>64291</v>
      </c>
      <c r="C46438">
        <v>1</v>
      </c>
      <c r="D46438">
        <v>0</v>
      </c>
    </row>
    <row r="46439" spans="1:4" x14ac:dyDescent="0.25">
      <c r="A46439" t="s">
        <v>64288</v>
      </c>
      <c r="B46439" t="s">
        <v>64292</v>
      </c>
      <c r="C46439">
        <v>2</v>
      </c>
      <c r="D46439">
        <v>0</v>
      </c>
    </row>
    <row r="46440" spans="1:4" x14ac:dyDescent="0.25">
      <c r="A46440" t="s">
        <v>64288</v>
      </c>
      <c r="B46440" t="s">
        <v>64293</v>
      </c>
      <c r="C46440">
        <v>2</v>
      </c>
      <c r="D46440">
        <v>0</v>
      </c>
    </row>
    <row r="46441" spans="1:4" x14ac:dyDescent="0.25">
      <c r="A46441" t="s">
        <v>64288</v>
      </c>
      <c r="B46441" t="s">
        <v>64294</v>
      </c>
      <c r="C46441">
        <v>2</v>
      </c>
      <c r="D46441">
        <v>0</v>
      </c>
    </row>
    <row r="46442" spans="1:4" x14ac:dyDescent="0.25">
      <c r="A46442" t="s">
        <v>64288</v>
      </c>
      <c r="B46442" t="s">
        <v>64295</v>
      </c>
      <c r="C46442">
        <v>2</v>
      </c>
      <c r="D46442">
        <v>0</v>
      </c>
    </row>
    <row r="46443" spans="1:4" x14ac:dyDescent="0.25">
      <c r="A46443" t="s">
        <v>64296</v>
      </c>
      <c r="B46443" t="s">
        <v>64297</v>
      </c>
      <c r="C46443">
        <v>1</v>
      </c>
      <c r="D46443">
        <v>0</v>
      </c>
    </row>
    <row r="46444" spans="1:4" x14ac:dyDescent="0.25">
      <c r="A46444" t="s">
        <v>64296</v>
      </c>
      <c r="B46444" t="s">
        <v>64298</v>
      </c>
      <c r="C46444">
        <v>2</v>
      </c>
      <c r="D46444">
        <v>0</v>
      </c>
    </row>
    <row r="46445" spans="1:4" x14ac:dyDescent="0.25">
      <c r="A46445" t="s">
        <v>64296</v>
      </c>
      <c r="B46445" t="s">
        <v>64299</v>
      </c>
      <c r="C46445">
        <v>1</v>
      </c>
      <c r="D46445">
        <v>0</v>
      </c>
    </row>
    <row r="46446" spans="1:4" x14ac:dyDescent="0.25">
      <c r="A46446" t="s">
        <v>64296</v>
      </c>
      <c r="B46446" t="s">
        <v>64300</v>
      </c>
      <c r="C46446">
        <v>1</v>
      </c>
      <c r="D46446">
        <v>0</v>
      </c>
    </row>
    <row r="46447" spans="1:4" x14ac:dyDescent="0.25">
      <c r="A46447" t="s">
        <v>64301</v>
      </c>
      <c r="B46447" t="s">
        <v>64302</v>
      </c>
      <c r="C46447">
        <v>1</v>
      </c>
      <c r="D46447">
        <v>0</v>
      </c>
    </row>
    <row r="46448" spans="1:4" x14ac:dyDescent="0.25">
      <c r="A46448" t="s">
        <v>64301</v>
      </c>
      <c r="B46448" t="s">
        <v>64303</v>
      </c>
      <c r="C46448">
        <v>1</v>
      </c>
      <c r="D46448">
        <v>0</v>
      </c>
    </row>
    <row r="46449" spans="1:4" x14ac:dyDescent="0.25">
      <c r="A46449" t="s">
        <v>64301</v>
      </c>
      <c r="B46449" t="s">
        <v>64304</v>
      </c>
      <c r="C46449">
        <v>2</v>
      </c>
      <c r="D46449">
        <v>0</v>
      </c>
    </row>
    <row r="46450" spans="1:4" x14ac:dyDescent="0.25">
      <c r="A46450" t="s">
        <v>64301</v>
      </c>
      <c r="B46450" t="s">
        <v>64305</v>
      </c>
      <c r="C46450">
        <v>2</v>
      </c>
      <c r="D46450">
        <v>0</v>
      </c>
    </row>
    <row r="46451" spans="1:4" x14ac:dyDescent="0.25">
      <c r="A46451" t="s">
        <v>64301</v>
      </c>
      <c r="B46451" t="s">
        <v>64306</v>
      </c>
      <c r="C46451">
        <v>1</v>
      </c>
      <c r="D46451">
        <v>0</v>
      </c>
    </row>
    <row r="46452" spans="1:4" x14ac:dyDescent="0.25">
      <c r="A46452" t="s">
        <v>64301</v>
      </c>
      <c r="B46452" t="s">
        <v>64307</v>
      </c>
      <c r="C46452">
        <v>1</v>
      </c>
      <c r="D46452">
        <v>0</v>
      </c>
    </row>
    <row r="46453" spans="1:4" x14ac:dyDescent="0.25">
      <c r="A46453" t="s">
        <v>64308</v>
      </c>
      <c r="B46453" t="s">
        <v>56810</v>
      </c>
      <c r="C46453">
        <v>0</v>
      </c>
      <c r="D46453">
        <v>0</v>
      </c>
    </row>
    <row r="46454" spans="1:4" x14ac:dyDescent="0.25">
      <c r="A46454" t="s">
        <v>64308</v>
      </c>
      <c r="B46454" t="s">
        <v>64309</v>
      </c>
      <c r="C46454">
        <v>1</v>
      </c>
      <c r="D46454">
        <v>0</v>
      </c>
    </row>
    <row r="46455" spans="1:4" x14ac:dyDescent="0.25">
      <c r="A46455" t="s">
        <v>64308</v>
      </c>
      <c r="B46455" t="s">
        <v>64310</v>
      </c>
      <c r="C46455">
        <v>1</v>
      </c>
      <c r="D46455">
        <v>0</v>
      </c>
    </row>
    <row r="46456" spans="1:4" x14ac:dyDescent="0.25">
      <c r="A46456" t="s">
        <v>64308</v>
      </c>
      <c r="B46456" t="s">
        <v>64311</v>
      </c>
      <c r="C46456">
        <v>1</v>
      </c>
      <c r="D46456">
        <v>0</v>
      </c>
    </row>
    <row r="46457" spans="1:4" x14ac:dyDescent="0.25">
      <c r="A46457" t="s">
        <v>64312</v>
      </c>
      <c r="B46457" t="s">
        <v>64313</v>
      </c>
      <c r="C46457">
        <v>1</v>
      </c>
      <c r="D46457">
        <v>0</v>
      </c>
    </row>
    <row r="46458" spans="1:4" x14ac:dyDescent="0.25">
      <c r="A46458" t="s">
        <v>64312</v>
      </c>
      <c r="B46458" t="s">
        <v>64314</v>
      </c>
      <c r="C46458">
        <v>1</v>
      </c>
      <c r="D46458">
        <v>0</v>
      </c>
    </row>
    <row r="46459" spans="1:4" x14ac:dyDescent="0.25">
      <c r="A46459" t="s">
        <v>64312</v>
      </c>
      <c r="B46459" t="s">
        <v>64315</v>
      </c>
      <c r="C46459">
        <v>1</v>
      </c>
      <c r="D46459">
        <v>0</v>
      </c>
    </row>
    <row r="46460" spans="1:4" x14ac:dyDescent="0.25">
      <c r="A46460" t="s">
        <v>64312</v>
      </c>
      <c r="B46460" t="s">
        <v>64316</v>
      </c>
      <c r="C46460">
        <v>1</v>
      </c>
      <c r="D46460">
        <v>0</v>
      </c>
    </row>
    <row r="46461" spans="1:4" x14ac:dyDescent="0.25">
      <c r="A46461" t="s">
        <v>64312</v>
      </c>
      <c r="B46461" t="s">
        <v>64317</v>
      </c>
      <c r="C46461">
        <v>2</v>
      </c>
      <c r="D46461">
        <v>0</v>
      </c>
    </row>
    <row r="46462" spans="1:4" x14ac:dyDescent="0.25">
      <c r="A46462" t="s">
        <v>64318</v>
      </c>
      <c r="B46462" t="s">
        <v>64319</v>
      </c>
      <c r="C46462">
        <v>1</v>
      </c>
      <c r="D46462">
        <v>0</v>
      </c>
    </row>
    <row r="46463" spans="1:4" x14ac:dyDescent="0.25">
      <c r="A46463" t="s">
        <v>64320</v>
      </c>
      <c r="B46463" t="s">
        <v>64321</v>
      </c>
      <c r="C46463">
        <v>1</v>
      </c>
      <c r="D46463">
        <v>0</v>
      </c>
    </row>
    <row r="46464" spans="1:4" x14ac:dyDescent="0.25">
      <c r="A46464" t="s">
        <v>64320</v>
      </c>
      <c r="B46464" t="s">
        <v>64322</v>
      </c>
      <c r="C46464">
        <v>1</v>
      </c>
      <c r="D46464">
        <v>0</v>
      </c>
    </row>
    <row r="46465" spans="1:4" x14ac:dyDescent="0.25">
      <c r="A46465" t="s">
        <v>64320</v>
      </c>
      <c r="B46465" t="s">
        <v>64323</v>
      </c>
      <c r="C46465">
        <v>1</v>
      </c>
      <c r="D46465">
        <v>0</v>
      </c>
    </row>
    <row r="46466" spans="1:4" x14ac:dyDescent="0.25">
      <c r="A46466" t="s">
        <v>64324</v>
      </c>
      <c r="B46466" t="s">
        <v>64325</v>
      </c>
      <c r="C46466">
        <v>1</v>
      </c>
      <c r="D46466">
        <v>0</v>
      </c>
    </row>
    <row r="46467" spans="1:4" x14ac:dyDescent="0.25">
      <c r="A46467" t="s">
        <v>64324</v>
      </c>
      <c r="B46467" t="s">
        <v>64326</v>
      </c>
      <c r="C46467">
        <v>0</v>
      </c>
      <c r="D46467">
        <v>0</v>
      </c>
    </row>
    <row r="46468" spans="1:4" x14ac:dyDescent="0.25">
      <c r="A46468" t="s">
        <v>64324</v>
      </c>
      <c r="B46468" t="s">
        <v>64327</v>
      </c>
      <c r="C46468">
        <v>2</v>
      </c>
      <c r="D46468">
        <v>0</v>
      </c>
    </row>
    <row r="46469" spans="1:4" x14ac:dyDescent="0.25">
      <c r="A46469" t="s">
        <v>64324</v>
      </c>
      <c r="B46469" t="s">
        <v>64328</v>
      </c>
      <c r="C46469">
        <v>1</v>
      </c>
      <c r="D46469">
        <v>0</v>
      </c>
    </row>
    <row r="46470" spans="1:4" x14ac:dyDescent="0.25">
      <c r="A46470" t="s">
        <v>64324</v>
      </c>
      <c r="B46470" t="s">
        <v>64329</v>
      </c>
      <c r="C46470">
        <v>1</v>
      </c>
      <c r="D46470">
        <v>0</v>
      </c>
    </row>
    <row r="46471" spans="1:4" x14ac:dyDescent="0.25">
      <c r="A46471" t="s">
        <v>64330</v>
      </c>
      <c r="B46471" t="s">
        <v>64331</v>
      </c>
      <c r="C46471">
        <v>1</v>
      </c>
      <c r="D46471">
        <v>0</v>
      </c>
    </row>
    <row r="46472" spans="1:4" x14ac:dyDescent="0.25">
      <c r="A46472" t="s">
        <v>64330</v>
      </c>
      <c r="B46472" t="s">
        <v>64332</v>
      </c>
      <c r="C46472">
        <v>1</v>
      </c>
      <c r="D46472">
        <v>0</v>
      </c>
    </row>
    <row r="46473" spans="1:4" x14ac:dyDescent="0.25">
      <c r="A46473" t="s">
        <v>64330</v>
      </c>
      <c r="B46473" t="s">
        <v>64333</v>
      </c>
      <c r="C46473">
        <v>1</v>
      </c>
      <c r="D46473">
        <v>0</v>
      </c>
    </row>
    <row r="46474" spans="1:4" x14ac:dyDescent="0.25">
      <c r="A46474" t="s">
        <v>64330</v>
      </c>
      <c r="B46474" t="s">
        <v>64334</v>
      </c>
      <c r="C46474">
        <v>1</v>
      </c>
      <c r="D46474">
        <v>0</v>
      </c>
    </row>
    <row r="46475" spans="1:4" x14ac:dyDescent="0.25">
      <c r="A46475" t="s">
        <v>64330</v>
      </c>
      <c r="B46475" t="s">
        <v>64335</v>
      </c>
      <c r="C46475">
        <v>1</v>
      </c>
      <c r="D46475">
        <v>0</v>
      </c>
    </row>
    <row r="46476" spans="1:4" x14ac:dyDescent="0.25">
      <c r="A46476" t="s">
        <v>64330</v>
      </c>
      <c r="B46476" t="s">
        <v>64336</v>
      </c>
      <c r="C46476">
        <v>1</v>
      </c>
      <c r="D46476">
        <v>0</v>
      </c>
    </row>
    <row r="46477" spans="1:4" x14ac:dyDescent="0.25">
      <c r="A46477" t="s">
        <v>64330</v>
      </c>
      <c r="B46477" t="s">
        <v>64337</v>
      </c>
      <c r="C46477">
        <v>1</v>
      </c>
      <c r="D46477">
        <v>0</v>
      </c>
    </row>
    <row r="46478" spans="1:4" x14ac:dyDescent="0.25">
      <c r="A46478" t="s">
        <v>64338</v>
      </c>
      <c r="B46478" t="s">
        <v>64339</v>
      </c>
      <c r="C46478">
        <v>1</v>
      </c>
      <c r="D46478">
        <v>0</v>
      </c>
    </row>
    <row r="46479" spans="1:4" x14ac:dyDescent="0.25">
      <c r="A46479" t="s">
        <v>64338</v>
      </c>
      <c r="B46479" t="s">
        <v>64340</v>
      </c>
      <c r="C46479">
        <v>1</v>
      </c>
      <c r="D46479">
        <v>0</v>
      </c>
    </row>
    <row r="46480" spans="1:4" x14ac:dyDescent="0.25">
      <c r="A46480" t="s">
        <v>64338</v>
      </c>
      <c r="B46480" t="s">
        <v>64341</v>
      </c>
      <c r="C46480">
        <v>1</v>
      </c>
      <c r="D46480">
        <v>0</v>
      </c>
    </row>
    <row r="46481" spans="1:4" x14ac:dyDescent="0.25">
      <c r="A46481" t="s">
        <v>64338</v>
      </c>
      <c r="B46481" t="s">
        <v>64342</v>
      </c>
      <c r="C46481">
        <v>0</v>
      </c>
      <c r="D46481">
        <v>0</v>
      </c>
    </row>
    <row r="46482" spans="1:4" x14ac:dyDescent="0.25">
      <c r="A46482" t="s">
        <v>64343</v>
      </c>
      <c r="B46482" t="s">
        <v>64344</v>
      </c>
      <c r="C46482">
        <v>2</v>
      </c>
      <c r="D46482">
        <v>0</v>
      </c>
    </row>
    <row r="46483" spans="1:4" x14ac:dyDescent="0.25">
      <c r="A46483" t="s">
        <v>64343</v>
      </c>
      <c r="B46483" t="s">
        <v>64345</v>
      </c>
      <c r="C46483">
        <v>2</v>
      </c>
      <c r="D46483">
        <v>0</v>
      </c>
    </row>
    <row r="46484" spans="1:4" x14ac:dyDescent="0.25">
      <c r="A46484" t="s">
        <v>64343</v>
      </c>
      <c r="B46484" t="s">
        <v>64346</v>
      </c>
      <c r="C46484">
        <v>2</v>
      </c>
      <c r="D46484">
        <v>0</v>
      </c>
    </row>
    <row r="46485" spans="1:4" x14ac:dyDescent="0.25">
      <c r="A46485" t="s">
        <v>64343</v>
      </c>
      <c r="B46485" t="s">
        <v>64347</v>
      </c>
      <c r="C46485">
        <v>2</v>
      </c>
      <c r="D46485">
        <v>0</v>
      </c>
    </row>
    <row r="46486" spans="1:4" x14ac:dyDescent="0.25">
      <c r="A46486" t="s">
        <v>64343</v>
      </c>
      <c r="B46486" t="s">
        <v>64348</v>
      </c>
      <c r="C46486">
        <v>2</v>
      </c>
      <c r="D46486">
        <v>0</v>
      </c>
    </row>
    <row r="46487" spans="1:4" x14ac:dyDescent="0.25">
      <c r="A46487" t="s">
        <v>64349</v>
      </c>
      <c r="B46487" t="s">
        <v>64350</v>
      </c>
      <c r="C46487">
        <v>1</v>
      </c>
      <c r="D46487">
        <v>0</v>
      </c>
    </row>
    <row r="46488" spans="1:4" x14ac:dyDescent="0.25">
      <c r="A46488" t="s">
        <v>64349</v>
      </c>
      <c r="B46488" t="s">
        <v>64351</v>
      </c>
      <c r="C46488">
        <v>1</v>
      </c>
      <c r="D46488">
        <v>0</v>
      </c>
    </row>
    <row r="46489" spans="1:4" x14ac:dyDescent="0.25">
      <c r="A46489" t="s">
        <v>64349</v>
      </c>
      <c r="B46489" t="s">
        <v>64352</v>
      </c>
      <c r="C46489">
        <v>1</v>
      </c>
      <c r="D46489">
        <v>0</v>
      </c>
    </row>
    <row r="46490" spans="1:4" x14ac:dyDescent="0.25">
      <c r="A46490" t="s">
        <v>64353</v>
      </c>
      <c r="B46490" t="s">
        <v>64354</v>
      </c>
      <c r="C46490">
        <v>1</v>
      </c>
      <c r="D46490">
        <v>0</v>
      </c>
    </row>
    <row r="46491" spans="1:4" x14ac:dyDescent="0.25">
      <c r="A46491" t="s">
        <v>64355</v>
      </c>
      <c r="B46491" t="s">
        <v>21395</v>
      </c>
      <c r="C46491">
        <v>1</v>
      </c>
      <c r="D46491">
        <v>0</v>
      </c>
    </row>
    <row r="46492" spans="1:4" x14ac:dyDescent="0.25">
      <c r="A46492" t="s">
        <v>64355</v>
      </c>
      <c r="B46492" t="s">
        <v>64356</v>
      </c>
      <c r="C46492">
        <v>1</v>
      </c>
      <c r="D46492">
        <v>0</v>
      </c>
    </row>
    <row r="46493" spans="1:4" x14ac:dyDescent="0.25">
      <c r="A46493" t="s">
        <v>64355</v>
      </c>
      <c r="B46493" t="s">
        <v>64357</v>
      </c>
      <c r="C46493">
        <v>2</v>
      </c>
      <c r="D46493">
        <v>0</v>
      </c>
    </row>
    <row r="46494" spans="1:4" x14ac:dyDescent="0.25">
      <c r="A46494" t="s">
        <v>64358</v>
      </c>
      <c r="B46494" t="s">
        <v>64359</v>
      </c>
      <c r="C46494">
        <v>0</v>
      </c>
      <c r="D46494">
        <v>0</v>
      </c>
    </row>
    <row r="46495" spans="1:4" x14ac:dyDescent="0.25">
      <c r="A46495" t="s">
        <v>64358</v>
      </c>
      <c r="B46495" t="s">
        <v>64360</v>
      </c>
      <c r="C46495">
        <v>1</v>
      </c>
      <c r="D46495">
        <v>0</v>
      </c>
    </row>
    <row r="46496" spans="1:4" x14ac:dyDescent="0.25">
      <c r="A46496" t="s">
        <v>64358</v>
      </c>
      <c r="B46496" t="s">
        <v>64361</v>
      </c>
      <c r="C46496">
        <v>0</v>
      </c>
      <c r="D46496">
        <v>0</v>
      </c>
    </row>
    <row r="46497" spans="1:4" x14ac:dyDescent="0.25">
      <c r="A46497" t="s">
        <v>64358</v>
      </c>
      <c r="B46497" t="s">
        <v>64362</v>
      </c>
      <c r="C46497">
        <v>1</v>
      </c>
      <c r="D46497">
        <v>0</v>
      </c>
    </row>
    <row r="46498" spans="1:4" x14ac:dyDescent="0.25">
      <c r="A46498" t="s">
        <v>64358</v>
      </c>
      <c r="B46498" t="s">
        <v>64363</v>
      </c>
      <c r="C46498">
        <v>1</v>
      </c>
      <c r="D46498">
        <v>0</v>
      </c>
    </row>
    <row r="46499" spans="1:4" x14ac:dyDescent="0.25">
      <c r="A46499" t="s">
        <v>64364</v>
      </c>
      <c r="B46499" t="s">
        <v>64365</v>
      </c>
      <c r="C46499">
        <v>1</v>
      </c>
      <c r="D46499">
        <v>0</v>
      </c>
    </row>
    <row r="46500" spans="1:4" x14ac:dyDescent="0.25">
      <c r="A46500" t="s">
        <v>64364</v>
      </c>
      <c r="B46500" t="s">
        <v>64366</v>
      </c>
      <c r="C46500">
        <v>2</v>
      </c>
      <c r="D46500">
        <v>0</v>
      </c>
    </row>
    <row r="46501" spans="1:4" x14ac:dyDescent="0.25">
      <c r="A46501" t="s">
        <v>64364</v>
      </c>
      <c r="B46501" t="s">
        <v>64367</v>
      </c>
      <c r="C46501">
        <v>0</v>
      </c>
      <c r="D46501">
        <v>0</v>
      </c>
    </row>
    <row r="46502" spans="1:4" x14ac:dyDescent="0.25">
      <c r="A46502" t="s">
        <v>64364</v>
      </c>
      <c r="B46502" t="s">
        <v>64368</v>
      </c>
      <c r="C46502">
        <v>0</v>
      </c>
      <c r="D46502">
        <v>0</v>
      </c>
    </row>
    <row r="46503" spans="1:4" x14ac:dyDescent="0.25">
      <c r="A46503" t="s">
        <v>64369</v>
      </c>
      <c r="B46503" t="s">
        <v>60954</v>
      </c>
      <c r="C46503">
        <v>1</v>
      </c>
      <c r="D46503">
        <v>0</v>
      </c>
    </row>
    <row r="46504" spans="1:4" x14ac:dyDescent="0.25">
      <c r="A46504" t="s">
        <v>64369</v>
      </c>
      <c r="B46504" t="s">
        <v>64370</v>
      </c>
      <c r="C46504">
        <v>1</v>
      </c>
      <c r="D46504">
        <v>0</v>
      </c>
    </row>
    <row r="46505" spans="1:4" x14ac:dyDescent="0.25">
      <c r="A46505" t="s">
        <v>64369</v>
      </c>
      <c r="B46505" t="s">
        <v>64370</v>
      </c>
      <c r="C46505">
        <v>1</v>
      </c>
      <c r="D46505">
        <v>0</v>
      </c>
    </row>
    <row r="46506" spans="1:4" x14ac:dyDescent="0.25">
      <c r="A46506" t="s">
        <v>64369</v>
      </c>
      <c r="B46506" t="s">
        <v>64371</v>
      </c>
      <c r="C46506">
        <v>0</v>
      </c>
      <c r="D46506">
        <v>0</v>
      </c>
    </row>
    <row r="46507" spans="1:4" x14ac:dyDescent="0.25">
      <c r="A46507" t="s">
        <v>64369</v>
      </c>
      <c r="B46507" t="s">
        <v>64372</v>
      </c>
      <c r="C46507">
        <v>1</v>
      </c>
      <c r="D46507">
        <v>0</v>
      </c>
    </row>
    <row r="46508" spans="1:4" x14ac:dyDescent="0.25">
      <c r="A46508" t="s">
        <v>64373</v>
      </c>
      <c r="B46508" t="s">
        <v>64374</v>
      </c>
      <c r="C46508">
        <v>1</v>
      </c>
      <c r="D46508">
        <v>0</v>
      </c>
    </row>
    <row r="46509" spans="1:4" x14ac:dyDescent="0.25">
      <c r="A46509" t="s">
        <v>64373</v>
      </c>
      <c r="B46509" t="s">
        <v>64375</v>
      </c>
      <c r="C46509">
        <v>0</v>
      </c>
      <c r="D46509">
        <v>0</v>
      </c>
    </row>
    <row r="46510" spans="1:4" x14ac:dyDescent="0.25">
      <c r="A46510" t="s">
        <v>64373</v>
      </c>
      <c r="B46510" t="s">
        <v>64376</v>
      </c>
      <c r="C46510">
        <v>0</v>
      </c>
      <c r="D46510">
        <v>0</v>
      </c>
    </row>
    <row r="46511" spans="1:4" x14ac:dyDescent="0.25">
      <c r="A46511" t="s">
        <v>64373</v>
      </c>
      <c r="B46511" t="s">
        <v>5713</v>
      </c>
      <c r="C46511">
        <v>1</v>
      </c>
      <c r="D46511">
        <v>0</v>
      </c>
    </row>
    <row r="46512" spans="1:4" x14ac:dyDescent="0.25">
      <c r="A46512" t="s">
        <v>64373</v>
      </c>
      <c r="B46512" t="s">
        <v>64377</v>
      </c>
      <c r="C46512">
        <v>1</v>
      </c>
      <c r="D46512">
        <v>0</v>
      </c>
    </row>
    <row r="46513" spans="1:4" x14ac:dyDescent="0.25">
      <c r="A46513" t="s">
        <v>64373</v>
      </c>
      <c r="B46513" t="s">
        <v>64378</v>
      </c>
      <c r="C46513">
        <v>0</v>
      </c>
      <c r="D46513">
        <v>0</v>
      </c>
    </row>
    <row r="46514" spans="1:4" x14ac:dyDescent="0.25">
      <c r="A46514" t="s">
        <v>64373</v>
      </c>
      <c r="B46514" t="s">
        <v>64379</v>
      </c>
      <c r="C46514">
        <v>2</v>
      </c>
      <c r="D46514">
        <v>0</v>
      </c>
    </row>
    <row r="46515" spans="1:4" x14ac:dyDescent="0.25">
      <c r="A46515" t="s">
        <v>64380</v>
      </c>
      <c r="B46515" t="s">
        <v>64381</v>
      </c>
      <c r="C46515">
        <v>1</v>
      </c>
      <c r="D46515">
        <v>0</v>
      </c>
    </row>
    <row r="46516" spans="1:4" x14ac:dyDescent="0.25">
      <c r="A46516" t="s">
        <v>64382</v>
      </c>
      <c r="B46516" t="s">
        <v>64383</v>
      </c>
      <c r="C46516">
        <v>0</v>
      </c>
      <c r="D46516">
        <v>0</v>
      </c>
    </row>
    <row r="46517" spans="1:4" x14ac:dyDescent="0.25">
      <c r="A46517" t="s">
        <v>64382</v>
      </c>
      <c r="B46517" t="s">
        <v>2061</v>
      </c>
      <c r="C46517">
        <v>0</v>
      </c>
      <c r="D46517">
        <v>0</v>
      </c>
    </row>
    <row r="46518" spans="1:4" x14ac:dyDescent="0.25">
      <c r="A46518" t="s">
        <v>64382</v>
      </c>
      <c r="B46518" t="s">
        <v>969</v>
      </c>
      <c r="C46518">
        <v>0</v>
      </c>
      <c r="D46518">
        <v>0</v>
      </c>
    </row>
    <row r="46519" spans="1:4" x14ac:dyDescent="0.25">
      <c r="A46519" t="s">
        <v>64384</v>
      </c>
      <c r="B46519" t="s">
        <v>64385</v>
      </c>
      <c r="C46519">
        <v>1</v>
      </c>
      <c r="D46519">
        <v>0</v>
      </c>
    </row>
    <row r="46520" spans="1:4" x14ac:dyDescent="0.25">
      <c r="A46520" t="s">
        <v>64384</v>
      </c>
      <c r="B46520" t="s">
        <v>64386</v>
      </c>
      <c r="C46520">
        <v>1</v>
      </c>
      <c r="D46520">
        <v>0</v>
      </c>
    </row>
    <row r="46521" spans="1:4" x14ac:dyDescent="0.25">
      <c r="A46521" t="s">
        <v>64384</v>
      </c>
      <c r="B46521" t="s">
        <v>64387</v>
      </c>
      <c r="C46521">
        <v>1</v>
      </c>
      <c r="D46521">
        <v>0</v>
      </c>
    </row>
    <row r="46522" spans="1:4" x14ac:dyDescent="0.25">
      <c r="A46522" t="s">
        <v>64384</v>
      </c>
      <c r="B46522" t="s">
        <v>64388</v>
      </c>
      <c r="C46522">
        <v>1</v>
      </c>
      <c r="D46522">
        <v>0</v>
      </c>
    </row>
    <row r="46523" spans="1:4" x14ac:dyDescent="0.25">
      <c r="A46523" t="s">
        <v>64384</v>
      </c>
      <c r="B46523" t="s">
        <v>64389</v>
      </c>
      <c r="C46523">
        <v>1</v>
      </c>
      <c r="D46523">
        <v>0</v>
      </c>
    </row>
    <row r="46524" spans="1:4" x14ac:dyDescent="0.25">
      <c r="A46524" t="s">
        <v>64390</v>
      </c>
      <c r="B46524" t="s">
        <v>64391</v>
      </c>
      <c r="C46524">
        <v>0</v>
      </c>
      <c r="D46524">
        <v>0</v>
      </c>
    </row>
    <row r="46525" spans="1:4" x14ac:dyDescent="0.25">
      <c r="A46525" t="s">
        <v>64390</v>
      </c>
      <c r="B46525" t="s">
        <v>64392</v>
      </c>
      <c r="C46525">
        <v>0</v>
      </c>
      <c r="D46525">
        <v>0</v>
      </c>
    </row>
    <row r="46526" spans="1:4" x14ac:dyDescent="0.25">
      <c r="A46526" t="s">
        <v>64390</v>
      </c>
      <c r="B46526" t="s">
        <v>2421</v>
      </c>
      <c r="C46526">
        <v>0</v>
      </c>
      <c r="D46526">
        <v>0</v>
      </c>
    </row>
    <row r="46527" spans="1:4" x14ac:dyDescent="0.25">
      <c r="A46527" t="s">
        <v>64390</v>
      </c>
      <c r="B46527" t="s">
        <v>47559</v>
      </c>
      <c r="C46527">
        <v>1</v>
      </c>
      <c r="D46527">
        <v>0</v>
      </c>
    </row>
    <row r="46528" spans="1:4" x14ac:dyDescent="0.25">
      <c r="A46528" t="s">
        <v>64390</v>
      </c>
      <c r="B46528" t="s">
        <v>64393</v>
      </c>
      <c r="C46528">
        <v>0</v>
      </c>
      <c r="D46528">
        <v>0</v>
      </c>
    </row>
    <row r="46529" spans="1:4" x14ac:dyDescent="0.25">
      <c r="A46529" t="s">
        <v>64394</v>
      </c>
      <c r="B46529" t="s">
        <v>64395</v>
      </c>
      <c r="C46529">
        <v>1</v>
      </c>
      <c r="D46529">
        <v>0</v>
      </c>
    </row>
    <row r="46530" spans="1:4" x14ac:dyDescent="0.25">
      <c r="A46530" t="s">
        <v>64394</v>
      </c>
      <c r="B46530" t="s">
        <v>64396</v>
      </c>
      <c r="C46530">
        <v>1</v>
      </c>
      <c r="D46530">
        <v>0</v>
      </c>
    </row>
    <row r="46531" spans="1:4" x14ac:dyDescent="0.25">
      <c r="A46531" t="s">
        <v>64397</v>
      </c>
      <c r="B46531" t="s">
        <v>64398</v>
      </c>
      <c r="C46531">
        <v>1</v>
      </c>
      <c r="D46531">
        <v>0</v>
      </c>
    </row>
    <row r="46532" spans="1:4" x14ac:dyDescent="0.25">
      <c r="A46532" t="s">
        <v>64397</v>
      </c>
      <c r="B46532" t="s">
        <v>64399</v>
      </c>
      <c r="C46532">
        <v>1</v>
      </c>
      <c r="D46532">
        <v>0</v>
      </c>
    </row>
    <row r="46533" spans="1:4" x14ac:dyDescent="0.25">
      <c r="A46533" t="s">
        <v>64397</v>
      </c>
      <c r="B46533" t="s">
        <v>64400</v>
      </c>
      <c r="C46533">
        <v>1</v>
      </c>
      <c r="D46533">
        <v>0</v>
      </c>
    </row>
    <row r="46534" spans="1:4" x14ac:dyDescent="0.25">
      <c r="A46534" t="s">
        <v>64397</v>
      </c>
      <c r="B46534" t="s">
        <v>64401</v>
      </c>
      <c r="C46534">
        <v>1</v>
      </c>
      <c r="D46534">
        <v>0</v>
      </c>
    </row>
    <row r="46535" spans="1:4" x14ac:dyDescent="0.25">
      <c r="A46535" t="s">
        <v>64397</v>
      </c>
      <c r="B46535" t="s">
        <v>64402</v>
      </c>
      <c r="C46535">
        <v>2</v>
      </c>
      <c r="D46535">
        <v>0</v>
      </c>
    </row>
    <row r="46536" spans="1:4" x14ac:dyDescent="0.25">
      <c r="A46536" t="s">
        <v>64397</v>
      </c>
      <c r="B46536" t="s">
        <v>64403</v>
      </c>
      <c r="C46536">
        <v>1</v>
      </c>
      <c r="D46536">
        <v>0</v>
      </c>
    </row>
    <row r="46537" spans="1:4" x14ac:dyDescent="0.25">
      <c r="A46537" t="s">
        <v>64397</v>
      </c>
      <c r="B46537" t="s">
        <v>64404</v>
      </c>
      <c r="C46537">
        <v>1</v>
      </c>
      <c r="D46537">
        <v>0</v>
      </c>
    </row>
    <row r="46538" spans="1:4" x14ac:dyDescent="0.25">
      <c r="A46538" t="s">
        <v>64397</v>
      </c>
      <c r="B46538" t="s">
        <v>64405</v>
      </c>
      <c r="C46538">
        <v>1</v>
      </c>
      <c r="D46538">
        <v>0</v>
      </c>
    </row>
    <row r="46539" spans="1:4" x14ac:dyDescent="0.25">
      <c r="A46539" t="s">
        <v>64406</v>
      </c>
      <c r="B46539" t="s">
        <v>64407</v>
      </c>
      <c r="C46539">
        <v>1</v>
      </c>
      <c r="D46539">
        <v>0</v>
      </c>
    </row>
    <row r="46540" spans="1:4" x14ac:dyDescent="0.25">
      <c r="A46540" t="s">
        <v>64408</v>
      </c>
      <c r="B46540" t="s">
        <v>64409</v>
      </c>
      <c r="C46540">
        <v>1</v>
      </c>
      <c r="D46540">
        <v>0</v>
      </c>
    </row>
    <row r="46541" spans="1:4" x14ac:dyDescent="0.25">
      <c r="A46541" t="s">
        <v>64408</v>
      </c>
      <c r="B46541" t="s">
        <v>64410</v>
      </c>
      <c r="C46541">
        <v>0</v>
      </c>
      <c r="D46541">
        <v>0</v>
      </c>
    </row>
    <row r="46542" spans="1:4" x14ac:dyDescent="0.25">
      <c r="A46542" t="s">
        <v>64408</v>
      </c>
      <c r="B46542" t="s">
        <v>64411</v>
      </c>
      <c r="C46542">
        <v>1</v>
      </c>
      <c r="D46542">
        <v>0</v>
      </c>
    </row>
    <row r="46543" spans="1:4" x14ac:dyDescent="0.25">
      <c r="A46543" t="s">
        <v>64412</v>
      </c>
      <c r="B46543" t="s">
        <v>64413</v>
      </c>
      <c r="C46543">
        <v>1</v>
      </c>
      <c r="D46543">
        <v>0</v>
      </c>
    </row>
    <row r="46544" spans="1:4" x14ac:dyDescent="0.25">
      <c r="A46544" t="s">
        <v>64412</v>
      </c>
      <c r="B46544" t="s">
        <v>64414</v>
      </c>
      <c r="C46544">
        <v>0</v>
      </c>
      <c r="D46544">
        <v>0</v>
      </c>
    </row>
    <row r="46545" spans="1:4" x14ac:dyDescent="0.25">
      <c r="A46545" t="s">
        <v>64412</v>
      </c>
      <c r="B46545" t="s">
        <v>64415</v>
      </c>
      <c r="C46545">
        <v>2</v>
      </c>
      <c r="D46545">
        <v>0</v>
      </c>
    </row>
    <row r="46546" spans="1:4" x14ac:dyDescent="0.25">
      <c r="A46546" t="s">
        <v>64416</v>
      </c>
      <c r="B46546" t="s">
        <v>64417</v>
      </c>
      <c r="C46546">
        <v>1</v>
      </c>
      <c r="D46546">
        <v>0</v>
      </c>
    </row>
    <row r="46547" spans="1:4" x14ac:dyDescent="0.25">
      <c r="A46547" t="s">
        <v>64416</v>
      </c>
      <c r="B46547" t="s">
        <v>64418</v>
      </c>
      <c r="C46547">
        <v>0</v>
      </c>
      <c r="D46547">
        <v>0</v>
      </c>
    </row>
    <row r="46548" spans="1:4" x14ac:dyDescent="0.25">
      <c r="A46548" t="s">
        <v>64416</v>
      </c>
      <c r="B46548" t="s">
        <v>3173</v>
      </c>
      <c r="C46548">
        <v>1</v>
      </c>
      <c r="D46548">
        <v>0</v>
      </c>
    </row>
    <row r="46549" spans="1:4" x14ac:dyDescent="0.25">
      <c r="A46549" t="s">
        <v>64416</v>
      </c>
      <c r="B46549" t="s">
        <v>64419</v>
      </c>
      <c r="C46549">
        <v>0</v>
      </c>
      <c r="D46549">
        <v>0</v>
      </c>
    </row>
    <row r="46550" spans="1:4" x14ac:dyDescent="0.25">
      <c r="A46550" t="s">
        <v>64416</v>
      </c>
      <c r="B46550" t="s">
        <v>64420</v>
      </c>
      <c r="C46550">
        <v>1</v>
      </c>
      <c r="D46550">
        <v>0</v>
      </c>
    </row>
    <row r="46551" spans="1:4" x14ac:dyDescent="0.25">
      <c r="A46551" t="s">
        <v>64416</v>
      </c>
      <c r="B46551" t="s">
        <v>64421</v>
      </c>
      <c r="C46551">
        <v>1</v>
      </c>
      <c r="D46551">
        <v>0</v>
      </c>
    </row>
    <row r="46552" spans="1:4" x14ac:dyDescent="0.25">
      <c r="A46552" t="s">
        <v>64422</v>
      </c>
      <c r="B46552" t="s">
        <v>64423</v>
      </c>
      <c r="C46552">
        <v>1</v>
      </c>
      <c r="D46552">
        <v>0</v>
      </c>
    </row>
    <row r="46553" spans="1:4" x14ac:dyDescent="0.25">
      <c r="A46553" t="s">
        <v>64422</v>
      </c>
      <c r="B46553" t="s">
        <v>64424</v>
      </c>
      <c r="C46553">
        <v>0</v>
      </c>
      <c r="D46553">
        <v>0</v>
      </c>
    </row>
    <row r="46554" spans="1:4" x14ac:dyDescent="0.25">
      <c r="A46554" t="s">
        <v>64422</v>
      </c>
      <c r="B46554" t="s">
        <v>64425</v>
      </c>
      <c r="C46554">
        <v>0</v>
      </c>
      <c r="D46554">
        <v>0</v>
      </c>
    </row>
    <row r="46555" spans="1:4" x14ac:dyDescent="0.25">
      <c r="A46555" t="s">
        <v>64426</v>
      </c>
      <c r="B46555" t="s">
        <v>64427</v>
      </c>
      <c r="C46555">
        <v>1</v>
      </c>
      <c r="D46555">
        <v>0</v>
      </c>
    </row>
    <row r="46556" spans="1:4" x14ac:dyDescent="0.25">
      <c r="A46556" t="s">
        <v>64426</v>
      </c>
      <c r="B46556" t="s">
        <v>64428</v>
      </c>
      <c r="C46556">
        <v>0</v>
      </c>
      <c r="D46556">
        <v>0</v>
      </c>
    </row>
    <row r="46557" spans="1:4" x14ac:dyDescent="0.25">
      <c r="A46557" t="s">
        <v>64426</v>
      </c>
      <c r="B46557" t="s">
        <v>64429</v>
      </c>
      <c r="C46557">
        <v>2</v>
      </c>
      <c r="D46557">
        <v>0</v>
      </c>
    </row>
    <row r="46558" spans="1:4" x14ac:dyDescent="0.25">
      <c r="A46558" t="s">
        <v>64426</v>
      </c>
      <c r="B46558" t="s">
        <v>64430</v>
      </c>
      <c r="C46558">
        <v>2</v>
      </c>
      <c r="D46558">
        <v>0</v>
      </c>
    </row>
    <row r="46559" spans="1:4" x14ac:dyDescent="0.25">
      <c r="A46559" t="s">
        <v>64426</v>
      </c>
      <c r="B46559" t="s">
        <v>64431</v>
      </c>
      <c r="C46559">
        <v>0</v>
      </c>
      <c r="D46559">
        <v>0</v>
      </c>
    </row>
    <row r="46560" spans="1:4" x14ac:dyDescent="0.25">
      <c r="A46560" t="s">
        <v>64426</v>
      </c>
      <c r="B46560" t="s">
        <v>64432</v>
      </c>
      <c r="C46560">
        <v>0</v>
      </c>
      <c r="D46560">
        <v>0</v>
      </c>
    </row>
    <row r="46561" spans="1:4" x14ac:dyDescent="0.25">
      <c r="A46561" t="s">
        <v>64426</v>
      </c>
      <c r="B46561" t="s">
        <v>64433</v>
      </c>
      <c r="C46561">
        <v>0</v>
      </c>
      <c r="D46561">
        <v>0</v>
      </c>
    </row>
    <row r="46562" spans="1:4" x14ac:dyDescent="0.25">
      <c r="A46562" t="s">
        <v>64434</v>
      </c>
      <c r="B46562" t="s">
        <v>64435</v>
      </c>
      <c r="C46562">
        <v>1</v>
      </c>
      <c r="D46562">
        <v>0</v>
      </c>
    </row>
    <row r="46563" spans="1:4" x14ac:dyDescent="0.25">
      <c r="A46563" t="s">
        <v>64434</v>
      </c>
      <c r="B46563" t="s">
        <v>64436</v>
      </c>
      <c r="C46563">
        <v>1</v>
      </c>
      <c r="D46563">
        <v>0</v>
      </c>
    </row>
    <row r="46564" spans="1:4" x14ac:dyDescent="0.25">
      <c r="A46564" t="s">
        <v>64437</v>
      </c>
      <c r="B46564" t="s">
        <v>64438</v>
      </c>
      <c r="C46564">
        <v>2</v>
      </c>
      <c r="D46564">
        <v>0</v>
      </c>
    </row>
    <row r="46565" spans="1:4" x14ac:dyDescent="0.25">
      <c r="A46565" t="s">
        <v>64437</v>
      </c>
      <c r="B46565" t="s">
        <v>5047</v>
      </c>
      <c r="C46565">
        <v>0</v>
      </c>
      <c r="D46565">
        <v>0</v>
      </c>
    </row>
    <row r="46566" spans="1:4" x14ac:dyDescent="0.25">
      <c r="A46566" t="s">
        <v>64437</v>
      </c>
      <c r="B46566" t="s">
        <v>64439</v>
      </c>
      <c r="C46566">
        <v>2</v>
      </c>
      <c r="D46566">
        <v>0</v>
      </c>
    </row>
    <row r="46567" spans="1:4" x14ac:dyDescent="0.25">
      <c r="A46567" t="s">
        <v>64440</v>
      </c>
      <c r="B46567" t="s">
        <v>64441</v>
      </c>
      <c r="C46567">
        <v>1</v>
      </c>
      <c r="D46567">
        <v>0</v>
      </c>
    </row>
    <row r="46568" spans="1:4" x14ac:dyDescent="0.25">
      <c r="A46568" t="s">
        <v>64440</v>
      </c>
      <c r="B46568" t="s">
        <v>64442</v>
      </c>
      <c r="C46568">
        <v>2</v>
      </c>
      <c r="D46568">
        <v>0</v>
      </c>
    </row>
    <row r="46569" spans="1:4" x14ac:dyDescent="0.25">
      <c r="A46569" t="s">
        <v>64443</v>
      </c>
      <c r="B46569" t="s">
        <v>64444</v>
      </c>
      <c r="C46569">
        <v>0</v>
      </c>
      <c r="D46569">
        <v>0</v>
      </c>
    </row>
    <row r="46570" spans="1:4" x14ac:dyDescent="0.25">
      <c r="A46570" t="s">
        <v>64443</v>
      </c>
      <c r="B46570" t="s">
        <v>5713</v>
      </c>
      <c r="C46570">
        <v>1</v>
      </c>
      <c r="D46570">
        <v>0</v>
      </c>
    </row>
    <row r="46571" spans="1:4" x14ac:dyDescent="0.25">
      <c r="A46571" t="s">
        <v>64443</v>
      </c>
      <c r="B46571" t="s">
        <v>64445</v>
      </c>
      <c r="C46571">
        <v>0</v>
      </c>
      <c r="D46571">
        <v>0</v>
      </c>
    </row>
    <row r="46572" spans="1:4" x14ac:dyDescent="0.25">
      <c r="A46572" t="s">
        <v>64443</v>
      </c>
      <c r="B46572" t="s">
        <v>64446</v>
      </c>
      <c r="C46572">
        <v>1</v>
      </c>
      <c r="D46572">
        <v>0</v>
      </c>
    </row>
    <row r="46573" spans="1:4" x14ac:dyDescent="0.25">
      <c r="A46573" t="s">
        <v>64443</v>
      </c>
      <c r="B46573" t="s">
        <v>64447</v>
      </c>
      <c r="C46573">
        <v>1</v>
      </c>
      <c r="D46573">
        <v>0</v>
      </c>
    </row>
    <row r="46574" spans="1:4" x14ac:dyDescent="0.25">
      <c r="A46574" t="s">
        <v>64443</v>
      </c>
      <c r="B46574" t="s">
        <v>64448</v>
      </c>
      <c r="C46574">
        <v>1</v>
      </c>
      <c r="D46574">
        <v>0</v>
      </c>
    </row>
    <row r="46575" spans="1:4" x14ac:dyDescent="0.25">
      <c r="A46575" t="s">
        <v>64449</v>
      </c>
      <c r="B46575" t="s">
        <v>64450</v>
      </c>
      <c r="C46575">
        <v>1</v>
      </c>
      <c r="D46575">
        <v>0</v>
      </c>
    </row>
    <row r="46576" spans="1:4" x14ac:dyDescent="0.25">
      <c r="A46576" t="s">
        <v>64449</v>
      </c>
      <c r="B46576" t="s">
        <v>64451</v>
      </c>
      <c r="C46576">
        <v>1</v>
      </c>
      <c r="D46576">
        <v>0</v>
      </c>
    </row>
    <row r="46577" spans="1:4" x14ac:dyDescent="0.25">
      <c r="A46577" t="s">
        <v>64452</v>
      </c>
      <c r="B46577" t="s">
        <v>64453</v>
      </c>
      <c r="C46577">
        <v>1</v>
      </c>
      <c r="D46577">
        <v>0</v>
      </c>
    </row>
    <row r="46578" spans="1:4" x14ac:dyDescent="0.25">
      <c r="A46578" t="s">
        <v>64452</v>
      </c>
      <c r="B46578" t="s">
        <v>64454</v>
      </c>
      <c r="C46578">
        <v>1</v>
      </c>
      <c r="D46578">
        <v>0</v>
      </c>
    </row>
    <row r="46579" spans="1:4" x14ac:dyDescent="0.25">
      <c r="A46579" t="s">
        <v>64452</v>
      </c>
      <c r="B46579" t="s">
        <v>6837</v>
      </c>
      <c r="C46579">
        <v>1</v>
      </c>
      <c r="D46579">
        <v>0</v>
      </c>
    </row>
    <row r="46580" spans="1:4" x14ac:dyDescent="0.25">
      <c r="A46580" t="s">
        <v>64452</v>
      </c>
      <c r="B46580" t="s">
        <v>64455</v>
      </c>
      <c r="C46580">
        <v>0</v>
      </c>
      <c r="D46580">
        <v>0</v>
      </c>
    </row>
    <row r="46581" spans="1:4" x14ac:dyDescent="0.25">
      <c r="A46581" t="s">
        <v>64452</v>
      </c>
      <c r="B46581" t="s">
        <v>64456</v>
      </c>
      <c r="C46581">
        <v>1</v>
      </c>
      <c r="D46581">
        <v>0</v>
      </c>
    </row>
    <row r="46582" spans="1:4" x14ac:dyDescent="0.25">
      <c r="A46582" t="s">
        <v>64452</v>
      </c>
      <c r="B46582" t="s">
        <v>64457</v>
      </c>
      <c r="C46582">
        <v>1</v>
      </c>
      <c r="D46582">
        <v>0</v>
      </c>
    </row>
    <row r="46583" spans="1:4" x14ac:dyDescent="0.25">
      <c r="A46583" t="s">
        <v>64458</v>
      </c>
      <c r="B46583" t="s">
        <v>64459</v>
      </c>
      <c r="C46583">
        <v>1</v>
      </c>
      <c r="D46583">
        <v>0</v>
      </c>
    </row>
    <row r="46584" spans="1:4" x14ac:dyDescent="0.25">
      <c r="A46584" t="s">
        <v>64458</v>
      </c>
      <c r="B46584" t="s">
        <v>64460</v>
      </c>
      <c r="C46584">
        <v>0</v>
      </c>
      <c r="D46584">
        <v>0</v>
      </c>
    </row>
    <row r="46585" spans="1:4" x14ac:dyDescent="0.25">
      <c r="A46585" t="s">
        <v>64458</v>
      </c>
      <c r="B46585" t="s">
        <v>64461</v>
      </c>
      <c r="C46585">
        <v>1</v>
      </c>
      <c r="D46585">
        <v>0</v>
      </c>
    </row>
    <row r="46586" spans="1:4" x14ac:dyDescent="0.25">
      <c r="A46586" t="s">
        <v>64458</v>
      </c>
      <c r="B46586" t="s">
        <v>64462</v>
      </c>
      <c r="C46586">
        <v>2</v>
      </c>
      <c r="D46586">
        <v>0</v>
      </c>
    </row>
    <row r="46587" spans="1:4" x14ac:dyDescent="0.25">
      <c r="A46587" t="s">
        <v>64458</v>
      </c>
      <c r="B46587" t="s">
        <v>64463</v>
      </c>
      <c r="C46587">
        <v>0</v>
      </c>
      <c r="D46587">
        <v>0</v>
      </c>
    </row>
    <row r="46588" spans="1:4" x14ac:dyDescent="0.25">
      <c r="A46588" t="s">
        <v>64458</v>
      </c>
      <c r="B46588" t="s">
        <v>64464</v>
      </c>
      <c r="C46588">
        <v>0</v>
      </c>
      <c r="D46588">
        <v>0</v>
      </c>
    </row>
    <row r="46589" spans="1:4" x14ac:dyDescent="0.25">
      <c r="A46589" t="s">
        <v>64458</v>
      </c>
      <c r="B46589" t="s">
        <v>64465</v>
      </c>
      <c r="C46589">
        <v>1</v>
      </c>
      <c r="D46589">
        <v>0</v>
      </c>
    </row>
    <row r="46590" spans="1:4" x14ac:dyDescent="0.25">
      <c r="A46590" t="s">
        <v>64466</v>
      </c>
      <c r="B46590" t="s">
        <v>64467</v>
      </c>
      <c r="C46590">
        <v>0</v>
      </c>
      <c r="D46590">
        <v>0</v>
      </c>
    </row>
    <row r="46591" spans="1:4" x14ac:dyDescent="0.25">
      <c r="A46591" t="s">
        <v>64466</v>
      </c>
      <c r="B46591" t="s">
        <v>64468</v>
      </c>
      <c r="C46591">
        <v>1</v>
      </c>
      <c r="D46591">
        <v>0</v>
      </c>
    </row>
    <row r="46592" spans="1:4" x14ac:dyDescent="0.25">
      <c r="A46592" t="s">
        <v>64466</v>
      </c>
      <c r="B46592" t="s">
        <v>64469</v>
      </c>
      <c r="C46592">
        <v>1</v>
      </c>
      <c r="D46592">
        <v>0</v>
      </c>
    </row>
    <row r="46593" spans="1:4" x14ac:dyDescent="0.25">
      <c r="A46593" t="s">
        <v>64466</v>
      </c>
      <c r="B46593" t="s">
        <v>64470</v>
      </c>
      <c r="C46593">
        <v>1</v>
      </c>
      <c r="D46593">
        <v>0</v>
      </c>
    </row>
    <row r="46594" spans="1:4" x14ac:dyDescent="0.25">
      <c r="A46594" t="s">
        <v>64471</v>
      </c>
      <c r="B46594" t="s">
        <v>64472</v>
      </c>
      <c r="C46594">
        <v>1</v>
      </c>
      <c r="D46594">
        <v>0</v>
      </c>
    </row>
    <row r="46595" spans="1:4" x14ac:dyDescent="0.25">
      <c r="A46595" t="s">
        <v>64471</v>
      </c>
      <c r="B46595" t="s">
        <v>64473</v>
      </c>
      <c r="C46595">
        <v>1</v>
      </c>
      <c r="D46595">
        <v>0</v>
      </c>
    </row>
    <row r="46596" spans="1:4" x14ac:dyDescent="0.25">
      <c r="A46596" t="s">
        <v>64471</v>
      </c>
      <c r="B46596" t="s">
        <v>64474</v>
      </c>
      <c r="C46596">
        <v>1</v>
      </c>
      <c r="D46596">
        <v>0</v>
      </c>
    </row>
    <row r="46597" spans="1:4" x14ac:dyDescent="0.25">
      <c r="A46597" t="s">
        <v>64471</v>
      </c>
      <c r="B46597" t="s">
        <v>64475</v>
      </c>
      <c r="C46597">
        <v>1</v>
      </c>
      <c r="D46597">
        <v>0</v>
      </c>
    </row>
    <row r="46598" spans="1:4" x14ac:dyDescent="0.25">
      <c r="A46598" t="s">
        <v>64476</v>
      </c>
      <c r="B46598" t="s">
        <v>64477</v>
      </c>
      <c r="C46598">
        <v>1</v>
      </c>
      <c r="D46598">
        <v>0</v>
      </c>
    </row>
    <row r="46599" spans="1:4" x14ac:dyDescent="0.25">
      <c r="A46599" t="s">
        <v>64476</v>
      </c>
      <c r="B46599" t="s">
        <v>64478</v>
      </c>
      <c r="C46599">
        <v>0</v>
      </c>
      <c r="D46599">
        <v>0</v>
      </c>
    </row>
    <row r="46600" spans="1:4" x14ac:dyDescent="0.25">
      <c r="A46600" t="s">
        <v>64476</v>
      </c>
      <c r="B46600" t="s">
        <v>64479</v>
      </c>
      <c r="C46600">
        <v>1</v>
      </c>
      <c r="D46600">
        <v>0</v>
      </c>
    </row>
    <row r="46601" spans="1:4" x14ac:dyDescent="0.25">
      <c r="A46601" t="s">
        <v>64480</v>
      </c>
      <c r="B46601" t="s">
        <v>64481</v>
      </c>
      <c r="C46601">
        <v>1</v>
      </c>
      <c r="D46601">
        <v>0</v>
      </c>
    </row>
    <row r="46602" spans="1:4" x14ac:dyDescent="0.25">
      <c r="A46602" t="s">
        <v>64480</v>
      </c>
      <c r="B46602" t="s">
        <v>64482</v>
      </c>
      <c r="C46602">
        <v>0</v>
      </c>
      <c r="D46602">
        <v>0</v>
      </c>
    </row>
    <row r="46603" spans="1:4" x14ac:dyDescent="0.25">
      <c r="A46603" t="s">
        <v>64480</v>
      </c>
      <c r="B46603" t="s">
        <v>64483</v>
      </c>
      <c r="C46603">
        <v>1</v>
      </c>
      <c r="D46603">
        <v>0</v>
      </c>
    </row>
    <row r="46604" spans="1:4" x14ac:dyDescent="0.25">
      <c r="A46604" t="s">
        <v>64484</v>
      </c>
      <c r="B46604" t="s">
        <v>2651</v>
      </c>
      <c r="C46604">
        <v>0</v>
      </c>
      <c r="D46604">
        <v>0</v>
      </c>
    </row>
    <row r="46605" spans="1:4" x14ac:dyDescent="0.25">
      <c r="A46605" t="s">
        <v>64484</v>
      </c>
      <c r="B46605" t="s">
        <v>64485</v>
      </c>
      <c r="C46605">
        <v>1</v>
      </c>
      <c r="D46605">
        <v>0</v>
      </c>
    </row>
    <row r="46606" spans="1:4" x14ac:dyDescent="0.25">
      <c r="A46606" t="s">
        <v>64486</v>
      </c>
      <c r="B46606" t="s">
        <v>64487</v>
      </c>
      <c r="C46606">
        <v>1</v>
      </c>
      <c r="D46606">
        <v>0</v>
      </c>
    </row>
    <row r="46607" spans="1:4" x14ac:dyDescent="0.25">
      <c r="A46607" t="s">
        <v>64486</v>
      </c>
      <c r="B46607" t="s">
        <v>64488</v>
      </c>
      <c r="C46607">
        <v>1</v>
      </c>
      <c r="D46607">
        <v>0</v>
      </c>
    </row>
    <row r="46608" spans="1:4" x14ac:dyDescent="0.25">
      <c r="A46608" t="s">
        <v>64489</v>
      </c>
      <c r="B46608" t="s">
        <v>64490</v>
      </c>
      <c r="C46608">
        <v>1</v>
      </c>
      <c r="D46608">
        <v>0</v>
      </c>
    </row>
    <row r="46609" spans="1:4" x14ac:dyDescent="0.25">
      <c r="A46609" t="s">
        <v>64489</v>
      </c>
      <c r="B46609" t="s">
        <v>64491</v>
      </c>
      <c r="C46609">
        <v>1</v>
      </c>
      <c r="D46609">
        <v>0</v>
      </c>
    </row>
    <row r="46610" spans="1:4" x14ac:dyDescent="0.25">
      <c r="A46610" t="s">
        <v>64489</v>
      </c>
      <c r="B46610" t="s">
        <v>64492</v>
      </c>
      <c r="C46610">
        <v>0</v>
      </c>
      <c r="D46610">
        <v>0</v>
      </c>
    </row>
    <row r="46611" spans="1:4" x14ac:dyDescent="0.25">
      <c r="A46611" t="s">
        <v>64493</v>
      </c>
      <c r="B46611" t="s">
        <v>64494</v>
      </c>
      <c r="C46611">
        <v>1</v>
      </c>
      <c r="D46611">
        <v>0</v>
      </c>
    </row>
    <row r="46612" spans="1:4" x14ac:dyDescent="0.25">
      <c r="A46612" t="s">
        <v>64493</v>
      </c>
      <c r="B46612" t="s">
        <v>64495</v>
      </c>
      <c r="C46612">
        <v>2</v>
      </c>
      <c r="D46612">
        <v>0</v>
      </c>
    </row>
    <row r="46613" spans="1:4" x14ac:dyDescent="0.25">
      <c r="A46613" t="s">
        <v>64493</v>
      </c>
      <c r="B46613" t="s">
        <v>64496</v>
      </c>
      <c r="C46613">
        <v>1</v>
      </c>
      <c r="D46613">
        <v>0</v>
      </c>
    </row>
    <row r="46614" spans="1:4" x14ac:dyDescent="0.25">
      <c r="A46614" t="s">
        <v>64493</v>
      </c>
      <c r="B46614" t="s">
        <v>64497</v>
      </c>
      <c r="C46614">
        <v>1</v>
      </c>
      <c r="D46614">
        <v>0</v>
      </c>
    </row>
    <row r="46615" spans="1:4" x14ac:dyDescent="0.25">
      <c r="A46615" t="s">
        <v>64498</v>
      </c>
      <c r="B46615" t="s">
        <v>64499</v>
      </c>
      <c r="C46615">
        <v>2</v>
      </c>
      <c r="D46615">
        <v>0</v>
      </c>
    </row>
    <row r="46616" spans="1:4" x14ac:dyDescent="0.25">
      <c r="A46616" t="s">
        <v>64498</v>
      </c>
      <c r="B46616" t="s">
        <v>43250</v>
      </c>
      <c r="C46616">
        <v>1</v>
      </c>
      <c r="D46616">
        <v>0</v>
      </c>
    </row>
    <row r="46617" spans="1:4" x14ac:dyDescent="0.25">
      <c r="A46617" t="s">
        <v>64498</v>
      </c>
      <c r="B46617" t="s">
        <v>64500</v>
      </c>
      <c r="C46617">
        <v>2</v>
      </c>
      <c r="D46617">
        <v>0</v>
      </c>
    </row>
    <row r="46618" spans="1:4" x14ac:dyDescent="0.25">
      <c r="A46618" t="s">
        <v>64498</v>
      </c>
      <c r="B46618" t="s">
        <v>64501</v>
      </c>
      <c r="C46618">
        <v>2</v>
      </c>
      <c r="D46618">
        <v>0</v>
      </c>
    </row>
    <row r="46619" spans="1:4" x14ac:dyDescent="0.25">
      <c r="A46619" t="s">
        <v>64498</v>
      </c>
      <c r="B46619" t="s">
        <v>64502</v>
      </c>
      <c r="C46619">
        <v>1</v>
      </c>
      <c r="D46619">
        <v>0</v>
      </c>
    </row>
    <row r="46620" spans="1:4" x14ac:dyDescent="0.25">
      <c r="A46620" t="s">
        <v>64503</v>
      </c>
      <c r="B46620" t="s">
        <v>64504</v>
      </c>
      <c r="C46620">
        <v>0</v>
      </c>
      <c r="D46620">
        <v>0</v>
      </c>
    </row>
    <row r="46621" spans="1:4" x14ac:dyDescent="0.25">
      <c r="A46621" t="s">
        <v>64503</v>
      </c>
      <c r="B46621" t="s">
        <v>64505</v>
      </c>
      <c r="C46621">
        <v>0</v>
      </c>
      <c r="D46621">
        <v>0</v>
      </c>
    </row>
    <row r="46622" spans="1:4" x14ac:dyDescent="0.25">
      <c r="A46622" t="s">
        <v>64503</v>
      </c>
      <c r="B46622" t="s">
        <v>64506</v>
      </c>
      <c r="C46622">
        <v>0</v>
      </c>
      <c r="D46622">
        <v>0</v>
      </c>
    </row>
    <row r="46623" spans="1:4" x14ac:dyDescent="0.25">
      <c r="A46623" t="s">
        <v>64507</v>
      </c>
      <c r="B46623" t="s">
        <v>64508</v>
      </c>
      <c r="C46623">
        <v>1</v>
      </c>
      <c r="D46623">
        <v>0</v>
      </c>
    </row>
    <row r="46624" spans="1:4" x14ac:dyDescent="0.25">
      <c r="A46624" t="s">
        <v>64507</v>
      </c>
      <c r="B46624" t="s">
        <v>64509</v>
      </c>
      <c r="C46624">
        <v>1</v>
      </c>
      <c r="D46624">
        <v>0</v>
      </c>
    </row>
    <row r="46625" spans="1:4" x14ac:dyDescent="0.25">
      <c r="A46625" t="s">
        <v>64507</v>
      </c>
      <c r="B46625" t="s">
        <v>64510</v>
      </c>
      <c r="C46625">
        <v>0</v>
      </c>
      <c r="D46625">
        <v>0</v>
      </c>
    </row>
    <row r="46626" spans="1:4" x14ac:dyDescent="0.25">
      <c r="A46626" t="s">
        <v>64507</v>
      </c>
      <c r="B46626" t="s">
        <v>64511</v>
      </c>
      <c r="C46626">
        <v>1</v>
      </c>
      <c r="D46626">
        <v>0</v>
      </c>
    </row>
    <row r="46627" spans="1:4" x14ac:dyDescent="0.25">
      <c r="A46627" t="s">
        <v>64507</v>
      </c>
      <c r="B46627" t="s">
        <v>64512</v>
      </c>
      <c r="C46627">
        <v>1</v>
      </c>
      <c r="D46627">
        <v>0</v>
      </c>
    </row>
    <row r="46628" spans="1:4" x14ac:dyDescent="0.25">
      <c r="A46628" t="s">
        <v>64507</v>
      </c>
      <c r="B46628" t="s">
        <v>64512</v>
      </c>
      <c r="C46628">
        <v>0</v>
      </c>
      <c r="D46628">
        <v>0</v>
      </c>
    </row>
    <row r="46629" spans="1:4" x14ac:dyDescent="0.25">
      <c r="A46629" t="s">
        <v>64507</v>
      </c>
      <c r="B46629" t="s">
        <v>64513</v>
      </c>
      <c r="C46629">
        <v>1</v>
      </c>
      <c r="D46629">
        <v>0</v>
      </c>
    </row>
    <row r="46630" spans="1:4" x14ac:dyDescent="0.25">
      <c r="A46630" t="s">
        <v>64507</v>
      </c>
      <c r="B46630" t="s">
        <v>64514</v>
      </c>
      <c r="C46630">
        <v>0</v>
      </c>
      <c r="D46630">
        <v>0</v>
      </c>
    </row>
    <row r="46631" spans="1:4" x14ac:dyDescent="0.25">
      <c r="A46631" t="s">
        <v>64515</v>
      </c>
      <c r="B46631" t="s">
        <v>64516</v>
      </c>
      <c r="C46631">
        <v>0</v>
      </c>
      <c r="D46631">
        <v>0</v>
      </c>
    </row>
    <row r="46632" spans="1:4" x14ac:dyDescent="0.25">
      <c r="A46632" t="s">
        <v>64515</v>
      </c>
      <c r="B46632" t="s">
        <v>64517</v>
      </c>
      <c r="C46632">
        <v>0</v>
      </c>
      <c r="D46632">
        <v>0</v>
      </c>
    </row>
    <row r="46633" spans="1:4" x14ac:dyDescent="0.25">
      <c r="A46633" t="s">
        <v>64515</v>
      </c>
      <c r="B46633" t="s">
        <v>64518</v>
      </c>
      <c r="C46633">
        <v>2</v>
      </c>
      <c r="D46633">
        <v>0</v>
      </c>
    </row>
    <row r="46634" spans="1:4" x14ac:dyDescent="0.25">
      <c r="A46634" t="s">
        <v>64515</v>
      </c>
      <c r="B46634" t="s">
        <v>64519</v>
      </c>
      <c r="C46634">
        <v>1</v>
      </c>
      <c r="D46634">
        <v>0</v>
      </c>
    </row>
    <row r="46635" spans="1:4" x14ac:dyDescent="0.25">
      <c r="A46635" t="s">
        <v>64520</v>
      </c>
      <c r="B46635" t="s">
        <v>64521</v>
      </c>
      <c r="C46635">
        <v>1</v>
      </c>
      <c r="D46635">
        <v>0</v>
      </c>
    </row>
    <row r="46636" spans="1:4" x14ac:dyDescent="0.25">
      <c r="A46636" t="s">
        <v>64520</v>
      </c>
      <c r="B46636" t="s">
        <v>64522</v>
      </c>
      <c r="C46636">
        <v>2</v>
      </c>
      <c r="D46636">
        <v>0</v>
      </c>
    </row>
    <row r="46637" spans="1:4" x14ac:dyDescent="0.25">
      <c r="A46637" t="s">
        <v>64520</v>
      </c>
      <c r="B46637" t="s">
        <v>64523</v>
      </c>
      <c r="C46637">
        <v>1</v>
      </c>
      <c r="D46637">
        <v>0</v>
      </c>
    </row>
    <row r="46638" spans="1:4" x14ac:dyDescent="0.25">
      <c r="A46638" t="s">
        <v>64520</v>
      </c>
      <c r="B46638" t="s">
        <v>64524</v>
      </c>
      <c r="C46638">
        <v>2</v>
      </c>
      <c r="D46638">
        <v>0</v>
      </c>
    </row>
    <row r="46639" spans="1:4" x14ac:dyDescent="0.25">
      <c r="A46639" t="s">
        <v>64520</v>
      </c>
      <c r="B46639" t="s">
        <v>64525</v>
      </c>
      <c r="C46639">
        <v>0</v>
      </c>
      <c r="D46639">
        <v>0</v>
      </c>
    </row>
    <row r="46640" spans="1:4" x14ac:dyDescent="0.25">
      <c r="A46640" t="s">
        <v>64526</v>
      </c>
      <c r="B46640" t="s">
        <v>64527</v>
      </c>
      <c r="C46640">
        <v>1</v>
      </c>
      <c r="D46640">
        <v>0</v>
      </c>
    </row>
    <row r="46641" spans="1:4" x14ac:dyDescent="0.25">
      <c r="A46641" t="s">
        <v>64526</v>
      </c>
      <c r="B46641" t="s">
        <v>64528</v>
      </c>
      <c r="C46641">
        <v>0</v>
      </c>
      <c r="D46641">
        <v>0</v>
      </c>
    </row>
    <row r="46642" spans="1:4" x14ac:dyDescent="0.25">
      <c r="A46642" t="s">
        <v>64526</v>
      </c>
      <c r="B46642" t="s">
        <v>64529</v>
      </c>
      <c r="C46642">
        <v>2</v>
      </c>
      <c r="D46642">
        <v>0</v>
      </c>
    </row>
    <row r="46643" spans="1:4" x14ac:dyDescent="0.25">
      <c r="A46643" t="s">
        <v>64526</v>
      </c>
      <c r="B46643" t="s">
        <v>64530</v>
      </c>
      <c r="C46643">
        <v>0</v>
      </c>
      <c r="D46643">
        <v>0</v>
      </c>
    </row>
    <row r="46644" spans="1:4" x14ac:dyDescent="0.25">
      <c r="A46644" t="s">
        <v>64526</v>
      </c>
      <c r="B46644" t="s">
        <v>64531</v>
      </c>
      <c r="C46644">
        <v>1</v>
      </c>
      <c r="D46644">
        <v>0</v>
      </c>
    </row>
    <row r="46645" spans="1:4" x14ac:dyDescent="0.25">
      <c r="A46645" t="s">
        <v>64532</v>
      </c>
      <c r="B46645" t="s">
        <v>64533</v>
      </c>
      <c r="C46645">
        <v>1</v>
      </c>
      <c r="D46645">
        <v>0</v>
      </c>
    </row>
    <row r="46646" spans="1:4" x14ac:dyDescent="0.25">
      <c r="A46646" t="s">
        <v>64532</v>
      </c>
      <c r="B46646" t="s">
        <v>64534</v>
      </c>
      <c r="C46646">
        <v>1</v>
      </c>
      <c r="D46646">
        <v>0</v>
      </c>
    </row>
    <row r="46647" spans="1:4" x14ac:dyDescent="0.25">
      <c r="A46647" t="s">
        <v>64532</v>
      </c>
      <c r="B46647" t="s">
        <v>64535</v>
      </c>
      <c r="C46647">
        <v>0</v>
      </c>
      <c r="D46647">
        <v>0</v>
      </c>
    </row>
    <row r="46648" spans="1:4" x14ac:dyDescent="0.25">
      <c r="A46648" t="s">
        <v>64532</v>
      </c>
      <c r="B46648" t="s">
        <v>50610</v>
      </c>
      <c r="C46648">
        <v>1</v>
      </c>
      <c r="D46648">
        <v>0</v>
      </c>
    </row>
    <row r="46649" spans="1:4" x14ac:dyDescent="0.25">
      <c r="A46649" t="s">
        <v>64532</v>
      </c>
      <c r="B46649" t="s">
        <v>64536</v>
      </c>
      <c r="C46649">
        <v>0</v>
      </c>
      <c r="D46649">
        <v>0</v>
      </c>
    </row>
    <row r="46650" spans="1:4" x14ac:dyDescent="0.25">
      <c r="A46650" t="s">
        <v>64532</v>
      </c>
      <c r="B46650" t="s">
        <v>64537</v>
      </c>
      <c r="C46650">
        <v>0</v>
      </c>
      <c r="D46650">
        <v>0</v>
      </c>
    </row>
    <row r="46651" spans="1:4" x14ac:dyDescent="0.25">
      <c r="A46651" t="s">
        <v>64532</v>
      </c>
      <c r="B46651" t="s">
        <v>64538</v>
      </c>
      <c r="C46651">
        <v>0</v>
      </c>
      <c r="D46651">
        <v>0</v>
      </c>
    </row>
    <row r="46652" spans="1:4" x14ac:dyDescent="0.25">
      <c r="A46652" t="s">
        <v>64539</v>
      </c>
      <c r="B46652" t="s">
        <v>64540</v>
      </c>
      <c r="C46652">
        <v>2</v>
      </c>
      <c r="D46652">
        <v>0</v>
      </c>
    </row>
    <row r="46653" spans="1:4" x14ac:dyDescent="0.25">
      <c r="A46653" t="s">
        <v>64539</v>
      </c>
      <c r="B46653" t="s">
        <v>44117</v>
      </c>
      <c r="C46653">
        <v>2</v>
      </c>
      <c r="D46653">
        <v>0</v>
      </c>
    </row>
    <row r="46654" spans="1:4" x14ac:dyDescent="0.25">
      <c r="A46654" t="s">
        <v>64541</v>
      </c>
      <c r="B46654" t="s">
        <v>64542</v>
      </c>
      <c r="C46654">
        <v>1</v>
      </c>
      <c r="D46654">
        <v>0</v>
      </c>
    </row>
    <row r="46655" spans="1:4" x14ac:dyDescent="0.25">
      <c r="A46655" t="s">
        <v>64541</v>
      </c>
      <c r="B46655" t="s">
        <v>64543</v>
      </c>
      <c r="C46655">
        <v>1</v>
      </c>
      <c r="D46655">
        <v>0</v>
      </c>
    </row>
    <row r="46656" spans="1:4" x14ac:dyDescent="0.25">
      <c r="A46656" t="s">
        <v>64541</v>
      </c>
      <c r="B46656" t="s">
        <v>64544</v>
      </c>
      <c r="C46656">
        <v>0</v>
      </c>
      <c r="D46656">
        <v>0</v>
      </c>
    </row>
    <row r="46657" spans="1:4" x14ac:dyDescent="0.25">
      <c r="A46657" t="s">
        <v>64541</v>
      </c>
      <c r="B46657" t="s">
        <v>64545</v>
      </c>
      <c r="C46657">
        <v>1</v>
      </c>
      <c r="D46657">
        <v>0</v>
      </c>
    </row>
    <row r="46658" spans="1:4" x14ac:dyDescent="0.25">
      <c r="A46658" t="s">
        <v>64541</v>
      </c>
      <c r="B46658" t="s">
        <v>64546</v>
      </c>
      <c r="C46658">
        <v>1</v>
      </c>
      <c r="D46658">
        <v>0</v>
      </c>
    </row>
    <row r="46659" spans="1:4" x14ac:dyDescent="0.25">
      <c r="A46659" t="s">
        <v>64541</v>
      </c>
      <c r="B46659" t="s">
        <v>64547</v>
      </c>
      <c r="C46659">
        <v>0</v>
      </c>
      <c r="D46659">
        <v>0</v>
      </c>
    </row>
    <row r="46660" spans="1:4" x14ac:dyDescent="0.25">
      <c r="A46660" t="s">
        <v>64541</v>
      </c>
      <c r="B46660" t="s">
        <v>64548</v>
      </c>
      <c r="C46660">
        <v>1</v>
      </c>
      <c r="D46660">
        <v>0</v>
      </c>
    </row>
    <row r="46661" spans="1:4" x14ac:dyDescent="0.25">
      <c r="A46661" t="s">
        <v>64549</v>
      </c>
      <c r="B46661" t="s">
        <v>64550</v>
      </c>
      <c r="C46661">
        <v>0</v>
      </c>
      <c r="D46661">
        <v>0</v>
      </c>
    </row>
    <row r="46662" spans="1:4" x14ac:dyDescent="0.25">
      <c r="A46662" t="s">
        <v>64549</v>
      </c>
      <c r="B46662" t="s">
        <v>5864</v>
      </c>
      <c r="C46662">
        <v>1</v>
      </c>
      <c r="D46662">
        <v>0</v>
      </c>
    </row>
    <row r="46663" spans="1:4" x14ac:dyDescent="0.25">
      <c r="A46663" t="s">
        <v>64549</v>
      </c>
      <c r="B46663" t="s">
        <v>64551</v>
      </c>
      <c r="C46663">
        <v>0</v>
      </c>
      <c r="D46663">
        <v>0</v>
      </c>
    </row>
    <row r="46664" spans="1:4" x14ac:dyDescent="0.25">
      <c r="A46664" t="s">
        <v>64549</v>
      </c>
      <c r="B46664" t="s">
        <v>64552</v>
      </c>
      <c r="C46664">
        <v>0</v>
      </c>
      <c r="D46664">
        <v>0</v>
      </c>
    </row>
    <row r="46665" spans="1:4" x14ac:dyDescent="0.25">
      <c r="A46665" t="s">
        <v>64549</v>
      </c>
      <c r="B46665" t="s">
        <v>64553</v>
      </c>
      <c r="C46665">
        <v>1</v>
      </c>
      <c r="D46665">
        <v>0</v>
      </c>
    </row>
    <row r="46666" spans="1:4" x14ac:dyDescent="0.25">
      <c r="A46666" t="s">
        <v>64549</v>
      </c>
      <c r="B46666" t="s">
        <v>5713</v>
      </c>
      <c r="C46666">
        <v>1</v>
      </c>
      <c r="D46666">
        <v>0</v>
      </c>
    </row>
    <row r="46667" spans="1:4" x14ac:dyDescent="0.25">
      <c r="A46667" t="s">
        <v>64549</v>
      </c>
      <c r="B46667" t="s">
        <v>64554</v>
      </c>
      <c r="C46667">
        <v>1</v>
      </c>
      <c r="D46667">
        <v>0</v>
      </c>
    </row>
    <row r="46668" spans="1:4" x14ac:dyDescent="0.25">
      <c r="A46668" t="s">
        <v>64555</v>
      </c>
      <c r="B46668" t="s">
        <v>64556</v>
      </c>
      <c r="C46668">
        <v>1</v>
      </c>
      <c r="D46668">
        <v>0</v>
      </c>
    </row>
    <row r="46669" spans="1:4" x14ac:dyDescent="0.25">
      <c r="A46669" t="s">
        <v>64555</v>
      </c>
      <c r="B46669" t="s">
        <v>64557</v>
      </c>
      <c r="C46669">
        <v>1</v>
      </c>
      <c r="D46669">
        <v>0</v>
      </c>
    </row>
    <row r="46670" spans="1:4" x14ac:dyDescent="0.25">
      <c r="A46670" t="s">
        <v>64558</v>
      </c>
      <c r="B46670" t="s">
        <v>64559</v>
      </c>
      <c r="C46670">
        <v>1</v>
      </c>
      <c r="D46670">
        <v>0</v>
      </c>
    </row>
    <row r="46671" spans="1:4" x14ac:dyDescent="0.25">
      <c r="A46671" t="s">
        <v>64558</v>
      </c>
      <c r="B46671" t="s">
        <v>64560</v>
      </c>
      <c r="C46671">
        <v>1</v>
      </c>
      <c r="D46671">
        <v>0</v>
      </c>
    </row>
    <row r="46672" spans="1:4" x14ac:dyDescent="0.25">
      <c r="A46672" t="s">
        <v>64558</v>
      </c>
      <c r="B46672" t="s">
        <v>5713</v>
      </c>
      <c r="C46672">
        <v>1</v>
      </c>
      <c r="D46672">
        <v>0</v>
      </c>
    </row>
    <row r="46673" spans="1:4" x14ac:dyDescent="0.25">
      <c r="A46673" t="s">
        <v>64558</v>
      </c>
      <c r="B46673" t="s">
        <v>64561</v>
      </c>
      <c r="C46673">
        <v>0</v>
      </c>
      <c r="D46673">
        <v>0</v>
      </c>
    </row>
    <row r="46674" spans="1:4" x14ac:dyDescent="0.25">
      <c r="A46674" t="s">
        <v>64558</v>
      </c>
      <c r="B46674" t="s">
        <v>64562</v>
      </c>
      <c r="C46674">
        <v>1</v>
      </c>
      <c r="D46674">
        <v>0</v>
      </c>
    </row>
    <row r="46675" spans="1:4" x14ac:dyDescent="0.25">
      <c r="A46675" t="s">
        <v>64558</v>
      </c>
      <c r="B46675" t="s">
        <v>2651</v>
      </c>
      <c r="C46675">
        <v>0</v>
      </c>
      <c r="D46675">
        <v>0</v>
      </c>
    </row>
    <row r="46676" spans="1:4" x14ac:dyDescent="0.25">
      <c r="A46676" t="s">
        <v>64558</v>
      </c>
      <c r="B46676" t="s">
        <v>64563</v>
      </c>
      <c r="C46676">
        <v>2</v>
      </c>
      <c r="D46676">
        <v>0</v>
      </c>
    </row>
    <row r="46677" spans="1:4" x14ac:dyDescent="0.25">
      <c r="A46677" t="s">
        <v>64558</v>
      </c>
      <c r="B46677" t="s">
        <v>64564</v>
      </c>
      <c r="C46677">
        <v>1</v>
      </c>
      <c r="D46677">
        <v>0</v>
      </c>
    </row>
    <row r="46678" spans="1:4" x14ac:dyDescent="0.25">
      <c r="A46678" t="s">
        <v>64558</v>
      </c>
      <c r="B46678" t="s">
        <v>64565</v>
      </c>
      <c r="C46678">
        <v>2</v>
      </c>
      <c r="D46678">
        <v>0</v>
      </c>
    </row>
    <row r="46679" spans="1:4" x14ac:dyDescent="0.25">
      <c r="A46679" t="s">
        <v>64558</v>
      </c>
      <c r="B46679" t="s">
        <v>64566</v>
      </c>
      <c r="C46679">
        <v>2</v>
      </c>
      <c r="D46679">
        <v>0</v>
      </c>
    </row>
    <row r="46680" spans="1:4" x14ac:dyDescent="0.25">
      <c r="A46680" t="s">
        <v>64567</v>
      </c>
      <c r="B46680" t="s">
        <v>64568</v>
      </c>
      <c r="C46680">
        <v>1</v>
      </c>
      <c r="D46680">
        <v>0</v>
      </c>
    </row>
    <row r="46681" spans="1:4" x14ac:dyDescent="0.25">
      <c r="A46681" t="s">
        <v>64567</v>
      </c>
      <c r="B46681" t="s">
        <v>64569</v>
      </c>
      <c r="C46681">
        <v>1</v>
      </c>
      <c r="D46681">
        <v>0</v>
      </c>
    </row>
    <row r="46682" spans="1:4" x14ac:dyDescent="0.25">
      <c r="A46682" t="s">
        <v>64570</v>
      </c>
      <c r="B46682" t="s">
        <v>64571</v>
      </c>
      <c r="C46682">
        <v>1</v>
      </c>
      <c r="D46682">
        <v>0</v>
      </c>
    </row>
    <row r="46683" spans="1:4" x14ac:dyDescent="0.25">
      <c r="A46683" t="s">
        <v>64570</v>
      </c>
      <c r="B46683" t="s">
        <v>64572</v>
      </c>
      <c r="C46683">
        <v>1</v>
      </c>
      <c r="D46683">
        <v>0</v>
      </c>
    </row>
    <row r="46684" spans="1:4" x14ac:dyDescent="0.25">
      <c r="A46684" t="s">
        <v>64570</v>
      </c>
      <c r="B46684" t="s">
        <v>64573</v>
      </c>
      <c r="C46684">
        <v>0</v>
      </c>
      <c r="D46684">
        <v>0</v>
      </c>
    </row>
    <row r="46685" spans="1:4" x14ac:dyDescent="0.25">
      <c r="A46685" t="s">
        <v>64570</v>
      </c>
      <c r="B46685" t="s">
        <v>64574</v>
      </c>
      <c r="C46685">
        <v>0</v>
      </c>
      <c r="D46685">
        <v>0</v>
      </c>
    </row>
    <row r="46686" spans="1:4" x14ac:dyDescent="0.25">
      <c r="A46686" t="s">
        <v>64570</v>
      </c>
      <c r="B46686" t="s">
        <v>64575</v>
      </c>
      <c r="C46686">
        <v>1</v>
      </c>
      <c r="D46686">
        <v>0</v>
      </c>
    </row>
    <row r="46687" spans="1:4" x14ac:dyDescent="0.25">
      <c r="A46687" t="s">
        <v>64576</v>
      </c>
      <c r="B46687" t="s">
        <v>64577</v>
      </c>
      <c r="C46687">
        <v>1</v>
      </c>
      <c r="D46687">
        <v>0</v>
      </c>
    </row>
    <row r="46688" spans="1:4" x14ac:dyDescent="0.25">
      <c r="A46688" t="s">
        <v>64576</v>
      </c>
      <c r="B46688" t="s">
        <v>64578</v>
      </c>
      <c r="C46688">
        <v>1</v>
      </c>
      <c r="D46688">
        <v>0</v>
      </c>
    </row>
    <row r="46689" spans="1:4" x14ac:dyDescent="0.25">
      <c r="A46689" t="s">
        <v>64576</v>
      </c>
      <c r="B46689" t="s">
        <v>64579</v>
      </c>
      <c r="C46689">
        <v>1</v>
      </c>
      <c r="D46689">
        <v>0</v>
      </c>
    </row>
    <row r="46690" spans="1:4" x14ac:dyDescent="0.25">
      <c r="A46690" t="s">
        <v>64576</v>
      </c>
      <c r="B46690" t="s">
        <v>64580</v>
      </c>
      <c r="C46690">
        <v>2</v>
      </c>
      <c r="D46690">
        <v>0</v>
      </c>
    </row>
    <row r="46691" spans="1:4" x14ac:dyDescent="0.25">
      <c r="A46691" t="s">
        <v>64581</v>
      </c>
      <c r="B46691" t="s">
        <v>64582</v>
      </c>
      <c r="C46691">
        <v>0</v>
      </c>
      <c r="D46691">
        <v>0</v>
      </c>
    </row>
    <row r="46692" spans="1:4" x14ac:dyDescent="0.25">
      <c r="A46692" t="s">
        <v>64581</v>
      </c>
      <c r="B46692" t="s">
        <v>64583</v>
      </c>
      <c r="C46692">
        <v>0</v>
      </c>
      <c r="D46692">
        <v>0</v>
      </c>
    </row>
    <row r="46693" spans="1:4" x14ac:dyDescent="0.25">
      <c r="A46693" t="s">
        <v>64581</v>
      </c>
      <c r="B46693" t="s">
        <v>64584</v>
      </c>
      <c r="C46693">
        <v>0</v>
      </c>
      <c r="D46693">
        <v>0</v>
      </c>
    </row>
    <row r="46694" spans="1:4" x14ac:dyDescent="0.25">
      <c r="A46694" t="s">
        <v>64581</v>
      </c>
      <c r="B46694" t="s">
        <v>64585</v>
      </c>
      <c r="C46694">
        <v>0</v>
      </c>
      <c r="D46694">
        <v>0</v>
      </c>
    </row>
    <row r="46695" spans="1:4" x14ac:dyDescent="0.25">
      <c r="A46695" t="s">
        <v>64586</v>
      </c>
      <c r="B46695" t="s">
        <v>64587</v>
      </c>
      <c r="C46695">
        <v>0</v>
      </c>
      <c r="D46695">
        <v>0</v>
      </c>
    </row>
    <row r="46696" spans="1:4" x14ac:dyDescent="0.25">
      <c r="A46696" t="s">
        <v>64586</v>
      </c>
      <c r="B46696" t="s">
        <v>64588</v>
      </c>
      <c r="C46696">
        <v>2</v>
      </c>
      <c r="D46696">
        <v>0</v>
      </c>
    </row>
    <row r="46697" spans="1:4" x14ac:dyDescent="0.25">
      <c r="A46697" t="s">
        <v>64586</v>
      </c>
      <c r="B46697" t="s">
        <v>50109</v>
      </c>
      <c r="C46697">
        <v>0</v>
      </c>
      <c r="D46697">
        <v>0</v>
      </c>
    </row>
    <row r="46698" spans="1:4" x14ac:dyDescent="0.25">
      <c r="A46698" t="s">
        <v>64586</v>
      </c>
      <c r="B46698" t="s">
        <v>64589</v>
      </c>
      <c r="C46698">
        <v>1</v>
      </c>
      <c r="D46698">
        <v>0</v>
      </c>
    </row>
    <row r="46699" spans="1:4" x14ac:dyDescent="0.25">
      <c r="A46699" t="s">
        <v>64586</v>
      </c>
      <c r="B46699" t="s">
        <v>2865</v>
      </c>
      <c r="C46699">
        <v>0</v>
      </c>
      <c r="D46699">
        <v>0</v>
      </c>
    </row>
    <row r="46700" spans="1:4" x14ac:dyDescent="0.25">
      <c r="A46700" t="s">
        <v>64586</v>
      </c>
      <c r="B46700" t="s">
        <v>64590</v>
      </c>
      <c r="C46700">
        <v>1</v>
      </c>
      <c r="D46700">
        <v>0</v>
      </c>
    </row>
    <row r="46701" spans="1:4" x14ac:dyDescent="0.25">
      <c r="A46701" t="s">
        <v>64591</v>
      </c>
      <c r="B46701" t="s">
        <v>64592</v>
      </c>
      <c r="C46701">
        <v>2</v>
      </c>
      <c r="D46701">
        <v>0</v>
      </c>
    </row>
    <row r="46702" spans="1:4" x14ac:dyDescent="0.25">
      <c r="A46702" t="s">
        <v>64591</v>
      </c>
      <c r="B46702" t="s">
        <v>64593</v>
      </c>
      <c r="C46702">
        <v>0</v>
      </c>
      <c r="D46702">
        <v>0</v>
      </c>
    </row>
    <row r="46703" spans="1:4" x14ac:dyDescent="0.25">
      <c r="A46703" t="s">
        <v>64594</v>
      </c>
      <c r="B46703" t="s">
        <v>64595</v>
      </c>
      <c r="C46703">
        <v>1</v>
      </c>
      <c r="D46703">
        <v>0</v>
      </c>
    </row>
    <row r="46704" spans="1:4" x14ac:dyDescent="0.25">
      <c r="A46704" t="s">
        <v>64594</v>
      </c>
      <c r="B46704" t="s">
        <v>64596</v>
      </c>
      <c r="C46704">
        <v>0</v>
      </c>
      <c r="D46704">
        <v>0</v>
      </c>
    </row>
    <row r="46705" spans="1:4" x14ac:dyDescent="0.25">
      <c r="A46705" t="s">
        <v>64594</v>
      </c>
      <c r="B46705" t="s">
        <v>64597</v>
      </c>
      <c r="C46705">
        <v>1</v>
      </c>
      <c r="D46705">
        <v>0</v>
      </c>
    </row>
    <row r="46706" spans="1:4" x14ac:dyDescent="0.25">
      <c r="A46706" t="s">
        <v>64598</v>
      </c>
      <c r="B46706" t="s">
        <v>64599</v>
      </c>
      <c r="C46706">
        <v>1</v>
      </c>
      <c r="D46706">
        <v>0</v>
      </c>
    </row>
    <row r="46707" spans="1:4" x14ac:dyDescent="0.25">
      <c r="A46707" t="s">
        <v>64598</v>
      </c>
      <c r="B46707" t="s">
        <v>64600</v>
      </c>
      <c r="C46707">
        <v>1</v>
      </c>
      <c r="D46707">
        <v>0</v>
      </c>
    </row>
    <row r="46708" spans="1:4" x14ac:dyDescent="0.25">
      <c r="A46708" t="s">
        <v>64598</v>
      </c>
      <c r="B46708" t="s">
        <v>64601</v>
      </c>
      <c r="C46708">
        <v>0</v>
      </c>
      <c r="D46708">
        <v>0</v>
      </c>
    </row>
    <row r="46709" spans="1:4" x14ac:dyDescent="0.25">
      <c r="A46709" t="s">
        <v>64598</v>
      </c>
      <c r="B46709" t="s">
        <v>64602</v>
      </c>
      <c r="C46709">
        <v>1</v>
      </c>
      <c r="D46709">
        <v>0</v>
      </c>
    </row>
    <row r="46710" spans="1:4" x14ac:dyDescent="0.25">
      <c r="A46710" t="s">
        <v>64603</v>
      </c>
      <c r="B46710" t="s">
        <v>64604</v>
      </c>
      <c r="C46710">
        <v>1</v>
      </c>
      <c r="D46710">
        <v>0</v>
      </c>
    </row>
    <row r="46711" spans="1:4" x14ac:dyDescent="0.25">
      <c r="A46711" t="s">
        <v>64603</v>
      </c>
      <c r="B46711" t="s">
        <v>64605</v>
      </c>
      <c r="C46711">
        <v>1</v>
      </c>
      <c r="D46711">
        <v>0</v>
      </c>
    </row>
    <row r="46712" spans="1:4" x14ac:dyDescent="0.25">
      <c r="A46712" t="s">
        <v>64603</v>
      </c>
      <c r="B46712" t="s">
        <v>64606</v>
      </c>
      <c r="C46712">
        <v>0</v>
      </c>
      <c r="D46712">
        <v>0</v>
      </c>
    </row>
    <row r="46713" spans="1:4" x14ac:dyDescent="0.25">
      <c r="A46713" t="s">
        <v>64603</v>
      </c>
      <c r="B46713" t="s">
        <v>64607</v>
      </c>
      <c r="C46713">
        <v>1</v>
      </c>
      <c r="D46713">
        <v>0</v>
      </c>
    </row>
    <row r="46714" spans="1:4" x14ac:dyDescent="0.25">
      <c r="A46714" t="s">
        <v>64603</v>
      </c>
      <c r="B46714" t="s">
        <v>64608</v>
      </c>
      <c r="C46714">
        <v>0</v>
      </c>
      <c r="D46714">
        <v>0</v>
      </c>
    </row>
    <row r="46715" spans="1:4" x14ac:dyDescent="0.25">
      <c r="A46715" t="s">
        <v>64603</v>
      </c>
      <c r="B46715" t="s">
        <v>64609</v>
      </c>
      <c r="C46715">
        <v>0</v>
      </c>
      <c r="D46715">
        <v>0</v>
      </c>
    </row>
    <row r="46716" spans="1:4" x14ac:dyDescent="0.25">
      <c r="A46716" t="s">
        <v>64610</v>
      </c>
      <c r="B46716" t="s">
        <v>64611</v>
      </c>
      <c r="C46716">
        <v>1</v>
      </c>
      <c r="D46716">
        <v>0</v>
      </c>
    </row>
    <row r="46717" spans="1:4" x14ac:dyDescent="0.25">
      <c r="A46717" t="s">
        <v>64610</v>
      </c>
      <c r="B46717" t="s">
        <v>64612</v>
      </c>
      <c r="C46717">
        <v>2</v>
      </c>
      <c r="D46717">
        <v>0</v>
      </c>
    </row>
    <row r="46718" spans="1:4" x14ac:dyDescent="0.25">
      <c r="A46718" t="s">
        <v>64613</v>
      </c>
      <c r="B46718" t="s">
        <v>27546</v>
      </c>
      <c r="C46718">
        <v>1</v>
      </c>
      <c r="D46718">
        <v>0</v>
      </c>
    </row>
    <row r="46719" spans="1:4" x14ac:dyDescent="0.25">
      <c r="A46719" t="s">
        <v>64613</v>
      </c>
      <c r="B46719" t="s">
        <v>64614</v>
      </c>
      <c r="C46719">
        <v>0</v>
      </c>
      <c r="D46719">
        <v>0</v>
      </c>
    </row>
    <row r="46720" spans="1:4" x14ac:dyDescent="0.25">
      <c r="A46720" t="s">
        <v>64613</v>
      </c>
      <c r="B46720" t="s">
        <v>64615</v>
      </c>
      <c r="C46720">
        <v>2</v>
      </c>
      <c r="D46720">
        <v>0</v>
      </c>
    </row>
    <row r="46721" spans="1:4" x14ac:dyDescent="0.25">
      <c r="A46721" t="s">
        <v>64616</v>
      </c>
      <c r="B46721" t="s">
        <v>64617</v>
      </c>
      <c r="C46721">
        <v>1</v>
      </c>
      <c r="D46721">
        <v>0</v>
      </c>
    </row>
    <row r="46722" spans="1:4" x14ac:dyDescent="0.25">
      <c r="A46722" t="s">
        <v>64616</v>
      </c>
      <c r="B46722" t="s">
        <v>64618</v>
      </c>
      <c r="C46722">
        <v>0</v>
      </c>
      <c r="D46722">
        <v>0</v>
      </c>
    </row>
    <row r="46723" spans="1:4" x14ac:dyDescent="0.25">
      <c r="A46723" t="s">
        <v>64616</v>
      </c>
      <c r="B46723" t="s">
        <v>64619</v>
      </c>
      <c r="C46723">
        <v>2</v>
      </c>
      <c r="D46723">
        <v>0</v>
      </c>
    </row>
    <row r="46724" spans="1:4" x14ac:dyDescent="0.25">
      <c r="A46724" t="s">
        <v>64616</v>
      </c>
      <c r="B46724" t="s">
        <v>5434</v>
      </c>
      <c r="C46724">
        <v>1</v>
      </c>
      <c r="D46724">
        <v>0</v>
      </c>
    </row>
    <row r="46725" spans="1:4" x14ac:dyDescent="0.25">
      <c r="A46725" t="s">
        <v>64616</v>
      </c>
      <c r="B46725" t="s">
        <v>64620</v>
      </c>
      <c r="C46725">
        <v>0</v>
      </c>
      <c r="D46725">
        <v>0</v>
      </c>
    </row>
    <row r="46726" spans="1:4" x14ac:dyDescent="0.25">
      <c r="A46726" t="s">
        <v>64616</v>
      </c>
      <c r="B46726" t="s">
        <v>64621</v>
      </c>
      <c r="C46726">
        <v>1</v>
      </c>
      <c r="D46726">
        <v>0</v>
      </c>
    </row>
    <row r="46727" spans="1:4" x14ac:dyDescent="0.25">
      <c r="A46727" t="s">
        <v>64616</v>
      </c>
      <c r="B46727" t="s">
        <v>47873</v>
      </c>
      <c r="C46727">
        <v>0</v>
      </c>
      <c r="D46727">
        <v>0</v>
      </c>
    </row>
    <row r="46728" spans="1:4" x14ac:dyDescent="0.25">
      <c r="A46728" t="s">
        <v>64616</v>
      </c>
      <c r="B46728" t="s">
        <v>64622</v>
      </c>
      <c r="C46728">
        <v>2</v>
      </c>
      <c r="D46728">
        <v>0</v>
      </c>
    </row>
    <row r="46729" spans="1:4" x14ac:dyDescent="0.25">
      <c r="A46729" t="s">
        <v>64616</v>
      </c>
      <c r="B46729" t="s">
        <v>64623</v>
      </c>
      <c r="C46729">
        <v>2</v>
      </c>
      <c r="D46729">
        <v>0</v>
      </c>
    </row>
    <row r="46730" spans="1:4" x14ac:dyDescent="0.25">
      <c r="A46730" t="s">
        <v>64624</v>
      </c>
      <c r="B46730" t="s">
        <v>5713</v>
      </c>
      <c r="C46730">
        <v>1</v>
      </c>
      <c r="D46730">
        <v>0</v>
      </c>
    </row>
    <row r="46731" spans="1:4" x14ac:dyDescent="0.25">
      <c r="A46731" t="s">
        <v>64624</v>
      </c>
      <c r="B46731" t="s">
        <v>64625</v>
      </c>
      <c r="C46731">
        <v>0</v>
      </c>
      <c r="D46731">
        <v>0</v>
      </c>
    </row>
    <row r="46732" spans="1:4" x14ac:dyDescent="0.25">
      <c r="A46732" t="s">
        <v>64624</v>
      </c>
      <c r="B46732" t="s">
        <v>64626</v>
      </c>
      <c r="C46732">
        <v>2</v>
      </c>
      <c r="D46732">
        <v>0</v>
      </c>
    </row>
    <row r="46733" spans="1:4" x14ac:dyDescent="0.25">
      <c r="A46733" t="s">
        <v>64624</v>
      </c>
      <c r="B46733" t="s">
        <v>64627</v>
      </c>
      <c r="C46733">
        <v>0</v>
      </c>
      <c r="D46733">
        <v>0</v>
      </c>
    </row>
    <row r="46734" spans="1:4" x14ac:dyDescent="0.25">
      <c r="A46734" t="s">
        <v>64624</v>
      </c>
      <c r="B46734" t="s">
        <v>64628</v>
      </c>
      <c r="C46734">
        <v>2</v>
      </c>
      <c r="D46734">
        <v>0</v>
      </c>
    </row>
    <row r="46735" spans="1:4" x14ac:dyDescent="0.25">
      <c r="A46735" t="s">
        <v>64624</v>
      </c>
      <c r="B46735" t="s">
        <v>64629</v>
      </c>
      <c r="C46735">
        <v>0</v>
      </c>
      <c r="D46735">
        <v>0</v>
      </c>
    </row>
    <row r="46736" spans="1:4" x14ac:dyDescent="0.25">
      <c r="A46736" t="s">
        <v>64630</v>
      </c>
      <c r="B46736" t="s">
        <v>61104</v>
      </c>
      <c r="C46736">
        <v>1</v>
      </c>
      <c r="D46736">
        <v>0</v>
      </c>
    </row>
    <row r="46737" spans="1:4" x14ac:dyDescent="0.25">
      <c r="A46737" t="s">
        <v>64631</v>
      </c>
      <c r="B46737" t="s">
        <v>64632</v>
      </c>
      <c r="C46737">
        <v>0</v>
      </c>
      <c r="D46737">
        <v>0</v>
      </c>
    </row>
    <row r="46738" spans="1:4" x14ac:dyDescent="0.25">
      <c r="A46738" t="s">
        <v>64631</v>
      </c>
      <c r="B46738" t="s">
        <v>64633</v>
      </c>
      <c r="C46738">
        <v>1</v>
      </c>
      <c r="D46738">
        <v>0</v>
      </c>
    </row>
    <row r="46739" spans="1:4" x14ac:dyDescent="0.25">
      <c r="A46739" t="s">
        <v>64634</v>
      </c>
      <c r="B46739" t="s">
        <v>5713</v>
      </c>
      <c r="C46739">
        <v>1</v>
      </c>
      <c r="D46739">
        <v>0</v>
      </c>
    </row>
    <row r="46740" spans="1:4" x14ac:dyDescent="0.25">
      <c r="A46740" t="s">
        <v>64634</v>
      </c>
      <c r="B46740" t="s">
        <v>64635</v>
      </c>
      <c r="C46740">
        <v>1</v>
      </c>
      <c r="D46740">
        <v>0</v>
      </c>
    </row>
    <row r="46741" spans="1:4" x14ac:dyDescent="0.25">
      <c r="A46741" t="s">
        <v>64634</v>
      </c>
      <c r="B46741" t="s">
        <v>64636</v>
      </c>
      <c r="C46741">
        <v>1</v>
      </c>
      <c r="D46741">
        <v>0</v>
      </c>
    </row>
    <row r="46742" spans="1:4" x14ac:dyDescent="0.25">
      <c r="A46742" t="s">
        <v>64634</v>
      </c>
      <c r="B46742" t="s">
        <v>64637</v>
      </c>
      <c r="C46742">
        <v>0</v>
      </c>
      <c r="D46742">
        <v>0</v>
      </c>
    </row>
    <row r="46743" spans="1:4" x14ac:dyDescent="0.25">
      <c r="A46743" t="s">
        <v>64634</v>
      </c>
      <c r="B46743" t="s">
        <v>64638</v>
      </c>
      <c r="C46743">
        <v>0</v>
      </c>
      <c r="D46743">
        <v>0</v>
      </c>
    </row>
    <row r="46744" spans="1:4" x14ac:dyDescent="0.25">
      <c r="A46744" t="s">
        <v>64639</v>
      </c>
      <c r="B46744" t="s">
        <v>64640</v>
      </c>
      <c r="C46744">
        <v>1</v>
      </c>
      <c r="D46744">
        <v>0</v>
      </c>
    </row>
    <row r="46745" spans="1:4" x14ac:dyDescent="0.25">
      <c r="A46745" t="s">
        <v>64639</v>
      </c>
      <c r="B46745" t="s">
        <v>64641</v>
      </c>
      <c r="C46745">
        <v>1</v>
      </c>
      <c r="D46745">
        <v>0</v>
      </c>
    </row>
    <row r="46746" spans="1:4" x14ac:dyDescent="0.25">
      <c r="A46746" t="s">
        <v>64639</v>
      </c>
      <c r="B46746" t="s">
        <v>64642</v>
      </c>
      <c r="C46746">
        <v>1</v>
      </c>
      <c r="D46746">
        <v>0</v>
      </c>
    </row>
    <row r="46747" spans="1:4" x14ac:dyDescent="0.25">
      <c r="A46747" t="s">
        <v>64639</v>
      </c>
      <c r="B46747" t="s">
        <v>64643</v>
      </c>
      <c r="C46747">
        <v>1</v>
      </c>
      <c r="D46747">
        <v>0</v>
      </c>
    </row>
    <row r="46748" spans="1:4" x14ac:dyDescent="0.25">
      <c r="A46748" t="s">
        <v>64639</v>
      </c>
      <c r="B46748" t="s">
        <v>64644</v>
      </c>
      <c r="C46748">
        <v>1</v>
      </c>
      <c r="D46748">
        <v>0</v>
      </c>
    </row>
    <row r="46749" spans="1:4" x14ac:dyDescent="0.25">
      <c r="A46749" t="s">
        <v>64639</v>
      </c>
      <c r="B46749" t="s">
        <v>64645</v>
      </c>
      <c r="C46749">
        <v>1</v>
      </c>
      <c r="D46749">
        <v>0</v>
      </c>
    </row>
    <row r="46750" spans="1:4" x14ac:dyDescent="0.25">
      <c r="A46750" t="s">
        <v>64639</v>
      </c>
      <c r="B46750" t="s">
        <v>64646</v>
      </c>
      <c r="C46750">
        <v>1</v>
      </c>
      <c r="D46750">
        <v>0</v>
      </c>
    </row>
    <row r="46751" spans="1:4" x14ac:dyDescent="0.25">
      <c r="A46751" t="s">
        <v>64639</v>
      </c>
      <c r="B46751" t="s">
        <v>64647</v>
      </c>
      <c r="C46751">
        <v>2</v>
      </c>
      <c r="D46751">
        <v>0</v>
      </c>
    </row>
    <row r="46752" spans="1:4" x14ac:dyDescent="0.25">
      <c r="A46752" t="s">
        <v>64648</v>
      </c>
      <c r="B46752" t="s">
        <v>64649</v>
      </c>
      <c r="C46752">
        <v>1</v>
      </c>
      <c r="D46752">
        <v>0</v>
      </c>
    </row>
    <row r="46753" spans="1:4" x14ac:dyDescent="0.25">
      <c r="A46753" t="s">
        <v>64650</v>
      </c>
      <c r="B46753" t="s">
        <v>64651</v>
      </c>
      <c r="C46753">
        <v>0</v>
      </c>
      <c r="D46753">
        <v>0</v>
      </c>
    </row>
    <row r="46754" spans="1:4" x14ac:dyDescent="0.25">
      <c r="A46754" t="s">
        <v>64652</v>
      </c>
      <c r="B46754" t="s">
        <v>64653</v>
      </c>
      <c r="C46754">
        <v>0</v>
      </c>
      <c r="D46754">
        <v>0</v>
      </c>
    </row>
    <row r="46755" spans="1:4" x14ac:dyDescent="0.25">
      <c r="A46755" t="s">
        <v>64652</v>
      </c>
      <c r="B46755" t="s">
        <v>64654</v>
      </c>
      <c r="C46755">
        <v>0</v>
      </c>
      <c r="D46755">
        <v>0</v>
      </c>
    </row>
    <row r="46756" spans="1:4" x14ac:dyDescent="0.25">
      <c r="A46756" t="s">
        <v>64652</v>
      </c>
      <c r="B46756" t="s">
        <v>64655</v>
      </c>
      <c r="C46756">
        <v>0</v>
      </c>
      <c r="D46756">
        <v>0</v>
      </c>
    </row>
    <row r="46757" spans="1:4" x14ac:dyDescent="0.25">
      <c r="A46757" t="s">
        <v>64652</v>
      </c>
      <c r="B46757" t="s">
        <v>64656</v>
      </c>
      <c r="C46757">
        <v>0</v>
      </c>
      <c r="D46757">
        <v>0</v>
      </c>
    </row>
    <row r="46758" spans="1:4" x14ac:dyDescent="0.25">
      <c r="A46758" t="s">
        <v>64657</v>
      </c>
      <c r="B46758" t="s">
        <v>64658</v>
      </c>
      <c r="C46758">
        <v>2</v>
      </c>
      <c r="D46758">
        <v>0</v>
      </c>
    </row>
    <row r="46759" spans="1:4" x14ac:dyDescent="0.25">
      <c r="A46759" t="s">
        <v>64657</v>
      </c>
      <c r="B46759" t="s">
        <v>64659</v>
      </c>
      <c r="C46759">
        <v>2</v>
      </c>
      <c r="D46759">
        <v>0</v>
      </c>
    </row>
    <row r="46760" spans="1:4" x14ac:dyDescent="0.25">
      <c r="A46760" t="s">
        <v>64657</v>
      </c>
      <c r="B46760" t="s">
        <v>64660</v>
      </c>
      <c r="C46760">
        <v>2</v>
      </c>
      <c r="D46760">
        <v>0</v>
      </c>
    </row>
    <row r="46761" spans="1:4" x14ac:dyDescent="0.25">
      <c r="A46761" t="s">
        <v>64661</v>
      </c>
      <c r="B46761" t="s">
        <v>64662</v>
      </c>
      <c r="C46761">
        <v>1</v>
      </c>
      <c r="D46761">
        <v>0</v>
      </c>
    </row>
    <row r="46762" spans="1:4" x14ac:dyDescent="0.25">
      <c r="A46762" t="s">
        <v>64661</v>
      </c>
      <c r="B46762" t="s">
        <v>27541</v>
      </c>
      <c r="C46762">
        <v>0</v>
      </c>
      <c r="D46762">
        <v>0</v>
      </c>
    </row>
    <row r="46763" spans="1:4" x14ac:dyDescent="0.25">
      <c r="A46763" t="s">
        <v>64661</v>
      </c>
      <c r="B46763" t="s">
        <v>64663</v>
      </c>
      <c r="C46763">
        <v>0</v>
      </c>
      <c r="D46763">
        <v>0</v>
      </c>
    </row>
    <row r="46764" spans="1:4" x14ac:dyDescent="0.25">
      <c r="A46764" t="s">
        <v>64661</v>
      </c>
      <c r="B46764" t="s">
        <v>64664</v>
      </c>
      <c r="C46764">
        <v>1</v>
      </c>
      <c r="D46764">
        <v>0</v>
      </c>
    </row>
    <row r="46765" spans="1:4" x14ac:dyDescent="0.25">
      <c r="A46765" t="s">
        <v>64661</v>
      </c>
      <c r="B46765" t="s">
        <v>64665</v>
      </c>
      <c r="C46765">
        <v>2</v>
      </c>
      <c r="D46765">
        <v>0</v>
      </c>
    </row>
    <row r="46766" spans="1:4" x14ac:dyDescent="0.25">
      <c r="A46766" t="s">
        <v>64661</v>
      </c>
      <c r="B46766" t="s">
        <v>64666</v>
      </c>
      <c r="C46766">
        <v>1</v>
      </c>
      <c r="D46766">
        <v>0</v>
      </c>
    </row>
    <row r="46767" spans="1:4" x14ac:dyDescent="0.25">
      <c r="A46767" t="s">
        <v>64661</v>
      </c>
      <c r="B46767" t="s">
        <v>64667</v>
      </c>
      <c r="C46767">
        <v>0</v>
      </c>
      <c r="D46767">
        <v>0</v>
      </c>
    </row>
    <row r="46768" spans="1:4" x14ac:dyDescent="0.25">
      <c r="A46768" t="s">
        <v>64661</v>
      </c>
      <c r="B46768" t="s">
        <v>64668</v>
      </c>
      <c r="C46768">
        <v>1</v>
      </c>
      <c r="D46768">
        <v>0</v>
      </c>
    </row>
    <row r="46769" spans="1:4" x14ac:dyDescent="0.25">
      <c r="A46769" t="s">
        <v>64669</v>
      </c>
      <c r="B46769" t="s">
        <v>64670</v>
      </c>
      <c r="C46769">
        <v>0</v>
      </c>
      <c r="D46769">
        <v>0</v>
      </c>
    </row>
    <row r="46770" spans="1:4" x14ac:dyDescent="0.25">
      <c r="A46770" t="s">
        <v>64669</v>
      </c>
      <c r="B46770" t="s">
        <v>64671</v>
      </c>
      <c r="C46770">
        <v>0</v>
      </c>
      <c r="D46770">
        <v>0</v>
      </c>
    </row>
    <row r="46771" spans="1:4" x14ac:dyDescent="0.25">
      <c r="A46771" t="s">
        <v>64669</v>
      </c>
      <c r="B46771" t="s">
        <v>64672</v>
      </c>
      <c r="C46771">
        <v>0</v>
      </c>
      <c r="D46771">
        <v>0</v>
      </c>
    </row>
    <row r="46772" spans="1:4" x14ac:dyDescent="0.25">
      <c r="A46772" t="s">
        <v>64669</v>
      </c>
      <c r="B46772" t="s">
        <v>64673</v>
      </c>
      <c r="C46772">
        <v>0</v>
      </c>
      <c r="D46772">
        <v>0</v>
      </c>
    </row>
    <row r="46773" spans="1:4" x14ac:dyDescent="0.25">
      <c r="A46773" t="s">
        <v>64674</v>
      </c>
      <c r="B46773" t="s">
        <v>64675</v>
      </c>
      <c r="C46773">
        <v>1</v>
      </c>
      <c r="D46773">
        <v>0</v>
      </c>
    </row>
    <row r="46774" spans="1:4" x14ac:dyDescent="0.25">
      <c r="A46774" t="s">
        <v>64674</v>
      </c>
      <c r="B46774" t="s">
        <v>64676</v>
      </c>
      <c r="C46774">
        <v>1</v>
      </c>
      <c r="D46774">
        <v>0</v>
      </c>
    </row>
    <row r="46775" spans="1:4" x14ac:dyDescent="0.25">
      <c r="A46775" t="s">
        <v>64677</v>
      </c>
      <c r="B46775" t="s">
        <v>64678</v>
      </c>
      <c r="C46775">
        <v>1</v>
      </c>
      <c r="D46775">
        <v>0</v>
      </c>
    </row>
    <row r="46776" spans="1:4" x14ac:dyDescent="0.25">
      <c r="A46776" t="s">
        <v>64677</v>
      </c>
      <c r="B46776" t="s">
        <v>64679</v>
      </c>
      <c r="C46776">
        <v>1</v>
      </c>
      <c r="D46776">
        <v>0</v>
      </c>
    </row>
    <row r="46777" spans="1:4" x14ac:dyDescent="0.25">
      <c r="A46777" t="s">
        <v>64677</v>
      </c>
      <c r="B46777" t="s">
        <v>64680</v>
      </c>
      <c r="C46777">
        <v>1</v>
      </c>
      <c r="D46777">
        <v>0</v>
      </c>
    </row>
    <row r="46778" spans="1:4" x14ac:dyDescent="0.25">
      <c r="A46778" t="s">
        <v>64677</v>
      </c>
      <c r="B46778" t="s">
        <v>64681</v>
      </c>
      <c r="C46778">
        <v>1</v>
      </c>
      <c r="D46778">
        <v>0</v>
      </c>
    </row>
    <row r="46779" spans="1:4" x14ac:dyDescent="0.25">
      <c r="A46779" t="s">
        <v>64677</v>
      </c>
      <c r="B46779" t="s">
        <v>64682</v>
      </c>
      <c r="C46779">
        <v>1</v>
      </c>
      <c r="D46779">
        <v>0</v>
      </c>
    </row>
    <row r="46780" spans="1:4" x14ac:dyDescent="0.25">
      <c r="A46780" t="s">
        <v>64677</v>
      </c>
      <c r="B46780" t="s">
        <v>64683</v>
      </c>
      <c r="C46780">
        <v>1</v>
      </c>
      <c r="D46780">
        <v>0</v>
      </c>
    </row>
    <row r="46781" spans="1:4" x14ac:dyDescent="0.25">
      <c r="A46781" t="s">
        <v>64684</v>
      </c>
      <c r="B46781" t="s">
        <v>64685</v>
      </c>
      <c r="C46781">
        <v>2</v>
      </c>
      <c r="D46781">
        <v>0</v>
      </c>
    </row>
    <row r="46782" spans="1:4" x14ac:dyDescent="0.25">
      <c r="A46782" t="s">
        <v>64686</v>
      </c>
      <c r="B46782" t="s">
        <v>64687</v>
      </c>
      <c r="C46782">
        <v>0</v>
      </c>
      <c r="D46782">
        <v>0</v>
      </c>
    </row>
    <row r="46783" spans="1:4" x14ac:dyDescent="0.25">
      <c r="A46783" t="s">
        <v>64686</v>
      </c>
      <c r="B46783" t="s">
        <v>64688</v>
      </c>
      <c r="C46783">
        <v>0</v>
      </c>
      <c r="D46783">
        <v>0</v>
      </c>
    </row>
    <row r="46784" spans="1:4" x14ac:dyDescent="0.25">
      <c r="A46784" t="s">
        <v>64686</v>
      </c>
      <c r="B46784" t="s">
        <v>64689</v>
      </c>
      <c r="C46784">
        <v>0</v>
      </c>
      <c r="D46784">
        <v>0</v>
      </c>
    </row>
    <row r="46785" spans="1:4" x14ac:dyDescent="0.25">
      <c r="A46785" t="s">
        <v>64686</v>
      </c>
      <c r="B46785" t="s">
        <v>64690</v>
      </c>
      <c r="C46785">
        <v>0</v>
      </c>
      <c r="D46785">
        <v>0</v>
      </c>
    </row>
    <row r="46786" spans="1:4" x14ac:dyDescent="0.25">
      <c r="A46786" t="s">
        <v>64686</v>
      </c>
      <c r="B46786" t="s">
        <v>64691</v>
      </c>
      <c r="C46786">
        <v>0</v>
      </c>
      <c r="D46786">
        <v>0</v>
      </c>
    </row>
    <row r="46787" spans="1:4" x14ac:dyDescent="0.25">
      <c r="A46787" t="s">
        <v>64686</v>
      </c>
      <c r="B46787" t="s">
        <v>64692</v>
      </c>
      <c r="C46787">
        <v>1</v>
      </c>
      <c r="D46787">
        <v>0</v>
      </c>
    </row>
    <row r="46788" spans="1:4" x14ac:dyDescent="0.25">
      <c r="A46788" t="s">
        <v>64686</v>
      </c>
      <c r="B46788" t="s">
        <v>64693</v>
      </c>
      <c r="C46788">
        <v>0</v>
      </c>
      <c r="D46788">
        <v>0</v>
      </c>
    </row>
    <row r="46789" spans="1:4" x14ac:dyDescent="0.25">
      <c r="A46789" t="s">
        <v>64694</v>
      </c>
      <c r="B46789" t="s">
        <v>64695</v>
      </c>
      <c r="C46789">
        <v>0</v>
      </c>
      <c r="D46789">
        <v>0</v>
      </c>
    </row>
    <row r="46790" spans="1:4" x14ac:dyDescent="0.25">
      <c r="A46790" t="s">
        <v>64694</v>
      </c>
      <c r="B46790" t="s">
        <v>64696</v>
      </c>
      <c r="C46790">
        <v>2</v>
      </c>
      <c r="D46790">
        <v>0</v>
      </c>
    </row>
    <row r="46791" spans="1:4" x14ac:dyDescent="0.25">
      <c r="A46791" t="s">
        <v>64694</v>
      </c>
      <c r="B46791" t="s">
        <v>1001</v>
      </c>
      <c r="C46791">
        <v>1</v>
      </c>
      <c r="D46791">
        <v>0</v>
      </c>
    </row>
    <row r="46792" spans="1:4" x14ac:dyDescent="0.25">
      <c r="A46792" t="s">
        <v>64694</v>
      </c>
      <c r="B46792" t="s">
        <v>64697</v>
      </c>
      <c r="C46792">
        <v>0</v>
      </c>
      <c r="D46792">
        <v>0</v>
      </c>
    </row>
    <row r="46793" spans="1:4" x14ac:dyDescent="0.25">
      <c r="A46793" t="s">
        <v>64694</v>
      </c>
      <c r="B46793" t="s">
        <v>64698</v>
      </c>
      <c r="C46793">
        <v>0</v>
      </c>
      <c r="D46793">
        <v>0</v>
      </c>
    </row>
    <row r="46794" spans="1:4" x14ac:dyDescent="0.25">
      <c r="A46794" t="s">
        <v>64694</v>
      </c>
      <c r="B46794" t="s">
        <v>64699</v>
      </c>
      <c r="C46794">
        <v>0</v>
      </c>
      <c r="D46794">
        <v>0</v>
      </c>
    </row>
    <row r="46795" spans="1:4" x14ac:dyDescent="0.25">
      <c r="A46795" t="s">
        <v>64700</v>
      </c>
      <c r="B46795" t="s">
        <v>64701</v>
      </c>
      <c r="C46795">
        <v>1</v>
      </c>
      <c r="D46795">
        <v>0</v>
      </c>
    </row>
    <row r="46796" spans="1:4" x14ac:dyDescent="0.25">
      <c r="A46796" t="s">
        <v>64702</v>
      </c>
      <c r="B46796" t="s">
        <v>64703</v>
      </c>
      <c r="C46796">
        <v>1</v>
      </c>
      <c r="D46796">
        <v>0</v>
      </c>
    </row>
    <row r="46797" spans="1:4" x14ac:dyDescent="0.25">
      <c r="A46797" t="s">
        <v>64702</v>
      </c>
      <c r="B46797" t="s">
        <v>64704</v>
      </c>
      <c r="C46797">
        <v>1</v>
      </c>
      <c r="D46797">
        <v>0</v>
      </c>
    </row>
    <row r="46798" spans="1:4" x14ac:dyDescent="0.25">
      <c r="A46798" t="s">
        <v>64702</v>
      </c>
      <c r="B46798" t="s">
        <v>64705</v>
      </c>
      <c r="C46798">
        <v>1</v>
      </c>
      <c r="D46798">
        <v>0</v>
      </c>
    </row>
    <row r="46799" spans="1:4" x14ac:dyDescent="0.25">
      <c r="A46799" t="s">
        <v>64702</v>
      </c>
      <c r="B46799" t="s">
        <v>64706</v>
      </c>
      <c r="C46799">
        <v>1</v>
      </c>
      <c r="D46799">
        <v>0</v>
      </c>
    </row>
    <row r="46800" spans="1:4" x14ac:dyDescent="0.25">
      <c r="A46800" t="s">
        <v>64707</v>
      </c>
      <c r="B46800" t="s">
        <v>64708</v>
      </c>
      <c r="C46800">
        <v>1</v>
      </c>
      <c r="D46800">
        <v>0</v>
      </c>
    </row>
    <row r="46801" spans="1:4" x14ac:dyDescent="0.25">
      <c r="A46801" t="s">
        <v>64707</v>
      </c>
      <c r="B46801" t="s">
        <v>42737</v>
      </c>
      <c r="C46801">
        <v>1</v>
      </c>
      <c r="D46801">
        <v>0</v>
      </c>
    </row>
    <row r="46802" spans="1:4" x14ac:dyDescent="0.25">
      <c r="A46802" t="s">
        <v>64709</v>
      </c>
      <c r="B46802" t="s">
        <v>64710</v>
      </c>
      <c r="C46802">
        <v>1</v>
      </c>
      <c r="D46802">
        <v>0</v>
      </c>
    </row>
    <row r="46803" spans="1:4" x14ac:dyDescent="0.25">
      <c r="A46803" t="s">
        <v>64709</v>
      </c>
      <c r="B46803" t="s">
        <v>64711</v>
      </c>
      <c r="C46803">
        <v>2</v>
      </c>
      <c r="D46803">
        <v>0</v>
      </c>
    </row>
    <row r="46804" spans="1:4" x14ac:dyDescent="0.25">
      <c r="A46804" t="s">
        <v>64709</v>
      </c>
      <c r="B46804" t="s">
        <v>64712</v>
      </c>
      <c r="C46804">
        <v>2</v>
      </c>
      <c r="D46804">
        <v>0</v>
      </c>
    </row>
    <row r="46805" spans="1:4" x14ac:dyDescent="0.25">
      <c r="A46805" t="s">
        <v>64709</v>
      </c>
      <c r="B46805" t="s">
        <v>64713</v>
      </c>
      <c r="C46805">
        <v>1</v>
      </c>
      <c r="D46805">
        <v>0</v>
      </c>
    </row>
    <row r="46806" spans="1:4" x14ac:dyDescent="0.25">
      <c r="A46806" t="s">
        <v>64709</v>
      </c>
      <c r="B46806" t="s">
        <v>64714</v>
      </c>
      <c r="C46806">
        <v>1</v>
      </c>
      <c r="D46806">
        <v>0</v>
      </c>
    </row>
    <row r="46807" spans="1:4" x14ac:dyDescent="0.25">
      <c r="A46807" t="s">
        <v>64709</v>
      </c>
      <c r="B46807" t="s">
        <v>64715</v>
      </c>
      <c r="C46807">
        <v>0</v>
      </c>
      <c r="D46807">
        <v>0</v>
      </c>
    </row>
    <row r="46808" spans="1:4" x14ac:dyDescent="0.25">
      <c r="A46808" t="s">
        <v>64716</v>
      </c>
      <c r="B46808" t="s">
        <v>64717</v>
      </c>
      <c r="C46808">
        <v>2</v>
      </c>
      <c r="D46808">
        <v>0</v>
      </c>
    </row>
    <row r="46809" spans="1:4" x14ac:dyDescent="0.25">
      <c r="A46809" t="s">
        <v>64716</v>
      </c>
      <c r="B46809" t="s">
        <v>64718</v>
      </c>
      <c r="C46809">
        <v>1</v>
      </c>
      <c r="D46809">
        <v>0</v>
      </c>
    </row>
    <row r="46810" spans="1:4" x14ac:dyDescent="0.25">
      <c r="A46810" t="s">
        <v>64716</v>
      </c>
      <c r="B46810" t="s">
        <v>5713</v>
      </c>
      <c r="C46810">
        <v>1</v>
      </c>
      <c r="D46810">
        <v>0</v>
      </c>
    </row>
    <row r="46811" spans="1:4" x14ac:dyDescent="0.25">
      <c r="A46811" t="s">
        <v>64716</v>
      </c>
      <c r="B46811" t="s">
        <v>64719</v>
      </c>
      <c r="C46811">
        <v>2</v>
      </c>
      <c r="D46811">
        <v>0</v>
      </c>
    </row>
    <row r="46812" spans="1:4" x14ac:dyDescent="0.25">
      <c r="A46812" t="s">
        <v>64720</v>
      </c>
      <c r="B46812" t="s">
        <v>64721</v>
      </c>
      <c r="C46812">
        <v>1</v>
      </c>
      <c r="D46812">
        <v>0</v>
      </c>
    </row>
    <row r="46813" spans="1:4" x14ac:dyDescent="0.25">
      <c r="A46813" t="s">
        <v>64720</v>
      </c>
      <c r="B46813" t="s">
        <v>64722</v>
      </c>
      <c r="C46813">
        <v>1</v>
      </c>
      <c r="D46813">
        <v>0</v>
      </c>
    </row>
    <row r="46814" spans="1:4" x14ac:dyDescent="0.25">
      <c r="A46814" t="s">
        <v>64720</v>
      </c>
      <c r="B46814" t="s">
        <v>64723</v>
      </c>
      <c r="C46814">
        <v>1</v>
      </c>
      <c r="D46814">
        <v>0</v>
      </c>
    </row>
    <row r="46815" spans="1:4" x14ac:dyDescent="0.25">
      <c r="A46815" t="s">
        <v>64720</v>
      </c>
      <c r="B46815" t="s">
        <v>64724</v>
      </c>
      <c r="C46815">
        <v>0</v>
      </c>
      <c r="D46815">
        <v>0</v>
      </c>
    </row>
    <row r="46816" spans="1:4" x14ac:dyDescent="0.25">
      <c r="A46816" t="s">
        <v>64720</v>
      </c>
      <c r="B46816" t="s">
        <v>64725</v>
      </c>
      <c r="C46816">
        <v>1</v>
      </c>
      <c r="D46816">
        <v>0</v>
      </c>
    </row>
    <row r="46817" spans="1:4" x14ac:dyDescent="0.25">
      <c r="A46817" t="s">
        <v>64726</v>
      </c>
      <c r="B46817" t="s">
        <v>64727</v>
      </c>
      <c r="C46817">
        <v>1</v>
      </c>
      <c r="D46817">
        <v>0</v>
      </c>
    </row>
    <row r="46818" spans="1:4" x14ac:dyDescent="0.25">
      <c r="A46818" t="s">
        <v>64726</v>
      </c>
      <c r="B46818" t="s">
        <v>64728</v>
      </c>
      <c r="C46818">
        <v>1</v>
      </c>
      <c r="D46818">
        <v>0</v>
      </c>
    </row>
    <row r="46819" spans="1:4" x14ac:dyDescent="0.25">
      <c r="A46819" t="s">
        <v>64726</v>
      </c>
      <c r="B46819" t="s">
        <v>64729</v>
      </c>
      <c r="C46819">
        <v>1</v>
      </c>
      <c r="D46819">
        <v>0</v>
      </c>
    </row>
    <row r="46820" spans="1:4" x14ac:dyDescent="0.25">
      <c r="A46820" t="s">
        <v>64726</v>
      </c>
      <c r="B46820" t="s">
        <v>64730</v>
      </c>
      <c r="C46820">
        <v>1</v>
      </c>
      <c r="D46820">
        <v>0</v>
      </c>
    </row>
    <row r="46821" spans="1:4" x14ac:dyDescent="0.25">
      <c r="A46821" t="s">
        <v>64726</v>
      </c>
      <c r="B46821" t="s">
        <v>64731</v>
      </c>
      <c r="C46821">
        <v>1</v>
      </c>
      <c r="D46821">
        <v>0</v>
      </c>
    </row>
    <row r="46822" spans="1:4" x14ac:dyDescent="0.25">
      <c r="A46822" t="s">
        <v>64726</v>
      </c>
      <c r="B46822" t="s">
        <v>64732</v>
      </c>
      <c r="C46822">
        <v>1</v>
      </c>
      <c r="D46822">
        <v>0</v>
      </c>
    </row>
    <row r="46823" spans="1:4" x14ac:dyDescent="0.25">
      <c r="A46823" t="s">
        <v>64726</v>
      </c>
      <c r="B46823" t="s">
        <v>64733</v>
      </c>
      <c r="C46823">
        <v>2</v>
      </c>
      <c r="D46823">
        <v>0</v>
      </c>
    </row>
    <row r="46824" spans="1:4" x14ac:dyDescent="0.25">
      <c r="A46824" t="s">
        <v>64734</v>
      </c>
      <c r="B46824" t="s">
        <v>64735</v>
      </c>
      <c r="C46824">
        <v>0</v>
      </c>
      <c r="D46824">
        <v>0</v>
      </c>
    </row>
    <row r="46825" spans="1:4" x14ac:dyDescent="0.25">
      <c r="A46825" t="s">
        <v>64734</v>
      </c>
      <c r="B46825" t="s">
        <v>64736</v>
      </c>
      <c r="C46825">
        <v>0</v>
      </c>
      <c r="D46825">
        <v>0</v>
      </c>
    </row>
    <row r="46826" spans="1:4" x14ac:dyDescent="0.25">
      <c r="A46826" t="s">
        <v>64734</v>
      </c>
      <c r="B46826" t="s">
        <v>64737</v>
      </c>
      <c r="C46826">
        <v>2</v>
      </c>
      <c r="D46826">
        <v>0</v>
      </c>
    </row>
    <row r="46827" spans="1:4" x14ac:dyDescent="0.25">
      <c r="A46827" t="s">
        <v>64734</v>
      </c>
      <c r="B46827" t="s">
        <v>64738</v>
      </c>
      <c r="C46827">
        <v>2</v>
      </c>
      <c r="D46827">
        <v>0</v>
      </c>
    </row>
    <row r="46828" spans="1:4" x14ac:dyDescent="0.25">
      <c r="A46828" t="s">
        <v>64734</v>
      </c>
      <c r="B46828" t="s">
        <v>64739</v>
      </c>
      <c r="C46828">
        <v>0</v>
      </c>
      <c r="D46828">
        <v>0</v>
      </c>
    </row>
    <row r="46829" spans="1:4" x14ac:dyDescent="0.25">
      <c r="A46829" t="s">
        <v>64734</v>
      </c>
      <c r="B46829" t="s">
        <v>64740</v>
      </c>
      <c r="C46829">
        <v>0</v>
      </c>
      <c r="D46829">
        <v>0</v>
      </c>
    </row>
    <row r="46830" spans="1:4" x14ac:dyDescent="0.25">
      <c r="A46830" t="s">
        <v>64734</v>
      </c>
      <c r="B46830" t="s">
        <v>64741</v>
      </c>
      <c r="C46830">
        <v>2</v>
      </c>
      <c r="D46830">
        <v>0</v>
      </c>
    </row>
    <row r="46831" spans="1:4" x14ac:dyDescent="0.25">
      <c r="A46831" t="s">
        <v>64734</v>
      </c>
      <c r="B46831" t="s">
        <v>64742</v>
      </c>
      <c r="C46831">
        <v>0</v>
      </c>
      <c r="D46831">
        <v>0</v>
      </c>
    </row>
    <row r="46832" spans="1:4" x14ac:dyDescent="0.25">
      <c r="A46832" t="s">
        <v>64734</v>
      </c>
      <c r="B46832" t="s">
        <v>6996</v>
      </c>
      <c r="C46832">
        <v>0</v>
      </c>
      <c r="D46832">
        <v>0</v>
      </c>
    </row>
    <row r="46833" spans="1:4" x14ac:dyDescent="0.25">
      <c r="A46833" t="s">
        <v>64734</v>
      </c>
      <c r="B46833" t="s">
        <v>64743</v>
      </c>
      <c r="C46833">
        <v>0</v>
      </c>
      <c r="D46833">
        <v>0</v>
      </c>
    </row>
    <row r="46834" spans="1:4" x14ac:dyDescent="0.25">
      <c r="A46834" t="s">
        <v>64734</v>
      </c>
      <c r="B46834" t="s">
        <v>64744</v>
      </c>
      <c r="C46834">
        <v>0</v>
      </c>
      <c r="D46834">
        <v>0</v>
      </c>
    </row>
    <row r="46835" spans="1:4" x14ac:dyDescent="0.25">
      <c r="A46835" t="s">
        <v>64734</v>
      </c>
      <c r="B46835" t="s">
        <v>64745</v>
      </c>
      <c r="C46835">
        <v>0</v>
      </c>
      <c r="D46835">
        <v>0</v>
      </c>
    </row>
    <row r="46836" spans="1:4" x14ac:dyDescent="0.25">
      <c r="A46836" t="s">
        <v>64746</v>
      </c>
      <c r="B46836" t="s">
        <v>64747</v>
      </c>
      <c r="C46836">
        <v>1</v>
      </c>
      <c r="D46836">
        <v>0</v>
      </c>
    </row>
    <row r="46837" spans="1:4" x14ac:dyDescent="0.25">
      <c r="A46837" t="s">
        <v>64746</v>
      </c>
      <c r="B46837" t="s">
        <v>64748</v>
      </c>
      <c r="C46837">
        <v>0</v>
      </c>
      <c r="D46837">
        <v>0</v>
      </c>
    </row>
    <row r="46838" spans="1:4" x14ac:dyDescent="0.25">
      <c r="A46838" t="s">
        <v>64746</v>
      </c>
      <c r="B46838" t="s">
        <v>64749</v>
      </c>
      <c r="C46838">
        <v>0</v>
      </c>
      <c r="D46838">
        <v>0</v>
      </c>
    </row>
    <row r="46839" spans="1:4" x14ac:dyDescent="0.25">
      <c r="A46839" t="s">
        <v>64746</v>
      </c>
      <c r="B46839" t="s">
        <v>64750</v>
      </c>
      <c r="C46839">
        <v>1</v>
      </c>
      <c r="D46839">
        <v>0</v>
      </c>
    </row>
    <row r="46840" spans="1:4" x14ac:dyDescent="0.25">
      <c r="A46840" t="s">
        <v>64746</v>
      </c>
      <c r="B46840" t="s">
        <v>64751</v>
      </c>
      <c r="C46840">
        <v>1</v>
      </c>
      <c r="D46840">
        <v>0</v>
      </c>
    </row>
    <row r="46841" spans="1:4" x14ac:dyDescent="0.25">
      <c r="A46841" t="s">
        <v>64746</v>
      </c>
      <c r="B46841" t="s">
        <v>64752</v>
      </c>
      <c r="C46841">
        <v>1</v>
      </c>
      <c r="D46841">
        <v>0</v>
      </c>
    </row>
    <row r="46842" spans="1:4" x14ac:dyDescent="0.25">
      <c r="A46842" t="s">
        <v>64753</v>
      </c>
      <c r="B46842" t="s">
        <v>64754</v>
      </c>
      <c r="C46842">
        <v>2</v>
      </c>
      <c r="D46842">
        <v>0</v>
      </c>
    </row>
    <row r="46843" spans="1:4" x14ac:dyDescent="0.25">
      <c r="A46843" t="s">
        <v>64753</v>
      </c>
      <c r="B46843" t="s">
        <v>64755</v>
      </c>
      <c r="C46843">
        <v>0</v>
      </c>
      <c r="D46843">
        <v>0</v>
      </c>
    </row>
    <row r="46844" spans="1:4" x14ac:dyDescent="0.25">
      <c r="A46844" t="s">
        <v>64753</v>
      </c>
      <c r="B46844" t="s">
        <v>2865</v>
      </c>
      <c r="C46844">
        <v>0</v>
      </c>
      <c r="D46844">
        <v>0</v>
      </c>
    </row>
    <row r="46845" spans="1:4" x14ac:dyDescent="0.25">
      <c r="A46845" t="s">
        <v>64753</v>
      </c>
      <c r="B46845" t="s">
        <v>64756</v>
      </c>
      <c r="C46845">
        <v>1</v>
      </c>
      <c r="D46845">
        <v>0</v>
      </c>
    </row>
    <row r="46846" spans="1:4" x14ac:dyDescent="0.25">
      <c r="A46846" t="s">
        <v>64753</v>
      </c>
      <c r="B46846" t="s">
        <v>64757</v>
      </c>
      <c r="C46846">
        <v>0</v>
      </c>
      <c r="D46846">
        <v>0</v>
      </c>
    </row>
    <row r="46847" spans="1:4" x14ac:dyDescent="0.25">
      <c r="A46847" t="s">
        <v>64753</v>
      </c>
      <c r="B46847" t="s">
        <v>64758</v>
      </c>
      <c r="C46847">
        <v>0</v>
      </c>
      <c r="D46847">
        <v>0</v>
      </c>
    </row>
    <row r="46848" spans="1:4" x14ac:dyDescent="0.25">
      <c r="A46848" t="s">
        <v>64759</v>
      </c>
      <c r="B46848" t="s">
        <v>64760</v>
      </c>
      <c r="C46848">
        <v>1</v>
      </c>
      <c r="D46848">
        <v>0</v>
      </c>
    </row>
    <row r="46849" spans="1:4" x14ac:dyDescent="0.25">
      <c r="A46849" t="s">
        <v>64759</v>
      </c>
      <c r="B46849" t="s">
        <v>64761</v>
      </c>
      <c r="C46849">
        <v>1</v>
      </c>
      <c r="D46849">
        <v>0</v>
      </c>
    </row>
    <row r="46850" spans="1:4" x14ac:dyDescent="0.25">
      <c r="A46850" t="s">
        <v>64759</v>
      </c>
      <c r="B46850" t="s">
        <v>64762</v>
      </c>
      <c r="C46850">
        <v>1</v>
      </c>
      <c r="D46850">
        <v>0</v>
      </c>
    </row>
    <row r="46851" spans="1:4" x14ac:dyDescent="0.25">
      <c r="A46851" t="s">
        <v>64759</v>
      </c>
      <c r="B46851" t="s">
        <v>64763</v>
      </c>
      <c r="C46851">
        <v>1</v>
      </c>
      <c r="D46851">
        <v>0</v>
      </c>
    </row>
    <row r="46852" spans="1:4" x14ac:dyDescent="0.25">
      <c r="A46852" t="s">
        <v>64764</v>
      </c>
      <c r="B46852" t="s">
        <v>64765</v>
      </c>
      <c r="C46852">
        <v>1</v>
      </c>
      <c r="D46852">
        <v>0</v>
      </c>
    </row>
    <row r="46853" spans="1:4" x14ac:dyDescent="0.25">
      <c r="A46853" t="s">
        <v>64764</v>
      </c>
      <c r="B46853" t="s">
        <v>64766</v>
      </c>
      <c r="C46853">
        <v>1</v>
      </c>
      <c r="D46853">
        <v>0</v>
      </c>
    </row>
    <row r="46854" spans="1:4" x14ac:dyDescent="0.25">
      <c r="A46854" t="s">
        <v>64764</v>
      </c>
      <c r="B46854" t="s">
        <v>64767</v>
      </c>
      <c r="C46854">
        <v>0</v>
      </c>
      <c r="D46854">
        <v>0</v>
      </c>
    </row>
    <row r="46855" spans="1:4" x14ac:dyDescent="0.25">
      <c r="A46855" t="s">
        <v>64764</v>
      </c>
      <c r="B46855" t="s">
        <v>64768</v>
      </c>
      <c r="C46855">
        <v>1</v>
      </c>
      <c r="D46855">
        <v>0</v>
      </c>
    </row>
    <row r="46856" spans="1:4" x14ac:dyDescent="0.25">
      <c r="A46856" t="s">
        <v>64764</v>
      </c>
      <c r="B46856" t="s">
        <v>64769</v>
      </c>
      <c r="C46856">
        <v>1</v>
      </c>
      <c r="D46856">
        <v>0</v>
      </c>
    </row>
    <row r="46857" spans="1:4" x14ac:dyDescent="0.25">
      <c r="A46857" t="s">
        <v>64764</v>
      </c>
      <c r="B46857" t="s">
        <v>64770</v>
      </c>
      <c r="C46857">
        <v>1</v>
      </c>
      <c r="D46857">
        <v>0</v>
      </c>
    </row>
    <row r="46858" spans="1:4" x14ac:dyDescent="0.25">
      <c r="A46858" t="s">
        <v>64771</v>
      </c>
      <c r="B46858" t="s">
        <v>64772</v>
      </c>
      <c r="C46858">
        <v>0</v>
      </c>
      <c r="D46858">
        <v>0</v>
      </c>
    </row>
    <row r="46859" spans="1:4" x14ac:dyDescent="0.25">
      <c r="A46859" t="s">
        <v>64773</v>
      </c>
      <c r="B46859" t="s">
        <v>64774</v>
      </c>
      <c r="C46859">
        <v>0</v>
      </c>
      <c r="D46859">
        <v>0</v>
      </c>
    </row>
    <row r="46860" spans="1:4" x14ac:dyDescent="0.25">
      <c r="A46860" t="s">
        <v>64773</v>
      </c>
      <c r="B46860" t="s">
        <v>64775</v>
      </c>
      <c r="C46860">
        <v>0</v>
      </c>
      <c r="D46860">
        <v>0</v>
      </c>
    </row>
    <row r="46861" spans="1:4" x14ac:dyDescent="0.25">
      <c r="A46861" t="s">
        <v>64773</v>
      </c>
      <c r="B46861" t="s">
        <v>64776</v>
      </c>
      <c r="C46861">
        <v>2</v>
      </c>
      <c r="D46861">
        <v>0</v>
      </c>
    </row>
    <row r="46862" spans="1:4" x14ac:dyDescent="0.25">
      <c r="A46862" t="s">
        <v>64773</v>
      </c>
      <c r="B46862" t="s">
        <v>5713</v>
      </c>
      <c r="C46862">
        <v>1</v>
      </c>
      <c r="D46862">
        <v>0</v>
      </c>
    </row>
    <row r="46863" spans="1:4" x14ac:dyDescent="0.25">
      <c r="A46863" t="s">
        <v>64777</v>
      </c>
      <c r="B46863" t="s">
        <v>64778</v>
      </c>
      <c r="C46863">
        <v>1</v>
      </c>
      <c r="D46863">
        <v>0</v>
      </c>
    </row>
    <row r="46864" spans="1:4" x14ac:dyDescent="0.25">
      <c r="A46864" t="s">
        <v>64777</v>
      </c>
      <c r="B46864" t="s">
        <v>64779</v>
      </c>
      <c r="C46864">
        <v>1</v>
      </c>
      <c r="D46864">
        <v>0</v>
      </c>
    </row>
    <row r="46865" spans="1:4" x14ac:dyDescent="0.25">
      <c r="A46865" t="s">
        <v>64780</v>
      </c>
      <c r="B46865" t="s">
        <v>64781</v>
      </c>
      <c r="C46865">
        <v>2</v>
      </c>
      <c r="D46865">
        <v>0</v>
      </c>
    </row>
    <row r="46866" spans="1:4" x14ac:dyDescent="0.25">
      <c r="A46866" t="s">
        <v>64780</v>
      </c>
      <c r="B46866" t="s">
        <v>64782</v>
      </c>
      <c r="C46866">
        <v>1</v>
      </c>
      <c r="D46866">
        <v>0</v>
      </c>
    </row>
    <row r="46867" spans="1:4" x14ac:dyDescent="0.25">
      <c r="A46867" t="s">
        <v>64780</v>
      </c>
      <c r="B46867" t="s">
        <v>64783</v>
      </c>
      <c r="C46867">
        <v>1</v>
      </c>
      <c r="D46867">
        <v>0</v>
      </c>
    </row>
    <row r="46868" spans="1:4" x14ac:dyDescent="0.25">
      <c r="A46868" t="s">
        <v>64780</v>
      </c>
      <c r="B46868" t="s">
        <v>64784</v>
      </c>
      <c r="C46868">
        <v>2</v>
      </c>
      <c r="D46868">
        <v>0</v>
      </c>
    </row>
    <row r="46869" spans="1:4" x14ac:dyDescent="0.25">
      <c r="A46869" t="s">
        <v>64780</v>
      </c>
      <c r="B46869" t="s">
        <v>64785</v>
      </c>
      <c r="C46869">
        <v>1</v>
      </c>
      <c r="D46869">
        <v>0</v>
      </c>
    </row>
    <row r="46870" spans="1:4" x14ac:dyDescent="0.25">
      <c r="A46870" t="s">
        <v>64786</v>
      </c>
      <c r="B46870" t="s">
        <v>64787</v>
      </c>
      <c r="C46870">
        <v>1</v>
      </c>
      <c r="D46870">
        <v>0</v>
      </c>
    </row>
    <row r="46871" spans="1:4" x14ac:dyDescent="0.25">
      <c r="A46871" t="s">
        <v>64786</v>
      </c>
      <c r="B46871" t="s">
        <v>64788</v>
      </c>
      <c r="C46871">
        <v>1</v>
      </c>
      <c r="D46871">
        <v>0</v>
      </c>
    </row>
    <row r="46872" spans="1:4" x14ac:dyDescent="0.25">
      <c r="A46872" t="s">
        <v>64786</v>
      </c>
      <c r="B46872" t="s">
        <v>64789</v>
      </c>
      <c r="C46872">
        <v>1</v>
      </c>
      <c r="D46872">
        <v>0</v>
      </c>
    </row>
    <row r="46873" spans="1:4" x14ac:dyDescent="0.25">
      <c r="A46873" t="s">
        <v>64786</v>
      </c>
      <c r="B46873" t="s">
        <v>64790</v>
      </c>
      <c r="C46873">
        <v>1</v>
      </c>
      <c r="D46873">
        <v>0</v>
      </c>
    </row>
    <row r="46874" spans="1:4" x14ac:dyDescent="0.25">
      <c r="A46874" t="s">
        <v>64786</v>
      </c>
      <c r="B46874" t="s">
        <v>64791</v>
      </c>
      <c r="C46874">
        <v>0</v>
      </c>
      <c r="D46874">
        <v>0</v>
      </c>
    </row>
    <row r="46875" spans="1:4" x14ac:dyDescent="0.25">
      <c r="A46875" t="s">
        <v>64792</v>
      </c>
      <c r="B46875" t="s">
        <v>64793</v>
      </c>
      <c r="C46875">
        <v>1</v>
      </c>
      <c r="D46875">
        <v>0</v>
      </c>
    </row>
    <row r="46876" spans="1:4" x14ac:dyDescent="0.25">
      <c r="A46876" t="s">
        <v>64792</v>
      </c>
      <c r="B46876" t="s">
        <v>64794</v>
      </c>
      <c r="C46876">
        <v>1</v>
      </c>
      <c r="D46876">
        <v>0</v>
      </c>
    </row>
    <row r="46877" spans="1:4" x14ac:dyDescent="0.25">
      <c r="A46877" t="s">
        <v>64792</v>
      </c>
      <c r="B46877" t="s">
        <v>64795</v>
      </c>
      <c r="C46877">
        <v>1</v>
      </c>
      <c r="D46877">
        <v>0</v>
      </c>
    </row>
    <row r="46878" spans="1:4" x14ac:dyDescent="0.25">
      <c r="A46878" t="s">
        <v>64792</v>
      </c>
      <c r="B46878" t="s">
        <v>64796</v>
      </c>
      <c r="C46878">
        <v>1</v>
      </c>
      <c r="D46878">
        <v>0</v>
      </c>
    </row>
    <row r="46879" spans="1:4" x14ac:dyDescent="0.25">
      <c r="A46879" t="s">
        <v>64792</v>
      </c>
      <c r="B46879" t="s">
        <v>64796</v>
      </c>
      <c r="C46879">
        <v>0</v>
      </c>
      <c r="D46879">
        <v>0</v>
      </c>
    </row>
    <row r="46880" spans="1:4" x14ac:dyDescent="0.25">
      <c r="A46880" t="s">
        <v>64792</v>
      </c>
      <c r="B46880" t="s">
        <v>64797</v>
      </c>
      <c r="C46880">
        <v>1</v>
      </c>
      <c r="D46880">
        <v>0</v>
      </c>
    </row>
    <row r="46881" spans="1:4" x14ac:dyDescent="0.25">
      <c r="A46881" t="s">
        <v>64798</v>
      </c>
      <c r="B46881" t="s">
        <v>5713</v>
      </c>
      <c r="C46881">
        <v>1</v>
      </c>
      <c r="D46881">
        <v>0</v>
      </c>
    </row>
    <row r="46882" spans="1:4" x14ac:dyDescent="0.25">
      <c r="A46882" t="s">
        <v>64798</v>
      </c>
      <c r="B46882" t="s">
        <v>64799</v>
      </c>
      <c r="C46882">
        <v>1</v>
      </c>
      <c r="D46882">
        <v>0</v>
      </c>
    </row>
    <row r="46883" spans="1:4" x14ac:dyDescent="0.25">
      <c r="A46883" t="s">
        <v>64798</v>
      </c>
      <c r="B46883" t="s">
        <v>47872</v>
      </c>
      <c r="C46883">
        <v>1</v>
      </c>
      <c r="D46883">
        <v>0</v>
      </c>
    </row>
    <row r="46884" spans="1:4" x14ac:dyDescent="0.25">
      <c r="A46884" t="s">
        <v>64798</v>
      </c>
      <c r="B46884" t="s">
        <v>64800</v>
      </c>
      <c r="C46884">
        <v>2</v>
      </c>
      <c r="D46884">
        <v>0</v>
      </c>
    </row>
    <row r="46885" spans="1:4" x14ac:dyDescent="0.25">
      <c r="A46885" t="s">
        <v>64798</v>
      </c>
      <c r="B46885" t="s">
        <v>64801</v>
      </c>
      <c r="C46885">
        <v>2</v>
      </c>
      <c r="D46885">
        <v>0</v>
      </c>
    </row>
    <row r="46886" spans="1:4" x14ac:dyDescent="0.25">
      <c r="A46886" t="s">
        <v>64802</v>
      </c>
      <c r="B46886" t="s">
        <v>64803</v>
      </c>
      <c r="C46886">
        <v>0</v>
      </c>
      <c r="D46886">
        <v>0</v>
      </c>
    </row>
    <row r="46887" spans="1:4" x14ac:dyDescent="0.25">
      <c r="A46887" t="s">
        <v>64802</v>
      </c>
      <c r="B46887" t="s">
        <v>64804</v>
      </c>
      <c r="C46887">
        <v>0</v>
      </c>
      <c r="D46887">
        <v>0</v>
      </c>
    </row>
    <row r="46888" spans="1:4" x14ac:dyDescent="0.25">
      <c r="A46888" t="s">
        <v>64802</v>
      </c>
      <c r="B46888" t="s">
        <v>64805</v>
      </c>
      <c r="C46888">
        <v>1</v>
      </c>
      <c r="D46888">
        <v>0</v>
      </c>
    </row>
    <row r="46889" spans="1:4" x14ac:dyDescent="0.25">
      <c r="A46889" t="s">
        <v>64802</v>
      </c>
      <c r="B46889" t="s">
        <v>6837</v>
      </c>
      <c r="C46889">
        <v>1</v>
      </c>
      <c r="D46889">
        <v>0</v>
      </c>
    </row>
    <row r="46890" spans="1:4" x14ac:dyDescent="0.25">
      <c r="A46890" t="s">
        <v>64802</v>
      </c>
      <c r="B46890" t="s">
        <v>64806</v>
      </c>
      <c r="C46890">
        <v>1</v>
      </c>
      <c r="D46890">
        <v>0</v>
      </c>
    </row>
    <row r="46891" spans="1:4" x14ac:dyDescent="0.25">
      <c r="A46891" t="s">
        <v>64807</v>
      </c>
      <c r="B46891" t="s">
        <v>64808</v>
      </c>
      <c r="C46891">
        <v>1</v>
      </c>
      <c r="D46891">
        <v>0</v>
      </c>
    </row>
    <row r="46892" spans="1:4" x14ac:dyDescent="0.25">
      <c r="A46892" t="s">
        <v>64807</v>
      </c>
      <c r="B46892" t="s">
        <v>64809</v>
      </c>
      <c r="C46892">
        <v>0</v>
      </c>
      <c r="D46892">
        <v>0</v>
      </c>
    </row>
    <row r="46893" spans="1:4" x14ac:dyDescent="0.25">
      <c r="A46893" t="s">
        <v>64807</v>
      </c>
      <c r="B46893" t="s">
        <v>64810</v>
      </c>
      <c r="C46893">
        <v>0</v>
      </c>
      <c r="D46893">
        <v>0</v>
      </c>
    </row>
    <row r="46894" spans="1:4" x14ac:dyDescent="0.25">
      <c r="A46894" t="s">
        <v>64811</v>
      </c>
      <c r="B46894" t="s">
        <v>64812</v>
      </c>
      <c r="C46894">
        <v>2</v>
      </c>
      <c r="D46894">
        <v>0</v>
      </c>
    </row>
    <row r="46895" spans="1:4" x14ac:dyDescent="0.25">
      <c r="A46895" t="s">
        <v>64811</v>
      </c>
      <c r="B46895" t="s">
        <v>64813</v>
      </c>
      <c r="C46895">
        <v>0</v>
      </c>
      <c r="D46895">
        <v>0</v>
      </c>
    </row>
    <row r="46896" spans="1:4" x14ac:dyDescent="0.25">
      <c r="A46896" t="s">
        <v>64811</v>
      </c>
      <c r="B46896" t="s">
        <v>64814</v>
      </c>
      <c r="C46896">
        <v>1</v>
      </c>
      <c r="D46896">
        <v>0</v>
      </c>
    </row>
    <row r="46897" spans="1:4" x14ac:dyDescent="0.25">
      <c r="A46897" t="s">
        <v>64815</v>
      </c>
      <c r="B46897" t="s">
        <v>64816</v>
      </c>
      <c r="C46897">
        <v>2</v>
      </c>
      <c r="D46897">
        <v>0</v>
      </c>
    </row>
    <row r="46898" spans="1:4" x14ac:dyDescent="0.25">
      <c r="A46898" t="s">
        <v>64815</v>
      </c>
      <c r="B46898" t="s">
        <v>64817</v>
      </c>
      <c r="C46898">
        <v>0</v>
      </c>
      <c r="D46898">
        <v>0</v>
      </c>
    </row>
    <row r="46899" spans="1:4" x14ac:dyDescent="0.25">
      <c r="A46899" t="s">
        <v>64815</v>
      </c>
      <c r="B46899" t="s">
        <v>64818</v>
      </c>
      <c r="C46899">
        <v>1</v>
      </c>
      <c r="D46899">
        <v>0</v>
      </c>
    </row>
    <row r="46900" spans="1:4" x14ac:dyDescent="0.25">
      <c r="A46900" t="s">
        <v>64819</v>
      </c>
      <c r="B46900" t="s">
        <v>64820</v>
      </c>
      <c r="C46900">
        <v>1</v>
      </c>
      <c r="D46900">
        <v>0</v>
      </c>
    </row>
    <row r="46901" spans="1:4" x14ac:dyDescent="0.25">
      <c r="A46901" t="s">
        <v>64819</v>
      </c>
      <c r="B46901" t="s">
        <v>64821</v>
      </c>
      <c r="C46901">
        <v>1</v>
      </c>
      <c r="D46901">
        <v>0</v>
      </c>
    </row>
    <row r="46902" spans="1:4" x14ac:dyDescent="0.25">
      <c r="A46902" t="s">
        <v>64819</v>
      </c>
      <c r="B46902" t="s">
        <v>64822</v>
      </c>
      <c r="C46902">
        <v>2</v>
      </c>
      <c r="D46902">
        <v>0</v>
      </c>
    </row>
    <row r="46903" spans="1:4" x14ac:dyDescent="0.25">
      <c r="A46903" t="s">
        <v>64819</v>
      </c>
      <c r="B46903" t="s">
        <v>64823</v>
      </c>
      <c r="C46903">
        <v>1</v>
      </c>
      <c r="D46903">
        <v>0</v>
      </c>
    </row>
    <row r="46904" spans="1:4" x14ac:dyDescent="0.25">
      <c r="A46904" t="s">
        <v>64819</v>
      </c>
      <c r="B46904" t="s">
        <v>64824</v>
      </c>
      <c r="C46904">
        <v>2</v>
      </c>
      <c r="D46904">
        <v>0</v>
      </c>
    </row>
    <row r="46905" spans="1:4" x14ac:dyDescent="0.25">
      <c r="A46905" t="s">
        <v>64819</v>
      </c>
      <c r="B46905" t="s">
        <v>64825</v>
      </c>
      <c r="C46905">
        <v>1</v>
      </c>
      <c r="D46905">
        <v>0</v>
      </c>
    </row>
    <row r="46906" spans="1:4" x14ac:dyDescent="0.25">
      <c r="A46906" t="s">
        <v>64826</v>
      </c>
      <c r="B46906" t="s">
        <v>64827</v>
      </c>
      <c r="C46906">
        <v>1</v>
      </c>
      <c r="D46906">
        <v>0</v>
      </c>
    </row>
    <row r="46907" spans="1:4" x14ac:dyDescent="0.25">
      <c r="A46907" t="s">
        <v>64826</v>
      </c>
      <c r="B46907" t="s">
        <v>64828</v>
      </c>
      <c r="C46907">
        <v>1</v>
      </c>
      <c r="D46907">
        <v>0</v>
      </c>
    </row>
    <row r="46908" spans="1:4" x14ac:dyDescent="0.25">
      <c r="A46908" t="s">
        <v>64826</v>
      </c>
      <c r="B46908" t="s">
        <v>64829</v>
      </c>
      <c r="C46908">
        <v>0</v>
      </c>
      <c r="D46908">
        <v>0</v>
      </c>
    </row>
    <row r="46909" spans="1:4" x14ac:dyDescent="0.25">
      <c r="A46909" t="s">
        <v>64830</v>
      </c>
      <c r="B46909" t="s">
        <v>64831</v>
      </c>
      <c r="C46909">
        <v>1</v>
      </c>
      <c r="D46909">
        <v>0</v>
      </c>
    </row>
    <row r="46910" spans="1:4" x14ac:dyDescent="0.25">
      <c r="A46910" t="s">
        <v>64830</v>
      </c>
      <c r="B46910" t="s">
        <v>64832</v>
      </c>
      <c r="C46910">
        <v>0</v>
      </c>
      <c r="D46910">
        <v>0</v>
      </c>
    </row>
    <row r="46911" spans="1:4" x14ac:dyDescent="0.25">
      <c r="A46911" t="s">
        <v>64830</v>
      </c>
      <c r="B46911" t="s">
        <v>64833</v>
      </c>
      <c r="C46911">
        <v>1</v>
      </c>
      <c r="D46911">
        <v>0</v>
      </c>
    </row>
    <row r="46912" spans="1:4" x14ac:dyDescent="0.25">
      <c r="A46912" t="s">
        <v>64830</v>
      </c>
      <c r="B46912" t="s">
        <v>64834</v>
      </c>
      <c r="C46912">
        <v>0</v>
      </c>
      <c r="D46912">
        <v>0</v>
      </c>
    </row>
    <row r="46913" spans="1:4" x14ac:dyDescent="0.25">
      <c r="A46913" t="s">
        <v>64835</v>
      </c>
      <c r="B46913" t="s">
        <v>64836</v>
      </c>
      <c r="C46913">
        <v>2</v>
      </c>
      <c r="D46913">
        <v>0</v>
      </c>
    </row>
    <row r="46914" spans="1:4" x14ac:dyDescent="0.25">
      <c r="A46914" t="s">
        <v>64835</v>
      </c>
      <c r="B46914" t="s">
        <v>64837</v>
      </c>
      <c r="C46914">
        <v>2</v>
      </c>
      <c r="D46914">
        <v>0</v>
      </c>
    </row>
    <row r="46915" spans="1:4" x14ac:dyDescent="0.25">
      <c r="A46915" t="s">
        <v>64835</v>
      </c>
      <c r="B46915" t="s">
        <v>64838</v>
      </c>
      <c r="C46915">
        <v>2</v>
      </c>
      <c r="D46915">
        <v>0</v>
      </c>
    </row>
    <row r="46916" spans="1:4" x14ac:dyDescent="0.25">
      <c r="A46916" t="s">
        <v>64839</v>
      </c>
      <c r="B46916" t="s">
        <v>64840</v>
      </c>
      <c r="C46916">
        <v>2</v>
      </c>
      <c r="D46916">
        <v>0</v>
      </c>
    </row>
    <row r="46917" spans="1:4" x14ac:dyDescent="0.25">
      <c r="A46917" t="s">
        <v>64839</v>
      </c>
      <c r="B46917" t="s">
        <v>64841</v>
      </c>
      <c r="C46917">
        <v>2</v>
      </c>
      <c r="D46917">
        <v>0</v>
      </c>
    </row>
    <row r="46918" spans="1:4" x14ac:dyDescent="0.25">
      <c r="A46918" t="s">
        <v>64839</v>
      </c>
      <c r="B46918" t="s">
        <v>64842</v>
      </c>
      <c r="C46918">
        <v>2</v>
      </c>
      <c r="D46918">
        <v>0</v>
      </c>
    </row>
    <row r="46919" spans="1:4" x14ac:dyDescent="0.25">
      <c r="A46919" t="s">
        <v>64839</v>
      </c>
      <c r="B46919" t="s">
        <v>7233</v>
      </c>
      <c r="C46919">
        <v>1</v>
      </c>
      <c r="D46919">
        <v>0</v>
      </c>
    </row>
    <row r="46920" spans="1:4" x14ac:dyDescent="0.25">
      <c r="A46920" t="s">
        <v>64839</v>
      </c>
      <c r="B46920" t="s">
        <v>64843</v>
      </c>
      <c r="C46920">
        <v>2</v>
      </c>
      <c r="D46920">
        <v>0</v>
      </c>
    </row>
    <row r="46921" spans="1:4" x14ac:dyDescent="0.25">
      <c r="A46921" t="s">
        <v>64839</v>
      </c>
      <c r="B46921" t="s">
        <v>64844</v>
      </c>
      <c r="C46921">
        <v>2</v>
      </c>
      <c r="D46921">
        <v>0</v>
      </c>
    </row>
    <row r="46922" spans="1:4" x14ac:dyDescent="0.25">
      <c r="A46922" t="s">
        <v>64845</v>
      </c>
      <c r="B46922" t="s">
        <v>64846</v>
      </c>
      <c r="C46922">
        <v>1</v>
      </c>
      <c r="D46922">
        <v>0</v>
      </c>
    </row>
    <row r="46923" spans="1:4" x14ac:dyDescent="0.25">
      <c r="A46923" t="s">
        <v>64845</v>
      </c>
      <c r="B46923" t="s">
        <v>64847</v>
      </c>
      <c r="C46923">
        <v>1</v>
      </c>
      <c r="D46923">
        <v>0</v>
      </c>
    </row>
    <row r="46924" spans="1:4" x14ac:dyDescent="0.25">
      <c r="A46924" t="s">
        <v>64845</v>
      </c>
      <c r="B46924" t="s">
        <v>64848</v>
      </c>
      <c r="C46924">
        <v>1</v>
      </c>
      <c r="D46924">
        <v>0</v>
      </c>
    </row>
    <row r="46925" spans="1:4" x14ac:dyDescent="0.25">
      <c r="A46925" t="s">
        <v>64849</v>
      </c>
      <c r="B46925" t="s">
        <v>37593</v>
      </c>
      <c r="C46925">
        <v>1</v>
      </c>
      <c r="D46925">
        <v>0</v>
      </c>
    </row>
    <row r="46926" spans="1:4" x14ac:dyDescent="0.25">
      <c r="A46926" t="s">
        <v>64849</v>
      </c>
      <c r="B46926" t="s">
        <v>64850</v>
      </c>
      <c r="C46926">
        <v>1</v>
      </c>
      <c r="D46926">
        <v>0</v>
      </c>
    </row>
    <row r="46927" spans="1:4" x14ac:dyDescent="0.25">
      <c r="A46927" t="s">
        <v>64849</v>
      </c>
      <c r="B46927" t="s">
        <v>19284</v>
      </c>
      <c r="C46927">
        <v>0</v>
      </c>
      <c r="D46927">
        <v>0</v>
      </c>
    </row>
    <row r="46928" spans="1:4" x14ac:dyDescent="0.25">
      <c r="A46928" t="s">
        <v>64851</v>
      </c>
      <c r="B46928" t="s">
        <v>64852</v>
      </c>
      <c r="C46928">
        <v>0</v>
      </c>
      <c r="D46928">
        <v>0</v>
      </c>
    </row>
    <row r="46929" spans="1:4" x14ac:dyDescent="0.25">
      <c r="A46929" t="s">
        <v>64851</v>
      </c>
      <c r="B46929" t="s">
        <v>64853</v>
      </c>
      <c r="C46929">
        <v>1</v>
      </c>
      <c r="D46929">
        <v>0</v>
      </c>
    </row>
    <row r="46930" spans="1:4" x14ac:dyDescent="0.25">
      <c r="A46930" t="s">
        <v>64851</v>
      </c>
      <c r="B46930" t="s">
        <v>64854</v>
      </c>
      <c r="C46930">
        <v>1</v>
      </c>
      <c r="D46930">
        <v>0</v>
      </c>
    </row>
    <row r="46931" spans="1:4" x14ac:dyDescent="0.25">
      <c r="A46931" t="s">
        <v>64851</v>
      </c>
      <c r="B46931" t="s">
        <v>2651</v>
      </c>
      <c r="C46931">
        <v>0</v>
      </c>
      <c r="D46931">
        <v>0</v>
      </c>
    </row>
    <row r="46932" spans="1:4" x14ac:dyDescent="0.25">
      <c r="A46932" t="s">
        <v>64855</v>
      </c>
      <c r="B46932" t="s">
        <v>64856</v>
      </c>
      <c r="C46932">
        <v>1</v>
      </c>
      <c r="D46932">
        <v>0</v>
      </c>
    </row>
    <row r="46933" spans="1:4" x14ac:dyDescent="0.25">
      <c r="A46933" t="s">
        <v>64855</v>
      </c>
      <c r="B46933" t="s">
        <v>64857</v>
      </c>
      <c r="C46933">
        <v>0</v>
      </c>
      <c r="D46933">
        <v>0</v>
      </c>
    </row>
    <row r="46934" spans="1:4" x14ac:dyDescent="0.25">
      <c r="A46934" t="s">
        <v>64855</v>
      </c>
      <c r="B46934" t="s">
        <v>64858</v>
      </c>
      <c r="C46934">
        <v>1</v>
      </c>
      <c r="D46934">
        <v>0</v>
      </c>
    </row>
    <row r="46935" spans="1:4" x14ac:dyDescent="0.25">
      <c r="A46935" t="s">
        <v>64855</v>
      </c>
      <c r="B46935" t="s">
        <v>64859</v>
      </c>
      <c r="C46935">
        <v>1</v>
      </c>
      <c r="D46935">
        <v>0</v>
      </c>
    </row>
    <row r="46936" spans="1:4" x14ac:dyDescent="0.25">
      <c r="A46936" t="s">
        <v>64855</v>
      </c>
      <c r="B46936" t="s">
        <v>64860</v>
      </c>
      <c r="C46936">
        <v>2</v>
      </c>
      <c r="D46936">
        <v>0</v>
      </c>
    </row>
    <row r="46937" spans="1:4" x14ac:dyDescent="0.25">
      <c r="A46937" t="s">
        <v>64861</v>
      </c>
      <c r="B46937" t="s">
        <v>64862</v>
      </c>
      <c r="C46937">
        <v>1</v>
      </c>
      <c r="D46937">
        <v>0</v>
      </c>
    </row>
    <row r="46938" spans="1:4" x14ac:dyDescent="0.25">
      <c r="A46938" t="s">
        <v>64861</v>
      </c>
      <c r="B46938" t="s">
        <v>64863</v>
      </c>
      <c r="C46938">
        <v>1</v>
      </c>
      <c r="D46938">
        <v>0</v>
      </c>
    </row>
    <row r="46939" spans="1:4" x14ac:dyDescent="0.25">
      <c r="A46939" t="s">
        <v>64861</v>
      </c>
      <c r="B46939" t="s">
        <v>64864</v>
      </c>
      <c r="C46939">
        <v>0</v>
      </c>
      <c r="D46939">
        <v>0</v>
      </c>
    </row>
    <row r="46940" spans="1:4" x14ac:dyDescent="0.25">
      <c r="A46940" t="s">
        <v>64861</v>
      </c>
      <c r="B46940" t="s">
        <v>64865</v>
      </c>
      <c r="C46940">
        <v>2</v>
      </c>
      <c r="D46940">
        <v>0</v>
      </c>
    </row>
    <row r="46941" spans="1:4" x14ac:dyDescent="0.25">
      <c r="A46941" t="s">
        <v>64861</v>
      </c>
      <c r="B46941" t="s">
        <v>64866</v>
      </c>
      <c r="C46941">
        <v>1</v>
      </c>
      <c r="D46941">
        <v>0</v>
      </c>
    </row>
    <row r="46942" spans="1:4" x14ac:dyDescent="0.25">
      <c r="A46942" t="s">
        <v>64861</v>
      </c>
      <c r="B46942" t="s">
        <v>64867</v>
      </c>
      <c r="C46942">
        <v>2</v>
      </c>
      <c r="D46942">
        <v>0</v>
      </c>
    </row>
    <row r="46943" spans="1:4" x14ac:dyDescent="0.25">
      <c r="A46943" t="s">
        <v>64861</v>
      </c>
      <c r="B46943" t="s">
        <v>64868</v>
      </c>
      <c r="C46943">
        <v>1</v>
      </c>
      <c r="D46943">
        <v>0</v>
      </c>
    </row>
    <row r="46944" spans="1:4" x14ac:dyDescent="0.25">
      <c r="A46944" t="s">
        <v>64861</v>
      </c>
      <c r="B46944" t="s">
        <v>64869</v>
      </c>
      <c r="C46944">
        <v>2</v>
      </c>
      <c r="D46944">
        <v>0</v>
      </c>
    </row>
    <row r="46945" spans="1:4" x14ac:dyDescent="0.25">
      <c r="A46945" t="s">
        <v>64870</v>
      </c>
      <c r="B46945" t="s">
        <v>64871</v>
      </c>
      <c r="C46945">
        <v>1</v>
      </c>
      <c r="D46945">
        <v>0</v>
      </c>
    </row>
    <row r="46946" spans="1:4" x14ac:dyDescent="0.25">
      <c r="A46946" t="s">
        <v>64870</v>
      </c>
      <c r="B46946" t="s">
        <v>64872</v>
      </c>
      <c r="C46946">
        <v>1</v>
      </c>
      <c r="D46946">
        <v>0</v>
      </c>
    </row>
    <row r="46947" spans="1:4" x14ac:dyDescent="0.25">
      <c r="A46947" t="s">
        <v>64870</v>
      </c>
      <c r="B46947" t="s">
        <v>64873</v>
      </c>
      <c r="C46947">
        <v>1</v>
      </c>
      <c r="D46947">
        <v>0</v>
      </c>
    </row>
    <row r="46948" spans="1:4" x14ac:dyDescent="0.25">
      <c r="A46948" t="s">
        <v>64870</v>
      </c>
      <c r="B46948" t="s">
        <v>64874</v>
      </c>
      <c r="C46948">
        <v>1</v>
      </c>
      <c r="D46948">
        <v>0</v>
      </c>
    </row>
    <row r="46949" spans="1:4" x14ac:dyDescent="0.25">
      <c r="A46949" t="s">
        <v>64870</v>
      </c>
      <c r="B46949" t="s">
        <v>64875</v>
      </c>
      <c r="C46949">
        <v>1</v>
      </c>
      <c r="D46949">
        <v>0</v>
      </c>
    </row>
    <row r="46950" spans="1:4" x14ac:dyDescent="0.25">
      <c r="A46950" t="s">
        <v>64870</v>
      </c>
      <c r="B46950" t="s">
        <v>64876</v>
      </c>
      <c r="C46950">
        <v>1</v>
      </c>
      <c r="D46950">
        <v>0</v>
      </c>
    </row>
    <row r="46951" spans="1:4" x14ac:dyDescent="0.25">
      <c r="A46951" t="s">
        <v>64870</v>
      </c>
      <c r="B46951" t="s">
        <v>64877</v>
      </c>
      <c r="C46951">
        <v>1</v>
      </c>
      <c r="D46951">
        <v>0</v>
      </c>
    </row>
    <row r="46952" spans="1:4" x14ac:dyDescent="0.25">
      <c r="A46952" t="s">
        <v>64870</v>
      </c>
      <c r="B46952" t="s">
        <v>64878</v>
      </c>
      <c r="C46952">
        <v>1</v>
      </c>
      <c r="D46952">
        <v>0</v>
      </c>
    </row>
    <row r="46953" spans="1:4" x14ac:dyDescent="0.25">
      <c r="A46953" t="s">
        <v>64879</v>
      </c>
      <c r="B46953" t="s">
        <v>64880</v>
      </c>
      <c r="C46953">
        <v>1</v>
      </c>
      <c r="D46953">
        <v>0</v>
      </c>
    </row>
    <row r="46954" spans="1:4" x14ac:dyDescent="0.25">
      <c r="A46954" t="s">
        <v>64879</v>
      </c>
      <c r="B46954" t="s">
        <v>64881</v>
      </c>
      <c r="C46954">
        <v>1</v>
      </c>
      <c r="D46954">
        <v>0</v>
      </c>
    </row>
    <row r="46955" spans="1:4" x14ac:dyDescent="0.25">
      <c r="A46955" t="s">
        <v>64882</v>
      </c>
      <c r="B46955" t="s">
        <v>64883</v>
      </c>
      <c r="C46955">
        <v>1</v>
      </c>
      <c r="D46955">
        <v>0</v>
      </c>
    </row>
    <row r="46956" spans="1:4" x14ac:dyDescent="0.25">
      <c r="A46956" t="s">
        <v>64882</v>
      </c>
      <c r="B46956" t="s">
        <v>64884</v>
      </c>
      <c r="C46956">
        <v>2</v>
      </c>
      <c r="D46956">
        <v>0</v>
      </c>
    </row>
    <row r="46957" spans="1:4" x14ac:dyDescent="0.25">
      <c r="A46957" t="s">
        <v>64882</v>
      </c>
      <c r="B46957" t="s">
        <v>64885</v>
      </c>
      <c r="C46957">
        <v>1</v>
      </c>
      <c r="D46957">
        <v>0</v>
      </c>
    </row>
    <row r="46958" spans="1:4" x14ac:dyDescent="0.25">
      <c r="A46958" t="s">
        <v>64882</v>
      </c>
      <c r="B46958" t="s">
        <v>64886</v>
      </c>
      <c r="C46958">
        <v>1</v>
      </c>
      <c r="D46958">
        <v>0</v>
      </c>
    </row>
    <row r="46959" spans="1:4" x14ac:dyDescent="0.25">
      <c r="A46959" t="s">
        <v>64887</v>
      </c>
      <c r="B46959" t="s">
        <v>64888</v>
      </c>
      <c r="C46959">
        <v>0</v>
      </c>
      <c r="D46959">
        <v>0</v>
      </c>
    </row>
    <row r="46960" spans="1:4" x14ac:dyDescent="0.25">
      <c r="A46960" t="s">
        <v>64887</v>
      </c>
      <c r="B46960" t="s">
        <v>64889</v>
      </c>
      <c r="C46960">
        <v>0</v>
      </c>
      <c r="D46960">
        <v>0</v>
      </c>
    </row>
    <row r="46961" spans="1:4" x14ac:dyDescent="0.25">
      <c r="A46961" t="s">
        <v>64887</v>
      </c>
      <c r="B46961" t="s">
        <v>64890</v>
      </c>
      <c r="C46961">
        <v>1</v>
      </c>
      <c r="D46961">
        <v>0</v>
      </c>
    </row>
    <row r="46962" spans="1:4" x14ac:dyDescent="0.25">
      <c r="A46962" t="s">
        <v>64887</v>
      </c>
      <c r="B46962" t="s">
        <v>64891</v>
      </c>
      <c r="C46962">
        <v>1</v>
      </c>
      <c r="D46962">
        <v>0</v>
      </c>
    </row>
    <row r="46963" spans="1:4" x14ac:dyDescent="0.25">
      <c r="A46963" t="s">
        <v>64892</v>
      </c>
      <c r="B46963" t="s">
        <v>64893</v>
      </c>
      <c r="C46963">
        <v>1</v>
      </c>
      <c r="D46963">
        <v>0</v>
      </c>
    </row>
    <row r="46964" spans="1:4" x14ac:dyDescent="0.25">
      <c r="A46964" t="s">
        <v>64892</v>
      </c>
      <c r="B46964" t="s">
        <v>64894</v>
      </c>
      <c r="C46964">
        <v>0</v>
      </c>
      <c r="D46964">
        <v>0</v>
      </c>
    </row>
    <row r="46965" spans="1:4" x14ac:dyDescent="0.25">
      <c r="A46965" t="s">
        <v>64892</v>
      </c>
      <c r="B46965" t="s">
        <v>64895</v>
      </c>
      <c r="C46965">
        <v>1</v>
      </c>
      <c r="D46965">
        <v>0</v>
      </c>
    </row>
    <row r="46966" spans="1:4" x14ac:dyDescent="0.25">
      <c r="A46966" t="s">
        <v>64892</v>
      </c>
      <c r="B46966" t="s">
        <v>64896</v>
      </c>
      <c r="C46966">
        <v>1</v>
      </c>
      <c r="D46966">
        <v>0</v>
      </c>
    </row>
    <row r="46967" spans="1:4" x14ac:dyDescent="0.25">
      <c r="A46967" t="s">
        <v>64892</v>
      </c>
      <c r="B46967" t="s">
        <v>64897</v>
      </c>
      <c r="C46967">
        <v>0</v>
      </c>
      <c r="D46967">
        <v>0</v>
      </c>
    </row>
    <row r="46968" spans="1:4" x14ac:dyDescent="0.25">
      <c r="A46968" t="s">
        <v>64898</v>
      </c>
      <c r="B46968" t="s">
        <v>49054</v>
      </c>
      <c r="C46968">
        <v>1</v>
      </c>
      <c r="D46968">
        <v>0</v>
      </c>
    </row>
    <row r="46969" spans="1:4" x14ac:dyDescent="0.25">
      <c r="A46969" t="s">
        <v>64898</v>
      </c>
      <c r="B46969" t="s">
        <v>64899</v>
      </c>
      <c r="C46969">
        <v>1</v>
      </c>
      <c r="D46969">
        <v>0</v>
      </c>
    </row>
    <row r="46970" spans="1:4" x14ac:dyDescent="0.25">
      <c r="A46970" t="s">
        <v>64898</v>
      </c>
      <c r="B46970" t="s">
        <v>64900</v>
      </c>
      <c r="C46970">
        <v>1</v>
      </c>
      <c r="D46970">
        <v>0</v>
      </c>
    </row>
    <row r="46971" spans="1:4" x14ac:dyDescent="0.25">
      <c r="A46971" t="s">
        <v>64901</v>
      </c>
      <c r="B46971" t="s">
        <v>64902</v>
      </c>
      <c r="C46971">
        <v>0</v>
      </c>
      <c r="D46971">
        <v>0</v>
      </c>
    </row>
    <row r="46972" spans="1:4" x14ac:dyDescent="0.25">
      <c r="A46972" t="s">
        <v>64901</v>
      </c>
      <c r="B46972" t="s">
        <v>64903</v>
      </c>
      <c r="C46972">
        <v>1</v>
      </c>
      <c r="D46972">
        <v>0</v>
      </c>
    </row>
    <row r="46973" spans="1:4" x14ac:dyDescent="0.25">
      <c r="A46973" t="s">
        <v>64901</v>
      </c>
      <c r="B46973" t="s">
        <v>64904</v>
      </c>
      <c r="C46973">
        <v>0</v>
      </c>
      <c r="D46973">
        <v>0</v>
      </c>
    </row>
    <row r="46974" spans="1:4" x14ac:dyDescent="0.25">
      <c r="A46974" t="s">
        <v>64901</v>
      </c>
      <c r="B46974" t="s">
        <v>64905</v>
      </c>
      <c r="C46974">
        <v>0</v>
      </c>
      <c r="D46974">
        <v>0</v>
      </c>
    </row>
    <row r="46975" spans="1:4" x14ac:dyDescent="0.25">
      <c r="A46975" t="s">
        <v>64901</v>
      </c>
      <c r="B46975" t="s">
        <v>64906</v>
      </c>
      <c r="C46975">
        <v>0</v>
      </c>
      <c r="D46975">
        <v>0</v>
      </c>
    </row>
    <row r="46976" spans="1:4" x14ac:dyDescent="0.25">
      <c r="A46976" t="s">
        <v>64907</v>
      </c>
      <c r="B46976" t="s">
        <v>64908</v>
      </c>
      <c r="C46976">
        <v>0</v>
      </c>
      <c r="D46976">
        <v>0</v>
      </c>
    </row>
    <row r="46977" spans="1:4" x14ac:dyDescent="0.25">
      <c r="A46977" t="s">
        <v>64907</v>
      </c>
      <c r="B46977" t="s">
        <v>64909</v>
      </c>
      <c r="C46977">
        <v>1</v>
      </c>
      <c r="D46977">
        <v>0</v>
      </c>
    </row>
    <row r="46978" spans="1:4" x14ac:dyDescent="0.25">
      <c r="A46978" t="s">
        <v>64910</v>
      </c>
      <c r="B46978" t="s">
        <v>64911</v>
      </c>
      <c r="C46978">
        <v>1</v>
      </c>
      <c r="D46978">
        <v>0</v>
      </c>
    </row>
    <row r="46979" spans="1:4" x14ac:dyDescent="0.25">
      <c r="A46979" t="s">
        <v>64910</v>
      </c>
      <c r="B46979" t="s">
        <v>64912</v>
      </c>
      <c r="C46979">
        <v>1</v>
      </c>
      <c r="D46979">
        <v>0</v>
      </c>
    </row>
    <row r="46980" spans="1:4" x14ac:dyDescent="0.25">
      <c r="A46980" t="s">
        <v>64910</v>
      </c>
      <c r="B46980" t="s">
        <v>64913</v>
      </c>
      <c r="C46980">
        <v>1</v>
      </c>
      <c r="D46980">
        <v>0</v>
      </c>
    </row>
    <row r="46981" spans="1:4" x14ac:dyDescent="0.25">
      <c r="A46981" t="s">
        <v>64910</v>
      </c>
      <c r="B46981" t="s">
        <v>64914</v>
      </c>
      <c r="C46981">
        <v>0</v>
      </c>
      <c r="D46981">
        <v>0</v>
      </c>
    </row>
    <row r="46982" spans="1:4" x14ac:dyDescent="0.25">
      <c r="A46982" t="s">
        <v>64915</v>
      </c>
      <c r="B46982" t="s">
        <v>64916</v>
      </c>
      <c r="C46982">
        <v>0</v>
      </c>
      <c r="D46982">
        <v>0</v>
      </c>
    </row>
    <row r="46983" spans="1:4" x14ac:dyDescent="0.25">
      <c r="A46983" t="s">
        <v>64915</v>
      </c>
      <c r="B46983" t="s">
        <v>64917</v>
      </c>
      <c r="C46983">
        <v>2</v>
      </c>
      <c r="D46983">
        <v>0</v>
      </c>
    </row>
    <row r="46984" spans="1:4" x14ac:dyDescent="0.25">
      <c r="A46984" t="s">
        <v>64915</v>
      </c>
      <c r="B46984" t="s">
        <v>64918</v>
      </c>
      <c r="C46984">
        <v>1</v>
      </c>
      <c r="D46984">
        <v>0</v>
      </c>
    </row>
    <row r="46985" spans="1:4" x14ac:dyDescent="0.25">
      <c r="A46985" t="s">
        <v>64915</v>
      </c>
      <c r="B46985" t="s">
        <v>64919</v>
      </c>
      <c r="C46985">
        <v>0</v>
      </c>
      <c r="D46985">
        <v>0</v>
      </c>
    </row>
    <row r="46986" spans="1:4" x14ac:dyDescent="0.25">
      <c r="A46986" t="s">
        <v>64915</v>
      </c>
      <c r="B46986" t="s">
        <v>64920</v>
      </c>
      <c r="C46986">
        <v>1</v>
      </c>
      <c r="D46986">
        <v>0</v>
      </c>
    </row>
    <row r="46987" spans="1:4" x14ac:dyDescent="0.25">
      <c r="A46987" t="s">
        <v>64921</v>
      </c>
      <c r="B46987" t="s">
        <v>64922</v>
      </c>
      <c r="C46987">
        <v>1</v>
      </c>
      <c r="D46987">
        <v>0</v>
      </c>
    </row>
    <row r="46988" spans="1:4" x14ac:dyDescent="0.25">
      <c r="A46988" t="s">
        <v>64921</v>
      </c>
      <c r="B46988" t="s">
        <v>18689</v>
      </c>
      <c r="C46988">
        <v>0</v>
      </c>
      <c r="D46988">
        <v>0</v>
      </c>
    </row>
    <row r="46989" spans="1:4" x14ac:dyDescent="0.25">
      <c r="A46989" t="s">
        <v>64921</v>
      </c>
      <c r="B46989" t="s">
        <v>64923</v>
      </c>
      <c r="C46989">
        <v>0</v>
      </c>
      <c r="D46989">
        <v>0</v>
      </c>
    </row>
    <row r="46990" spans="1:4" x14ac:dyDescent="0.25">
      <c r="A46990" t="s">
        <v>64921</v>
      </c>
      <c r="B46990" t="s">
        <v>64924</v>
      </c>
      <c r="C46990">
        <v>1</v>
      </c>
      <c r="D46990">
        <v>0</v>
      </c>
    </row>
    <row r="46991" spans="1:4" x14ac:dyDescent="0.25">
      <c r="A46991" t="s">
        <v>64921</v>
      </c>
      <c r="B46991" t="s">
        <v>64925</v>
      </c>
      <c r="C46991">
        <v>1</v>
      </c>
      <c r="D46991">
        <v>0</v>
      </c>
    </row>
    <row r="46992" spans="1:4" x14ac:dyDescent="0.25">
      <c r="A46992" t="s">
        <v>64921</v>
      </c>
      <c r="B46992" t="s">
        <v>64926</v>
      </c>
      <c r="C46992">
        <v>0</v>
      </c>
      <c r="D46992">
        <v>0</v>
      </c>
    </row>
    <row r="46993" spans="1:4" x14ac:dyDescent="0.25">
      <c r="A46993" t="s">
        <v>64921</v>
      </c>
      <c r="B46993" t="s">
        <v>64927</v>
      </c>
      <c r="C46993">
        <v>2</v>
      </c>
      <c r="D46993">
        <v>0</v>
      </c>
    </row>
    <row r="46994" spans="1:4" x14ac:dyDescent="0.25">
      <c r="A46994" t="s">
        <v>64921</v>
      </c>
      <c r="B46994" t="s">
        <v>64928</v>
      </c>
      <c r="C46994">
        <v>0</v>
      </c>
      <c r="D46994">
        <v>0</v>
      </c>
    </row>
    <row r="46995" spans="1:4" x14ac:dyDescent="0.25">
      <c r="A46995" t="s">
        <v>64921</v>
      </c>
      <c r="B46995" t="s">
        <v>64929</v>
      </c>
      <c r="C46995">
        <v>2</v>
      </c>
      <c r="D46995">
        <v>0</v>
      </c>
    </row>
    <row r="46996" spans="1:4" x14ac:dyDescent="0.25">
      <c r="A46996" t="s">
        <v>64930</v>
      </c>
      <c r="B46996" t="s">
        <v>64931</v>
      </c>
      <c r="C46996">
        <v>0</v>
      </c>
      <c r="D46996">
        <v>0</v>
      </c>
    </row>
    <row r="46997" spans="1:4" x14ac:dyDescent="0.25">
      <c r="A46997" t="s">
        <v>64930</v>
      </c>
      <c r="B46997" t="s">
        <v>64932</v>
      </c>
      <c r="C46997">
        <v>1</v>
      </c>
      <c r="D46997">
        <v>0</v>
      </c>
    </row>
    <row r="46998" spans="1:4" x14ac:dyDescent="0.25">
      <c r="A46998" t="s">
        <v>64930</v>
      </c>
      <c r="B46998" t="s">
        <v>64933</v>
      </c>
      <c r="C46998">
        <v>1</v>
      </c>
      <c r="D46998">
        <v>0</v>
      </c>
    </row>
    <row r="46999" spans="1:4" x14ac:dyDescent="0.25">
      <c r="A46999" t="s">
        <v>64930</v>
      </c>
      <c r="B46999" t="s">
        <v>64934</v>
      </c>
      <c r="C46999">
        <v>1</v>
      </c>
      <c r="D46999">
        <v>0</v>
      </c>
    </row>
    <row r="47000" spans="1:4" x14ac:dyDescent="0.25">
      <c r="A47000" t="s">
        <v>64930</v>
      </c>
      <c r="B47000" t="s">
        <v>64935</v>
      </c>
      <c r="C47000">
        <v>1</v>
      </c>
      <c r="D47000">
        <v>0</v>
      </c>
    </row>
    <row r="47001" spans="1:4" x14ac:dyDescent="0.25">
      <c r="A47001" t="s">
        <v>64930</v>
      </c>
      <c r="B47001" t="s">
        <v>64936</v>
      </c>
      <c r="C47001">
        <v>1</v>
      </c>
      <c r="D47001">
        <v>0</v>
      </c>
    </row>
    <row r="47002" spans="1:4" x14ac:dyDescent="0.25">
      <c r="A47002" t="s">
        <v>64937</v>
      </c>
      <c r="B47002" t="s">
        <v>54850</v>
      </c>
      <c r="C47002">
        <v>1</v>
      </c>
      <c r="D47002">
        <v>0</v>
      </c>
    </row>
    <row r="47003" spans="1:4" x14ac:dyDescent="0.25">
      <c r="A47003" t="s">
        <v>64937</v>
      </c>
      <c r="B47003" t="s">
        <v>64938</v>
      </c>
      <c r="C47003">
        <v>1</v>
      </c>
      <c r="D47003">
        <v>0</v>
      </c>
    </row>
    <row r="47004" spans="1:4" x14ac:dyDescent="0.25">
      <c r="A47004" t="s">
        <v>64937</v>
      </c>
      <c r="B47004" t="s">
        <v>64939</v>
      </c>
      <c r="C47004">
        <v>0</v>
      </c>
      <c r="D47004">
        <v>0</v>
      </c>
    </row>
    <row r="47005" spans="1:4" x14ac:dyDescent="0.25">
      <c r="A47005" t="s">
        <v>64937</v>
      </c>
      <c r="B47005" t="s">
        <v>64940</v>
      </c>
      <c r="C47005">
        <v>0</v>
      </c>
      <c r="D47005">
        <v>0</v>
      </c>
    </row>
    <row r="47006" spans="1:4" x14ac:dyDescent="0.25">
      <c r="A47006" t="s">
        <v>64937</v>
      </c>
      <c r="B47006" t="s">
        <v>64941</v>
      </c>
      <c r="C47006">
        <v>1</v>
      </c>
      <c r="D47006">
        <v>0</v>
      </c>
    </row>
    <row r="47007" spans="1:4" x14ac:dyDescent="0.25">
      <c r="A47007" t="s">
        <v>64937</v>
      </c>
      <c r="B47007" t="s">
        <v>64942</v>
      </c>
      <c r="C47007">
        <v>1</v>
      </c>
      <c r="D47007">
        <v>0</v>
      </c>
    </row>
    <row r="47008" spans="1:4" x14ac:dyDescent="0.25">
      <c r="A47008" t="s">
        <v>64937</v>
      </c>
      <c r="B47008" t="s">
        <v>64943</v>
      </c>
      <c r="C47008">
        <v>0</v>
      </c>
      <c r="D47008">
        <v>0</v>
      </c>
    </row>
    <row r="47009" spans="1:4" x14ac:dyDescent="0.25">
      <c r="A47009" t="s">
        <v>64937</v>
      </c>
      <c r="B47009" t="s">
        <v>64944</v>
      </c>
      <c r="C47009">
        <v>0</v>
      </c>
      <c r="D47009">
        <v>0</v>
      </c>
    </row>
    <row r="47010" spans="1:4" x14ac:dyDescent="0.25">
      <c r="A47010" t="s">
        <v>64945</v>
      </c>
      <c r="B47010" t="s">
        <v>64946</v>
      </c>
      <c r="C47010">
        <v>1</v>
      </c>
      <c r="D47010">
        <v>0</v>
      </c>
    </row>
    <row r="47011" spans="1:4" x14ac:dyDescent="0.25">
      <c r="A47011" t="s">
        <v>64945</v>
      </c>
      <c r="B47011" t="s">
        <v>64947</v>
      </c>
      <c r="C47011">
        <v>1</v>
      </c>
      <c r="D47011">
        <v>0</v>
      </c>
    </row>
    <row r="47012" spans="1:4" x14ac:dyDescent="0.25">
      <c r="A47012" t="s">
        <v>64945</v>
      </c>
      <c r="B47012" t="s">
        <v>64948</v>
      </c>
      <c r="C47012">
        <v>0</v>
      </c>
      <c r="D47012">
        <v>0</v>
      </c>
    </row>
    <row r="47013" spans="1:4" x14ac:dyDescent="0.25">
      <c r="A47013" t="s">
        <v>64945</v>
      </c>
      <c r="B47013" t="s">
        <v>64949</v>
      </c>
      <c r="C47013">
        <v>0</v>
      </c>
      <c r="D47013">
        <v>0</v>
      </c>
    </row>
    <row r="47014" spans="1:4" x14ac:dyDescent="0.25">
      <c r="A47014" t="s">
        <v>64950</v>
      </c>
      <c r="B47014" t="s">
        <v>64951</v>
      </c>
      <c r="C47014">
        <v>1</v>
      </c>
      <c r="D47014">
        <v>0</v>
      </c>
    </row>
    <row r="47015" spans="1:4" x14ac:dyDescent="0.25">
      <c r="A47015" t="s">
        <v>64952</v>
      </c>
      <c r="B47015" t="s">
        <v>64953</v>
      </c>
      <c r="C47015">
        <v>1</v>
      </c>
      <c r="D47015">
        <v>0</v>
      </c>
    </row>
    <row r="47016" spans="1:4" x14ac:dyDescent="0.25">
      <c r="A47016" t="s">
        <v>64954</v>
      </c>
      <c r="B47016" t="s">
        <v>64955</v>
      </c>
      <c r="C47016">
        <v>1</v>
      </c>
      <c r="D47016">
        <v>0</v>
      </c>
    </row>
    <row r="47017" spans="1:4" x14ac:dyDescent="0.25">
      <c r="A47017" t="s">
        <v>64954</v>
      </c>
      <c r="B47017" t="s">
        <v>64956</v>
      </c>
      <c r="C47017">
        <v>1</v>
      </c>
      <c r="D47017">
        <v>0</v>
      </c>
    </row>
    <row r="47018" spans="1:4" x14ac:dyDescent="0.25">
      <c r="A47018" t="s">
        <v>64954</v>
      </c>
      <c r="B47018" t="s">
        <v>64957</v>
      </c>
      <c r="C47018">
        <v>1</v>
      </c>
      <c r="D47018">
        <v>0</v>
      </c>
    </row>
    <row r="47019" spans="1:4" x14ac:dyDescent="0.25">
      <c r="A47019" t="s">
        <v>64954</v>
      </c>
      <c r="B47019" t="s">
        <v>64958</v>
      </c>
      <c r="C47019">
        <v>1</v>
      </c>
      <c r="D47019">
        <v>0</v>
      </c>
    </row>
    <row r="47020" spans="1:4" x14ac:dyDescent="0.25">
      <c r="A47020" t="s">
        <v>64959</v>
      </c>
      <c r="B47020" t="s">
        <v>5864</v>
      </c>
      <c r="C47020">
        <v>1</v>
      </c>
      <c r="D47020">
        <v>0</v>
      </c>
    </row>
    <row r="47021" spans="1:4" x14ac:dyDescent="0.25">
      <c r="A47021" t="s">
        <v>64960</v>
      </c>
      <c r="B47021" t="s">
        <v>64961</v>
      </c>
      <c r="C47021">
        <v>1</v>
      </c>
      <c r="D47021">
        <v>0</v>
      </c>
    </row>
    <row r="47022" spans="1:4" x14ac:dyDescent="0.25">
      <c r="A47022" t="s">
        <v>64960</v>
      </c>
      <c r="B47022" t="s">
        <v>64962</v>
      </c>
      <c r="C47022">
        <v>1</v>
      </c>
      <c r="D47022">
        <v>0</v>
      </c>
    </row>
    <row r="47023" spans="1:4" x14ac:dyDescent="0.25">
      <c r="A47023" t="s">
        <v>64960</v>
      </c>
      <c r="B47023" t="s">
        <v>64963</v>
      </c>
      <c r="C47023">
        <v>1</v>
      </c>
      <c r="D47023">
        <v>0</v>
      </c>
    </row>
    <row r="47024" spans="1:4" x14ac:dyDescent="0.25">
      <c r="A47024" t="s">
        <v>64960</v>
      </c>
      <c r="B47024" t="s">
        <v>64964</v>
      </c>
      <c r="C47024">
        <v>1</v>
      </c>
      <c r="D47024">
        <v>0</v>
      </c>
    </row>
    <row r="47025" spans="1:4" x14ac:dyDescent="0.25">
      <c r="A47025" t="s">
        <v>64960</v>
      </c>
      <c r="B47025" t="s">
        <v>64965</v>
      </c>
      <c r="C47025">
        <v>1</v>
      </c>
      <c r="D47025">
        <v>0</v>
      </c>
    </row>
    <row r="47026" spans="1:4" x14ac:dyDescent="0.25">
      <c r="A47026" t="s">
        <v>64960</v>
      </c>
      <c r="B47026" t="s">
        <v>64966</v>
      </c>
      <c r="C47026">
        <v>1</v>
      </c>
      <c r="D47026">
        <v>0</v>
      </c>
    </row>
    <row r="47027" spans="1:4" x14ac:dyDescent="0.25">
      <c r="A47027" t="s">
        <v>64967</v>
      </c>
      <c r="B47027" t="s">
        <v>64968</v>
      </c>
      <c r="C47027">
        <v>0</v>
      </c>
      <c r="D47027">
        <v>0</v>
      </c>
    </row>
    <row r="47028" spans="1:4" x14ac:dyDescent="0.25">
      <c r="A47028" t="s">
        <v>64967</v>
      </c>
      <c r="B47028" t="s">
        <v>64969</v>
      </c>
      <c r="C47028">
        <v>2</v>
      </c>
      <c r="D47028">
        <v>0</v>
      </c>
    </row>
    <row r="47029" spans="1:4" x14ac:dyDescent="0.25">
      <c r="A47029" t="s">
        <v>64970</v>
      </c>
      <c r="B47029" t="s">
        <v>64971</v>
      </c>
      <c r="C47029">
        <v>1</v>
      </c>
      <c r="D47029">
        <v>0</v>
      </c>
    </row>
    <row r="47030" spans="1:4" x14ac:dyDescent="0.25">
      <c r="A47030" t="s">
        <v>64970</v>
      </c>
      <c r="B47030" t="s">
        <v>64972</v>
      </c>
      <c r="C47030">
        <v>1</v>
      </c>
      <c r="D47030">
        <v>0</v>
      </c>
    </row>
    <row r="47031" spans="1:4" x14ac:dyDescent="0.25">
      <c r="A47031" t="s">
        <v>64970</v>
      </c>
      <c r="B47031" t="s">
        <v>64973</v>
      </c>
      <c r="C47031">
        <v>2</v>
      </c>
      <c r="D47031">
        <v>0</v>
      </c>
    </row>
    <row r="47032" spans="1:4" x14ac:dyDescent="0.25">
      <c r="A47032" t="s">
        <v>64974</v>
      </c>
      <c r="B47032" t="s">
        <v>64975</v>
      </c>
      <c r="C47032">
        <v>1</v>
      </c>
      <c r="D47032">
        <v>0</v>
      </c>
    </row>
    <row r="47033" spans="1:4" x14ac:dyDescent="0.25">
      <c r="A47033" t="s">
        <v>64974</v>
      </c>
      <c r="B47033" t="s">
        <v>64976</v>
      </c>
      <c r="C47033">
        <v>1</v>
      </c>
      <c r="D47033">
        <v>0</v>
      </c>
    </row>
    <row r="47034" spans="1:4" x14ac:dyDescent="0.25">
      <c r="A47034" t="s">
        <v>64974</v>
      </c>
      <c r="B47034" t="s">
        <v>64977</v>
      </c>
      <c r="C47034">
        <v>1</v>
      </c>
      <c r="D47034">
        <v>0</v>
      </c>
    </row>
    <row r="47035" spans="1:4" x14ac:dyDescent="0.25">
      <c r="A47035" t="s">
        <v>64974</v>
      </c>
      <c r="B47035" t="s">
        <v>64978</v>
      </c>
      <c r="C47035">
        <v>1</v>
      </c>
      <c r="D47035">
        <v>0</v>
      </c>
    </row>
    <row r="47036" spans="1:4" x14ac:dyDescent="0.25">
      <c r="A47036" t="s">
        <v>64974</v>
      </c>
      <c r="B47036" t="s">
        <v>64979</v>
      </c>
      <c r="C47036">
        <v>1</v>
      </c>
      <c r="D47036">
        <v>0</v>
      </c>
    </row>
    <row r="47037" spans="1:4" x14ac:dyDescent="0.25">
      <c r="A47037" t="s">
        <v>64974</v>
      </c>
      <c r="B47037" t="s">
        <v>63366</v>
      </c>
      <c r="C47037">
        <v>1</v>
      </c>
      <c r="D47037">
        <v>0</v>
      </c>
    </row>
    <row r="47038" spans="1:4" x14ac:dyDescent="0.25">
      <c r="A47038" t="s">
        <v>64980</v>
      </c>
      <c r="B47038" t="s">
        <v>64981</v>
      </c>
      <c r="C47038">
        <v>1</v>
      </c>
      <c r="D47038">
        <v>0</v>
      </c>
    </row>
    <row r="47039" spans="1:4" x14ac:dyDescent="0.25">
      <c r="A47039" t="s">
        <v>64980</v>
      </c>
      <c r="B47039" t="s">
        <v>64982</v>
      </c>
      <c r="C47039">
        <v>1</v>
      </c>
      <c r="D47039">
        <v>0</v>
      </c>
    </row>
    <row r="47040" spans="1:4" x14ac:dyDescent="0.25">
      <c r="A47040" t="s">
        <v>64980</v>
      </c>
      <c r="B47040" t="s">
        <v>12472</v>
      </c>
      <c r="C47040">
        <v>1</v>
      </c>
      <c r="D47040">
        <v>0</v>
      </c>
    </row>
    <row r="47041" spans="1:4" x14ac:dyDescent="0.25">
      <c r="A47041" t="s">
        <v>64980</v>
      </c>
      <c r="B47041" t="s">
        <v>64983</v>
      </c>
      <c r="C47041">
        <v>1</v>
      </c>
      <c r="D47041">
        <v>0</v>
      </c>
    </row>
    <row r="47042" spans="1:4" x14ac:dyDescent="0.25">
      <c r="A47042" t="s">
        <v>64980</v>
      </c>
      <c r="B47042" t="s">
        <v>64984</v>
      </c>
      <c r="C47042">
        <v>1</v>
      </c>
      <c r="D47042">
        <v>0</v>
      </c>
    </row>
    <row r="47043" spans="1:4" x14ac:dyDescent="0.25">
      <c r="A47043" t="s">
        <v>64980</v>
      </c>
      <c r="B47043" t="s">
        <v>64985</v>
      </c>
      <c r="C47043">
        <v>1</v>
      </c>
      <c r="D47043">
        <v>0</v>
      </c>
    </row>
    <row r="47044" spans="1:4" x14ac:dyDescent="0.25">
      <c r="A47044" t="s">
        <v>64980</v>
      </c>
      <c r="B47044" t="s">
        <v>64986</v>
      </c>
      <c r="C47044">
        <v>1</v>
      </c>
      <c r="D47044">
        <v>0</v>
      </c>
    </row>
    <row r="47045" spans="1:4" x14ac:dyDescent="0.25">
      <c r="A47045" t="s">
        <v>64987</v>
      </c>
      <c r="B47045" t="s">
        <v>64988</v>
      </c>
      <c r="C47045">
        <v>1</v>
      </c>
      <c r="D47045">
        <v>0</v>
      </c>
    </row>
    <row r="47046" spans="1:4" x14ac:dyDescent="0.25">
      <c r="A47046" t="s">
        <v>64987</v>
      </c>
      <c r="B47046" t="s">
        <v>64989</v>
      </c>
      <c r="C47046">
        <v>0</v>
      </c>
      <c r="D47046">
        <v>0</v>
      </c>
    </row>
    <row r="47047" spans="1:4" x14ac:dyDescent="0.25">
      <c r="A47047" t="s">
        <v>64987</v>
      </c>
      <c r="B47047" t="s">
        <v>64990</v>
      </c>
      <c r="C47047">
        <v>0</v>
      </c>
      <c r="D47047">
        <v>0</v>
      </c>
    </row>
    <row r="47048" spans="1:4" x14ac:dyDescent="0.25">
      <c r="A47048" t="s">
        <v>64991</v>
      </c>
      <c r="B47048" t="s">
        <v>64992</v>
      </c>
      <c r="C47048">
        <v>0</v>
      </c>
      <c r="D47048">
        <v>0</v>
      </c>
    </row>
    <row r="47049" spans="1:4" x14ac:dyDescent="0.25">
      <c r="A47049" t="s">
        <v>64991</v>
      </c>
      <c r="B47049" t="s">
        <v>64993</v>
      </c>
      <c r="C47049">
        <v>0</v>
      </c>
      <c r="D47049">
        <v>0</v>
      </c>
    </row>
    <row r="47050" spans="1:4" x14ac:dyDescent="0.25">
      <c r="A47050" t="s">
        <v>64991</v>
      </c>
      <c r="B47050" t="s">
        <v>64994</v>
      </c>
      <c r="C47050">
        <v>1</v>
      </c>
      <c r="D47050">
        <v>0</v>
      </c>
    </row>
    <row r="47051" spans="1:4" x14ac:dyDescent="0.25">
      <c r="A47051" t="s">
        <v>64991</v>
      </c>
      <c r="B47051" t="s">
        <v>64995</v>
      </c>
      <c r="C47051">
        <v>1</v>
      </c>
      <c r="D47051">
        <v>0</v>
      </c>
    </row>
    <row r="47052" spans="1:4" x14ac:dyDescent="0.25">
      <c r="A47052" t="s">
        <v>64991</v>
      </c>
      <c r="B47052" t="s">
        <v>54423</v>
      </c>
      <c r="C47052">
        <v>0</v>
      </c>
      <c r="D47052">
        <v>0</v>
      </c>
    </row>
    <row r="47053" spans="1:4" x14ac:dyDescent="0.25">
      <c r="A47053" t="s">
        <v>64996</v>
      </c>
      <c r="B47053" t="s">
        <v>64997</v>
      </c>
      <c r="C47053">
        <v>1</v>
      </c>
      <c r="D47053">
        <v>0</v>
      </c>
    </row>
    <row r="47054" spans="1:4" x14ac:dyDescent="0.25">
      <c r="A47054" t="s">
        <v>64996</v>
      </c>
      <c r="B47054" t="s">
        <v>64998</v>
      </c>
      <c r="C47054">
        <v>1</v>
      </c>
      <c r="D47054">
        <v>0</v>
      </c>
    </row>
    <row r="47055" spans="1:4" x14ac:dyDescent="0.25">
      <c r="A47055" t="s">
        <v>64996</v>
      </c>
      <c r="B47055" t="s">
        <v>64999</v>
      </c>
      <c r="C47055">
        <v>1</v>
      </c>
      <c r="D47055">
        <v>0</v>
      </c>
    </row>
    <row r="47056" spans="1:4" x14ac:dyDescent="0.25">
      <c r="A47056" t="s">
        <v>64996</v>
      </c>
      <c r="B47056" t="s">
        <v>65000</v>
      </c>
      <c r="C47056">
        <v>1</v>
      </c>
      <c r="D47056">
        <v>0</v>
      </c>
    </row>
    <row r="47057" spans="1:4" x14ac:dyDescent="0.25">
      <c r="A47057" t="s">
        <v>65001</v>
      </c>
      <c r="B47057" t="s">
        <v>65002</v>
      </c>
      <c r="C47057">
        <v>1</v>
      </c>
      <c r="D47057">
        <v>0</v>
      </c>
    </row>
    <row r="47058" spans="1:4" x14ac:dyDescent="0.25">
      <c r="A47058" t="s">
        <v>65001</v>
      </c>
      <c r="B47058" t="s">
        <v>65003</v>
      </c>
      <c r="C47058">
        <v>0</v>
      </c>
      <c r="D47058">
        <v>0</v>
      </c>
    </row>
    <row r="47059" spans="1:4" x14ac:dyDescent="0.25">
      <c r="A47059" t="s">
        <v>65001</v>
      </c>
      <c r="B47059" t="s">
        <v>65004</v>
      </c>
      <c r="C47059">
        <v>1</v>
      </c>
      <c r="D47059">
        <v>0</v>
      </c>
    </row>
    <row r="47060" spans="1:4" x14ac:dyDescent="0.25">
      <c r="A47060" t="s">
        <v>65001</v>
      </c>
      <c r="B47060" t="s">
        <v>65005</v>
      </c>
      <c r="C47060">
        <v>1</v>
      </c>
      <c r="D47060">
        <v>0</v>
      </c>
    </row>
    <row r="47061" spans="1:4" x14ac:dyDescent="0.25">
      <c r="A47061" t="s">
        <v>65006</v>
      </c>
      <c r="B47061" t="s">
        <v>41982</v>
      </c>
      <c r="C47061">
        <v>2</v>
      </c>
      <c r="D47061">
        <v>0</v>
      </c>
    </row>
    <row r="47062" spans="1:4" x14ac:dyDescent="0.25">
      <c r="A47062" t="s">
        <v>65006</v>
      </c>
      <c r="B47062" t="s">
        <v>65007</v>
      </c>
      <c r="C47062">
        <v>1</v>
      </c>
      <c r="D47062">
        <v>0</v>
      </c>
    </row>
    <row r="47063" spans="1:4" x14ac:dyDescent="0.25">
      <c r="A47063" t="s">
        <v>65006</v>
      </c>
      <c r="B47063" t="s">
        <v>65008</v>
      </c>
      <c r="C47063">
        <v>1</v>
      </c>
      <c r="D47063">
        <v>0</v>
      </c>
    </row>
    <row r="47064" spans="1:4" x14ac:dyDescent="0.25">
      <c r="A47064" t="s">
        <v>65006</v>
      </c>
      <c r="B47064" t="s">
        <v>65009</v>
      </c>
      <c r="C47064">
        <v>1</v>
      </c>
      <c r="D47064">
        <v>0</v>
      </c>
    </row>
    <row r="47065" spans="1:4" x14ac:dyDescent="0.25">
      <c r="A47065" t="s">
        <v>65006</v>
      </c>
      <c r="B47065" t="s">
        <v>65010</v>
      </c>
      <c r="C47065">
        <v>1</v>
      </c>
      <c r="D47065">
        <v>0</v>
      </c>
    </row>
    <row r="47066" spans="1:4" x14ac:dyDescent="0.25">
      <c r="A47066" t="s">
        <v>65011</v>
      </c>
      <c r="B47066" t="s">
        <v>65012</v>
      </c>
      <c r="C47066">
        <v>1</v>
      </c>
      <c r="D47066">
        <v>0</v>
      </c>
    </row>
    <row r="47067" spans="1:4" x14ac:dyDescent="0.25">
      <c r="A47067" t="s">
        <v>65011</v>
      </c>
      <c r="B47067" t="s">
        <v>65013</v>
      </c>
      <c r="C47067">
        <v>1</v>
      </c>
      <c r="D47067">
        <v>0</v>
      </c>
    </row>
    <row r="47068" spans="1:4" x14ac:dyDescent="0.25">
      <c r="A47068" t="s">
        <v>65011</v>
      </c>
      <c r="B47068" t="s">
        <v>65014</v>
      </c>
      <c r="C47068">
        <v>1</v>
      </c>
      <c r="D47068">
        <v>0</v>
      </c>
    </row>
    <row r="47069" spans="1:4" x14ac:dyDescent="0.25">
      <c r="A47069" t="s">
        <v>65015</v>
      </c>
      <c r="B47069" t="s">
        <v>65016</v>
      </c>
      <c r="C47069">
        <v>1</v>
      </c>
      <c r="D47069">
        <v>0</v>
      </c>
    </row>
    <row r="47070" spans="1:4" x14ac:dyDescent="0.25">
      <c r="A47070" t="s">
        <v>65015</v>
      </c>
      <c r="B47070" t="s">
        <v>65017</v>
      </c>
      <c r="C47070">
        <v>1</v>
      </c>
      <c r="D47070">
        <v>0</v>
      </c>
    </row>
    <row r="47071" spans="1:4" x14ac:dyDescent="0.25">
      <c r="A47071" t="s">
        <v>65015</v>
      </c>
      <c r="B47071" t="s">
        <v>65018</v>
      </c>
      <c r="C47071">
        <v>0</v>
      </c>
      <c r="D47071">
        <v>0</v>
      </c>
    </row>
    <row r="47072" spans="1:4" x14ac:dyDescent="0.25">
      <c r="A47072" t="s">
        <v>65015</v>
      </c>
      <c r="B47072" t="s">
        <v>65019</v>
      </c>
      <c r="C47072">
        <v>1</v>
      </c>
      <c r="D47072">
        <v>0</v>
      </c>
    </row>
    <row r="47073" spans="1:4" x14ac:dyDescent="0.25">
      <c r="A47073" t="s">
        <v>65015</v>
      </c>
      <c r="B47073" t="s">
        <v>2865</v>
      </c>
      <c r="C47073">
        <v>0</v>
      </c>
      <c r="D47073">
        <v>0</v>
      </c>
    </row>
    <row r="47074" spans="1:4" x14ac:dyDescent="0.25">
      <c r="A47074" t="s">
        <v>65015</v>
      </c>
      <c r="B47074" t="s">
        <v>5713</v>
      </c>
      <c r="C47074">
        <v>1</v>
      </c>
      <c r="D47074">
        <v>0</v>
      </c>
    </row>
    <row r="47075" spans="1:4" x14ac:dyDescent="0.25">
      <c r="A47075" t="s">
        <v>65015</v>
      </c>
      <c r="B47075" t="s">
        <v>5434</v>
      </c>
      <c r="C47075">
        <v>1</v>
      </c>
      <c r="D47075">
        <v>0</v>
      </c>
    </row>
    <row r="47076" spans="1:4" x14ac:dyDescent="0.25">
      <c r="A47076" t="s">
        <v>65015</v>
      </c>
      <c r="B47076" t="s">
        <v>65020</v>
      </c>
      <c r="C47076">
        <v>0</v>
      </c>
      <c r="D47076">
        <v>0</v>
      </c>
    </row>
    <row r="47077" spans="1:4" x14ac:dyDescent="0.25">
      <c r="A47077" t="s">
        <v>65015</v>
      </c>
      <c r="B47077" t="s">
        <v>65021</v>
      </c>
      <c r="C47077">
        <v>1</v>
      </c>
      <c r="D47077">
        <v>0</v>
      </c>
    </row>
    <row r="47078" spans="1:4" x14ac:dyDescent="0.25">
      <c r="A47078" t="s">
        <v>65015</v>
      </c>
      <c r="B47078" t="s">
        <v>65022</v>
      </c>
      <c r="C47078">
        <v>1</v>
      </c>
      <c r="D47078">
        <v>0</v>
      </c>
    </row>
    <row r="47079" spans="1:4" x14ac:dyDescent="0.25">
      <c r="A47079" t="s">
        <v>65023</v>
      </c>
      <c r="B47079" t="s">
        <v>65024</v>
      </c>
      <c r="C47079">
        <v>0</v>
      </c>
      <c r="D47079">
        <v>0</v>
      </c>
    </row>
    <row r="47080" spans="1:4" x14ac:dyDescent="0.25">
      <c r="A47080" t="s">
        <v>65023</v>
      </c>
      <c r="B47080" t="s">
        <v>65025</v>
      </c>
      <c r="C47080">
        <v>0</v>
      </c>
      <c r="D47080">
        <v>0</v>
      </c>
    </row>
    <row r="47081" spans="1:4" x14ac:dyDescent="0.25">
      <c r="A47081" t="s">
        <v>65023</v>
      </c>
      <c r="B47081" t="s">
        <v>65026</v>
      </c>
      <c r="C47081">
        <v>0</v>
      </c>
      <c r="D47081">
        <v>0</v>
      </c>
    </row>
    <row r="47082" spans="1:4" x14ac:dyDescent="0.25">
      <c r="A47082" t="s">
        <v>65023</v>
      </c>
      <c r="B47082" t="s">
        <v>61731</v>
      </c>
      <c r="C47082">
        <v>1</v>
      </c>
      <c r="D47082">
        <v>0</v>
      </c>
    </row>
    <row r="47083" spans="1:4" x14ac:dyDescent="0.25">
      <c r="A47083" t="s">
        <v>65023</v>
      </c>
      <c r="B47083" t="s">
        <v>65027</v>
      </c>
      <c r="C47083">
        <v>0</v>
      </c>
      <c r="D47083">
        <v>0</v>
      </c>
    </row>
    <row r="47084" spans="1:4" x14ac:dyDescent="0.25">
      <c r="A47084" t="s">
        <v>65023</v>
      </c>
      <c r="B47084" t="s">
        <v>65028</v>
      </c>
      <c r="C47084">
        <v>0</v>
      </c>
      <c r="D47084">
        <v>0</v>
      </c>
    </row>
    <row r="47085" spans="1:4" x14ac:dyDescent="0.25">
      <c r="A47085" t="s">
        <v>65029</v>
      </c>
      <c r="B47085" t="s">
        <v>65030</v>
      </c>
      <c r="C47085">
        <v>0</v>
      </c>
      <c r="D47085">
        <v>0</v>
      </c>
    </row>
    <row r="47086" spans="1:4" x14ac:dyDescent="0.25">
      <c r="A47086" t="s">
        <v>65029</v>
      </c>
      <c r="B47086" t="s">
        <v>65031</v>
      </c>
      <c r="C47086">
        <v>0</v>
      </c>
      <c r="D47086">
        <v>0</v>
      </c>
    </row>
    <row r="47087" spans="1:4" x14ac:dyDescent="0.25">
      <c r="A47087" t="s">
        <v>65032</v>
      </c>
      <c r="B47087" t="s">
        <v>65033</v>
      </c>
      <c r="C47087">
        <v>1</v>
      </c>
      <c r="D47087">
        <v>0</v>
      </c>
    </row>
    <row r="47088" spans="1:4" x14ac:dyDescent="0.25">
      <c r="A47088" t="s">
        <v>65032</v>
      </c>
      <c r="B47088" t="s">
        <v>65034</v>
      </c>
      <c r="C47088">
        <v>1</v>
      </c>
      <c r="D47088">
        <v>0</v>
      </c>
    </row>
    <row r="47089" spans="1:4" x14ac:dyDescent="0.25">
      <c r="A47089" t="s">
        <v>65032</v>
      </c>
      <c r="B47089" t="s">
        <v>65035</v>
      </c>
      <c r="C47089">
        <v>0</v>
      </c>
      <c r="D47089">
        <v>0</v>
      </c>
    </row>
    <row r="47090" spans="1:4" x14ac:dyDescent="0.25">
      <c r="A47090" t="s">
        <v>65032</v>
      </c>
      <c r="B47090" t="s">
        <v>65036</v>
      </c>
      <c r="C47090">
        <v>1</v>
      </c>
      <c r="D47090">
        <v>0</v>
      </c>
    </row>
    <row r="47091" spans="1:4" x14ac:dyDescent="0.25">
      <c r="A47091" t="s">
        <v>65032</v>
      </c>
      <c r="B47091" t="s">
        <v>65037</v>
      </c>
      <c r="C47091">
        <v>1</v>
      </c>
      <c r="D47091">
        <v>0</v>
      </c>
    </row>
    <row r="47092" spans="1:4" x14ac:dyDescent="0.25">
      <c r="A47092" t="s">
        <v>65038</v>
      </c>
      <c r="B47092" t="s">
        <v>65039</v>
      </c>
      <c r="C47092">
        <v>1</v>
      </c>
      <c r="D47092">
        <v>0</v>
      </c>
    </row>
    <row r="47093" spans="1:4" x14ac:dyDescent="0.25">
      <c r="A47093" t="s">
        <v>65038</v>
      </c>
      <c r="B47093" t="s">
        <v>65040</v>
      </c>
      <c r="C47093">
        <v>1</v>
      </c>
      <c r="D47093">
        <v>0</v>
      </c>
    </row>
    <row r="47094" spans="1:4" x14ac:dyDescent="0.25">
      <c r="A47094" t="s">
        <v>65038</v>
      </c>
      <c r="B47094" t="s">
        <v>65041</v>
      </c>
      <c r="C47094">
        <v>0</v>
      </c>
      <c r="D47094">
        <v>0</v>
      </c>
    </row>
    <row r="47095" spans="1:4" x14ac:dyDescent="0.25">
      <c r="A47095" t="s">
        <v>65038</v>
      </c>
      <c r="B47095" t="s">
        <v>65042</v>
      </c>
      <c r="C47095">
        <v>0</v>
      </c>
      <c r="D47095">
        <v>0</v>
      </c>
    </row>
    <row r="47096" spans="1:4" x14ac:dyDescent="0.25">
      <c r="A47096" t="s">
        <v>65038</v>
      </c>
      <c r="B47096" t="s">
        <v>65043</v>
      </c>
      <c r="C47096">
        <v>1</v>
      </c>
      <c r="D47096">
        <v>0</v>
      </c>
    </row>
    <row r="47097" spans="1:4" x14ac:dyDescent="0.25">
      <c r="A47097" t="s">
        <v>65038</v>
      </c>
      <c r="B47097" t="s">
        <v>65044</v>
      </c>
      <c r="C47097">
        <v>1</v>
      </c>
      <c r="D47097">
        <v>0</v>
      </c>
    </row>
    <row r="47098" spans="1:4" x14ac:dyDescent="0.25">
      <c r="A47098" t="s">
        <v>65045</v>
      </c>
      <c r="B47098" t="s">
        <v>65046</v>
      </c>
      <c r="C47098">
        <v>1</v>
      </c>
      <c r="D47098">
        <v>0</v>
      </c>
    </row>
    <row r="47099" spans="1:4" x14ac:dyDescent="0.25">
      <c r="A47099" t="s">
        <v>65045</v>
      </c>
      <c r="B47099" t="s">
        <v>65047</v>
      </c>
      <c r="C47099">
        <v>1</v>
      </c>
      <c r="D47099">
        <v>0</v>
      </c>
    </row>
    <row r="47100" spans="1:4" x14ac:dyDescent="0.25">
      <c r="A47100" t="s">
        <v>65045</v>
      </c>
      <c r="B47100" t="s">
        <v>65048</v>
      </c>
      <c r="C47100">
        <v>1</v>
      </c>
      <c r="D47100">
        <v>0</v>
      </c>
    </row>
    <row r="47101" spans="1:4" x14ac:dyDescent="0.25">
      <c r="A47101" t="s">
        <v>65045</v>
      </c>
      <c r="B47101" t="s">
        <v>65049</v>
      </c>
      <c r="C47101">
        <v>1</v>
      </c>
      <c r="D47101">
        <v>0</v>
      </c>
    </row>
    <row r="47102" spans="1:4" x14ac:dyDescent="0.25">
      <c r="A47102" t="s">
        <v>65045</v>
      </c>
      <c r="B47102" t="s">
        <v>65050</v>
      </c>
      <c r="C47102">
        <v>1</v>
      </c>
      <c r="D47102">
        <v>0</v>
      </c>
    </row>
    <row r="47103" spans="1:4" x14ac:dyDescent="0.25">
      <c r="A47103" t="s">
        <v>65045</v>
      </c>
      <c r="B47103" t="s">
        <v>65051</v>
      </c>
      <c r="C47103">
        <v>1</v>
      </c>
      <c r="D47103">
        <v>0</v>
      </c>
    </row>
    <row r="47104" spans="1:4" x14ac:dyDescent="0.25">
      <c r="A47104" t="s">
        <v>65045</v>
      </c>
      <c r="B47104" t="s">
        <v>65052</v>
      </c>
      <c r="C47104">
        <v>1</v>
      </c>
      <c r="D47104">
        <v>0</v>
      </c>
    </row>
    <row r="47105" spans="1:4" x14ac:dyDescent="0.25">
      <c r="A47105" t="s">
        <v>65053</v>
      </c>
      <c r="B47105" t="s">
        <v>65054</v>
      </c>
      <c r="C47105">
        <v>0</v>
      </c>
      <c r="D47105">
        <v>0</v>
      </c>
    </row>
    <row r="47106" spans="1:4" x14ac:dyDescent="0.25">
      <c r="A47106" t="s">
        <v>65053</v>
      </c>
      <c r="B47106" t="s">
        <v>65055</v>
      </c>
      <c r="C47106">
        <v>2</v>
      </c>
      <c r="D47106">
        <v>0</v>
      </c>
    </row>
    <row r="47107" spans="1:4" x14ac:dyDescent="0.25">
      <c r="A47107" t="s">
        <v>65053</v>
      </c>
      <c r="B47107" t="s">
        <v>65056</v>
      </c>
      <c r="C47107">
        <v>1</v>
      </c>
      <c r="D47107">
        <v>0</v>
      </c>
    </row>
    <row r="47108" spans="1:4" x14ac:dyDescent="0.25">
      <c r="A47108" t="s">
        <v>65053</v>
      </c>
      <c r="B47108" t="s">
        <v>65057</v>
      </c>
      <c r="C47108">
        <v>1</v>
      </c>
      <c r="D47108">
        <v>0</v>
      </c>
    </row>
    <row r="47109" spans="1:4" x14ac:dyDescent="0.25">
      <c r="A47109" t="s">
        <v>65053</v>
      </c>
      <c r="B47109" t="s">
        <v>17479</v>
      </c>
      <c r="C47109">
        <v>2</v>
      </c>
      <c r="D47109">
        <v>0</v>
      </c>
    </row>
    <row r="47110" spans="1:4" x14ac:dyDescent="0.25">
      <c r="A47110" t="s">
        <v>65053</v>
      </c>
      <c r="B47110" t="s">
        <v>65058</v>
      </c>
      <c r="C47110">
        <v>1</v>
      </c>
      <c r="D47110">
        <v>0</v>
      </c>
    </row>
    <row r="47111" spans="1:4" x14ac:dyDescent="0.25">
      <c r="A47111" t="s">
        <v>65053</v>
      </c>
      <c r="B47111" t="s">
        <v>65059</v>
      </c>
      <c r="C47111">
        <v>0</v>
      </c>
      <c r="D47111">
        <v>0</v>
      </c>
    </row>
    <row r="47112" spans="1:4" x14ac:dyDescent="0.25">
      <c r="A47112" t="s">
        <v>65053</v>
      </c>
      <c r="B47112" t="s">
        <v>65060</v>
      </c>
      <c r="C47112">
        <v>1</v>
      </c>
      <c r="D47112">
        <v>0</v>
      </c>
    </row>
    <row r="47113" spans="1:4" x14ac:dyDescent="0.25">
      <c r="A47113" t="s">
        <v>65061</v>
      </c>
      <c r="B47113" t="s">
        <v>65062</v>
      </c>
      <c r="C47113">
        <v>1</v>
      </c>
      <c r="D47113">
        <v>0</v>
      </c>
    </row>
    <row r="47114" spans="1:4" x14ac:dyDescent="0.25">
      <c r="A47114" t="s">
        <v>65063</v>
      </c>
      <c r="B47114" t="s">
        <v>65064</v>
      </c>
      <c r="C47114">
        <v>1</v>
      </c>
      <c r="D47114">
        <v>0</v>
      </c>
    </row>
    <row r="47115" spans="1:4" x14ac:dyDescent="0.25">
      <c r="A47115" t="s">
        <v>65063</v>
      </c>
      <c r="B47115" t="s">
        <v>65064</v>
      </c>
      <c r="C47115">
        <v>1</v>
      </c>
      <c r="D47115">
        <v>0</v>
      </c>
    </row>
    <row r="47116" spans="1:4" x14ac:dyDescent="0.25">
      <c r="A47116" t="s">
        <v>65063</v>
      </c>
      <c r="B47116" t="s">
        <v>65065</v>
      </c>
      <c r="C47116">
        <v>2</v>
      </c>
      <c r="D47116">
        <v>0</v>
      </c>
    </row>
    <row r="47117" spans="1:4" x14ac:dyDescent="0.25">
      <c r="A47117" t="s">
        <v>65063</v>
      </c>
      <c r="B47117" t="s">
        <v>65066</v>
      </c>
      <c r="C47117">
        <v>2</v>
      </c>
      <c r="D47117">
        <v>0</v>
      </c>
    </row>
    <row r="47118" spans="1:4" x14ac:dyDescent="0.25">
      <c r="A47118" t="s">
        <v>65063</v>
      </c>
      <c r="B47118" t="s">
        <v>65067</v>
      </c>
      <c r="C47118">
        <v>1</v>
      </c>
      <c r="D47118">
        <v>0</v>
      </c>
    </row>
    <row r="47119" spans="1:4" x14ac:dyDescent="0.25">
      <c r="A47119" t="s">
        <v>65063</v>
      </c>
      <c r="B47119" t="s">
        <v>65068</v>
      </c>
      <c r="C47119">
        <v>1</v>
      </c>
      <c r="D47119">
        <v>0</v>
      </c>
    </row>
    <row r="47120" spans="1:4" x14ac:dyDescent="0.25">
      <c r="A47120" t="s">
        <v>65063</v>
      </c>
      <c r="B47120" t="s">
        <v>65069</v>
      </c>
      <c r="C47120">
        <v>1</v>
      </c>
      <c r="D47120">
        <v>0</v>
      </c>
    </row>
    <row r="47121" spans="1:4" x14ac:dyDescent="0.25">
      <c r="A47121" t="s">
        <v>65070</v>
      </c>
      <c r="B47121" t="s">
        <v>65071</v>
      </c>
      <c r="C47121">
        <v>1</v>
      </c>
      <c r="D47121">
        <v>0</v>
      </c>
    </row>
    <row r="47122" spans="1:4" x14ac:dyDescent="0.25">
      <c r="A47122" t="s">
        <v>65070</v>
      </c>
      <c r="B47122" t="s">
        <v>65072</v>
      </c>
      <c r="C47122">
        <v>1</v>
      </c>
      <c r="D47122">
        <v>0</v>
      </c>
    </row>
    <row r="47123" spans="1:4" x14ac:dyDescent="0.25">
      <c r="A47123" t="s">
        <v>65070</v>
      </c>
      <c r="B47123" t="s">
        <v>65073</v>
      </c>
      <c r="C47123">
        <v>0</v>
      </c>
      <c r="D47123">
        <v>0</v>
      </c>
    </row>
    <row r="47124" spans="1:4" x14ac:dyDescent="0.25">
      <c r="A47124" t="s">
        <v>65070</v>
      </c>
      <c r="B47124" t="s">
        <v>65074</v>
      </c>
      <c r="C47124">
        <v>0</v>
      </c>
      <c r="D47124">
        <v>0</v>
      </c>
    </row>
    <row r="47125" spans="1:4" x14ac:dyDescent="0.25">
      <c r="A47125" t="s">
        <v>65070</v>
      </c>
      <c r="B47125" t="s">
        <v>65075</v>
      </c>
      <c r="C47125">
        <v>2</v>
      </c>
      <c r="D47125">
        <v>0</v>
      </c>
    </row>
    <row r="47126" spans="1:4" x14ac:dyDescent="0.25">
      <c r="A47126" t="s">
        <v>65070</v>
      </c>
      <c r="B47126" t="s">
        <v>65076</v>
      </c>
      <c r="C47126">
        <v>1</v>
      </c>
      <c r="D47126">
        <v>0</v>
      </c>
    </row>
    <row r="47127" spans="1:4" x14ac:dyDescent="0.25">
      <c r="A47127" t="s">
        <v>65077</v>
      </c>
      <c r="B47127" t="s">
        <v>65078</v>
      </c>
      <c r="C47127">
        <v>0</v>
      </c>
      <c r="D47127">
        <v>0</v>
      </c>
    </row>
    <row r="47128" spans="1:4" x14ac:dyDescent="0.25">
      <c r="A47128" t="s">
        <v>65077</v>
      </c>
      <c r="B47128" t="s">
        <v>65079</v>
      </c>
      <c r="C47128">
        <v>0</v>
      </c>
      <c r="D47128">
        <v>0</v>
      </c>
    </row>
    <row r="47129" spans="1:4" x14ac:dyDescent="0.25">
      <c r="A47129" t="s">
        <v>65077</v>
      </c>
      <c r="B47129" t="s">
        <v>65080</v>
      </c>
      <c r="C47129">
        <v>0</v>
      </c>
      <c r="D47129">
        <v>0</v>
      </c>
    </row>
    <row r="47130" spans="1:4" x14ac:dyDescent="0.25">
      <c r="A47130" t="s">
        <v>65077</v>
      </c>
      <c r="B47130" t="s">
        <v>65081</v>
      </c>
      <c r="C47130">
        <v>0</v>
      </c>
      <c r="D47130">
        <v>0</v>
      </c>
    </row>
    <row r="47131" spans="1:4" x14ac:dyDescent="0.25">
      <c r="A47131" t="s">
        <v>65082</v>
      </c>
      <c r="B47131" t="s">
        <v>65083</v>
      </c>
      <c r="C47131">
        <v>0</v>
      </c>
      <c r="D47131">
        <v>0</v>
      </c>
    </row>
    <row r="47132" spans="1:4" x14ac:dyDescent="0.25">
      <c r="A47132" t="s">
        <v>65082</v>
      </c>
      <c r="B47132" t="s">
        <v>65084</v>
      </c>
      <c r="C47132">
        <v>0</v>
      </c>
      <c r="D47132">
        <v>0</v>
      </c>
    </row>
    <row r="47133" spans="1:4" x14ac:dyDescent="0.25">
      <c r="A47133" t="s">
        <v>65082</v>
      </c>
      <c r="B47133" t="s">
        <v>65085</v>
      </c>
      <c r="C47133">
        <v>0</v>
      </c>
      <c r="D47133">
        <v>0</v>
      </c>
    </row>
    <row r="47134" spans="1:4" x14ac:dyDescent="0.25">
      <c r="A47134" t="s">
        <v>65082</v>
      </c>
      <c r="B47134" t="s">
        <v>65086</v>
      </c>
      <c r="C47134">
        <v>1</v>
      </c>
      <c r="D47134">
        <v>0</v>
      </c>
    </row>
    <row r="47135" spans="1:4" x14ac:dyDescent="0.25">
      <c r="A47135" t="s">
        <v>65082</v>
      </c>
      <c r="B47135" t="s">
        <v>65087</v>
      </c>
      <c r="C47135">
        <v>2</v>
      </c>
      <c r="D47135">
        <v>0</v>
      </c>
    </row>
    <row r="47136" spans="1:4" x14ac:dyDescent="0.25">
      <c r="A47136" t="s">
        <v>65082</v>
      </c>
      <c r="B47136" t="s">
        <v>65088</v>
      </c>
      <c r="C47136">
        <v>0</v>
      </c>
      <c r="D47136">
        <v>0</v>
      </c>
    </row>
    <row r="47137" spans="1:4" x14ac:dyDescent="0.25">
      <c r="A47137" t="s">
        <v>65089</v>
      </c>
      <c r="B47137" t="s">
        <v>65090</v>
      </c>
      <c r="C47137">
        <v>1</v>
      </c>
      <c r="D47137">
        <v>0</v>
      </c>
    </row>
    <row r="47138" spans="1:4" x14ac:dyDescent="0.25">
      <c r="A47138" t="s">
        <v>65089</v>
      </c>
      <c r="B47138" t="s">
        <v>65091</v>
      </c>
      <c r="C47138">
        <v>2</v>
      </c>
      <c r="D47138">
        <v>0</v>
      </c>
    </row>
    <row r="47139" spans="1:4" x14ac:dyDescent="0.25">
      <c r="A47139" t="s">
        <v>65089</v>
      </c>
      <c r="B47139" t="s">
        <v>65092</v>
      </c>
      <c r="C47139">
        <v>2</v>
      </c>
      <c r="D47139">
        <v>0</v>
      </c>
    </row>
    <row r="47140" spans="1:4" x14ac:dyDescent="0.25">
      <c r="A47140" t="s">
        <v>65093</v>
      </c>
      <c r="B47140" t="s">
        <v>65094</v>
      </c>
      <c r="C47140">
        <v>0</v>
      </c>
      <c r="D47140">
        <v>0</v>
      </c>
    </row>
    <row r="47141" spans="1:4" x14ac:dyDescent="0.25">
      <c r="A47141" t="s">
        <v>65093</v>
      </c>
      <c r="B47141" t="s">
        <v>65095</v>
      </c>
      <c r="C47141">
        <v>1</v>
      </c>
      <c r="D47141">
        <v>0</v>
      </c>
    </row>
    <row r="47142" spans="1:4" x14ac:dyDescent="0.25">
      <c r="A47142" t="s">
        <v>65093</v>
      </c>
      <c r="B47142" t="s">
        <v>65096</v>
      </c>
      <c r="C47142">
        <v>0</v>
      </c>
      <c r="D47142">
        <v>0</v>
      </c>
    </row>
    <row r="47143" spans="1:4" x14ac:dyDescent="0.25">
      <c r="A47143" t="s">
        <v>65093</v>
      </c>
      <c r="B47143" t="s">
        <v>65096</v>
      </c>
      <c r="C47143">
        <v>1</v>
      </c>
      <c r="D47143">
        <v>0</v>
      </c>
    </row>
    <row r="47144" spans="1:4" x14ac:dyDescent="0.25">
      <c r="A47144" t="s">
        <v>65093</v>
      </c>
      <c r="B47144" t="s">
        <v>65097</v>
      </c>
      <c r="C47144">
        <v>1</v>
      </c>
      <c r="D47144">
        <v>0</v>
      </c>
    </row>
    <row r="47145" spans="1:4" x14ac:dyDescent="0.25">
      <c r="A47145" t="s">
        <v>65093</v>
      </c>
      <c r="B47145" t="s">
        <v>65098</v>
      </c>
      <c r="C47145">
        <v>1</v>
      </c>
      <c r="D47145">
        <v>0</v>
      </c>
    </row>
    <row r="47146" spans="1:4" x14ac:dyDescent="0.25">
      <c r="A47146" t="s">
        <v>65093</v>
      </c>
      <c r="B47146" t="s">
        <v>65099</v>
      </c>
      <c r="C47146">
        <v>0</v>
      </c>
      <c r="D47146">
        <v>0</v>
      </c>
    </row>
    <row r="47147" spans="1:4" x14ac:dyDescent="0.25">
      <c r="A47147" t="s">
        <v>65100</v>
      </c>
      <c r="B47147" t="s">
        <v>65101</v>
      </c>
      <c r="C47147">
        <v>1</v>
      </c>
      <c r="D47147">
        <v>0</v>
      </c>
    </row>
    <row r="47148" spans="1:4" x14ac:dyDescent="0.25">
      <c r="A47148" t="s">
        <v>65100</v>
      </c>
      <c r="B47148" t="s">
        <v>65102</v>
      </c>
      <c r="C47148">
        <v>1</v>
      </c>
      <c r="D47148">
        <v>0</v>
      </c>
    </row>
    <row r="47149" spans="1:4" x14ac:dyDescent="0.25">
      <c r="A47149" t="s">
        <v>65100</v>
      </c>
      <c r="B47149" t="s">
        <v>65103</v>
      </c>
      <c r="C47149">
        <v>1</v>
      </c>
      <c r="D47149">
        <v>0</v>
      </c>
    </row>
    <row r="47150" spans="1:4" x14ac:dyDescent="0.25">
      <c r="A47150" t="s">
        <v>65100</v>
      </c>
      <c r="B47150" t="s">
        <v>65104</v>
      </c>
      <c r="C47150">
        <v>1</v>
      </c>
      <c r="D47150">
        <v>0</v>
      </c>
    </row>
    <row r="47151" spans="1:4" x14ac:dyDescent="0.25">
      <c r="A47151" t="s">
        <v>65105</v>
      </c>
      <c r="B47151" t="s">
        <v>65106</v>
      </c>
      <c r="C47151">
        <v>2</v>
      </c>
      <c r="D47151">
        <v>0</v>
      </c>
    </row>
    <row r="47152" spans="1:4" x14ac:dyDescent="0.25">
      <c r="A47152" t="s">
        <v>65105</v>
      </c>
      <c r="B47152" t="s">
        <v>65107</v>
      </c>
      <c r="C47152">
        <v>2</v>
      </c>
      <c r="D47152">
        <v>0</v>
      </c>
    </row>
    <row r="47153" spans="1:4" x14ac:dyDescent="0.25">
      <c r="A47153" t="s">
        <v>65105</v>
      </c>
      <c r="B47153" t="s">
        <v>65108</v>
      </c>
      <c r="C47153">
        <v>0</v>
      </c>
      <c r="D47153">
        <v>0</v>
      </c>
    </row>
    <row r="47154" spans="1:4" x14ac:dyDescent="0.25">
      <c r="A47154" t="s">
        <v>65105</v>
      </c>
      <c r="B47154" t="s">
        <v>65109</v>
      </c>
      <c r="C47154">
        <v>2</v>
      </c>
      <c r="D47154">
        <v>0</v>
      </c>
    </row>
    <row r="47155" spans="1:4" x14ac:dyDescent="0.25">
      <c r="A47155" t="s">
        <v>65105</v>
      </c>
      <c r="B47155" t="s">
        <v>5434</v>
      </c>
      <c r="C47155">
        <v>1</v>
      </c>
      <c r="D47155">
        <v>0</v>
      </c>
    </row>
    <row r="47156" spans="1:4" x14ac:dyDescent="0.25">
      <c r="A47156" t="s">
        <v>65110</v>
      </c>
      <c r="B47156" t="s">
        <v>65111</v>
      </c>
      <c r="C47156">
        <v>1</v>
      </c>
      <c r="D47156">
        <v>0</v>
      </c>
    </row>
    <row r="47157" spans="1:4" x14ac:dyDescent="0.25">
      <c r="A47157" t="s">
        <v>65110</v>
      </c>
      <c r="B47157" t="s">
        <v>65112</v>
      </c>
      <c r="C47157">
        <v>0</v>
      </c>
      <c r="D47157">
        <v>0</v>
      </c>
    </row>
    <row r="47158" spans="1:4" x14ac:dyDescent="0.25">
      <c r="A47158" t="s">
        <v>65110</v>
      </c>
      <c r="B47158" t="s">
        <v>65113</v>
      </c>
      <c r="C47158">
        <v>0</v>
      </c>
      <c r="D47158">
        <v>0</v>
      </c>
    </row>
    <row r="47159" spans="1:4" x14ac:dyDescent="0.25">
      <c r="A47159" t="s">
        <v>65110</v>
      </c>
      <c r="B47159" t="s">
        <v>65114</v>
      </c>
      <c r="C47159">
        <v>0</v>
      </c>
      <c r="D47159">
        <v>0</v>
      </c>
    </row>
    <row r="47160" spans="1:4" x14ac:dyDescent="0.25">
      <c r="A47160" t="s">
        <v>65115</v>
      </c>
      <c r="B47160" t="s">
        <v>65116</v>
      </c>
      <c r="C47160">
        <v>0</v>
      </c>
      <c r="D47160">
        <v>0</v>
      </c>
    </row>
    <row r="47161" spans="1:4" x14ac:dyDescent="0.25">
      <c r="A47161" t="s">
        <v>65115</v>
      </c>
      <c r="B47161" t="s">
        <v>65117</v>
      </c>
      <c r="C47161">
        <v>0</v>
      </c>
      <c r="D47161">
        <v>0</v>
      </c>
    </row>
    <row r="47162" spans="1:4" x14ac:dyDescent="0.25">
      <c r="A47162" t="s">
        <v>65115</v>
      </c>
      <c r="B47162" t="s">
        <v>2651</v>
      </c>
      <c r="C47162">
        <v>0</v>
      </c>
      <c r="D47162">
        <v>0</v>
      </c>
    </row>
    <row r="47163" spans="1:4" x14ac:dyDescent="0.25">
      <c r="A47163" t="s">
        <v>65115</v>
      </c>
      <c r="B47163" t="s">
        <v>65118</v>
      </c>
      <c r="C47163">
        <v>0</v>
      </c>
      <c r="D47163">
        <v>0</v>
      </c>
    </row>
    <row r="47164" spans="1:4" x14ac:dyDescent="0.25">
      <c r="A47164" t="s">
        <v>65119</v>
      </c>
      <c r="B47164" t="s">
        <v>65120</v>
      </c>
      <c r="C47164">
        <v>1</v>
      </c>
      <c r="D47164">
        <v>0</v>
      </c>
    </row>
    <row r="47165" spans="1:4" x14ac:dyDescent="0.25">
      <c r="A47165" t="s">
        <v>65119</v>
      </c>
      <c r="B47165" t="s">
        <v>19309</v>
      </c>
      <c r="C47165">
        <v>0</v>
      </c>
      <c r="D47165">
        <v>0</v>
      </c>
    </row>
    <row r="47166" spans="1:4" x14ac:dyDescent="0.25">
      <c r="A47166" t="s">
        <v>65119</v>
      </c>
      <c r="B47166" t="s">
        <v>65121</v>
      </c>
      <c r="C47166">
        <v>1</v>
      </c>
      <c r="D47166">
        <v>0</v>
      </c>
    </row>
    <row r="47167" spans="1:4" x14ac:dyDescent="0.25">
      <c r="A47167" t="s">
        <v>65119</v>
      </c>
      <c r="B47167" t="s">
        <v>65122</v>
      </c>
      <c r="C47167">
        <v>1</v>
      </c>
      <c r="D47167">
        <v>0</v>
      </c>
    </row>
    <row r="47168" spans="1:4" x14ac:dyDescent="0.25">
      <c r="A47168" t="s">
        <v>65123</v>
      </c>
      <c r="B47168" t="s">
        <v>65124</v>
      </c>
      <c r="C47168">
        <v>1</v>
      </c>
      <c r="D47168">
        <v>0</v>
      </c>
    </row>
    <row r="47169" spans="1:4" x14ac:dyDescent="0.25">
      <c r="A47169" t="s">
        <v>65125</v>
      </c>
      <c r="B47169" t="s">
        <v>65126</v>
      </c>
      <c r="C47169">
        <v>1</v>
      </c>
      <c r="D47169">
        <v>0</v>
      </c>
    </row>
    <row r="47170" spans="1:4" x14ac:dyDescent="0.25">
      <c r="A47170" t="s">
        <v>65125</v>
      </c>
      <c r="B47170" t="s">
        <v>65127</v>
      </c>
      <c r="C47170">
        <v>1</v>
      </c>
      <c r="D47170">
        <v>0</v>
      </c>
    </row>
    <row r="47171" spans="1:4" x14ac:dyDescent="0.25">
      <c r="A47171" t="s">
        <v>65125</v>
      </c>
      <c r="B47171" t="s">
        <v>65128</v>
      </c>
      <c r="C47171">
        <v>0</v>
      </c>
      <c r="D47171">
        <v>0</v>
      </c>
    </row>
    <row r="47172" spans="1:4" x14ac:dyDescent="0.25">
      <c r="A47172" t="s">
        <v>65125</v>
      </c>
      <c r="B47172" t="s">
        <v>65129</v>
      </c>
      <c r="C47172">
        <v>1</v>
      </c>
      <c r="D47172">
        <v>0</v>
      </c>
    </row>
    <row r="47173" spans="1:4" x14ac:dyDescent="0.25">
      <c r="A47173" t="s">
        <v>65125</v>
      </c>
      <c r="B47173" t="s">
        <v>65130</v>
      </c>
      <c r="C47173">
        <v>1</v>
      </c>
      <c r="D47173">
        <v>0</v>
      </c>
    </row>
    <row r="47174" spans="1:4" x14ac:dyDescent="0.25">
      <c r="A47174" t="s">
        <v>65131</v>
      </c>
      <c r="B47174" t="s">
        <v>65132</v>
      </c>
      <c r="C47174">
        <v>2</v>
      </c>
      <c r="D47174">
        <v>0</v>
      </c>
    </row>
    <row r="47175" spans="1:4" x14ac:dyDescent="0.25">
      <c r="A47175" t="s">
        <v>65133</v>
      </c>
      <c r="B47175" t="s">
        <v>35545</v>
      </c>
      <c r="C47175">
        <v>1</v>
      </c>
      <c r="D47175">
        <v>0</v>
      </c>
    </row>
    <row r="47176" spans="1:4" x14ac:dyDescent="0.25">
      <c r="A47176" t="s">
        <v>65133</v>
      </c>
      <c r="B47176" t="s">
        <v>65134</v>
      </c>
      <c r="C47176">
        <v>1</v>
      </c>
      <c r="D47176">
        <v>0</v>
      </c>
    </row>
    <row r="47177" spans="1:4" x14ac:dyDescent="0.25">
      <c r="A47177" t="s">
        <v>65133</v>
      </c>
      <c r="B47177" t="s">
        <v>65135</v>
      </c>
      <c r="C47177">
        <v>1</v>
      </c>
      <c r="D47177">
        <v>0</v>
      </c>
    </row>
    <row r="47178" spans="1:4" x14ac:dyDescent="0.25">
      <c r="A47178" t="s">
        <v>65133</v>
      </c>
      <c r="B47178" t="s">
        <v>65136</v>
      </c>
      <c r="C47178">
        <v>1</v>
      </c>
      <c r="D47178">
        <v>0</v>
      </c>
    </row>
    <row r="47179" spans="1:4" x14ac:dyDescent="0.25">
      <c r="A47179" t="s">
        <v>65133</v>
      </c>
      <c r="B47179" t="s">
        <v>65137</v>
      </c>
      <c r="C47179">
        <v>1</v>
      </c>
      <c r="D47179">
        <v>0</v>
      </c>
    </row>
    <row r="47180" spans="1:4" x14ac:dyDescent="0.25">
      <c r="A47180" t="s">
        <v>65138</v>
      </c>
      <c r="B47180" t="s">
        <v>65139</v>
      </c>
      <c r="C47180">
        <v>1</v>
      </c>
      <c r="D47180">
        <v>0</v>
      </c>
    </row>
    <row r="47181" spans="1:4" x14ac:dyDescent="0.25">
      <c r="A47181" t="s">
        <v>65138</v>
      </c>
      <c r="B47181" t="s">
        <v>65140</v>
      </c>
      <c r="C47181">
        <v>1</v>
      </c>
      <c r="D47181">
        <v>0</v>
      </c>
    </row>
    <row r="47182" spans="1:4" x14ac:dyDescent="0.25">
      <c r="A47182" t="s">
        <v>65138</v>
      </c>
      <c r="B47182" t="s">
        <v>65141</v>
      </c>
      <c r="C47182">
        <v>2</v>
      </c>
      <c r="D47182">
        <v>0</v>
      </c>
    </row>
    <row r="47183" spans="1:4" x14ac:dyDescent="0.25">
      <c r="A47183" t="s">
        <v>65138</v>
      </c>
      <c r="B47183" t="s">
        <v>65142</v>
      </c>
      <c r="C47183">
        <v>1</v>
      </c>
      <c r="D47183">
        <v>0</v>
      </c>
    </row>
    <row r="47184" spans="1:4" x14ac:dyDescent="0.25">
      <c r="A47184" t="s">
        <v>65138</v>
      </c>
      <c r="B47184" t="s">
        <v>65143</v>
      </c>
      <c r="C47184">
        <v>2</v>
      </c>
      <c r="D47184">
        <v>0</v>
      </c>
    </row>
    <row r="47185" spans="1:4" x14ac:dyDescent="0.25">
      <c r="A47185" t="s">
        <v>65144</v>
      </c>
      <c r="B47185" t="s">
        <v>18079</v>
      </c>
      <c r="C47185">
        <v>0</v>
      </c>
      <c r="D47185">
        <v>0</v>
      </c>
    </row>
    <row r="47186" spans="1:4" x14ac:dyDescent="0.25">
      <c r="A47186" t="s">
        <v>65144</v>
      </c>
      <c r="B47186" t="s">
        <v>65145</v>
      </c>
      <c r="C47186">
        <v>1</v>
      </c>
      <c r="D47186">
        <v>0</v>
      </c>
    </row>
    <row r="47187" spans="1:4" x14ac:dyDescent="0.25">
      <c r="A47187" t="s">
        <v>65144</v>
      </c>
      <c r="B47187" t="s">
        <v>22412</v>
      </c>
      <c r="C47187">
        <v>0</v>
      </c>
      <c r="D47187">
        <v>0</v>
      </c>
    </row>
    <row r="47188" spans="1:4" x14ac:dyDescent="0.25">
      <c r="A47188" t="s">
        <v>65146</v>
      </c>
      <c r="B47188" t="s">
        <v>11948</v>
      </c>
      <c r="C47188">
        <v>0</v>
      </c>
      <c r="D47188">
        <v>0</v>
      </c>
    </row>
    <row r="47189" spans="1:4" x14ac:dyDescent="0.25">
      <c r="A47189" t="s">
        <v>65146</v>
      </c>
      <c r="B47189" t="s">
        <v>65147</v>
      </c>
      <c r="C47189">
        <v>1</v>
      </c>
      <c r="D47189">
        <v>0</v>
      </c>
    </row>
    <row r="47190" spans="1:4" x14ac:dyDescent="0.25">
      <c r="A47190" t="s">
        <v>65146</v>
      </c>
      <c r="B47190" t="s">
        <v>65148</v>
      </c>
      <c r="C47190">
        <v>2</v>
      </c>
      <c r="D47190">
        <v>0</v>
      </c>
    </row>
    <row r="47191" spans="1:4" x14ac:dyDescent="0.25">
      <c r="A47191" t="s">
        <v>65146</v>
      </c>
      <c r="B47191" t="s">
        <v>65149</v>
      </c>
      <c r="C47191">
        <v>0</v>
      </c>
      <c r="D47191">
        <v>0</v>
      </c>
    </row>
    <row r="47192" spans="1:4" x14ac:dyDescent="0.25">
      <c r="A47192" t="s">
        <v>65146</v>
      </c>
      <c r="B47192" t="s">
        <v>65150</v>
      </c>
      <c r="C47192">
        <v>1</v>
      </c>
      <c r="D47192">
        <v>0</v>
      </c>
    </row>
    <row r="47193" spans="1:4" x14ac:dyDescent="0.25">
      <c r="A47193" t="s">
        <v>65151</v>
      </c>
      <c r="B47193" t="s">
        <v>65152</v>
      </c>
      <c r="C47193">
        <v>1</v>
      </c>
      <c r="D47193">
        <v>0</v>
      </c>
    </row>
    <row r="47194" spans="1:4" x14ac:dyDescent="0.25">
      <c r="A47194" t="s">
        <v>65151</v>
      </c>
      <c r="B47194" t="s">
        <v>65153</v>
      </c>
      <c r="C47194">
        <v>0</v>
      </c>
      <c r="D47194">
        <v>0</v>
      </c>
    </row>
    <row r="47195" spans="1:4" x14ac:dyDescent="0.25">
      <c r="A47195" t="s">
        <v>65151</v>
      </c>
      <c r="B47195" t="s">
        <v>65154</v>
      </c>
      <c r="C47195">
        <v>0</v>
      </c>
      <c r="D47195">
        <v>0</v>
      </c>
    </row>
    <row r="47196" spans="1:4" x14ac:dyDescent="0.25">
      <c r="A47196" t="s">
        <v>65151</v>
      </c>
      <c r="B47196" t="s">
        <v>65155</v>
      </c>
      <c r="C47196">
        <v>1</v>
      </c>
      <c r="D47196">
        <v>0</v>
      </c>
    </row>
    <row r="47197" spans="1:4" x14ac:dyDescent="0.25">
      <c r="A47197" t="s">
        <v>65151</v>
      </c>
      <c r="B47197" t="s">
        <v>65156</v>
      </c>
      <c r="C47197">
        <v>1</v>
      </c>
      <c r="D47197">
        <v>0</v>
      </c>
    </row>
    <row r="47198" spans="1:4" x14ac:dyDescent="0.25">
      <c r="A47198" t="s">
        <v>65157</v>
      </c>
      <c r="B47198" t="s">
        <v>65158</v>
      </c>
      <c r="C47198">
        <v>2</v>
      </c>
      <c r="D47198">
        <v>0</v>
      </c>
    </row>
    <row r="47199" spans="1:4" x14ac:dyDescent="0.25">
      <c r="A47199" t="s">
        <v>65157</v>
      </c>
      <c r="B47199" t="s">
        <v>65159</v>
      </c>
      <c r="C47199">
        <v>1</v>
      </c>
      <c r="D47199">
        <v>0</v>
      </c>
    </row>
    <row r="47200" spans="1:4" x14ac:dyDescent="0.25">
      <c r="A47200" t="s">
        <v>65157</v>
      </c>
      <c r="B47200" t="s">
        <v>65160</v>
      </c>
      <c r="C47200">
        <v>1</v>
      </c>
      <c r="D47200">
        <v>0</v>
      </c>
    </row>
    <row r="47201" spans="1:4" x14ac:dyDescent="0.25">
      <c r="A47201" t="s">
        <v>65161</v>
      </c>
      <c r="B47201" t="s">
        <v>65162</v>
      </c>
      <c r="C47201">
        <v>1</v>
      </c>
      <c r="D47201">
        <v>0</v>
      </c>
    </row>
    <row r="47202" spans="1:4" x14ac:dyDescent="0.25">
      <c r="A47202" t="s">
        <v>65161</v>
      </c>
      <c r="B47202" t="s">
        <v>65163</v>
      </c>
      <c r="C47202">
        <v>1</v>
      </c>
      <c r="D47202">
        <v>0</v>
      </c>
    </row>
    <row r="47203" spans="1:4" x14ac:dyDescent="0.25">
      <c r="A47203" t="s">
        <v>65161</v>
      </c>
      <c r="B47203" t="s">
        <v>65164</v>
      </c>
      <c r="C47203">
        <v>1</v>
      </c>
      <c r="D47203">
        <v>0</v>
      </c>
    </row>
    <row r="47204" spans="1:4" x14ac:dyDescent="0.25">
      <c r="A47204" t="s">
        <v>65161</v>
      </c>
      <c r="B47204" t="s">
        <v>65165</v>
      </c>
      <c r="C47204">
        <v>1</v>
      </c>
      <c r="D47204">
        <v>0</v>
      </c>
    </row>
    <row r="47205" spans="1:4" x14ac:dyDescent="0.25">
      <c r="A47205" t="s">
        <v>65166</v>
      </c>
      <c r="B47205" t="s">
        <v>65167</v>
      </c>
      <c r="C47205">
        <v>1</v>
      </c>
      <c r="D47205">
        <v>0</v>
      </c>
    </row>
    <row r="47206" spans="1:4" x14ac:dyDescent="0.25">
      <c r="A47206" t="s">
        <v>65166</v>
      </c>
      <c r="B47206" t="s">
        <v>65168</v>
      </c>
      <c r="C47206">
        <v>0</v>
      </c>
      <c r="D47206">
        <v>0</v>
      </c>
    </row>
    <row r="47207" spans="1:4" x14ac:dyDescent="0.25">
      <c r="A47207" t="s">
        <v>65166</v>
      </c>
      <c r="B47207" t="s">
        <v>65169</v>
      </c>
      <c r="C47207">
        <v>2</v>
      </c>
      <c r="D47207">
        <v>0</v>
      </c>
    </row>
    <row r="47208" spans="1:4" x14ac:dyDescent="0.25">
      <c r="A47208" t="s">
        <v>65166</v>
      </c>
      <c r="B47208" t="s">
        <v>65170</v>
      </c>
      <c r="C47208">
        <v>2</v>
      </c>
      <c r="D47208">
        <v>0</v>
      </c>
    </row>
    <row r="47209" spans="1:4" x14ac:dyDescent="0.25">
      <c r="A47209" t="s">
        <v>65171</v>
      </c>
      <c r="B47209" t="s">
        <v>65172</v>
      </c>
      <c r="C47209">
        <v>1</v>
      </c>
      <c r="D47209">
        <v>0</v>
      </c>
    </row>
    <row r="47210" spans="1:4" x14ac:dyDescent="0.25">
      <c r="A47210" t="s">
        <v>65171</v>
      </c>
      <c r="B47210" t="s">
        <v>65173</v>
      </c>
      <c r="C47210">
        <v>1</v>
      </c>
      <c r="D47210">
        <v>0</v>
      </c>
    </row>
    <row r="47211" spans="1:4" x14ac:dyDescent="0.25">
      <c r="A47211" t="s">
        <v>65171</v>
      </c>
      <c r="B47211" t="s">
        <v>65174</v>
      </c>
      <c r="C47211">
        <v>1</v>
      </c>
      <c r="D47211">
        <v>0</v>
      </c>
    </row>
    <row r="47212" spans="1:4" x14ac:dyDescent="0.25">
      <c r="A47212" t="s">
        <v>65175</v>
      </c>
      <c r="B47212" t="s">
        <v>65176</v>
      </c>
      <c r="C47212">
        <v>2</v>
      </c>
      <c r="D47212">
        <v>0</v>
      </c>
    </row>
    <row r="47213" spans="1:4" x14ac:dyDescent="0.25">
      <c r="A47213" t="s">
        <v>65175</v>
      </c>
      <c r="B47213" t="s">
        <v>65177</v>
      </c>
      <c r="C47213">
        <v>2</v>
      </c>
      <c r="D47213">
        <v>0</v>
      </c>
    </row>
    <row r="47214" spans="1:4" x14ac:dyDescent="0.25">
      <c r="A47214" t="s">
        <v>65175</v>
      </c>
      <c r="B47214" t="s">
        <v>65178</v>
      </c>
      <c r="C47214">
        <v>1</v>
      </c>
      <c r="D47214">
        <v>0</v>
      </c>
    </row>
    <row r="47215" spans="1:4" x14ac:dyDescent="0.25">
      <c r="A47215" t="s">
        <v>65179</v>
      </c>
      <c r="B47215" t="s">
        <v>65180</v>
      </c>
      <c r="C47215">
        <v>1</v>
      </c>
      <c r="D47215">
        <v>0</v>
      </c>
    </row>
    <row r="47216" spans="1:4" x14ac:dyDescent="0.25">
      <c r="A47216" t="s">
        <v>65179</v>
      </c>
      <c r="B47216" t="s">
        <v>65181</v>
      </c>
      <c r="C47216">
        <v>0</v>
      </c>
      <c r="D47216">
        <v>0</v>
      </c>
    </row>
    <row r="47217" spans="1:4" x14ac:dyDescent="0.25">
      <c r="A47217" t="s">
        <v>65179</v>
      </c>
      <c r="B47217" t="s">
        <v>65182</v>
      </c>
      <c r="C47217">
        <v>1</v>
      </c>
      <c r="D47217">
        <v>0</v>
      </c>
    </row>
    <row r="47218" spans="1:4" x14ac:dyDescent="0.25">
      <c r="A47218" t="s">
        <v>65179</v>
      </c>
      <c r="B47218" t="s">
        <v>65183</v>
      </c>
      <c r="C47218">
        <v>1</v>
      </c>
      <c r="D47218">
        <v>0</v>
      </c>
    </row>
    <row r="47219" spans="1:4" x14ac:dyDescent="0.25">
      <c r="A47219" t="s">
        <v>65179</v>
      </c>
      <c r="B47219" t="s">
        <v>65184</v>
      </c>
      <c r="C47219">
        <v>1</v>
      </c>
      <c r="D47219">
        <v>0</v>
      </c>
    </row>
    <row r="47220" spans="1:4" x14ac:dyDescent="0.25">
      <c r="A47220" t="s">
        <v>65185</v>
      </c>
      <c r="B47220" t="s">
        <v>65186</v>
      </c>
      <c r="C47220">
        <v>1</v>
      </c>
      <c r="D47220">
        <v>0</v>
      </c>
    </row>
    <row r="47221" spans="1:4" x14ac:dyDescent="0.25">
      <c r="A47221" t="s">
        <v>65185</v>
      </c>
      <c r="B47221" t="s">
        <v>65187</v>
      </c>
      <c r="C47221">
        <v>1</v>
      </c>
      <c r="D47221">
        <v>0</v>
      </c>
    </row>
    <row r="47222" spans="1:4" x14ac:dyDescent="0.25">
      <c r="A47222" t="s">
        <v>65185</v>
      </c>
      <c r="B47222" t="s">
        <v>65188</v>
      </c>
      <c r="C47222">
        <v>1</v>
      </c>
      <c r="D47222">
        <v>0</v>
      </c>
    </row>
    <row r="47223" spans="1:4" x14ac:dyDescent="0.25">
      <c r="A47223" t="s">
        <v>65185</v>
      </c>
      <c r="B47223" t="s">
        <v>65189</v>
      </c>
      <c r="C47223">
        <v>1</v>
      </c>
      <c r="D47223">
        <v>0</v>
      </c>
    </row>
    <row r="47224" spans="1:4" x14ac:dyDescent="0.25">
      <c r="A47224" t="s">
        <v>65185</v>
      </c>
      <c r="B47224" t="s">
        <v>65190</v>
      </c>
      <c r="C47224">
        <v>1</v>
      </c>
      <c r="D47224">
        <v>0</v>
      </c>
    </row>
    <row r="47225" spans="1:4" x14ac:dyDescent="0.25">
      <c r="A47225" t="s">
        <v>65185</v>
      </c>
      <c r="B47225" t="s">
        <v>65191</v>
      </c>
      <c r="C47225">
        <v>1</v>
      </c>
      <c r="D47225">
        <v>0</v>
      </c>
    </row>
    <row r="47226" spans="1:4" x14ac:dyDescent="0.25">
      <c r="A47226" t="s">
        <v>65192</v>
      </c>
      <c r="B47226" t="s">
        <v>65193</v>
      </c>
      <c r="C47226">
        <v>1</v>
      </c>
      <c r="D47226">
        <v>0</v>
      </c>
    </row>
    <row r="47227" spans="1:4" x14ac:dyDescent="0.25">
      <c r="A47227" t="s">
        <v>65192</v>
      </c>
      <c r="B47227" t="s">
        <v>11506</v>
      </c>
      <c r="C47227">
        <v>1</v>
      </c>
      <c r="D47227">
        <v>0</v>
      </c>
    </row>
    <row r="47228" spans="1:4" x14ac:dyDescent="0.25">
      <c r="A47228" t="s">
        <v>65192</v>
      </c>
      <c r="B47228" t="s">
        <v>65194</v>
      </c>
      <c r="C47228">
        <v>1</v>
      </c>
      <c r="D47228">
        <v>0</v>
      </c>
    </row>
    <row r="47229" spans="1:4" x14ac:dyDescent="0.25">
      <c r="A47229" t="s">
        <v>65195</v>
      </c>
      <c r="B47229" t="s">
        <v>65196</v>
      </c>
      <c r="C47229">
        <v>1</v>
      </c>
      <c r="D47229">
        <v>0</v>
      </c>
    </row>
    <row r="47230" spans="1:4" x14ac:dyDescent="0.25">
      <c r="A47230" t="s">
        <v>65195</v>
      </c>
      <c r="B47230" t="s">
        <v>65197</v>
      </c>
      <c r="C47230">
        <v>0</v>
      </c>
      <c r="D47230">
        <v>0</v>
      </c>
    </row>
    <row r="47231" spans="1:4" x14ac:dyDescent="0.25">
      <c r="A47231" t="s">
        <v>65195</v>
      </c>
      <c r="B47231" t="s">
        <v>65198</v>
      </c>
      <c r="C47231">
        <v>1</v>
      </c>
      <c r="D47231">
        <v>0</v>
      </c>
    </row>
    <row r="47232" spans="1:4" x14ac:dyDescent="0.25">
      <c r="A47232" t="s">
        <v>65195</v>
      </c>
      <c r="B47232" t="s">
        <v>5434</v>
      </c>
      <c r="C47232">
        <v>1</v>
      </c>
      <c r="D47232">
        <v>0</v>
      </c>
    </row>
    <row r="47233" spans="1:4" x14ac:dyDescent="0.25">
      <c r="A47233" t="s">
        <v>65195</v>
      </c>
      <c r="B47233" t="s">
        <v>65199</v>
      </c>
      <c r="C47233">
        <v>1</v>
      </c>
      <c r="D47233">
        <v>0</v>
      </c>
    </row>
    <row r="47234" spans="1:4" x14ac:dyDescent="0.25">
      <c r="A47234" t="s">
        <v>65200</v>
      </c>
      <c r="B47234" t="s">
        <v>65201</v>
      </c>
      <c r="C47234">
        <v>2</v>
      </c>
      <c r="D47234">
        <v>0</v>
      </c>
    </row>
    <row r="47235" spans="1:4" x14ac:dyDescent="0.25">
      <c r="A47235" t="s">
        <v>65200</v>
      </c>
      <c r="B47235" t="s">
        <v>65202</v>
      </c>
      <c r="C47235">
        <v>1</v>
      </c>
      <c r="D47235">
        <v>0</v>
      </c>
    </row>
    <row r="47236" spans="1:4" x14ac:dyDescent="0.25">
      <c r="A47236" t="s">
        <v>65203</v>
      </c>
      <c r="B47236" t="s">
        <v>65204</v>
      </c>
      <c r="C47236">
        <v>0</v>
      </c>
      <c r="D47236">
        <v>0</v>
      </c>
    </row>
    <row r="47237" spans="1:4" x14ac:dyDescent="0.25">
      <c r="A47237" t="s">
        <v>65203</v>
      </c>
      <c r="B47237" t="s">
        <v>65205</v>
      </c>
      <c r="C47237">
        <v>0</v>
      </c>
      <c r="D47237">
        <v>0</v>
      </c>
    </row>
    <row r="47238" spans="1:4" x14ac:dyDescent="0.25">
      <c r="A47238" t="s">
        <v>65203</v>
      </c>
      <c r="B47238" t="s">
        <v>65206</v>
      </c>
      <c r="C47238">
        <v>0</v>
      </c>
      <c r="D47238">
        <v>0</v>
      </c>
    </row>
    <row r="47239" spans="1:4" x14ac:dyDescent="0.25">
      <c r="A47239" t="s">
        <v>65203</v>
      </c>
      <c r="B47239" t="s">
        <v>65207</v>
      </c>
      <c r="C47239">
        <v>0</v>
      </c>
      <c r="D47239">
        <v>0</v>
      </c>
    </row>
    <row r="47240" spans="1:4" x14ac:dyDescent="0.25">
      <c r="A47240" t="s">
        <v>65208</v>
      </c>
      <c r="B47240" t="s">
        <v>65209</v>
      </c>
      <c r="C47240">
        <v>2</v>
      </c>
      <c r="D47240">
        <v>0</v>
      </c>
    </row>
    <row r="47241" spans="1:4" x14ac:dyDescent="0.25">
      <c r="A47241" t="s">
        <v>65208</v>
      </c>
      <c r="B47241" t="s">
        <v>65210</v>
      </c>
      <c r="C47241">
        <v>1</v>
      </c>
      <c r="D47241">
        <v>0</v>
      </c>
    </row>
    <row r="47242" spans="1:4" x14ac:dyDescent="0.25">
      <c r="A47242" t="s">
        <v>65208</v>
      </c>
      <c r="B47242" t="s">
        <v>65211</v>
      </c>
      <c r="C47242">
        <v>2</v>
      </c>
      <c r="D47242">
        <v>0</v>
      </c>
    </row>
    <row r="47243" spans="1:4" x14ac:dyDescent="0.25">
      <c r="A47243" t="s">
        <v>65208</v>
      </c>
      <c r="B47243" t="s">
        <v>65212</v>
      </c>
      <c r="C47243">
        <v>2</v>
      </c>
      <c r="D47243">
        <v>0</v>
      </c>
    </row>
    <row r="47244" spans="1:4" x14ac:dyDescent="0.25">
      <c r="A47244" t="s">
        <v>65213</v>
      </c>
      <c r="B47244" t="s">
        <v>65214</v>
      </c>
      <c r="C47244">
        <v>1</v>
      </c>
      <c r="D47244">
        <v>0</v>
      </c>
    </row>
    <row r="47245" spans="1:4" x14ac:dyDescent="0.25">
      <c r="A47245" t="s">
        <v>65213</v>
      </c>
      <c r="B47245" t="s">
        <v>65215</v>
      </c>
      <c r="C47245">
        <v>0</v>
      </c>
      <c r="D47245">
        <v>0</v>
      </c>
    </row>
    <row r="47246" spans="1:4" x14ac:dyDescent="0.25">
      <c r="A47246" t="s">
        <v>65213</v>
      </c>
      <c r="B47246" t="s">
        <v>65216</v>
      </c>
      <c r="C47246">
        <v>0</v>
      </c>
      <c r="D47246">
        <v>0</v>
      </c>
    </row>
    <row r="47247" spans="1:4" x14ac:dyDescent="0.25">
      <c r="A47247" t="s">
        <v>65217</v>
      </c>
      <c r="B47247" t="s">
        <v>65218</v>
      </c>
      <c r="C47247">
        <v>1</v>
      </c>
      <c r="D47247">
        <v>0</v>
      </c>
    </row>
    <row r="47248" spans="1:4" x14ac:dyDescent="0.25">
      <c r="A47248" t="s">
        <v>65217</v>
      </c>
      <c r="B47248" t="s">
        <v>65219</v>
      </c>
      <c r="C47248">
        <v>1</v>
      </c>
      <c r="D47248">
        <v>0</v>
      </c>
    </row>
    <row r="47249" spans="1:4" x14ac:dyDescent="0.25">
      <c r="A47249" t="s">
        <v>65217</v>
      </c>
      <c r="B47249" t="s">
        <v>65220</v>
      </c>
      <c r="C47249">
        <v>0</v>
      </c>
      <c r="D47249">
        <v>0</v>
      </c>
    </row>
    <row r="47250" spans="1:4" x14ac:dyDescent="0.25">
      <c r="A47250" t="s">
        <v>65217</v>
      </c>
      <c r="B47250" t="s">
        <v>65221</v>
      </c>
      <c r="C47250">
        <v>1</v>
      </c>
      <c r="D47250">
        <v>0</v>
      </c>
    </row>
    <row r="47251" spans="1:4" x14ac:dyDescent="0.25">
      <c r="A47251" t="s">
        <v>65217</v>
      </c>
      <c r="B47251" t="s">
        <v>65222</v>
      </c>
      <c r="C47251">
        <v>0</v>
      </c>
      <c r="D47251">
        <v>0</v>
      </c>
    </row>
    <row r="47252" spans="1:4" x14ac:dyDescent="0.25">
      <c r="A47252" t="s">
        <v>65223</v>
      </c>
      <c r="B47252" t="s">
        <v>2807</v>
      </c>
      <c r="C47252">
        <v>2</v>
      </c>
      <c r="D47252">
        <v>0</v>
      </c>
    </row>
    <row r="47253" spans="1:4" x14ac:dyDescent="0.25">
      <c r="A47253" t="s">
        <v>65223</v>
      </c>
      <c r="B47253" t="s">
        <v>65224</v>
      </c>
      <c r="C47253">
        <v>1</v>
      </c>
      <c r="D47253">
        <v>0</v>
      </c>
    </row>
    <row r="47254" spans="1:4" x14ac:dyDescent="0.25">
      <c r="A47254" t="s">
        <v>65223</v>
      </c>
      <c r="B47254" t="s">
        <v>65225</v>
      </c>
      <c r="C47254">
        <v>0</v>
      </c>
      <c r="D47254">
        <v>0</v>
      </c>
    </row>
    <row r="47255" spans="1:4" x14ac:dyDescent="0.25">
      <c r="A47255" t="s">
        <v>65223</v>
      </c>
      <c r="B47255" t="s">
        <v>29670</v>
      </c>
      <c r="C47255">
        <v>0</v>
      </c>
      <c r="D47255">
        <v>0</v>
      </c>
    </row>
    <row r="47256" spans="1:4" x14ac:dyDescent="0.25">
      <c r="A47256" t="s">
        <v>65223</v>
      </c>
      <c r="B47256" t="s">
        <v>65226</v>
      </c>
      <c r="C47256">
        <v>1</v>
      </c>
      <c r="D47256">
        <v>0</v>
      </c>
    </row>
    <row r="47257" spans="1:4" x14ac:dyDescent="0.25">
      <c r="A47257" t="s">
        <v>65223</v>
      </c>
      <c r="B47257" t="s">
        <v>65227</v>
      </c>
      <c r="C47257">
        <v>1</v>
      </c>
      <c r="D47257">
        <v>0</v>
      </c>
    </row>
    <row r="47258" spans="1:4" x14ac:dyDescent="0.25">
      <c r="A47258" t="s">
        <v>65223</v>
      </c>
      <c r="B47258" t="s">
        <v>65228</v>
      </c>
      <c r="C47258">
        <v>1</v>
      </c>
      <c r="D47258">
        <v>0</v>
      </c>
    </row>
    <row r="47259" spans="1:4" x14ac:dyDescent="0.25">
      <c r="A47259" t="s">
        <v>65223</v>
      </c>
      <c r="B47259" t="s">
        <v>65229</v>
      </c>
      <c r="C47259">
        <v>0</v>
      </c>
      <c r="D47259">
        <v>0</v>
      </c>
    </row>
    <row r="47260" spans="1:4" x14ac:dyDescent="0.25">
      <c r="A47260" t="s">
        <v>65230</v>
      </c>
      <c r="B47260" t="s">
        <v>65231</v>
      </c>
      <c r="C47260">
        <v>1</v>
      </c>
      <c r="D47260">
        <v>0</v>
      </c>
    </row>
    <row r="47261" spans="1:4" x14ac:dyDescent="0.25">
      <c r="A47261" t="s">
        <v>65230</v>
      </c>
      <c r="B47261" t="s">
        <v>65232</v>
      </c>
      <c r="C47261">
        <v>1</v>
      </c>
      <c r="D47261">
        <v>0</v>
      </c>
    </row>
    <row r="47262" spans="1:4" x14ac:dyDescent="0.25">
      <c r="A47262" t="s">
        <v>65230</v>
      </c>
      <c r="B47262" t="s">
        <v>65233</v>
      </c>
      <c r="C47262">
        <v>0</v>
      </c>
      <c r="D47262">
        <v>0</v>
      </c>
    </row>
    <row r="47263" spans="1:4" x14ac:dyDescent="0.25">
      <c r="A47263" t="s">
        <v>65230</v>
      </c>
      <c r="B47263" t="s">
        <v>65234</v>
      </c>
      <c r="C47263">
        <v>1</v>
      </c>
      <c r="D47263">
        <v>0</v>
      </c>
    </row>
    <row r="47264" spans="1:4" x14ac:dyDescent="0.25">
      <c r="A47264" t="s">
        <v>65235</v>
      </c>
      <c r="B47264" t="s">
        <v>65236</v>
      </c>
      <c r="C47264">
        <v>0</v>
      </c>
      <c r="D47264">
        <v>0</v>
      </c>
    </row>
    <row r="47265" spans="1:4" x14ac:dyDescent="0.25">
      <c r="A47265" t="s">
        <v>65235</v>
      </c>
      <c r="B47265" t="s">
        <v>65237</v>
      </c>
      <c r="C47265">
        <v>0</v>
      </c>
      <c r="D47265">
        <v>0</v>
      </c>
    </row>
    <row r="47266" spans="1:4" x14ac:dyDescent="0.25">
      <c r="A47266" t="s">
        <v>65238</v>
      </c>
      <c r="B47266" t="s">
        <v>6262</v>
      </c>
      <c r="C47266">
        <v>0</v>
      </c>
      <c r="D47266">
        <v>0</v>
      </c>
    </row>
    <row r="47267" spans="1:4" x14ac:dyDescent="0.25">
      <c r="A47267" t="s">
        <v>65239</v>
      </c>
      <c r="B47267" t="s">
        <v>65240</v>
      </c>
      <c r="C47267">
        <v>1</v>
      </c>
      <c r="D47267">
        <v>0</v>
      </c>
    </row>
    <row r="47268" spans="1:4" x14ac:dyDescent="0.25">
      <c r="A47268" t="s">
        <v>65239</v>
      </c>
      <c r="B47268" t="s">
        <v>65241</v>
      </c>
      <c r="C47268">
        <v>0</v>
      </c>
      <c r="D47268">
        <v>0</v>
      </c>
    </row>
    <row r="47269" spans="1:4" x14ac:dyDescent="0.25">
      <c r="A47269" t="s">
        <v>65239</v>
      </c>
      <c r="B47269" t="s">
        <v>65242</v>
      </c>
      <c r="C47269">
        <v>1</v>
      </c>
      <c r="D47269">
        <v>0</v>
      </c>
    </row>
    <row r="47270" spans="1:4" x14ac:dyDescent="0.25">
      <c r="A47270" t="s">
        <v>65239</v>
      </c>
      <c r="B47270" t="s">
        <v>2865</v>
      </c>
      <c r="C47270">
        <v>0</v>
      </c>
      <c r="D47270">
        <v>0</v>
      </c>
    </row>
    <row r="47271" spans="1:4" x14ac:dyDescent="0.25">
      <c r="A47271" t="s">
        <v>65239</v>
      </c>
      <c r="B47271" t="s">
        <v>65243</v>
      </c>
      <c r="C47271">
        <v>1</v>
      </c>
      <c r="D47271">
        <v>0</v>
      </c>
    </row>
    <row r="47272" spans="1:4" x14ac:dyDescent="0.25">
      <c r="A47272" t="s">
        <v>65239</v>
      </c>
      <c r="B47272" t="s">
        <v>65244</v>
      </c>
      <c r="C47272">
        <v>0</v>
      </c>
      <c r="D47272">
        <v>0</v>
      </c>
    </row>
    <row r="47273" spans="1:4" x14ac:dyDescent="0.25">
      <c r="A47273" t="s">
        <v>65239</v>
      </c>
      <c r="B47273" t="s">
        <v>65245</v>
      </c>
      <c r="C47273">
        <v>0</v>
      </c>
      <c r="D47273">
        <v>0</v>
      </c>
    </row>
    <row r="47274" spans="1:4" x14ac:dyDescent="0.25">
      <c r="A47274" t="s">
        <v>65246</v>
      </c>
      <c r="B47274" t="s">
        <v>10285</v>
      </c>
      <c r="C47274">
        <v>1</v>
      </c>
      <c r="D47274">
        <v>0</v>
      </c>
    </row>
    <row r="47275" spans="1:4" x14ac:dyDescent="0.25">
      <c r="A47275" t="s">
        <v>65246</v>
      </c>
      <c r="B47275" t="s">
        <v>65247</v>
      </c>
      <c r="C47275">
        <v>2</v>
      </c>
      <c r="D47275">
        <v>0</v>
      </c>
    </row>
    <row r="47276" spans="1:4" x14ac:dyDescent="0.25">
      <c r="A47276" t="s">
        <v>65246</v>
      </c>
      <c r="B47276" t="s">
        <v>65248</v>
      </c>
      <c r="C47276">
        <v>1</v>
      </c>
      <c r="D47276">
        <v>0</v>
      </c>
    </row>
    <row r="47277" spans="1:4" x14ac:dyDescent="0.25">
      <c r="A47277" t="s">
        <v>65246</v>
      </c>
      <c r="B47277" t="s">
        <v>65249</v>
      </c>
      <c r="C47277">
        <v>1</v>
      </c>
      <c r="D47277">
        <v>0</v>
      </c>
    </row>
    <row r="47278" spans="1:4" x14ac:dyDescent="0.25">
      <c r="A47278" t="s">
        <v>65246</v>
      </c>
      <c r="B47278" t="s">
        <v>65250</v>
      </c>
      <c r="C47278">
        <v>0</v>
      </c>
      <c r="D47278">
        <v>0</v>
      </c>
    </row>
    <row r="47279" spans="1:4" x14ac:dyDescent="0.25">
      <c r="A47279" t="s">
        <v>65251</v>
      </c>
      <c r="B47279" t="s">
        <v>1001</v>
      </c>
      <c r="C47279">
        <v>1</v>
      </c>
      <c r="D47279">
        <v>0</v>
      </c>
    </row>
    <row r="47280" spans="1:4" x14ac:dyDescent="0.25">
      <c r="A47280" t="s">
        <v>65251</v>
      </c>
      <c r="B47280" t="s">
        <v>65252</v>
      </c>
      <c r="C47280">
        <v>1</v>
      </c>
      <c r="D47280">
        <v>0</v>
      </c>
    </row>
    <row r="47281" spans="1:4" x14ac:dyDescent="0.25">
      <c r="A47281" t="s">
        <v>65251</v>
      </c>
      <c r="B47281" t="s">
        <v>2061</v>
      </c>
      <c r="C47281">
        <v>0</v>
      </c>
      <c r="D47281">
        <v>0</v>
      </c>
    </row>
    <row r="47282" spans="1:4" x14ac:dyDescent="0.25">
      <c r="A47282" t="s">
        <v>65251</v>
      </c>
      <c r="B47282" t="s">
        <v>65253</v>
      </c>
      <c r="C47282">
        <v>2</v>
      </c>
      <c r="D47282">
        <v>0</v>
      </c>
    </row>
    <row r="47283" spans="1:4" x14ac:dyDescent="0.25">
      <c r="A47283" t="s">
        <v>65251</v>
      </c>
      <c r="B47283" t="s">
        <v>65254</v>
      </c>
      <c r="C47283">
        <v>1</v>
      </c>
      <c r="D47283">
        <v>0</v>
      </c>
    </row>
    <row r="47284" spans="1:4" x14ac:dyDescent="0.25">
      <c r="A47284" t="s">
        <v>65251</v>
      </c>
      <c r="B47284" t="s">
        <v>65255</v>
      </c>
      <c r="C47284">
        <v>0</v>
      </c>
      <c r="D47284">
        <v>0</v>
      </c>
    </row>
    <row r="47285" spans="1:4" x14ac:dyDescent="0.25">
      <c r="A47285" t="s">
        <v>65251</v>
      </c>
      <c r="B47285" t="s">
        <v>65256</v>
      </c>
      <c r="C47285">
        <v>1</v>
      </c>
      <c r="D47285">
        <v>0</v>
      </c>
    </row>
    <row r="47286" spans="1:4" x14ac:dyDescent="0.25">
      <c r="A47286" t="s">
        <v>65251</v>
      </c>
      <c r="B47286" t="s">
        <v>65257</v>
      </c>
      <c r="C47286">
        <v>1</v>
      </c>
      <c r="D47286">
        <v>0</v>
      </c>
    </row>
    <row r="47287" spans="1:4" x14ac:dyDescent="0.25">
      <c r="A47287" t="s">
        <v>65258</v>
      </c>
      <c r="B47287" t="s">
        <v>65259</v>
      </c>
      <c r="C47287">
        <v>0</v>
      </c>
      <c r="D47287">
        <v>0</v>
      </c>
    </row>
    <row r="47288" spans="1:4" x14ac:dyDescent="0.25">
      <c r="A47288" t="s">
        <v>65258</v>
      </c>
      <c r="B47288" t="s">
        <v>65260</v>
      </c>
      <c r="C47288">
        <v>0</v>
      </c>
      <c r="D47288">
        <v>0</v>
      </c>
    </row>
    <row r="47289" spans="1:4" x14ac:dyDescent="0.25">
      <c r="A47289" t="s">
        <v>65261</v>
      </c>
      <c r="B47289" t="s">
        <v>65262</v>
      </c>
      <c r="C47289">
        <v>0</v>
      </c>
      <c r="D47289">
        <v>0</v>
      </c>
    </row>
    <row r="47290" spans="1:4" x14ac:dyDescent="0.25">
      <c r="A47290" t="s">
        <v>65261</v>
      </c>
      <c r="B47290" t="s">
        <v>65263</v>
      </c>
      <c r="C47290">
        <v>1</v>
      </c>
      <c r="D47290">
        <v>0</v>
      </c>
    </row>
    <row r="47291" spans="1:4" x14ac:dyDescent="0.25">
      <c r="A47291" t="s">
        <v>65261</v>
      </c>
      <c r="B47291" t="s">
        <v>65264</v>
      </c>
      <c r="C47291">
        <v>2</v>
      </c>
      <c r="D47291">
        <v>0</v>
      </c>
    </row>
    <row r="47292" spans="1:4" x14ac:dyDescent="0.25">
      <c r="A47292" t="s">
        <v>65261</v>
      </c>
      <c r="B47292" t="s">
        <v>65265</v>
      </c>
      <c r="C47292">
        <v>2</v>
      </c>
      <c r="D47292">
        <v>0</v>
      </c>
    </row>
    <row r="47293" spans="1:4" x14ac:dyDescent="0.25">
      <c r="A47293" t="s">
        <v>65261</v>
      </c>
      <c r="B47293" t="s">
        <v>65266</v>
      </c>
      <c r="C47293">
        <v>2</v>
      </c>
      <c r="D47293">
        <v>0</v>
      </c>
    </row>
    <row r="47294" spans="1:4" x14ac:dyDescent="0.25">
      <c r="A47294" t="s">
        <v>65267</v>
      </c>
      <c r="B47294" t="s">
        <v>65268</v>
      </c>
      <c r="C47294">
        <v>2</v>
      </c>
      <c r="D47294">
        <v>0</v>
      </c>
    </row>
    <row r="47295" spans="1:4" x14ac:dyDescent="0.25">
      <c r="A47295" t="s">
        <v>65269</v>
      </c>
      <c r="B47295" t="s">
        <v>65270</v>
      </c>
      <c r="C47295">
        <v>2</v>
      </c>
      <c r="D47295">
        <v>0</v>
      </c>
    </row>
    <row r="47296" spans="1:4" x14ac:dyDescent="0.25">
      <c r="A47296" t="s">
        <v>65269</v>
      </c>
      <c r="B47296" t="s">
        <v>65271</v>
      </c>
      <c r="C47296">
        <v>1</v>
      </c>
      <c r="D47296">
        <v>0</v>
      </c>
    </row>
    <row r="47297" spans="1:4" x14ac:dyDescent="0.25">
      <c r="A47297" t="s">
        <v>65269</v>
      </c>
      <c r="B47297" t="s">
        <v>65272</v>
      </c>
      <c r="C47297">
        <v>2</v>
      </c>
      <c r="D47297">
        <v>0</v>
      </c>
    </row>
    <row r="47298" spans="1:4" x14ac:dyDescent="0.25">
      <c r="A47298" t="s">
        <v>65269</v>
      </c>
      <c r="B47298" t="s">
        <v>65273</v>
      </c>
      <c r="C47298">
        <v>2</v>
      </c>
      <c r="D47298">
        <v>0</v>
      </c>
    </row>
    <row r="47299" spans="1:4" x14ac:dyDescent="0.25">
      <c r="A47299" t="s">
        <v>65269</v>
      </c>
      <c r="B47299" t="s">
        <v>65274</v>
      </c>
      <c r="C47299">
        <v>2</v>
      </c>
      <c r="D47299">
        <v>0</v>
      </c>
    </row>
    <row r="47300" spans="1:4" x14ac:dyDescent="0.25">
      <c r="A47300" t="s">
        <v>65269</v>
      </c>
      <c r="B47300" t="s">
        <v>47634</v>
      </c>
      <c r="C47300">
        <v>2</v>
      </c>
      <c r="D47300">
        <v>0</v>
      </c>
    </row>
    <row r="47301" spans="1:4" x14ac:dyDescent="0.25">
      <c r="A47301" t="s">
        <v>65275</v>
      </c>
      <c r="B47301" t="s">
        <v>5047</v>
      </c>
      <c r="C47301">
        <v>0</v>
      </c>
      <c r="D47301">
        <v>0</v>
      </c>
    </row>
    <row r="47302" spans="1:4" x14ac:dyDescent="0.25">
      <c r="A47302" t="s">
        <v>65275</v>
      </c>
      <c r="B47302" t="s">
        <v>65276</v>
      </c>
      <c r="C47302">
        <v>2</v>
      </c>
      <c r="D47302">
        <v>0</v>
      </c>
    </row>
    <row r="47303" spans="1:4" x14ac:dyDescent="0.25">
      <c r="A47303" t="s">
        <v>65275</v>
      </c>
      <c r="B47303" t="s">
        <v>65277</v>
      </c>
      <c r="C47303">
        <v>0</v>
      </c>
      <c r="D47303">
        <v>0</v>
      </c>
    </row>
    <row r="47304" spans="1:4" x14ac:dyDescent="0.25">
      <c r="A47304" t="s">
        <v>65278</v>
      </c>
      <c r="B47304" t="s">
        <v>65279</v>
      </c>
      <c r="C47304">
        <v>2</v>
      </c>
      <c r="D47304">
        <v>0</v>
      </c>
    </row>
    <row r="47305" spans="1:4" x14ac:dyDescent="0.25">
      <c r="A47305" t="s">
        <v>65280</v>
      </c>
      <c r="B47305" t="s">
        <v>65281</v>
      </c>
      <c r="C47305">
        <v>1</v>
      </c>
      <c r="D47305">
        <v>0</v>
      </c>
    </row>
    <row r="47306" spans="1:4" x14ac:dyDescent="0.25">
      <c r="A47306" t="s">
        <v>65280</v>
      </c>
      <c r="B47306" t="s">
        <v>65282</v>
      </c>
      <c r="C47306">
        <v>2</v>
      </c>
      <c r="D47306">
        <v>0</v>
      </c>
    </row>
    <row r="47307" spans="1:4" x14ac:dyDescent="0.25">
      <c r="A47307" t="s">
        <v>65280</v>
      </c>
      <c r="B47307" t="s">
        <v>65283</v>
      </c>
      <c r="C47307">
        <v>1</v>
      </c>
      <c r="D47307">
        <v>0</v>
      </c>
    </row>
    <row r="47308" spans="1:4" x14ac:dyDescent="0.25">
      <c r="A47308" t="s">
        <v>65280</v>
      </c>
      <c r="B47308" t="s">
        <v>65284</v>
      </c>
      <c r="C47308">
        <v>1</v>
      </c>
      <c r="D47308">
        <v>0</v>
      </c>
    </row>
    <row r="47309" spans="1:4" x14ac:dyDescent="0.25">
      <c r="A47309" t="s">
        <v>65280</v>
      </c>
      <c r="B47309" t="s">
        <v>65285</v>
      </c>
      <c r="C47309">
        <v>2</v>
      </c>
      <c r="D47309">
        <v>0</v>
      </c>
    </row>
    <row r="47310" spans="1:4" x14ac:dyDescent="0.25">
      <c r="A47310" t="s">
        <v>65286</v>
      </c>
      <c r="B47310" t="s">
        <v>65287</v>
      </c>
      <c r="C47310">
        <v>1</v>
      </c>
      <c r="D47310">
        <v>0</v>
      </c>
    </row>
    <row r="47311" spans="1:4" x14ac:dyDescent="0.25">
      <c r="A47311" t="s">
        <v>65286</v>
      </c>
      <c r="B47311" t="s">
        <v>65288</v>
      </c>
      <c r="C47311">
        <v>1</v>
      </c>
      <c r="D47311">
        <v>0</v>
      </c>
    </row>
    <row r="47312" spans="1:4" x14ac:dyDescent="0.25">
      <c r="A47312" t="s">
        <v>65286</v>
      </c>
      <c r="B47312" t="s">
        <v>65289</v>
      </c>
      <c r="C47312">
        <v>1</v>
      </c>
      <c r="D47312">
        <v>0</v>
      </c>
    </row>
    <row r="47313" spans="1:4" x14ac:dyDescent="0.25">
      <c r="A47313" t="s">
        <v>65286</v>
      </c>
      <c r="B47313" t="s">
        <v>65290</v>
      </c>
      <c r="C47313">
        <v>1</v>
      </c>
      <c r="D47313">
        <v>0</v>
      </c>
    </row>
    <row r="47314" spans="1:4" x14ac:dyDescent="0.25">
      <c r="A47314" t="s">
        <v>65286</v>
      </c>
      <c r="B47314" t="s">
        <v>65291</v>
      </c>
      <c r="C47314">
        <v>1</v>
      </c>
      <c r="D47314">
        <v>0</v>
      </c>
    </row>
    <row r="47315" spans="1:4" x14ac:dyDescent="0.25">
      <c r="A47315" t="s">
        <v>65286</v>
      </c>
      <c r="B47315" t="s">
        <v>65292</v>
      </c>
      <c r="C47315">
        <v>2</v>
      </c>
      <c r="D47315">
        <v>0</v>
      </c>
    </row>
    <row r="47316" spans="1:4" x14ac:dyDescent="0.25">
      <c r="A47316" t="s">
        <v>65293</v>
      </c>
      <c r="B47316" t="s">
        <v>65294</v>
      </c>
      <c r="C47316">
        <v>1</v>
      </c>
      <c r="D47316">
        <v>0</v>
      </c>
    </row>
    <row r="47317" spans="1:4" x14ac:dyDescent="0.25">
      <c r="A47317" t="s">
        <v>65293</v>
      </c>
      <c r="B47317" t="s">
        <v>65295</v>
      </c>
      <c r="C47317">
        <v>2</v>
      </c>
      <c r="D47317">
        <v>0</v>
      </c>
    </row>
    <row r="47318" spans="1:4" x14ac:dyDescent="0.25">
      <c r="A47318" t="s">
        <v>65293</v>
      </c>
      <c r="B47318" t="s">
        <v>65296</v>
      </c>
      <c r="C47318">
        <v>2</v>
      </c>
      <c r="D47318">
        <v>0</v>
      </c>
    </row>
    <row r="47319" spans="1:4" x14ac:dyDescent="0.25">
      <c r="A47319" t="s">
        <v>65293</v>
      </c>
      <c r="B47319" t="s">
        <v>65297</v>
      </c>
      <c r="C47319">
        <v>1</v>
      </c>
      <c r="D47319">
        <v>0</v>
      </c>
    </row>
    <row r="47320" spans="1:4" x14ac:dyDescent="0.25">
      <c r="A47320" t="s">
        <v>65293</v>
      </c>
      <c r="B47320" t="s">
        <v>65298</v>
      </c>
      <c r="C47320">
        <v>1</v>
      </c>
      <c r="D47320">
        <v>0</v>
      </c>
    </row>
    <row r="47321" spans="1:4" x14ac:dyDescent="0.25">
      <c r="A47321" t="s">
        <v>65293</v>
      </c>
      <c r="B47321" t="s">
        <v>65299</v>
      </c>
      <c r="C47321">
        <v>1</v>
      </c>
      <c r="D47321">
        <v>0</v>
      </c>
    </row>
    <row r="47322" spans="1:4" x14ac:dyDescent="0.25">
      <c r="A47322" t="s">
        <v>65300</v>
      </c>
      <c r="B47322" t="s">
        <v>65301</v>
      </c>
      <c r="C47322">
        <v>1</v>
      </c>
      <c r="D47322">
        <v>0</v>
      </c>
    </row>
    <row r="47323" spans="1:4" x14ac:dyDescent="0.25">
      <c r="A47323" t="s">
        <v>65300</v>
      </c>
      <c r="B47323" t="s">
        <v>65302</v>
      </c>
      <c r="C47323">
        <v>1</v>
      </c>
      <c r="D47323">
        <v>0</v>
      </c>
    </row>
    <row r="47324" spans="1:4" x14ac:dyDescent="0.25">
      <c r="A47324" t="s">
        <v>65303</v>
      </c>
      <c r="B47324" t="s">
        <v>55415</v>
      </c>
      <c r="C47324">
        <v>1</v>
      </c>
      <c r="D47324">
        <v>0</v>
      </c>
    </row>
    <row r="47325" spans="1:4" x14ac:dyDescent="0.25">
      <c r="A47325" t="s">
        <v>65303</v>
      </c>
      <c r="B47325" t="s">
        <v>65304</v>
      </c>
      <c r="C47325">
        <v>1</v>
      </c>
      <c r="D47325">
        <v>0</v>
      </c>
    </row>
    <row r="47326" spans="1:4" x14ac:dyDescent="0.25">
      <c r="A47326" t="s">
        <v>65303</v>
      </c>
      <c r="B47326" t="s">
        <v>65305</v>
      </c>
      <c r="C47326">
        <v>2</v>
      </c>
      <c r="D47326">
        <v>0</v>
      </c>
    </row>
    <row r="47327" spans="1:4" x14ac:dyDescent="0.25">
      <c r="A47327" t="s">
        <v>65303</v>
      </c>
      <c r="B47327" t="s">
        <v>65306</v>
      </c>
      <c r="C47327">
        <v>1</v>
      </c>
      <c r="D47327">
        <v>0</v>
      </c>
    </row>
    <row r="47328" spans="1:4" x14ac:dyDescent="0.25">
      <c r="A47328" t="s">
        <v>65303</v>
      </c>
      <c r="B47328" t="s">
        <v>65307</v>
      </c>
      <c r="C47328">
        <v>1</v>
      </c>
      <c r="D47328">
        <v>0</v>
      </c>
    </row>
    <row r="47329" spans="1:4" x14ac:dyDescent="0.25">
      <c r="A47329" t="s">
        <v>65308</v>
      </c>
      <c r="B47329" t="s">
        <v>65309</v>
      </c>
      <c r="C47329">
        <v>0</v>
      </c>
      <c r="D47329">
        <v>0</v>
      </c>
    </row>
    <row r="47330" spans="1:4" x14ac:dyDescent="0.25">
      <c r="A47330" t="s">
        <v>65308</v>
      </c>
      <c r="B47330" t="s">
        <v>65310</v>
      </c>
      <c r="C47330">
        <v>2</v>
      </c>
      <c r="D47330">
        <v>0</v>
      </c>
    </row>
    <row r="47331" spans="1:4" x14ac:dyDescent="0.25">
      <c r="A47331" t="s">
        <v>65308</v>
      </c>
      <c r="B47331" t="s">
        <v>19309</v>
      </c>
      <c r="C47331">
        <v>0</v>
      </c>
      <c r="D47331">
        <v>0</v>
      </c>
    </row>
    <row r="47332" spans="1:4" x14ac:dyDescent="0.25">
      <c r="A47332" t="s">
        <v>65308</v>
      </c>
      <c r="B47332" t="s">
        <v>19309</v>
      </c>
      <c r="C47332">
        <v>0</v>
      </c>
      <c r="D47332">
        <v>0</v>
      </c>
    </row>
    <row r="47333" spans="1:4" x14ac:dyDescent="0.25">
      <c r="A47333" t="s">
        <v>65311</v>
      </c>
      <c r="B47333" t="s">
        <v>65312</v>
      </c>
      <c r="C47333">
        <v>1</v>
      </c>
      <c r="D47333">
        <v>0</v>
      </c>
    </row>
    <row r="47334" spans="1:4" x14ac:dyDescent="0.25">
      <c r="A47334" t="s">
        <v>65311</v>
      </c>
      <c r="B47334" t="s">
        <v>65313</v>
      </c>
      <c r="C47334">
        <v>0</v>
      </c>
      <c r="D47334">
        <v>0</v>
      </c>
    </row>
    <row r="47335" spans="1:4" x14ac:dyDescent="0.25">
      <c r="A47335" t="s">
        <v>65311</v>
      </c>
      <c r="B47335" t="s">
        <v>65314</v>
      </c>
      <c r="C47335">
        <v>2</v>
      </c>
      <c r="D47335">
        <v>0</v>
      </c>
    </row>
    <row r="47336" spans="1:4" x14ac:dyDescent="0.25">
      <c r="A47336" t="s">
        <v>65311</v>
      </c>
      <c r="B47336" t="s">
        <v>65315</v>
      </c>
      <c r="C47336">
        <v>2</v>
      </c>
      <c r="D47336">
        <v>0</v>
      </c>
    </row>
    <row r="47337" spans="1:4" x14ac:dyDescent="0.25">
      <c r="A47337" t="s">
        <v>65311</v>
      </c>
      <c r="B47337" t="s">
        <v>816</v>
      </c>
      <c r="C47337">
        <v>1</v>
      </c>
      <c r="D47337">
        <v>0</v>
      </c>
    </row>
    <row r="47338" spans="1:4" x14ac:dyDescent="0.25">
      <c r="A47338" t="s">
        <v>65316</v>
      </c>
      <c r="B47338" t="s">
        <v>65317</v>
      </c>
      <c r="C47338">
        <v>2</v>
      </c>
      <c r="D47338">
        <v>0</v>
      </c>
    </row>
    <row r="47339" spans="1:4" x14ac:dyDescent="0.25">
      <c r="A47339" t="s">
        <v>65316</v>
      </c>
      <c r="B47339" t="s">
        <v>65318</v>
      </c>
      <c r="C47339">
        <v>2</v>
      </c>
      <c r="D47339">
        <v>0</v>
      </c>
    </row>
    <row r="47340" spans="1:4" x14ac:dyDescent="0.25">
      <c r="A47340" t="s">
        <v>65316</v>
      </c>
      <c r="B47340" t="s">
        <v>65319</v>
      </c>
      <c r="C47340">
        <v>1</v>
      </c>
      <c r="D47340">
        <v>0</v>
      </c>
    </row>
    <row r="47341" spans="1:4" x14ac:dyDescent="0.25">
      <c r="A47341" t="s">
        <v>65316</v>
      </c>
      <c r="B47341" t="s">
        <v>65320</v>
      </c>
      <c r="C47341">
        <v>1</v>
      </c>
      <c r="D47341">
        <v>0</v>
      </c>
    </row>
    <row r="47342" spans="1:4" x14ac:dyDescent="0.25">
      <c r="A47342" t="s">
        <v>65316</v>
      </c>
      <c r="B47342" t="s">
        <v>65321</v>
      </c>
      <c r="C47342">
        <v>1</v>
      </c>
      <c r="D47342">
        <v>0</v>
      </c>
    </row>
    <row r="47343" spans="1:4" x14ac:dyDescent="0.25">
      <c r="A47343" t="s">
        <v>65316</v>
      </c>
      <c r="B47343" t="s">
        <v>65322</v>
      </c>
      <c r="C47343">
        <v>1</v>
      </c>
      <c r="D47343">
        <v>0</v>
      </c>
    </row>
    <row r="47344" spans="1:4" x14ac:dyDescent="0.25">
      <c r="A47344" t="s">
        <v>65316</v>
      </c>
      <c r="B47344" t="s">
        <v>65323</v>
      </c>
      <c r="C47344">
        <v>1</v>
      </c>
      <c r="D47344">
        <v>0</v>
      </c>
    </row>
    <row r="47345" spans="1:4" x14ac:dyDescent="0.25">
      <c r="A47345" t="s">
        <v>65316</v>
      </c>
      <c r="B47345" t="s">
        <v>65324</v>
      </c>
      <c r="C47345">
        <v>0</v>
      </c>
      <c r="D47345">
        <v>0</v>
      </c>
    </row>
    <row r="47346" spans="1:4" x14ac:dyDescent="0.25">
      <c r="A47346" t="s">
        <v>65316</v>
      </c>
      <c r="B47346" t="s">
        <v>65325</v>
      </c>
      <c r="C47346">
        <v>1</v>
      </c>
      <c r="D47346">
        <v>0</v>
      </c>
    </row>
    <row r="47347" spans="1:4" x14ac:dyDescent="0.25">
      <c r="A47347" t="s">
        <v>65326</v>
      </c>
      <c r="B47347" t="s">
        <v>65327</v>
      </c>
      <c r="C47347">
        <v>0</v>
      </c>
      <c r="D47347">
        <v>0</v>
      </c>
    </row>
    <row r="47348" spans="1:4" x14ac:dyDescent="0.25">
      <c r="A47348" t="s">
        <v>65326</v>
      </c>
      <c r="B47348" t="s">
        <v>65328</v>
      </c>
      <c r="C47348">
        <v>0</v>
      </c>
      <c r="D47348">
        <v>0</v>
      </c>
    </row>
    <row r="47349" spans="1:4" x14ac:dyDescent="0.25">
      <c r="A47349" t="s">
        <v>65326</v>
      </c>
      <c r="B47349" t="s">
        <v>65329</v>
      </c>
      <c r="C47349">
        <v>0</v>
      </c>
      <c r="D47349">
        <v>0</v>
      </c>
    </row>
    <row r="47350" spans="1:4" x14ac:dyDescent="0.25">
      <c r="A47350" t="s">
        <v>65326</v>
      </c>
      <c r="B47350" t="s">
        <v>65330</v>
      </c>
      <c r="C47350">
        <v>2</v>
      </c>
      <c r="D47350">
        <v>0</v>
      </c>
    </row>
    <row r="47351" spans="1:4" x14ac:dyDescent="0.25">
      <c r="A47351" t="s">
        <v>65331</v>
      </c>
      <c r="B47351" t="s">
        <v>65332</v>
      </c>
      <c r="C47351">
        <v>1</v>
      </c>
      <c r="D47351">
        <v>0</v>
      </c>
    </row>
    <row r="47352" spans="1:4" x14ac:dyDescent="0.25">
      <c r="A47352" t="s">
        <v>65331</v>
      </c>
      <c r="B47352" t="s">
        <v>1294</v>
      </c>
      <c r="C47352">
        <v>1</v>
      </c>
      <c r="D47352">
        <v>0</v>
      </c>
    </row>
    <row r="47353" spans="1:4" x14ac:dyDescent="0.25">
      <c r="A47353" t="s">
        <v>65331</v>
      </c>
      <c r="B47353" t="s">
        <v>65333</v>
      </c>
      <c r="C47353">
        <v>1</v>
      </c>
      <c r="D47353">
        <v>0</v>
      </c>
    </row>
    <row r="47354" spans="1:4" x14ac:dyDescent="0.25">
      <c r="A47354" t="s">
        <v>65331</v>
      </c>
      <c r="B47354" t="s">
        <v>5434</v>
      </c>
      <c r="C47354">
        <v>1</v>
      </c>
      <c r="D47354">
        <v>0</v>
      </c>
    </row>
    <row r="47355" spans="1:4" x14ac:dyDescent="0.25">
      <c r="A47355" t="s">
        <v>65334</v>
      </c>
      <c r="B47355" t="s">
        <v>1001</v>
      </c>
      <c r="C47355">
        <v>1</v>
      </c>
      <c r="D47355">
        <v>0</v>
      </c>
    </row>
    <row r="47356" spans="1:4" x14ac:dyDescent="0.25">
      <c r="A47356" t="s">
        <v>65335</v>
      </c>
      <c r="B47356" t="s">
        <v>65336</v>
      </c>
      <c r="C47356">
        <v>1</v>
      </c>
      <c r="D47356">
        <v>0</v>
      </c>
    </row>
    <row r="47357" spans="1:4" x14ac:dyDescent="0.25">
      <c r="A47357" t="s">
        <v>65335</v>
      </c>
      <c r="B47357" t="s">
        <v>46564</v>
      </c>
      <c r="C47357">
        <v>1</v>
      </c>
      <c r="D47357">
        <v>0</v>
      </c>
    </row>
    <row r="47358" spans="1:4" x14ac:dyDescent="0.25">
      <c r="A47358" t="s">
        <v>65335</v>
      </c>
      <c r="B47358" t="s">
        <v>65337</v>
      </c>
      <c r="C47358">
        <v>1</v>
      </c>
      <c r="D47358">
        <v>0</v>
      </c>
    </row>
    <row r="47359" spans="1:4" x14ac:dyDescent="0.25">
      <c r="A47359" t="s">
        <v>65338</v>
      </c>
      <c r="B47359" t="s">
        <v>65339</v>
      </c>
      <c r="C47359">
        <v>1</v>
      </c>
      <c r="D47359">
        <v>0</v>
      </c>
    </row>
    <row r="47360" spans="1:4" x14ac:dyDescent="0.25">
      <c r="A47360" t="s">
        <v>65338</v>
      </c>
      <c r="B47360" t="s">
        <v>65340</v>
      </c>
      <c r="C47360">
        <v>0</v>
      </c>
      <c r="D47360">
        <v>0</v>
      </c>
    </row>
    <row r="47361" spans="1:4" x14ac:dyDescent="0.25">
      <c r="A47361" t="s">
        <v>65338</v>
      </c>
      <c r="B47361" t="s">
        <v>65341</v>
      </c>
      <c r="C47361">
        <v>1</v>
      </c>
      <c r="D47361">
        <v>0</v>
      </c>
    </row>
    <row r="47362" spans="1:4" x14ac:dyDescent="0.25">
      <c r="A47362" t="s">
        <v>65338</v>
      </c>
      <c r="B47362" t="s">
        <v>65342</v>
      </c>
      <c r="C47362">
        <v>1</v>
      </c>
      <c r="D47362">
        <v>0</v>
      </c>
    </row>
    <row r="47363" spans="1:4" x14ac:dyDescent="0.25">
      <c r="A47363" t="s">
        <v>65338</v>
      </c>
      <c r="B47363" t="s">
        <v>65343</v>
      </c>
      <c r="C47363">
        <v>2</v>
      </c>
      <c r="D47363">
        <v>0</v>
      </c>
    </row>
    <row r="47364" spans="1:4" x14ac:dyDescent="0.25">
      <c r="A47364" t="s">
        <v>65344</v>
      </c>
      <c r="B47364" t="s">
        <v>65345</v>
      </c>
      <c r="C47364">
        <v>1</v>
      </c>
      <c r="D47364">
        <v>0</v>
      </c>
    </row>
    <row r="47365" spans="1:4" x14ac:dyDescent="0.25">
      <c r="A47365" t="s">
        <v>65344</v>
      </c>
      <c r="B47365" t="s">
        <v>65346</v>
      </c>
      <c r="C47365">
        <v>2</v>
      </c>
      <c r="D47365">
        <v>0</v>
      </c>
    </row>
    <row r="47366" spans="1:4" x14ac:dyDescent="0.25">
      <c r="A47366" t="s">
        <v>65347</v>
      </c>
      <c r="B47366" t="s">
        <v>65348</v>
      </c>
      <c r="C47366">
        <v>0</v>
      </c>
      <c r="D47366">
        <v>0</v>
      </c>
    </row>
    <row r="47367" spans="1:4" x14ac:dyDescent="0.25">
      <c r="A47367" t="s">
        <v>65349</v>
      </c>
      <c r="B47367" t="s">
        <v>65350</v>
      </c>
      <c r="C47367">
        <v>2</v>
      </c>
      <c r="D47367">
        <v>0</v>
      </c>
    </row>
    <row r="47368" spans="1:4" x14ac:dyDescent="0.25">
      <c r="A47368" t="s">
        <v>65349</v>
      </c>
      <c r="B47368" t="s">
        <v>65351</v>
      </c>
      <c r="C47368">
        <v>0</v>
      </c>
      <c r="D47368">
        <v>0</v>
      </c>
    </row>
    <row r="47369" spans="1:4" x14ac:dyDescent="0.25">
      <c r="A47369" t="s">
        <v>65349</v>
      </c>
      <c r="B47369" t="s">
        <v>65352</v>
      </c>
      <c r="C47369">
        <v>1</v>
      </c>
      <c r="D47369">
        <v>0</v>
      </c>
    </row>
    <row r="47370" spans="1:4" x14ac:dyDescent="0.25">
      <c r="A47370" t="s">
        <v>65349</v>
      </c>
      <c r="B47370" t="s">
        <v>65353</v>
      </c>
      <c r="C47370">
        <v>0</v>
      </c>
      <c r="D47370">
        <v>0</v>
      </c>
    </row>
    <row r="47371" spans="1:4" x14ac:dyDescent="0.25">
      <c r="A47371" t="s">
        <v>65349</v>
      </c>
      <c r="B47371" t="s">
        <v>65354</v>
      </c>
      <c r="C47371">
        <v>0</v>
      </c>
      <c r="D47371">
        <v>0</v>
      </c>
    </row>
    <row r="47372" spans="1:4" x14ac:dyDescent="0.25">
      <c r="A47372" t="s">
        <v>65349</v>
      </c>
      <c r="B47372" t="s">
        <v>65355</v>
      </c>
      <c r="C47372">
        <v>2</v>
      </c>
      <c r="D47372">
        <v>0</v>
      </c>
    </row>
    <row r="47373" spans="1:4" x14ac:dyDescent="0.25">
      <c r="A47373" t="s">
        <v>65356</v>
      </c>
      <c r="B47373" t="s">
        <v>65357</v>
      </c>
      <c r="C47373">
        <v>0</v>
      </c>
      <c r="D47373">
        <v>0</v>
      </c>
    </row>
    <row r="47374" spans="1:4" x14ac:dyDescent="0.25">
      <c r="A47374" t="s">
        <v>65356</v>
      </c>
      <c r="B47374" t="s">
        <v>65358</v>
      </c>
      <c r="C47374">
        <v>2</v>
      </c>
      <c r="D47374">
        <v>0</v>
      </c>
    </row>
    <row r="47375" spans="1:4" x14ac:dyDescent="0.25">
      <c r="A47375" t="s">
        <v>65356</v>
      </c>
      <c r="B47375" t="s">
        <v>65359</v>
      </c>
      <c r="C47375">
        <v>2</v>
      </c>
      <c r="D47375">
        <v>0</v>
      </c>
    </row>
    <row r="47376" spans="1:4" x14ac:dyDescent="0.25">
      <c r="A47376" t="s">
        <v>65356</v>
      </c>
      <c r="B47376" t="s">
        <v>65360</v>
      </c>
      <c r="C47376">
        <v>1</v>
      </c>
      <c r="D47376">
        <v>0</v>
      </c>
    </row>
    <row r="47377" spans="1:4" x14ac:dyDescent="0.25">
      <c r="A47377" t="s">
        <v>65356</v>
      </c>
      <c r="B47377" t="s">
        <v>65361</v>
      </c>
      <c r="C47377">
        <v>0</v>
      </c>
      <c r="D47377">
        <v>0</v>
      </c>
    </row>
    <row r="47378" spans="1:4" x14ac:dyDescent="0.25">
      <c r="A47378" t="s">
        <v>65356</v>
      </c>
      <c r="B47378" t="s">
        <v>65362</v>
      </c>
      <c r="C47378">
        <v>0</v>
      </c>
      <c r="D47378">
        <v>0</v>
      </c>
    </row>
    <row r="47379" spans="1:4" x14ac:dyDescent="0.25">
      <c r="A47379" t="s">
        <v>65356</v>
      </c>
      <c r="B47379" t="s">
        <v>65363</v>
      </c>
      <c r="C47379">
        <v>2</v>
      </c>
      <c r="D47379">
        <v>0</v>
      </c>
    </row>
    <row r="47380" spans="1:4" x14ac:dyDescent="0.25">
      <c r="A47380" t="s">
        <v>65356</v>
      </c>
      <c r="B47380" t="s">
        <v>65364</v>
      </c>
      <c r="C47380">
        <v>1</v>
      </c>
      <c r="D47380">
        <v>0</v>
      </c>
    </row>
    <row r="47381" spans="1:4" x14ac:dyDescent="0.25">
      <c r="A47381" t="s">
        <v>65356</v>
      </c>
      <c r="B47381" t="s">
        <v>19284</v>
      </c>
      <c r="C47381">
        <v>0</v>
      </c>
      <c r="D47381">
        <v>0</v>
      </c>
    </row>
    <row r="47382" spans="1:4" x14ac:dyDescent="0.25">
      <c r="A47382" t="s">
        <v>65356</v>
      </c>
      <c r="B47382" t="s">
        <v>19284</v>
      </c>
      <c r="C47382">
        <v>1</v>
      </c>
      <c r="D47382">
        <v>0</v>
      </c>
    </row>
    <row r="47383" spans="1:4" x14ac:dyDescent="0.25">
      <c r="A47383" t="s">
        <v>65356</v>
      </c>
      <c r="B47383" t="s">
        <v>65365</v>
      </c>
      <c r="C47383">
        <v>2</v>
      </c>
      <c r="D47383">
        <v>0</v>
      </c>
    </row>
    <row r="47384" spans="1:4" x14ac:dyDescent="0.25">
      <c r="A47384" t="s">
        <v>65366</v>
      </c>
      <c r="B47384" t="s">
        <v>65367</v>
      </c>
      <c r="C47384">
        <v>0</v>
      </c>
      <c r="D47384">
        <v>0</v>
      </c>
    </row>
    <row r="47385" spans="1:4" x14ac:dyDescent="0.25">
      <c r="A47385" t="s">
        <v>65366</v>
      </c>
      <c r="B47385" t="s">
        <v>65368</v>
      </c>
      <c r="C47385">
        <v>0</v>
      </c>
      <c r="D47385">
        <v>0</v>
      </c>
    </row>
    <row r="47386" spans="1:4" x14ac:dyDescent="0.25">
      <c r="A47386" t="s">
        <v>65366</v>
      </c>
      <c r="B47386" t="s">
        <v>65369</v>
      </c>
      <c r="C47386">
        <v>0</v>
      </c>
      <c r="D47386">
        <v>0</v>
      </c>
    </row>
    <row r="47387" spans="1:4" x14ac:dyDescent="0.25">
      <c r="A47387" t="s">
        <v>65366</v>
      </c>
      <c r="B47387" t="s">
        <v>65370</v>
      </c>
      <c r="C47387">
        <v>0</v>
      </c>
      <c r="D47387">
        <v>0</v>
      </c>
    </row>
    <row r="47388" spans="1:4" x14ac:dyDescent="0.25">
      <c r="A47388" t="s">
        <v>65366</v>
      </c>
      <c r="B47388" t="s">
        <v>65371</v>
      </c>
      <c r="C47388">
        <v>0</v>
      </c>
      <c r="D47388">
        <v>0</v>
      </c>
    </row>
    <row r="47389" spans="1:4" x14ac:dyDescent="0.25">
      <c r="A47389" t="s">
        <v>65366</v>
      </c>
      <c r="B47389" t="s">
        <v>51226</v>
      </c>
      <c r="C47389">
        <v>1</v>
      </c>
      <c r="D47389">
        <v>0</v>
      </c>
    </row>
    <row r="47390" spans="1:4" x14ac:dyDescent="0.25">
      <c r="A47390" t="s">
        <v>65372</v>
      </c>
      <c r="B47390" t="s">
        <v>65373</v>
      </c>
      <c r="C47390">
        <v>1</v>
      </c>
      <c r="D47390">
        <v>0</v>
      </c>
    </row>
    <row r="47391" spans="1:4" x14ac:dyDescent="0.25">
      <c r="A47391" t="s">
        <v>65374</v>
      </c>
      <c r="B47391" t="s">
        <v>65375</v>
      </c>
      <c r="C47391">
        <v>1</v>
      </c>
      <c r="D47391">
        <v>0</v>
      </c>
    </row>
    <row r="47392" spans="1:4" x14ac:dyDescent="0.25">
      <c r="A47392" t="s">
        <v>65374</v>
      </c>
      <c r="B47392" t="s">
        <v>65376</v>
      </c>
      <c r="C47392">
        <v>0</v>
      </c>
      <c r="D47392">
        <v>0</v>
      </c>
    </row>
    <row r="47393" spans="1:4" x14ac:dyDescent="0.25">
      <c r="A47393" t="s">
        <v>65377</v>
      </c>
      <c r="B47393" t="s">
        <v>65378</v>
      </c>
      <c r="C47393">
        <v>1</v>
      </c>
      <c r="D47393">
        <v>0</v>
      </c>
    </row>
    <row r="47394" spans="1:4" x14ac:dyDescent="0.25">
      <c r="A47394" t="s">
        <v>65377</v>
      </c>
      <c r="B47394" t="s">
        <v>65379</v>
      </c>
      <c r="C47394">
        <v>1</v>
      </c>
      <c r="D47394">
        <v>0</v>
      </c>
    </row>
    <row r="47395" spans="1:4" x14ac:dyDescent="0.25">
      <c r="A47395" t="s">
        <v>65377</v>
      </c>
      <c r="B47395" t="s">
        <v>65380</v>
      </c>
      <c r="C47395">
        <v>2</v>
      </c>
      <c r="D47395">
        <v>0</v>
      </c>
    </row>
    <row r="47396" spans="1:4" x14ac:dyDescent="0.25">
      <c r="A47396" t="s">
        <v>65377</v>
      </c>
      <c r="B47396" t="s">
        <v>65381</v>
      </c>
      <c r="C47396">
        <v>1</v>
      </c>
      <c r="D47396">
        <v>0</v>
      </c>
    </row>
    <row r="47397" spans="1:4" x14ac:dyDescent="0.25">
      <c r="A47397" t="s">
        <v>65377</v>
      </c>
      <c r="B47397" t="s">
        <v>65382</v>
      </c>
      <c r="C47397">
        <v>1</v>
      </c>
      <c r="D47397">
        <v>0</v>
      </c>
    </row>
    <row r="47398" spans="1:4" x14ac:dyDescent="0.25">
      <c r="A47398" t="s">
        <v>65377</v>
      </c>
      <c r="B47398" t="s">
        <v>65383</v>
      </c>
      <c r="C47398">
        <v>1</v>
      </c>
      <c r="D47398">
        <v>0</v>
      </c>
    </row>
    <row r="47399" spans="1:4" x14ac:dyDescent="0.25">
      <c r="A47399" t="s">
        <v>65377</v>
      </c>
      <c r="B47399" t="s">
        <v>65384</v>
      </c>
      <c r="C47399">
        <v>1</v>
      </c>
      <c r="D47399">
        <v>0</v>
      </c>
    </row>
    <row r="47400" spans="1:4" x14ac:dyDescent="0.25">
      <c r="A47400" t="s">
        <v>65377</v>
      </c>
      <c r="B47400" t="s">
        <v>65385</v>
      </c>
      <c r="C47400">
        <v>1</v>
      </c>
      <c r="D47400">
        <v>0</v>
      </c>
    </row>
    <row r="47401" spans="1:4" x14ac:dyDescent="0.25">
      <c r="A47401" t="s">
        <v>65386</v>
      </c>
      <c r="B47401" t="s">
        <v>65284</v>
      </c>
      <c r="C47401">
        <v>1</v>
      </c>
      <c r="D47401">
        <v>0</v>
      </c>
    </row>
    <row r="47402" spans="1:4" x14ac:dyDescent="0.25">
      <c r="A47402" t="s">
        <v>65386</v>
      </c>
      <c r="B47402" t="s">
        <v>12032</v>
      </c>
      <c r="C47402">
        <v>1</v>
      </c>
      <c r="D47402">
        <v>0</v>
      </c>
    </row>
    <row r="47403" spans="1:4" x14ac:dyDescent="0.25">
      <c r="A47403" t="s">
        <v>65386</v>
      </c>
      <c r="B47403" t="s">
        <v>65387</v>
      </c>
      <c r="C47403">
        <v>1</v>
      </c>
      <c r="D47403">
        <v>0</v>
      </c>
    </row>
    <row r="47404" spans="1:4" x14ac:dyDescent="0.25">
      <c r="A47404" t="s">
        <v>65388</v>
      </c>
      <c r="B47404" t="s">
        <v>65389</v>
      </c>
      <c r="C47404">
        <v>0</v>
      </c>
      <c r="D47404">
        <v>0</v>
      </c>
    </row>
    <row r="47405" spans="1:4" x14ac:dyDescent="0.25">
      <c r="A47405" t="s">
        <v>65388</v>
      </c>
      <c r="B47405" t="s">
        <v>65390</v>
      </c>
      <c r="C47405">
        <v>0</v>
      </c>
      <c r="D47405">
        <v>0</v>
      </c>
    </row>
    <row r="47406" spans="1:4" x14ac:dyDescent="0.25">
      <c r="A47406" t="s">
        <v>65391</v>
      </c>
      <c r="B47406" t="s">
        <v>65392</v>
      </c>
      <c r="C47406">
        <v>1</v>
      </c>
      <c r="D47406">
        <v>0</v>
      </c>
    </row>
    <row r="47407" spans="1:4" x14ac:dyDescent="0.25">
      <c r="A47407" t="s">
        <v>65391</v>
      </c>
      <c r="B47407" t="s">
        <v>65393</v>
      </c>
      <c r="C47407">
        <v>0</v>
      </c>
      <c r="D47407">
        <v>0</v>
      </c>
    </row>
    <row r="47408" spans="1:4" x14ac:dyDescent="0.25">
      <c r="A47408" t="s">
        <v>65391</v>
      </c>
      <c r="B47408" t="s">
        <v>65394</v>
      </c>
      <c r="C47408">
        <v>1</v>
      </c>
      <c r="D47408">
        <v>0</v>
      </c>
    </row>
    <row r="47409" spans="1:4" x14ac:dyDescent="0.25">
      <c r="A47409" t="s">
        <v>65391</v>
      </c>
      <c r="B47409" t="s">
        <v>65395</v>
      </c>
      <c r="C47409">
        <v>0</v>
      </c>
      <c r="D47409">
        <v>0</v>
      </c>
    </row>
    <row r="47410" spans="1:4" x14ac:dyDescent="0.25">
      <c r="A47410" t="s">
        <v>65396</v>
      </c>
      <c r="B47410" t="s">
        <v>65397</v>
      </c>
      <c r="C47410">
        <v>1</v>
      </c>
      <c r="D47410">
        <v>0</v>
      </c>
    </row>
    <row r="47411" spans="1:4" x14ac:dyDescent="0.25">
      <c r="A47411" t="s">
        <v>65396</v>
      </c>
      <c r="B47411" t="s">
        <v>65398</v>
      </c>
      <c r="C47411">
        <v>1</v>
      </c>
      <c r="D47411">
        <v>0</v>
      </c>
    </row>
    <row r="47412" spans="1:4" x14ac:dyDescent="0.25">
      <c r="A47412" t="s">
        <v>65399</v>
      </c>
      <c r="B47412" t="s">
        <v>65400</v>
      </c>
      <c r="C47412">
        <v>1</v>
      </c>
      <c r="D47412">
        <v>0</v>
      </c>
    </row>
    <row r="47413" spans="1:4" x14ac:dyDescent="0.25">
      <c r="A47413" t="s">
        <v>65399</v>
      </c>
      <c r="B47413" t="s">
        <v>65401</v>
      </c>
      <c r="C47413">
        <v>0</v>
      </c>
      <c r="D47413">
        <v>0</v>
      </c>
    </row>
    <row r="47414" spans="1:4" x14ac:dyDescent="0.25">
      <c r="A47414" t="s">
        <v>65399</v>
      </c>
      <c r="B47414" t="s">
        <v>65402</v>
      </c>
      <c r="C47414">
        <v>0</v>
      </c>
      <c r="D47414">
        <v>0</v>
      </c>
    </row>
    <row r="47415" spans="1:4" x14ac:dyDescent="0.25">
      <c r="A47415" t="s">
        <v>65399</v>
      </c>
      <c r="B47415" t="s">
        <v>65403</v>
      </c>
      <c r="C47415">
        <v>2</v>
      </c>
      <c r="D47415">
        <v>0</v>
      </c>
    </row>
    <row r="47416" spans="1:4" x14ac:dyDescent="0.25">
      <c r="A47416" t="s">
        <v>65399</v>
      </c>
      <c r="B47416" t="s">
        <v>65404</v>
      </c>
      <c r="C47416">
        <v>2</v>
      </c>
      <c r="D47416">
        <v>0</v>
      </c>
    </row>
    <row r="47417" spans="1:4" x14ac:dyDescent="0.25">
      <c r="A47417" t="s">
        <v>65399</v>
      </c>
      <c r="B47417" t="s">
        <v>65405</v>
      </c>
      <c r="C47417">
        <v>1</v>
      </c>
      <c r="D47417">
        <v>0</v>
      </c>
    </row>
    <row r="47418" spans="1:4" x14ac:dyDescent="0.25">
      <c r="A47418" t="s">
        <v>65406</v>
      </c>
      <c r="B47418" t="s">
        <v>65407</v>
      </c>
      <c r="C47418">
        <v>0</v>
      </c>
      <c r="D47418">
        <v>0</v>
      </c>
    </row>
    <row r="47419" spans="1:4" x14ac:dyDescent="0.25">
      <c r="A47419" t="s">
        <v>65406</v>
      </c>
      <c r="B47419" t="s">
        <v>65408</v>
      </c>
      <c r="C47419">
        <v>1</v>
      </c>
      <c r="D47419">
        <v>0</v>
      </c>
    </row>
    <row r="47420" spans="1:4" x14ac:dyDescent="0.25">
      <c r="A47420" t="s">
        <v>65409</v>
      </c>
      <c r="B47420" t="s">
        <v>47872</v>
      </c>
      <c r="C47420">
        <v>1</v>
      </c>
      <c r="D47420">
        <v>0</v>
      </c>
    </row>
    <row r="47421" spans="1:4" x14ac:dyDescent="0.25">
      <c r="A47421" t="s">
        <v>65409</v>
      </c>
      <c r="B47421" t="s">
        <v>65410</v>
      </c>
      <c r="C47421">
        <v>1</v>
      </c>
      <c r="D47421">
        <v>0</v>
      </c>
    </row>
    <row r="47422" spans="1:4" x14ac:dyDescent="0.25">
      <c r="A47422" t="s">
        <v>65409</v>
      </c>
      <c r="B47422" t="s">
        <v>2704</v>
      </c>
      <c r="C47422">
        <v>1</v>
      </c>
      <c r="D47422">
        <v>0</v>
      </c>
    </row>
    <row r="47423" spans="1:4" x14ac:dyDescent="0.25">
      <c r="A47423" t="s">
        <v>65409</v>
      </c>
      <c r="B47423" t="s">
        <v>65411</v>
      </c>
      <c r="C47423">
        <v>1</v>
      </c>
      <c r="D47423">
        <v>0</v>
      </c>
    </row>
    <row r="47424" spans="1:4" x14ac:dyDescent="0.25">
      <c r="A47424" t="s">
        <v>65409</v>
      </c>
      <c r="B47424" t="s">
        <v>35123</v>
      </c>
      <c r="C47424">
        <v>1</v>
      </c>
      <c r="D47424">
        <v>0</v>
      </c>
    </row>
    <row r="47425" spans="1:4" x14ac:dyDescent="0.25">
      <c r="A47425" t="s">
        <v>65409</v>
      </c>
      <c r="B47425" t="s">
        <v>65412</v>
      </c>
      <c r="C47425">
        <v>1</v>
      </c>
      <c r="D47425">
        <v>0</v>
      </c>
    </row>
    <row r="47426" spans="1:4" x14ac:dyDescent="0.25">
      <c r="A47426" t="s">
        <v>65409</v>
      </c>
      <c r="B47426" t="s">
        <v>65413</v>
      </c>
      <c r="C47426">
        <v>1</v>
      </c>
      <c r="D47426">
        <v>0</v>
      </c>
    </row>
    <row r="47427" spans="1:4" x14ac:dyDescent="0.25">
      <c r="A47427" t="s">
        <v>65409</v>
      </c>
      <c r="B47427" t="s">
        <v>65414</v>
      </c>
      <c r="C47427">
        <v>1</v>
      </c>
      <c r="D47427">
        <v>0</v>
      </c>
    </row>
    <row r="47428" spans="1:4" x14ac:dyDescent="0.25">
      <c r="A47428" t="s">
        <v>65415</v>
      </c>
      <c r="B47428" t="s">
        <v>65416</v>
      </c>
      <c r="C47428">
        <v>1</v>
      </c>
      <c r="D47428">
        <v>0</v>
      </c>
    </row>
    <row r="47429" spans="1:4" x14ac:dyDescent="0.25">
      <c r="A47429" t="s">
        <v>65415</v>
      </c>
      <c r="B47429" t="s">
        <v>65417</v>
      </c>
      <c r="C47429">
        <v>1</v>
      </c>
      <c r="D47429">
        <v>0</v>
      </c>
    </row>
    <row r="47430" spans="1:4" x14ac:dyDescent="0.25">
      <c r="A47430" t="s">
        <v>65418</v>
      </c>
      <c r="B47430" t="s">
        <v>65419</v>
      </c>
      <c r="C47430">
        <v>1</v>
      </c>
      <c r="D47430">
        <v>0</v>
      </c>
    </row>
    <row r="47431" spans="1:4" x14ac:dyDescent="0.25">
      <c r="A47431" t="s">
        <v>65420</v>
      </c>
      <c r="B47431" t="s">
        <v>65421</v>
      </c>
      <c r="C47431">
        <v>1</v>
      </c>
      <c r="D47431">
        <v>0</v>
      </c>
    </row>
    <row r="47432" spans="1:4" x14ac:dyDescent="0.25">
      <c r="A47432" t="s">
        <v>65420</v>
      </c>
      <c r="B47432" t="s">
        <v>65422</v>
      </c>
      <c r="C47432">
        <v>1</v>
      </c>
      <c r="D47432">
        <v>0</v>
      </c>
    </row>
    <row r="47433" spans="1:4" x14ac:dyDescent="0.25">
      <c r="A47433" t="s">
        <v>65420</v>
      </c>
      <c r="B47433" t="s">
        <v>65423</v>
      </c>
      <c r="C47433">
        <v>0</v>
      </c>
      <c r="D47433">
        <v>0</v>
      </c>
    </row>
    <row r="47434" spans="1:4" x14ac:dyDescent="0.25">
      <c r="A47434" t="s">
        <v>65420</v>
      </c>
      <c r="B47434" t="s">
        <v>65424</v>
      </c>
      <c r="C47434">
        <v>1</v>
      </c>
      <c r="D47434">
        <v>0</v>
      </c>
    </row>
    <row r="47435" spans="1:4" x14ac:dyDescent="0.25">
      <c r="A47435" t="s">
        <v>65420</v>
      </c>
      <c r="B47435" t="s">
        <v>65425</v>
      </c>
      <c r="C47435">
        <v>2</v>
      </c>
      <c r="D47435">
        <v>0</v>
      </c>
    </row>
    <row r="47436" spans="1:4" x14ac:dyDescent="0.25">
      <c r="A47436" t="s">
        <v>65420</v>
      </c>
      <c r="B47436" t="s">
        <v>65426</v>
      </c>
      <c r="C47436">
        <v>1</v>
      </c>
      <c r="D47436">
        <v>0</v>
      </c>
    </row>
    <row r="47437" spans="1:4" x14ac:dyDescent="0.25">
      <c r="A47437" t="s">
        <v>65420</v>
      </c>
      <c r="B47437" t="s">
        <v>65427</v>
      </c>
      <c r="C47437">
        <v>1</v>
      </c>
      <c r="D47437">
        <v>0</v>
      </c>
    </row>
    <row r="47438" spans="1:4" x14ac:dyDescent="0.25">
      <c r="A47438" t="s">
        <v>65420</v>
      </c>
      <c r="B47438" t="s">
        <v>65428</v>
      </c>
      <c r="C47438">
        <v>1</v>
      </c>
      <c r="D47438">
        <v>0</v>
      </c>
    </row>
    <row r="47439" spans="1:4" x14ac:dyDescent="0.25">
      <c r="A47439" t="s">
        <v>65420</v>
      </c>
      <c r="B47439" t="s">
        <v>65429</v>
      </c>
      <c r="C47439">
        <v>0</v>
      </c>
      <c r="D47439">
        <v>0</v>
      </c>
    </row>
    <row r="47440" spans="1:4" x14ac:dyDescent="0.25">
      <c r="A47440" t="s">
        <v>65430</v>
      </c>
      <c r="B47440" t="s">
        <v>65431</v>
      </c>
      <c r="C47440">
        <v>0</v>
      </c>
      <c r="D47440">
        <v>0</v>
      </c>
    </row>
    <row r="47441" spans="1:4" x14ac:dyDescent="0.25">
      <c r="A47441" t="s">
        <v>65430</v>
      </c>
      <c r="B47441" t="s">
        <v>65432</v>
      </c>
      <c r="C47441">
        <v>1</v>
      </c>
      <c r="D47441">
        <v>0</v>
      </c>
    </row>
    <row r="47442" spans="1:4" x14ac:dyDescent="0.25">
      <c r="A47442" t="s">
        <v>65430</v>
      </c>
      <c r="B47442" t="s">
        <v>65433</v>
      </c>
      <c r="C47442">
        <v>0</v>
      </c>
      <c r="D47442">
        <v>0</v>
      </c>
    </row>
    <row r="47443" spans="1:4" x14ac:dyDescent="0.25">
      <c r="A47443" t="s">
        <v>65430</v>
      </c>
      <c r="B47443" t="s">
        <v>65434</v>
      </c>
      <c r="C47443">
        <v>0</v>
      </c>
      <c r="D47443">
        <v>0</v>
      </c>
    </row>
    <row r="47444" spans="1:4" x14ac:dyDescent="0.25">
      <c r="A47444" t="s">
        <v>65435</v>
      </c>
      <c r="B47444" t="s">
        <v>65436</v>
      </c>
      <c r="C47444">
        <v>0</v>
      </c>
      <c r="D47444">
        <v>0</v>
      </c>
    </row>
    <row r="47445" spans="1:4" x14ac:dyDescent="0.25">
      <c r="A47445" t="s">
        <v>65435</v>
      </c>
      <c r="B47445" t="s">
        <v>65437</v>
      </c>
      <c r="C47445">
        <v>0</v>
      </c>
      <c r="D47445">
        <v>0</v>
      </c>
    </row>
    <row r="47446" spans="1:4" x14ac:dyDescent="0.25">
      <c r="A47446" t="s">
        <v>65435</v>
      </c>
      <c r="B47446" t="s">
        <v>65438</v>
      </c>
      <c r="C47446">
        <v>0</v>
      </c>
      <c r="D47446">
        <v>0</v>
      </c>
    </row>
    <row r="47447" spans="1:4" x14ac:dyDescent="0.25">
      <c r="A47447" t="s">
        <v>65435</v>
      </c>
      <c r="B47447" t="s">
        <v>65439</v>
      </c>
      <c r="C47447">
        <v>1</v>
      </c>
      <c r="D47447">
        <v>0</v>
      </c>
    </row>
    <row r="47448" spans="1:4" x14ac:dyDescent="0.25">
      <c r="A47448" t="s">
        <v>65435</v>
      </c>
      <c r="B47448" t="s">
        <v>65440</v>
      </c>
      <c r="C47448">
        <v>1</v>
      </c>
      <c r="D47448">
        <v>0</v>
      </c>
    </row>
    <row r="47449" spans="1:4" x14ac:dyDescent="0.25">
      <c r="A47449" t="s">
        <v>65441</v>
      </c>
      <c r="B47449" t="s">
        <v>65442</v>
      </c>
      <c r="C47449">
        <v>1</v>
      </c>
      <c r="D47449">
        <v>0</v>
      </c>
    </row>
    <row r="47450" spans="1:4" x14ac:dyDescent="0.25">
      <c r="A47450" t="s">
        <v>65443</v>
      </c>
      <c r="B47450" t="s">
        <v>65444</v>
      </c>
      <c r="C47450">
        <v>1</v>
      </c>
      <c r="D47450">
        <v>0</v>
      </c>
    </row>
    <row r="47451" spans="1:4" x14ac:dyDescent="0.25">
      <c r="A47451" t="s">
        <v>65443</v>
      </c>
      <c r="B47451" t="s">
        <v>65445</v>
      </c>
      <c r="C47451">
        <v>1</v>
      </c>
      <c r="D47451">
        <v>0</v>
      </c>
    </row>
    <row r="47452" spans="1:4" x14ac:dyDescent="0.25">
      <c r="A47452" t="s">
        <v>65443</v>
      </c>
      <c r="B47452" t="s">
        <v>65446</v>
      </c>
      <c r="C47452">
        <v>1</v>
      </c>
      <c r="D47452">
        <v>0</v>
      </c>
    </row>
    <row r="47453" spans="1:4" x14ac:dyDescent="0.25">
      <c r="A47453" t="s">
        <v>65443</v>
      </c>
      <c r="B47453" t="s">
        <v>65447</v>
      </c>
      <c r="C47453">
        <v>1</v>
      </c>
      <c r="D47453">
        <v>0</v>
      </c>
    </row>
    <row r="47454" spans="1:4" x14ac:dyDescent="0.25">
      <c r="A47454" t="s">
        <v>65448</v>
      </c>
      <c r="B47454" t="s">
        <v>65449</v>
      </c>
      <c r="C47454">
        <v>0</v>
      </c>
      <c r="D47454">
        <v>0</v>
      </c>
    </row>
    <row r="47455" spans="1:4" x14ac:dyDescent="0.25">
      <c r="A47455" t="s">
        <v>65448</v>
      </c>
      <c r="B47455" t="s">
        <v>65450</v>
      </c>
      <c r="C47455">
        <v>0</v>
      </c>
      <c r="D47455">
        <v>0</v>
      </c>
    </row>
    <row r="47456" spans="1:4" x14ac:dyDescent="0.25">
      <c r="A47456" t="s">
        <v>65451</v>
      </c>
      <c r="B47456" t="s">
        <v>65452</v>
      </c>
      <c r="C47456">
        <v>0</v>
      </c>
      <c r="D47456">
        <v>0</v>
      </c>
    </row>
    <row r="47457" spans="1:4" x14ac:dyDescent="0.25">
      <c r="A47457" t="s">
        <v>65451</v>
      </c>
      <c r="B47457" t="s">
        <v>65453</v>
      </c>
      <c r="C47457">
        <v>0</v>
      </c>
      <c r="D47457">
        <v>0</v>
      </c>
    </row>
    <row r="47458" spans="1:4" x14ac:dyDescent="0.25">
      <c r="A47458" t="s">
        <v>65451</v>
      </c>
      <c r="B47458" t="s">
        <v>65454</v>
      </c>
      <c r="C47458">
        <v>0</v>
      </c>
      <c r="D47458">
        <v>0</v>
      </c>
    </row>
    <row r="47459" spans="1:4" x14ac:dyDescent="0.25">
      <c r="A47459" t="s">
        <v>65451</v>
      </c>
      <c r="B47459" t="s">
        <v>65455</v>
      </c>
      <c r="C47459">
        <v>0</v>
      </c>
      <c r="D47459">
        <v>0</v>
      </c>
    </row>
    <row r="47460" spans="1:4" x14ac:dyDescent="0.25">
      <c r="A47460" t="s">
        <v>65451</v>
      </c>
      <c r="B47460" t="s">
        <v>65456</v>
      </c>
      <c r="C47460">
        <v>0</v>
      </c>
      <c r="D47460">
        <v>0</v>
      </c>
    </row>
    <row r="47461" spans="1:4" x14ac:dyDescent="0.25">
      <c r="A47461" t="s">
        <v>65457</v>
      </c>
      <c r="B47461" t="s">
        <v>65458</v>
      </c>
      <c r="C47461">
        <v>0</v>
      </c>
      <c r="D47461">
        <v>0</v>
      </c>
    </row>
    <row r="47462" spans="1:4" x14ac:dyDescent="0.25">
      <c r="A47462" t="s">
        <v>65457</v>
      </c>
      <c r="B47462" t="s">
        <v>65459</v>
      </c>
      <c r="C47462">
        <v>0</v>
      </c>
      <c r="D47462">
        <v>0</v>
      </c>
    </row>
    <row r="47463" spans="1:4" x14ac:dyDescent="0.25">
      <c r="A47463" t="s">
        <v>65457</v>
      </c>
      <c r="B47463" t="s">
        <v>65460</v>
      </c>
      <c r="C47463">
        <v>0</v>
      </c>
      <c r="D47463">
        <v>0</v>
      </c>
    </row>
    <row r="47464" spans="1:4" x14ac:dyDescent="0.25">
      <c r="A47464" t="s">
        <v>65457</v>
      </c>
      <c r="B47464" t="s">
        <v>2651</v>
      </c>
      <c r="C47464">
        <v>1</v>
      </c>
      <c r="D47464">
        <v>0</v>
      </c>
    </row>
    <row r="47465" spans="1:4" x14ac:dyDescent="0.25">
      <c r="A47465" t="s">
        <v>65457</v>
      </c>
      <c r="B47465" t="s">
        <v>65461</v>
      </c>
      <c r="C47465">
        <v>2</v>
      </c>
      <c r="D47465">
        <v>0</v>
      </c>
    </row>
    <row r="47466" spans="1:4" x14ac:dyDescent="0.25">
      <c r="A47466" t="s">
        <v>65457</v>
      </c>
      <c r="B47466" t="s">
        <v>65462</v>
      </c>
      <c r="C47466">
        <v>2</v>
      </c>
      <c r="D47466">
        <v>0</v>
      </c>
    </row>
    <row r="47467" spans="1:4" x14ac:dyDescent="0.25">
      <c r="A47467" t="s">
        <v>65463</v>
      </c>
      <c r="B47467" t="s">
        <v>65464</v>
      </c>
      <c r="C47467">
        <v>1</v>
      </c>
      <c r="D47467">
        <v>0</v>
      </c>
    </row>
    <row r="47468" spans="1:4" x14ac:dyDescent="0.25">
      <c r="A47468" t="s">
        <v>65465</v>
      </c>
      <c r="B47468" t="s">
        <v>65466</v>
      </c>
      <c r="C47468">
        <v>1</v>
      </c>
      <c r="D47468">
        <v>0</v>
      </c>
    </row>
    <row r="47469" spans="1:4" x14ac:dyDescent="0.25">
      <c r="A47469" t="s">
        <v>65465</v>
      </c>
      <c r="B47469" t="s">
        <v>65467</v>
      </c>
      <c r="C47469">
        <v>1</v>
      </c>
      <c r="D47469">
        <v>0</v>
      </c>
    </row>
    <row r="47470" spans="1:4" x14ac:dyDescent="0.25">
      <c r="A47470" t="s">
        <v>65465</v>
      </c>
      <c r="B47470" t="s">
        <v>65468</v>
      </c>
      <c r="C47470">
        <v>1</v>
      </c>
      <c r="D47470">
        <v>0</v>
      </c>
    </row>
    <row r="47471" spans="1:4" x14ac:dyDescent="0.25">
      <c r="A47471" t="s">
        <v>65465</v>
      </c>
      <c r="B47471" t="s">
        <v>65469</v>
      </c>
      <c r="C47471">
        <v>1</v>
      </c>
      <c r="D47471">
        <v>0</v>
      </c>
    </row>
    <row r="47472" spans="1:4" x14ac:dyDescent="0.25">
      <c r="A47472" t="s">
        <v>65470</v>
      </c>
      <c r="B47472" t="s">
        <v>65471</v>
      </c>
      <c r="C47472">
        <v>1</v>
      </c>
      <c r="D47472">
        <v>0</v>
      </c>
    </row>
    <row r="47473" spans="1:4" x14ac:dyDescent="0.25">
      <c r="A47473" t="s">
        <v>65470</v>
      </c>
      <c r="B47473" t="s">
        <v>65472</v>
      </c>
      <c r="C47473">
        <v>2</v>
      </c>
      <c r="D47473">
        <v>0</v>
      </c>
    </row>
    <row r="47474" spans="1:4" x14ac:dyDescent="0.25">
      <c r="A47474" t="s">
        <v>65470</v>
      </c>
      <c r="B47474" t="s">
        <v>65473</v>
      </c>
      <c r="C47474">
        <v>2</v>
      </c>
      <c r="D47474">
        <v>0</v>
      </c>
    </row>
    <row r="47475" spans="1:4" x14ac:dyDescent="0.25">
      <c r="A47475" t="s">
        <v>65470</v>
      </c>
      <c r="B47475" t="s">
        <v>65474</v>
      </c>
      <c r="C47475">
        <v>1</v>
      </c>
      <c r="D47475">
        <v>0</v>
      </c>
    </row>
    <row r="47476" spans="1:4" x14ac:dyDescent="0.25">
      <c r="A47476" t="s">
        <v>65470</v>
      </c>
      <c r="B47476" t="s">
        <v>65475</v>
      </c>
      <c r="C47476">
        <v>0</v>
      </c>
      <c r="D47476">
        <v>0</v>
      </c>
    </row>
    <row r="47477" spans="1:4" x14ac:dyDescent="0.25">
      <c r="A47477" t="s">
        <v>65470</v>
      </c>
      <c r="B47477" t="s">
        <v>65476</v>
      </c>
      <c r="C47477">
        <v>0</v>
      </c>
      <c r="D47477">
        <v>0</v>
      </c>
    </row>
    <row r="47478" spans="1:4" x14ac:dyDescent="0.25">
      <c r="A47478" t="s">
        <v>65470</v>
      </c>
      <c r="B47478" t="s">
        <v>65477</v>
      </c>
      <c r="C47478">
        <v>0</v>
      </c>
      <c r="D47478">
        <v>0</v>
      </c>
    </row>
    <row r="47479" spans="1:4" x14ac:dyDescent="0.25">
      <c r="A47479" t="s">
        <v>65470</v>
      </c>
      <c r="B47479" t="s">
        <v>65478</v>
      </c>
      <c r="C47479">
        <v>1</v>
      </c>
      <c r="D47479">
        <v>0</v>
      </c>
    </row>
    <row r="47480" spans="1:4" x14ac:dyDescent="0.25">
      <c r="A47480" t="s">
        <v>65479</v>
      </c>
      <c r="B47480" t="s">
        <v>65480</v>
      </c>
      <c r="C47480">
        <v>1</v>
      </c>
      <c r="D47480">
        <v>0</v>
      </c>
    </row>
    <row r="47481" spans="1:4" x14ac:dyDescent="0.25">
      <c r="A47481" t="s">
        <v>65479</v>
      </c>
      <c r="B47481" t="s">
        <v>65481</v>
      </c>
      <c r="C47481">
        <v>1</v>
      </c>
      <c r="D47481">
        <v>0</v>
      </c>
    </row>
    <row r="47482" spans="1:4" x14ac:dyDescent="0.25">
      <c r="A47482" t="s">
        <v>65479</v>
      </c>
      <c r="B47482" t="s">
        <v>65482</v>
      </c>
      <c r="C47482">
        <v>1</v>
      </c>
      <c r="D47482">
        <v>0</v>
      </c>
    </row>
    <row r="47483" spans="1:4" x14ac:dyDescent="0.25">
      <c r="A47483" t="s">
        <v>65479</v>
      </c>
      <c r="B47483" t="s">
        <v>65483</v>
      </c>
      <c r="C47483">
        <v>1</v>
      </c>
      <c r="D47483">
        <v>0</v>
      </c>
    </row>
    <row r="47484" spans="1:4" x14ac:dyDescent="0.25">
      <c r="A47484" t="s">
        <v>65479</v>
      </c>
      <c r="B47484" t="s">
        <v>65484</v>
      </c>
      <c r="C47484">
        <v>1</v>
      </c>
      <c r="D47484">
        <v>0</v>
      </c>
    </row>
    <row r="47485" spans="1:4" x14ac:dyDescent="0.25">
      <c r="A47485" t="s">
        <v>65479</v>
      </c>
      <c r="B47485" t="s">
        <v>65485</v>
      </c>
      <c r="C47485">
        <v>1</v>
      </c>
      <c r="D47485">
        <v>0</v>
      </c>
    </row>
    <row r="47486" spans="1:4" x14ac:dyDescent="0.25">
      <c r="A47486" t="s">
        <v>65486</v>
      </c>
      <c r="B47486" t="s">
        <v>11948</v>
      </c>
      <c r="C47486">
        <v>0</v>
      </c>
      <c r="D47486">
        <v>0</v>
      </c>
    </row>
    <row r="47487" spans="1:4" x14ac:dyDescent="0.25">
      <c r="A47487" t="s">
        <v>65486</v>
      </c>
      <c r="B47487" t="s">
        <v>65487</v>
      </c>
      <c r="C47487">
        <v>0</v>
      </c>
      <c r="D47487">
        <v>0</v>
      </c>
    </row>
    <row r="47488" spans="1:4" x14ac:dyDescent="0.25">
      <c r="A47488" t="s">
        <v>65488</v>
      </c>
      <c r="B47488" t="s">
        <v>65489</v>
      </c>
      <c r="C47488">
        <v>0</v>
      </c>
      <c r="D47488">
        <v>0</v>
      </c>
    </row>
    <row r="47489" spans="1:4" x14ac:dyDescent="0.25">
      <c r="A47489" t="s">
        <v>65488</v>
      </c>
      <c r="B47489" t="s">
        <v>65490</v>
      </c>
      <c r="C47489">
        <v>2</v>
      </c>
      <c r="D47489">
        <v>0</v>
      </c>
    </row>
    <row r="47490" spans="1:4" x14ac:dyDescent="0.25">
      <c r="A47490" t="s">
        <v>65488</v>
      </c>
      <c r="B47490" t="s">
        <v>65491</v>
      </c>
      <c r="C47490">
        <v>2</v>
      </c>
      <c r="D47490">
        <v>0</v>
      </c>
    </row>
    <row r="47491" spans="1:4" x14ac:dyDescent="0.25">
      <c r="A47491" t="s">
        <v>65488</v>
      </c>
      <c r="B47491" t="s">
        <v>65492</v>
      </c>
      <c r="C47491">
        <v>1</v>
      </c>
      <c r="D47491">
        <v>0</v>
      </c>
    </row>
    <row r="47492" spans="1:4" x14ac:dyDescent="0.25">
      <c r="A47492" t="s">
        <v>65488</v>
      </c>
      <c r="B47492" t="s">
        <v>65493</v>
      </c>
      <c r="C47492">
        <v>0</v>
      </c>
      <c r="D47492">
        <v>0</v>
      </c>
    </row>
    <row r="47493" spans="1:4" x14ac:dyDescent="0.25">
      <c r="A47493" t="s">
        <v>65488</v>
      </c>
      <c r="B47493" t="s">
        <v>65494</v>
      </c>
      <c r="C47493">
        <v>2</v>
      </c>
      <c r="D47493">
        <v>0</v>
      </c>
    </row>
    <row r="47494" spans="1:4" x14ac:dyDescent="0.25">
      <c r="A47494" t="s">
        <v>65495</v>
      </c>
      <c r="B47494" t="s">
        <v>5713</v>
      </c>
      <c r="C47494">
        <v>1</v>
      </c>
      <c r="D47494">
        <v>0</v>
      </c>
    </row>
    <row r="47495" spans="1:4" x14ac:dyDescent="0.25">
      <c r="A47495" t="s">
        <v>65495</v>
      </c>
      <c r="B47495" t="s">
        <v>65496</v>
      </c>
      <c r="C47495">
        <v>0</v>
      </c>
      <c r="D47495">
        <v>0</v>
      </c>
    </row>
    <row r="47496" spans="1:4" x14ac:dyDescent="0.25">
      <c r="A47496" t="s">
        <v>65495</v>
      </c>
      <c r="B47496" t="s">
        <v>65497</v>
      </c>
      <c r="C47496">
        <v>2</v>
      </c>
      <c r="D47496">
        <v>0</v>
      </c>
    </row>
    <row r="47497" spans="1:4" x14ac:dyDescent="0.25">
      <c r="A47497" t="s">
        <v>65495</v>
      </c>
      <c r="B47497" t="s">
        <v>65498</v>
      </c>
      <c r="C47497">
        <v>1</v>
      </c>
      <c r="D47497">
        <v>0</v>
      </c>
    </row>
    <row r="47498" spans="1:4" x14ac:dyDescent="0.25">
      <c r="A47498" t="s">
        <v>65499</v>
      </c>
      <c r="B47498" t="s">
        <v>65500</v>
      </c>
      <c r="C47498">
        <v>1</v>
      </c>
      <c r="D47498">
        <v>0</v>
      </c>
    </row>
    <row r="47499" spans="1:4" x14ac:dyDescent="0.25">
      <c r="A47499" t="s">
        <v>65499</v>
      </c>
      <c r="B47499" t="s">
        <v>65501</v>
      </c>
      <c r="C47499">
        <v>1</v>
      </c>
      <c r="D47499">
        <v>0</v>
      </c>
    </row>
    <row r="47500" spans="1:4" x14ac:dyDescent="0.25">
      <c r="A47500" t="s">
        <v>65499</v>
      </c>
      <c r="B47500" t="s">
        <v>65502</v>
      </c>
      <c r="C47500">
        <v>1</v>
      </c>
      <c r="D47500">
        <v>0</v>
      </c>
    </row>
    <row r="47501" spans="1:4" x14ac:dyDescent="0.25">
      <c r="A47501" t="s">
        <v>65503</v>
      </c>
      <c r="B47501" t="s">
        <v>65504</v>
      </c>
      <c r="C47501">
        <v>1</v>
      </c>
      <c r="D47501">
        <v>0</v>
      </c>
    </row>
    <row r="47502" spans="1:4" x14ac:dyDescent="0.25">
      <c r="A47502" t="s">
        <v>65503</v>
      </c>
      <c r="B47502" t="s">
        <v>65505</v>
      </c>
      <c r="C47502">
        <v>2</v>
      </c>
      <c r="D47502">
        <v>0</v>
      </c>
    </row>
    <row r="47503" spans="1:4" x14ac:dyDescent="0.25">
      <c r="A47503" t="s">
        <v>65503</v>
      </c>
      <c r="B47503" t="s">
        <v>65506</v>
      </c>
      <c r="C47503">
        <v>1</v>
      </c>
      <c r="D47503">
        <v>0</v>
      </c>
    </row>
    <row r="47504" spans="1:4" x14ac:dyDescent="0.25">
      <c r="A47504" t="s">
        <v>65507</v>
      </c>
      <c r="B47504" t="s">
        <v>65508</v>
      </c>
      <c r="C47504">
        <v>1</v>
      </c>
      <c r="D47504">
        <v>0</v>
      </c>
    </row>
    <row r="47505" spans="1:4" x14ac:dyDescent="0.25">
      <c r="A47505" t="s">
        <v>65507</v>
      </c>
      <c r="B47505" t="s">
        <v>65509</v>
      </c>
      <c r="C47505">
        <v>2</v>
      </c>
      <c r="D47505">
        <v>0</v>
      </c>
    </row>
    <row r="47506" spans="1:4" x14ac:dyDescent="0.25">
      <c r="A47506" t="s">
        <v>65507</v>
      </c>
      <c r="B47506" t="s">
        <v>65510</v>
      </c>
      <c r="C47506">
        <v>2</v>
      </c>
      <c r="D47506">
        <v>0</v>
      </c>
    </row>
    <row r="47507" spans="1:4" x14ac:dyDescent="0.25">
      <c r="A47507" t="s">
        <v>65507</v>
      </c>
      <c r="B47507" t="s">
        <v>65511</v>
      </c>
      <c r="C47507">
        <v>1</v>
      </c>
      <c r="D47507">
        <v>0</v>
      </c>
    </row>
    <row r="47508" spans="1:4" x14ac:dyDescent="0.25">
      <c r="A47508" t="s">
        <v>65507</v>
      </c>
      <c r="B47508" t="s">
        <v>65512</v>
      </c>
      <c r="C47508">
        <v>0</v>
      </c>
      <c r="D47508">
        <v>0</v>
      </c>
    </row>
    <row r="47509" spans="1:4" x14ac:dyDescent="0.25">
      <c r="A47509" t="s">
        <v>65513</v>
      </c>
      <c r="B47509" t="s">
        <v>65514</v>
      </c>
      <c r="C47509">
        <v>1</v>
      </c>
      <c r="D47509">
        <v>0</v>
      </c>
    </row>
    <row r="47510" spans="1:4" x14ac:dyDescent="0.25">
      <c r="A47510" t="s">
        <v>65513</v>
      </c>
      <c r="B47510" t="s">
        <v>65515</v>
      </c>
      <c r="C47510">
        <v>1</v>
      </c>
      <c r="D47510">
        <v>0</v>
      </c>
    </row>
    <row r="47511" spans="1:4" x14ac:dyDescent="0.25">
      <c r="A47511" t="s">
        <v>65513</v>
      </c>
      <c r="B47511" t="s">
        <v>65516</v>
      </c>
      <c r="C47511">
        <v>2</v>
      </c>
      <c r="D47511">
        <v>0</v>
      </c>
    </row>
    <row r="47512" spans="1:4" x14ac:dyDescent="0.25">
      <c r="A47512" t="s">
        <v>65513</v>
      </c>
      <c r="B47512" t="s">
        <v>65517</v>
      </c>
      <c r="C47512">
        <v>1</v>
      </c>
      <c r="D47512">
        <v>0</v>
      </c>
    </row>
    <row r="47513" spans="1:4" x14ac:dyDescent="0.25">
      <c r="A47513" t="s">
        <v>65513</v>
      </c>
      <c r="B47513" t="s">
        <v>65518</v>
      </c>
      <c r="C47513">
        <v>1</v>
      </c>
      <c r="D47513">
        <v>0</v>
      </c>
    </row>
    <row r="47514" spans="1:4" x14ac:dyDescent="0.25">
      <c r="A47514" t="s">
        <v>65513</v>
      </c>
      <c r="B47514" t="s">
        <v>65519</v>
      </c>
      <c r="C47514">
        <v>1</v>
      </c>
      <c r="D47514">
        <v>0</v>
      </c>
    </row>
    <row r="47515" spans="1:4" x14ac:dyDescent="0.25">
      <c r="A47515" t="s">
        <v>65520</v>
      </c>
      <c r="B47515" t="s">
        <v>65521</v>
      </c>
      <c r="C47515">
        <v>2</v>
      </c>
      <c r="D47515">
        <v>0</v>
      </c>
    </row>
    <row r="47516" spans="1:4" x14ac:dyDescent="0.25">
      <c r="A47516" t="s">
        <v>65520</v>
      </c>
      <c r="B47516" t="s">
        <v>65522</v>
      </c>
      <c r="C47516">
        <v>1</v>
      </c>
      <c r="D47516">
        <v>0</v>
      </c>
    </row>
    <row r="47517" spans="1:4" x14ac:dyDescent="0.25">
      <c r="A47517" t="s">
        <v>65520</v>
      </c>
      <c r="B47517" t="s">
        <v>65523</v>
      </c>
      <c r="C47517">
        <v>2</v>
      </c>
      <c r="D47517">
        <v>0</v>
      </c>
    </row>
    <row r="47518" spans="1:4" x14ac:dyDescent="0.25">
      <c r="A47518" t="s">
        <v>65520</v>
      </c>
      <c r="B47518" t="s">
        <v>65524</v>
      </c>
      <c r="C47518">
        <v>1</v>
      </c>
      <c r="D47518">
        <v>0</v>
      </c>
    </row>
    <row r="47519" spans="1:4" x14ac:dyDescent="0.25">
      <c r="A47519" t="s">
        <v>65525</v>
      </c>
      <c r="B47519" t="s">
        <v>65526</v>
      </c>
      <c r="C47519">
        <v>2</v>
      </c>
      <c r="D47519">
        <v>0</v>
      </c>
    </row>
    <row r="47520" spans="1:4" x14ac:dyDescent="0.25">
      <c r="A47520" t="s">
        <v>65525</v>
      </c>
      <c r="B47520" t="s">
        <v>65527</v>
      </c>
      <c r="C47520">
        <v>2</v>
      </c>
      <c r="D47520">
        <v>0</v>
      </c>
    </row>
    <row r="47521" spans="1:4" x14ac:dyDescent="0.25">
      <c r="A47521" t="s">
        <v>65525</v>
      </c>
      <c r="B47521" t="s">
        <v>65528</v>
      </c>
      <c r="C47521">
        <v>1</v>
      </c>
      <c r="D47521">
        <v>0</v>
      </c>
    </row>
    <row r="47522" spans="1:4" x14ac:dyDescent="0.25">
      <c r="A47522" t="s">
        <v>65525</v>
      </c>
      <c r="B47522" t="s">
        <v>65529</v>
      </c>
      <c r="C47522">
        <v>1</v>
      </c>
      <c r="D47522">
        <v>0</v>
      </c>
    </row>
    <row r="47523" spans="1:4" x14ac:dyDescent="0.25">
      <c r="A47523" t="s">
        <v>65530</v>
      </c>
      <c r="B47523" t="s">
        <v>65531</v>
      </c>
      <c r="C47523">
        <v>1</v>
      </c>
      <c r="D47523">
        <v>0</v>
      </c>
    </row>
    <row r="47524" spans="1:4" x14ac:dyDescent="0.25">
      <c r="A47524" t="s">
        <v>65530</v>
      </c>
      <c r="B47524" t="s">
        <v>65532</v>
      </c>
      <c r="C47524">
        <v>1</v>
      </c>
      <c r="D47524">
        <v>0</v>
      </c>
    </row>
    <row r="47525" spans="1:4" x14ac:dyDescent="0.25">
      <c r="A47525" t="s">
        <v>65530</v>
      </c>
      <c r="B47525" t="s">
        <v>65533</v>
      </c>
      <c r="C47525">
        <v>2</v>
      </c>
      <c r="D47525">
        <v>0</v>
      </c>
    </row>
    <row r="47526" spans="1:4" x14ac:dyDescent="0.25">
      <c r="A47526" t="s">
        <v>65530</v>
      </c>
      <c r="B47526" t="s">
        <v>65534</v>
      </c>
      <c r="C47526">
        <v>2</v>
      </c>
      <c r="D47526">
        <v>0</v>
      </c>
    </row>
    <row r="47527" spans="1:4" x14ac:dyDescent="0.25">
      <c r="A47527" t="s">
        <v>65530</v>
      </c>
      <c r="B47527" t="s">
        <v>65535</v>
      </c>
      <c r="C47527">
        <v>2</v>
      </c>
      <c r="D47527">
        <v>0</v>
      </c>
    </row>
    <row r="47528" spans="1:4" x14ac:dyDescent="0.25">
      <c r="A47528" t="s">
        <v>65536</v>
      </c>
      <c r="B47528" t="s">
        <v>65537</v>
      </c>
      <c r="C47528">
        <v>1</v>
      </c>
      <c r="D47528">
        <v>0</v>
      </c>
    </row>
    <row r="47529" spans="1:4" x14ac:dyDescent="0.25">
      <c r="A47529" t="s">
        <v>65536</v>
      </c>
      <c r="B47529" t="s">
        <v>65538</v>
      </c>
      <c r="C47529">
        <v>1</v>
      </c>
      <c r="D47529">
        <v>0</v>
      </c>
    </row>
    <row r="47530" spans="1:4" x14ac:dyDescent="0.25">
      <c r="A47530" t="s">
        <v>65536</v>
      </c>
      <c r="B47530" t="s">
        <v>65539</v>
      </c>
      <c r="C47530">
        <v>1</v>
      </c>
      <c r="D47530">
        <v>0</v>
      </c>
    </row>
    <row r="47531" spans="1:4" x14ac:dyDescent="0.25">
      <c r="A47531" t="s">
        <v>65536</v>
      </c>
      <c r="B47531" t="s">
        <v>65540</v>
      </c>
      <c r="C47531">
        <v>0</v>
      </c>
      <c r="D47531">
        <v>0</v>
      </c>
    </row>
    <row r="47532" spans="1:4" x14ac:dyDescent="0.25">
      <c r="A47532" t="s">
        <v>65536</v>
      </c>
      <c r="B47532" t="s">
        <v>65541</v>
      </c>
      <c r="C47532">
        <v>1</v>
      </c>
      <c r="D47532">
        <v>0</v>
      </c>
    </row>
    <row r="47533" spans="1:4" x14ac:dyDescent="0.25">
      <c r="A47533" t="s">
        <v>65536</v>
      </c>
      <c r="B47533" t="s">
        <v>65542</v>
      </c>
      <c r="C47533">
        <v>1</v>
      </c>
      <c r="D47533">
        <v>0</v>
      </c>
    </row>
    <row r="47534" spans="1:4" x14ac:dyDescent="0.25">
      <c r="A47534" t="s">
        <v>65543</v>
      </c>
      <c r="B47534" t="s">
        <v>65544</v>
      </c>
      <c r="C47534">
        <v>1</v>
      </c>
      <c r="D47534">
        <v>0</v>
      </c>
    </row>
    <row r="47535" spans="1:4" x14ac:dyDescent="0.25">
      <c r="A47535" t="s">
        <v>65543</v>
      </c>
      <c r="B47535" t="s">
        <v>65545</v>
      </c>
      <c r="C47535">
        <v>0</v>
      </c>
      <c r="D47535">
        <v>0</v>
      </c>
    </row>
    <row r="47536" spans="1:4" x14ac:dyDescent="0.25">
      <c r="A47536" t="s">
        <v>65543</v>
      </c>
      <c r="B47536" t="s">
        <v>65546</v>
      </c>
      <c r="C47536">
        <v>1</v>
      </c>
      <c r="D47536">
        <v>0</v>
      </c>
    </row>
    <row r="47537" spans="1:4" x14ac:dyDescent="0.25">
      <c r="A47537" t="s">
        <v>65543</v>
      </c>
      <c r="B47537" t="s">
        <v>65547</v>
      </c>
      <c r="C47537">
        <v>0</v>
      </c>
      <c r="D47537">
        <v>0</v>
      </c>
    </row>
    <row r="47538" spans="1:4" x14ac:dyDescent="0.25">
      <c r="A47538" t="s">
        <v>65543</v>
      </c>
      <c r="B47538" t="s">
        <v>65548</v>
      </c>
      <c r="C47538">
        <v>0</v>
      </c>
      <c r="D47538">
        <v>0</v>
      </c>
    </row>
    <row r="47539" spans="1:4" x14ac:dyDescent="0.25">
      <c r="A47539" t="s">
        <v>65549</v>
      </c>
      <c r="B47539" t="s">
        <v>5713</v>
      </c>
      <c r="C47539">
        <v>1</v>
      </c>
      <c r="D47539">
        <v>0</v>
      </c>
    </row>
    <row r="47540" spans="1:4" x14ac:dyDescent="0.25">
      <c r="A47540" t="s">
        <v>65549</v>
      </c>
      <c r="B47540" t="s">
        <v>9783</v>
      </c>
      <c r="C47540">
        <v>0</v>
      </c>
      <c r="D47540">
        <v>0</v>
      </c>
    </row>
    <row r="47541" spans="1:4" x14ac:dyDescent="0.25">
      <c r="A47541" t="s">
        <v>65549</v>
      </c>
      <c r="B47541" t="s">
        <v>65550</v>
      </c>
      <c r="C47541">
        <v>2</v>
      </c>
      <c r="D47541">
        <v>0</v>
      </c>
    </row>
    <row r="47542" spans="1:4" x14ac:dyDescent="0.25">
      <c r="A47542" t="s">
        <v>65549</v>
      </c>
      <c r="B47542" t="s">
        <v>65551</v>
      </c>
      <c r="C47542">
        <v>1</v>
      </c>
      <c r="D47542">
        <v>0</v>
      </c>
    </row>
    <row r="47543" spans="1:4" x14ac:dyDescent="0.25">
      <c r="A47543" t="s">
        <v>65552</v>
      </c>
      <c r="B47543" t="s">
        <v>65553</v>
      </c>
      <c r="C47543">
        <v>1</v>
      </c>
      <c r="D47543">
        <v>0</v>
      </c>
    </row>
    <row r="47544" spans="1:4" x14ac:dyDescent="0.25">
      <c r="A47544" t="s">
        <v>65552</v>
      </c>
      <c r="B47544" t="s">
        <v>65554</v>
      </c>
      <c r="C47544">
        <v>1</v>
      </c>
      <c r="D47544">
        <v>0</v>
      </c>
    </row>
    <row r="47545" spans="1:4" x14ac:dyDescent="0.25">
      <c r="A47545" t="s">
        <v>65552</v>
      </c>
      <c r="B47545" t="s">
        <v>65555</v>
      </c>
      <c r="C47545">
        <v>0</v>
      </c>
      <c r="D47545">
        <v>0</v>
      </c>
    </row>
    <row r="47546" spans="1:4" x14ac:dyDescent="0.25">
      <c r="A47546" t="s">
        <v>65552</v>
      </c>
      <c r="B47546" t="s">
        <v>65556</v>
      </c>
      <c r="C47546">
        <v>1</v>
      </c>
      <c r="D47546">
        <v>0</v>
      </c>
    </row>
    <row r="47547" spans="1:4" x14ac:dyDescent="0.25">
      <c r="A47547" t="s">
        <v>65552</v>
      </c>
      <c r="B47547" t="s">
        <v>65557</v>
      </c>
      <c r="C47547">
        <v>1</v>
      </c>
      <c r="D47547">
        <v>0</v>
      </c>
    </row>
    <row r="47548" spans="1:4" x14ac:dyDescent="0.25">
      <c r="A47548" t="s">
        <v>65558</v>
      </c>
      <c r="B47548" t="s">
        <v>65559</v>
      </c>
      <c r="C47548">
        <v>1</v>
      </c>
      <c r="D47548">
        <v>0</v>
      </c>
    </row>
    <row r="47549" spans="1:4" x14ac:dyDescent="0.25">
      <c r="A47549" t="s">
        <v>65560</v>
      </c>
      <c r="B47549" t="s">
        <v>65561</v>
      </c>
      <c r="C47549">
        <v>1</v>
      </c>
      <c r="D47549">
        <v>0</v>
      </c>
    </row>
    <row r="47550" spans="1:4" x14ac:dyDescent="0.25">
      <c r="A47550" t="s">
        <v>65560</v>
      </c>
      <c r="B47550" t="s">
        <v>65562</v>
      </c>
      <c r="C47550">
        <v>1</v>
      </c>
      <c r="D47550">
        <v>0</v>
      </c>
    </row>
    <row r="47551" spans="1:4" x14ac:dyDescent="0.25">
      <c r="A47551" t="s">
        <v>65563</v>
      </c>
      <c r="B47551" t="s">
        <v>65564</v>
      </c>
      <c r="C47551">
        <v>2</v>
      </c>
      <c r="D47551">
        <v>0</v>
      </c>
    </row>
    <row r="47552" spans="1:4" x14ac:dyDescent="0.25">
      <c r="A47552" t="s">
        <v>65565</v>
      </c>
      <c r="B47552" t="s">
        <v>65566</v>
      </c>
      <c r="C47552">
        <v>1</v>
      </c>
      <c r="D47552">
        <v>0</v>
      </c>
    </row>
    <row r="47553" spans="1:4" x14ac:dyDescent="0.25">
      <c r="A47553" t="s">
        <v>65565</v>
      </c>
      <c r="B47553" t="s">
        <v>65567</v>
      </c>
      <c r="C47553">
        <v>0</v>
      </c>
      <c r="D47553">
        <v>0</v>
      </c>
    </row>
    <row r="47554" spans="1:4" x14ac:dyDescent="0.25">
      <c r="A47554" t="s">
        <v>65565</v>
      </c>
      <c r="B47554" t="s">
        <v>9783</v>
      </c>
      <c r="C47554">
        <v>0</v>
      </c>
      <c r="D47554">
        <v>0</v>
      </c>
    </row>
    <row r="47555" spans="1:4" x14ac:dyDescent="0.25">
      <c r="A47555" t="s">
        <v>65565</v>
      </c>
      <c r="B47555" t="s">
        <v>65568</v>
      </c>
      <c r="C47555">
        <v>2</v>
      </c>
      <c r="D47555">
        <v>0</v>
      </c>
    </row>
    <row r="47556" spans="1:4" x14ac:dyDescent="0.25">
      <c r="A47556" t="s">
        <v>65565</v>
      </c>
      <c r="B47556" t="s">
        <v>65569</v>
      </c>
      <c r="C47556">
        <v>1</v>
      </c>
      <c r="D47556">
        <v>0</v>
      </c>
    </row>
    <row r="47557" spans="1:4" x14ac:dyDescent="0.25">
      <c r="A47557" t="s">
        <v>65565</v>
      </c>
      <c r="B47557" t="s">
        <v>2061</v>
      </c>
      <c r="C47557">
        <v>0</v>
      </c>
      <c r="D47557">
        <v>0</v>
      </c>
    </row>
    <row r="47558" spans="1:4" x14ac:dyDescent="0.25">
      <c r="A47558" t="s">
        <v>65570</v>
      </c>
      <c r="B47558" t="s">
        <v>65571</v>
      </c>
      <c r="C47558">
        <v>1</v>
      </c>
      <c r="D47558">
        <v>0</v>
      </c>
    </row>
    <row r="47559" spans="1:4" x14ac:dyDescent="0.25">
      <c r="A47559" t="s">
        <v>65570</v>
      </c>
      <c r="B47559" t="s">
        <v>65572</v>
      </c>
      <c r="C47559">
        <v>2</v>
      </c>
      <c r="D47559">
        <v>0</v>
      </c>
    </row>
    <row r="47560" spans="1:4" x14ac:dyDescent="0.25">
      <c r="A47560" t="s">
        <v>65570</v>
      </c>
      <c r="B47560" t="s">
        <v>4238</v>
      </c>
      <c r="C47560">
        <v>1</v>
      </c>
      <c r="D47560">
        <v>0</v>
      </c>
    </row>
    <row r="47561" spans="1:4" x14ac:dyDescent="0.25">
      <c r="A47561" t="s">
        <v>65570</v>
      </c>
      <c r="B47561" t="s">
        <v>65573</v>
      </c>
      <c r="C47561">
        <v>1</v>
      </c>
      <c r="D47561">
        <v>0</v>
      </c>
    </row>
    <row r="47562" spans="1:4" x14ac:dyDescent="0.25">
      <c r="A47562" t="s">
        <v>65570</v>
      </c>
      <c r="B47562" t="s">
        <v>65574</v>
      </c>
      <c r="C47562">
        <v>0</v>
      </c>
      <c r="D47562">
        <v>0</v>
      </c>
    </row>
    <row r="47563" spans="1:4" x14ac:dyDescent="0.25">
      <c r="A47563" t="s">
        <v>65570</v>
      </c>
      <c r="B47563" t="s">
        <v>65575</v>
      </c>
      <c r="C47563">
        <v>1</v>
      </c>
      <c r="D47563">
        <v>0</v>
      </c>
    </row>
    <row r="47564" spans="1:4" x14ac:dyDescent="0.25">
      <c r="A47564" t="s">
        <v>65570</v>
      </c>
      <c r="B47564" t="s">
        <v>65576</v>
      </c>
      <c r="C47564">
        <v>2</v>
      </c>
      <c r="D47564">
        <v>0</v>
      </c>
    </row>
    <row r="47565" spans="1:4" x14ac:dyDescent="0.25">
      <c r="A47565" t="s">
        <v>65570</v>
      </c>
      <c r="B47565" t="s">
        <v>65577</v>
      </c>
      <c r="C47565">
        <v>2</v>
      </c>
      <c r="D47565">
        <v>0</v>
      </c>
    </row>
    <row r="47566" spans="1:4" x14ac:dyDescent="0.25">
      <c r="A47566" t="s">
        <v>65570</v>
      </c>
      <c r="B47566" t="s">
        <v>65578</v>
      </c>
      <c r="C47566">
        <v>2</v>
      </c>
      <c r="D47566">
        <v>0</v>
      </c>
    </row>
    <row r="47567" spans="1:4" x14ac:dyDescent="0.25">
      <c r="A47567" t="s">
        <v>65570</v>
      </c>
      <c r="B47567" t="s">
        <v>65579</v>
      </c>
      <c r="C47567">
        <v>2</v>
      </c>
      <c r="D47567">
        <v>0</v>
      </c>
    </row>
    <row r="47568" spans="1:4" x14ac:dyDescent="0.25">
      <c r="A47568" t="s">
        <v>65570</v>
      </c>
      <c r="B47568" t="s">
        <v>65580</v>
      </c>
      <c r="C47568">
        <v>1</v>
      </c>
      <c r="D47568">
        <v>0</v>
      </c>
    </row>
    <row r="47569" spans="1:4" x14ac:dyDescent="0.25">
      <c r="A47569" t="s">
        <v>65570</v>
      </c>
      <c r="B47569" t="s">
        <v>65581</v>
      </c>
      <c r="C47569">
        <v>2</v>
      </c>
      <c r="D47569">
        <v>0</v>
      </c>
    </row>
    <row r="47570" spans="1:4" x14ac:dyDescent="0.25">
      <c r="A47570" t="s">
        <v>65582</v>
      </c>
      <c r="B47570" t="s">
        <v>65583</v>
      </c>
      <c r="C47570">
        <v>0</v>
      </c>
      <c r="D47570">
        <v>0</v>
      </c>
    </row>
    <row r="47571" spans="1:4" x14ac:dyDescent="0.25">
      <c r="A47571" t="s">
        <v>65584</v>
      </c>
      <c r="B47571" t="s">
        <v>65585</v>
      </c>
      <c r="C47571">
        <v>0</v>
      </c>
      <c r="D47571">
        <v>0</v>
      </c>
    </row>
    <row r="47572" spans="1:4" x14ac:dyDescent="0.25">
      <c r="A47572" t="s">
        <v>65584</v>
      </c>
      <c r="B47572" t="s">
        <v>65586</v>
      </c>
      <c r="C47572">
        <v>0</v>
      </c>
      <c r="D47572">
        <v>0</v>
      </c>
    </row>
    <row r="47573" spans="1:4" x14ac:dyDescent="0.25">
      <c r="A47573" t="s">
        <v>65587</v>
      </c>
      <c r="B47573" t="s">
        <v>65588</v>
      </c>
      <c r="C47573">
        <v>0</v>
      </c>
      <c r="D47573">
        <v>0</v>
      </c>
    </row>
    <row r="47574" spans="1:4" x14ac:dyDescent="0.25">
      <c r="A47574" t="s">
        <v>65587</v>
      </c>
      <c r="B47574" t="s">
        <v>27650</v>
      </c>
      <c r="C47574">
        <v>0</v>
      </c>
      <c r="D47574">
        <v>0</v>
      </c>
    </row>
    <row r="47575" spans="1:4" x14ac:dyDescent="0.25">
      <c r="A47575" t="s">
        <v>65587</v>
      </c>
      <c r="B47575" t="s">
        <v>18079</v>
      </c>
      <c r="C47575">
        <v>0</v>
      </c>
      <c r="D47575">
        <v>0</v>
      </c>
    </row>
    <row r="47576" spans="1:4" x14ac:dyDescent="0.25">
      <c r="A47576" t="s">
        <v>65589</v>
      </c>
      <c r="B47576" t="s">
        <v>65590</v>
      </c>
      <c r="C47576">
        <v>1</v>
      </c>
      <c r="D47576">
        <v>0</v>
      </c>
    </row>
    <row r="47577" spans="1:4" x14ac:dyDescent="0.25">
      <c r="A47577" t="s">
        <v>65589</v>
      </c>
      <c r="B47577" t="s">
        <v>65591</v>
      </c>
      <c r="C47577">
        <v>1</v>
      </c>
      <c r="D47577">
        <v>0</v>
      </c>
    </row>
    <row r="47578" spans="1:4" x14ac:dyDescent="0.25">
      <c r="A47578" t="s">
        <v>65592</v>
      </c>
      <c r="B47578" t="s">
        <v>65593</v>
      </c>
      <c r="C47578">
        <v>1</v>
      </c>
      <c r="D47578">
        <v>0</v>
      </c>
    </row>
    <row r="47579" spans="1:4" x14ac:dyDescent="0.25">
      <c r="A47579" t="s">
        <v>65592</v>
      </c>
      <c r="B47579" t="s">
        <v>65594</v>
      </c>
      <c r="C47579">
        <v>0</v>
      </c>
      <c r="D47579">
        <v>0</v>
      </c>
    </row>
    <row r="47580" spans="1:4" x14ac:dyDescent="0.25">
      <c r="A47580" t="s">
        <v>65592</v>
      </c>
      <c r="B47580" t="s">
        <v>65595</v>
      </c>
      <c r="C47580">
        <v>1</v>
      </c>
      <c r="D47580">
        <v>0</v>
      </c>
    </row>
    <row r="47581" spans="1:4" x14ac:dyDescent="0.25">
      <c r="A47581" t="s">
        <v>65592</v>
      </c>
      <c r="B47581" t="s">
        <v>65596</v>
      </c>
      <c r="C47581">
        <v>1</v>
      </c>
      <c r="D47581">
        <v>0</v>
      </c>
    </row>
    <row r="47582" spans="1:4" x14ac:dyDescent="0.25">
      <c r="A47582" t="s">
        <v>65592</v>
      </c>
      <c r="B47582" t="s">
        <v>65597</v>
      </c>
      <c r="C47582">
        <v>1</v>
      </c>
      <c r="D47582">
        <v>0</v>
      </c>
    </row>
    <row r="47583" spans="1:4" x14ac:dyDescent="0.25">
      <c r="A47583" t="s">
        <v>65592</v>
      </c>
      <c r="B47583" t="s">
        <v>65598</v>
      </c>
      <c r="C47583">
        <v>1</v>
      </c>
      <c r="D47583">
        <v>0</v>
      </c>
    </row>
    <row r="47584" spans="1:4" x14ac:dyDescent="0.25">
      <c r="A47584" t="s">
        <v>65599</v>
      </c>
      <c r="B47584" t="s">
        <v>1294</v>
      </c>
      <c r="C47584">
        <v>1</v>
      </c>
      <c r="D47584">
        <v>0</v>
      </c>
    </row>
    <row r="47585" spans="1:4" x14ac:dyDescent="0.25">
      <c r="A47585" t="s">
        <v>65600</v>
      </c>
      <c r="B47585" t="s">
        <v>65601</v>
      </c>
      <c r="C47585">
        <v>1</v>
      </c>
      <c r="D47585">
        <v>0</v>
      </c>
    </row>
    <row r="47586" spans="1:4" x14ac:dyDescent="0.25">
      <c r="A47586" t="s">
        <v>65600</v>
      </c>
      <c r="B47586" t="s">
        <v>65602</v>
      </c>
      <c r="C47586">
        <v>1</v>
      </c>
      <c r="D47586">
        <v>0</v>
      </c>
    </row>
    <row r="47587" spans="1:4" x14ac:dyDescent="0.25">
      <c r="A47587" t="s">
        <v>65600</v>
      </c>
      <c r="B47587" t="s">
        <v>1001</v>
      </c>
      <c r="C47587">
        <v>1</v>
      </c>
      <c r="D47587">
        <v>0</v>
      </c>
    </row>
    <row r="47588" spans="1:4" x14ac:dyDescent="0.25">
      <c r="A47588" t="s">
        <v>65600</v>
      </c>
      <c r="B47588" t="s">
        <v>65603</v>
      </c>
      <c r="C47588">
        <v>1</v>
      </c>
      <c r="D47588">
        <v>0</v>
      </c>
    </row>
    <row r="47589" spans="1:4" x14ac:dyDescent="0.25">
      <c r="A47589" t="s">
        <v>65600</v>
      </c>
      <c r="B47589" t="s">
        <v>65604</v>
      </c>
      <c r="C47589">
        <v>1</v>
      </c>
      <c r="D47589">
        <v>0</v>
      </c>
    </row>
    <row r="47590" spans="1:4" x14ac:dyDescent="0.25">
      <c r="A47590" t="s">
        <v>65600</v>
      </c>
      <c r="B47590" t="s">
        <v>65605</v>
      </c>
      <c r="C47590">
        <v>1</v>
      </c>
      <c r="D47590">
        <v>0</v>
      </c>
    </row>
    <row r="47591" spans="1:4" x14ac:dyDescent="0.25">
      <c r="A47591" t="s">
        <v>65600</v>
      </c>
      <c r="B47591" t="s">
        <v>2651</v>
      </c>
      <c r="C47591">
        <v>0</v>
      </c>
      <c r="D47591">
        <v>0</v>
      </c>
    </row>
    <row r="47592" spans="1:4" x14ac:dyDescent="0.25">
      <c r="A47592" t="s">
        <v>65600</v>
      </c>
      <c r="B47592" t="s">
        <v>65606</v>
      </c>
      <c r="C47592">
        <v>2</v>
      </c>
      <c r="D47592">
        <v>0</v>
      </c>
    </row>
    <row r="47593" spans="1:4" x14ac:dyDescent="0.25">
      <c r="A47593" t="s">
        <v>65607</v>
      </c>
      <c r="B47593" t="s">
        <v>65608</v>
      </c>
      <c r="C47593">
        <v>0</v>
      </c>
      <c r="D47593">
        <v>0</v>
      </c>
    </row>
    <row r="47594" spans="1:4" x14ac:dyDescent="0.25">
      <c r="A47594" t="s">
        <v>65607</v>
      </c>
      <c r="B47594" t="s">
        <v>65609</v>
      </c>
      <c r="C47594">
        <v>1</v>
      </c>
      <c r="D47594">
        <v>0</v>
      </c>
    </row>
    <row r="47595" spans="1:4" x14ac:dyDescent="0.25">
      <c r="A47595" t="s">
        <v>65607</v>
      </c>
      <c r="B47595" t="s">
        <v>65610</v>
      </c>
      <c r="C47595">
        <v>2</v>
      </c>
      <c r="D47595">
        <v>0</v>
      </c>
    </row>
    <row r="47596" spans="1:4" x14ac:dyDescent="0.25">
      <c r="A47596" t="s">
        <v>65607</v>
      </c>
      <c r="B47596" t="s">
        <v>65611</v>
      </c>
      <c r="C47596">
        <v>1</v>
      </c>
      <c r="D47596">
        <v>0</v>
      </c>
    </row>
    <row r="47597" spans="1:4" x14ac:dyDescent="0.25">
      <c r="A47597" t="s">
        <v>65607</v>
      </c>
      <c r="B47597" t="s">
        <v>65612</v>
      </c>
      <c r="C47597">
        <v>1</v>
      </c>
      <c r="D47597">
        <v>0</v>
      </c>
    </row>
    <row r="47598" spans="1:4" x14ac:dyDescent="0.25">
      <c r="A47598" t="s">
        <v>65607</v>
      </c>
      <c r="B47598" t="s">
        <v>65613</v>
      </c>
      <c r="C47598">
        <v>2</v>
      </c>
      <c r="D47598">
        <v>0</v>
      </c>
    </row>
    <row r="47599" spans="1:4" x14ac:dyDescent="0.25">
      <c r="A47599" t="s">
        <v>65614</v>
      </c>
      <c r="B47599" t="s">
        <v>65615</v>
      </c>
      <c r="C47599">
        <v>1</v>
      </c>
      <c r="D47599">
        <v>0</v>
      </c>
    </row>
    <row r="47600" spans="1:4" x14ac:dyDescent="0.25">
      <c r="A47600" t="s">
        <v>65614</v>
      </c>
      <c r="B47600" t="s">
        <v>65616</v>
      </c>
      <c r="C47600">
        <v>1</v>
      </c>
      <c r="D47600">
        <v>0</v>
      </c>
    </row>
    <row r="47601" spans="1:4" x14ac:dyDescent="0.25">
      <c r="A47601" t="s">
        <v>65617</v>
      </c>
      <c r="B47601" t="s">
        <v>65618</v>
      </c>
      <c r="C47601">
        <v>1</v>
      </c>
      <c r="D47601">
        <v>0</v>
      </c>
    </row>
    <row r="47602" spans="1:4" x14ac:dyDescent="0.25">
      <c r="A47602" t="s">
        <v>65617</v>
      </c>
      <c r="B47602" t="s">
        <v>65619</v>
      </c>
      <c r="C47602">
        <v>1</v>
      </c>
      <c r="D47602">
        <v>0</v>
      </c>
    </row>
    <row r="47603" spans="1:4" x14ac:dyDescent="0.25">
      <c r="A47603" t="s">
        <v>65617</v>
      </c>
      <c r="B47603" t="s">
        <v>65620</v>
      </c>
      <c r="C47603">
        <v>1</v>
      </c>
      <c r="D47603">
        <v>0</v>
      </c>
    </row>
    <row r="47604" spans="1:4" x14ac:dyDescent="0.25">
      <c r="A47604" t="s">
        <v>65617</v>
      </c>
      <c r="B47604" t="s">
        <v>65621</v>
      </c>
      <c r="C47604">
        <v>1</v>
      </c>
      <c r="D47604">
        <v>0</v>
      </c>
    </row>
    <row r="47605" spans="1:4" x14ac:dyDescent="0.25">
      <c r="A47605" t="s">
        <v>65617</v>
      </c>
      <c r="B47605" t="s">
        <v>65622</v>
      </c>
      <c r="C47605">
        <v>1</v>
      </c>
      <c r="D47605">
        <v>0</v>
      </c>
    </row>
    <row r="47606" spans="1:4" x14ac:dyDescent="0.25">
      <c r="A47606" t="s">
        <v>65623</v>
      </c>
      <c r="B47606" t="s">
        <v>65624</v>
      </c>
      <c r="C47606">
        <v>0</v>
      </c>
      <c r="D47606">
        <v>0</v>
      </c>
    </row>
    <row r="47607" spans="1:4" x14ac:dyDescent="0.25">
      <c r="A47607" t="s">
        <v>65625</v>
      </c>
      <c r="B47607" t="s">
        <v>65626</v>
      </c>
      <c r="C47607">
        <v>1</v>
      </c>
      <c r="D47607">
        <v>0</v>
      </c>
    </row>
    <row r="47608" spans="1:4" x14ac:dyDescent="0.25">
      <c r="A47608" t="s">
        <v>65625</v>
      </c>
      <c r="B47608" t="s">
        <v>65627</v>
      </c>
      <c r="C47608">
        <v>1</v>
      </c>
      <c r="D47608">
        <v>0</v>
      </c>
    </row>
    <row r="47609" spans="1:4" x14ac:dyDescent="0.25">
      <c r="A47609" t="s">
        <v>65625</v>
      </c>
      <c r="B47609" t="s">
        <v>65628</v>
      </c>
      <c r="C47609">
        <v>1</v>
      </c>
      <c r="D47609">
        <v>0</v>
      </c>
    </row>
    <row r="47610" spans="1:4" x14ac:dyDescent="0.25">
      <c r="A47610" t="s">
        <v>65629</v>
      </c>
      <c r="B47610" t="s">
        <v>65630</v>
      </c>
      <c r="C47610">
        <v>1</v>
      </c>
      <c r="D47610">
        <v>0</v>
      </c>
    </row>
    <row r="47611" spans="1:4" x14ac:dyDescent="0.25">
      <c r="A47611" t="s">
        <v>65629</v>
      </c>
      <c r="B47611" t="s">
        <v>65631</v>
      </c>
      <c r="C47611">
        <v>1</v>
      </c>
      <c r="D47611">
        <v>0</v>
      </c>
    </row>
    <row r="47612" spans="1:4" x14ac:dyDescent="0.25">
      <c r="A47612" t="s">
        <v>65629</v>
      </c>
      <c r="B47612" t="s">
        <v>65632</v>
      </c>
      <c r="C47612">
        <v>2</v>
      </c>
      <c r="D47612">
        <v>0</v>
      </c>
    </row>
    <row r="47613" spans="1:4" x14ac:dyDescent="0.25">
      <c r="A47613" t="s">
        <v>65629</v>
      </c>
      <c r="B47613" t="s">
        <v>65633</v>
      </c>
      <c r="C47613">
        <v>0</v>
      </c>
      <c r="D47613">
        <v>0</v>
      </c>
    </row>
    <row r="47614" spans="1:4" x14ac:dyDescent="0.25">
      <c r="A47614" t="s">
        <v>65629</v>
      </c>
      <c r="B47614" t="s">
        <v>65634</v>
      </c>
      <c r="C47614">
        <v>1</v>
      </c>
      <c r="D47614">
        <v>0</v>
      </c>
    </row>
    <row r="47615" spans="1:4" x14ac:dyDescent="0.25">
      <c r="A47615" t="s">
        <v>65635</v>
      </c>
      <c r="B47615" t="s">
        <v>2651</v>
      </c>
      <c r="C47615">
        <v>0</v>
      </c>
      <c r="D47615">
        <v>0</v>
      </c>
    </row>
    <row r="47616" spans="1:4" x14ac:dyDescent="0.25">
      <c r="A47616" t="s">
        <v>65635</v>
      </c>
      <c r="B47616" t="s">
        <v>49054</v>
      </c>
      <c r="C47616">
        <v>1</v>
      </c>
      <c r="D47616">
        <v>0</v>
      </c>
    </row>
    <row r="47617" spans="1:4" x14ac:dyDescent="0.25">
      <c r="A47617" t="s">
        <v>65635</v>
      </c>
      <c r="B47617" t="s">
        <v>65636</v>
      </c>
      <c r="C47617">
        <v>0</v>
      </c>
      <c r="D47617">
        <v>0</v>
      </c>
    </row>
    <row r="47618" spans="1:4" x14ac:dyDescent="0.25">
      <c r="A47618" t="s">
        <v>65635</v>
      </c>
      <c r="B47618" t="s">
        <v>1001</v>
      </c>
      <c r="C47618">
        <v>1</v>
      </c>
      <c r="D47618">
        <v>0</v>
      </c>
    </row>
    <row r="47619" spans="1:4" x14ac:dyDescent="0.25">
      <c r="A47619" t="s">
        <v>65637</v>
      </c>
      <c r="B47619" t="s">
        <v>65638</v>
      </c>
      <c r="C47619">
        <v>1</v>
      </c>
      <c r="D47619">
        <v>0</v>
      </c>
    </row>
    <row r="47620" spans="1:4" x14ac:dyDescent="0.25">
      <c r="A47620" t="s">
        <v>65637</v>
      </c>
      <c r="B47620" t="s">
        <v>65639</v>
      </c>
      <c r="C47620">
        <v>1</v>
      </c>
      <c r="D47620">
        <v>0</v>
      </c>
    </row>
    <row r="47621" spans="1:4" x14ac:dyDescent="0.25">
      <c r="A47621" t="s">
        <v>65640</v>
      </c>
      <c r="B47621" t="s">
        <v>65641</v>
      </c>
      <c r="C47621">
        <v>0</v>
      </c>
      <c r="D47621">
        <v>0</v>
      </c>
    </row>
    <row r="47622" spans="1:4" x14ac:dyDescent="0.25">
      <c r="A47622" t="s">
        <v>65642</v>
      </c>
      <c r="B47622" t="s">
        <v>65643</v>
      </c>
      <c r="C47622">
        <v>0</v>
      </c>
      <c r="D47622">
        <v>0</v>
      </c>
    </row>
    <row r="47623" spans="1:4" x14ac:dyDescent="0.25">
      <c r="A47623" t="s">
        <v>65642</v>
      </c>
      <c r="B47623" t="s">
        <v>65644</v>
      </c>
      <c r="C47623">
        <v>0</v>
      </c>
      <c r="D47623">
        <v>0</v>
      </c>
    </row>
    <row r="47624" spans="1:4" x14ac:dyDescent="0.25">
      <c r="A47624" t="s">
        <v>65642</v>
      </c>
      <c r="B47624" t="s">
        <v>65645</v>
      </c>
      <c r="C47624">
        <v>0</v>
      </c>
      <c r="D47624">
        <v>0</v>
      </c>
    </row>
    <row r="47625" spans="1:4" x14ac:dyDescent="0.25">
      <c r="A47625" t="s">
        <v>65642</v>
      </c>
      <c r="B47625" t="s">
        <v>65646</v>
      </c>
      <c r="C47625">
        <v>0</v>
      </c>
      <c r="D47625">
        <v>0</v>
      </c>
    </row>
    <row r="47626" spans="1:4" x14ac:dyDescent="0.25">
      <c r="A47626" t="s">
        <v>65642</v>
      </c>
      <c r="B47626" t="s">
        <v>65647</v>
      </c>
      <c r="C47626">
        <v>1</v>
      </c>
      <c r="D47626">
        <v>0</v>
      </c>
    </row>
    <row r="47627" spans="1:4" x14ac:dyDescent="0.25">
      <c r="A47627" t="s">
        <v>65642</v>
      </c>
      <c r="B47627" t="s">
        <v>65648</v>
      </c>
      <c r="C47627">
        <v>0</v>
      </c>
      <c r="D47627">
        <v>0</v>
      </c>
    </row>
    <row r="47628" spans="1:4" x14ac:dyDescent="0.25">
      <c r="A47628" t="s">
        <v>65642</v>
      </c>
      <c r="B47628" t="s">
        <v>65649</v>
      </c>
      <c r="C47628">
        <v>0</v>
      </c>
      <c r="D47628">
        <v>0</v>
      </c>
    </row>
    <row r="47629" spans="1:4" x14ac:dyDescent="0.25">
      <c r="A47629" t="s">
        <v>65650</v>
      </c>
      <c r="B47629" t="s">
        <v>65651</v>
      </c>
      <c r="C47629">
        <v>1</v>
      </c>
      <c r="D47629">
        <v>0</v>
      </c>
    </row>
    <row r="47630" spans="1:4" x14ac:dyDescent="0.25">
      <c r="A47630" t="s">
        <v>65650</v>
      </c>
      <c r="B47630" t="s">
        <v>65652</v>
      </c>
      <c r="C47630">
        <v>2</v>
      </c>
      <c r="D47630">
        <v>0</v>
      </c>
    </row>
    <row r="47631" spans="1:4" x14ac:dyDescent="0.25">
      <c r="A47631" t="s">
        <v>65650</v>
      </c>
      <c r="B47631" t="s">
        <v>65653</v>
      </c>
      <c r="C47631">
        <v>2</v>
      </c>
      <c r="D47631">
        <v>0</v>
      </c>
    </row>
    <row r="47632" spans="1:4" x14ac:dyDescent="0.25">
      <c r="A47632" t="s">
        <v>65650</v>
      </c>
      <c r="B47632" t="s">
        <v>65654</v>
      </c>
      <c r="C47632">
        <v>0</v>
      </c>
      <c r="D47632">
        <v>0</v>
      </c>
    </row>
    <row r="47633" spans="1:4" x14ac:dyDescent="0.25">
      <c r="A47633" t="s">
        <v>65655</v>
      </c>
      <c r="B47633" t="s">
        <v>65656</v>
      </c>
      <c r="C47633">
        <v>1</v>
      </c>
      <c r="D47633">
        <v>0</v>
      </c>
    </row>
    <row r="47634" spans="1:4" x14ac:dyDescent="0.25">
      <c r="A47634" t="s">
        <v>65657</v>
      </c>
      <c r="B47634" t="s">
        <v>2651</v>
      </c>
      <c r="C47634">
        <v>0</v>
      </c>
      <c r="D47634">
        <v>0</v>
      </c>
    </row>
    <row r="47635" spans="1:4" x14ac:dyDescent="0.25">
      <c r="A47635" t="s">
        <v>65657</v>
      </c>
      <c r="B47635" t="s">
        <v>65658</v>
      </c>
      <c r="C47635">
        <v>0</v>
      </c>
      <c r="D47635">
        <v>0</v>
      </c>
    </row>
    <row r="47636" spans="1:4" x14ac:dyDescent="0.25">
      <c r="A47636" t="s">
        <v>65657</v>
      </c>
      <c r="B47636" t="s">
        <v>5713</v>
      </c>
      <c r="C47636">
        <v>1</v>
      </c>
      <c r="D47636">
        <v>0</v>
      </c>
    </row>
    <row r="47637" spans="1:4" x14ac:dyDescent="0.25">
      <c r="A47637" t="s">
        <v>65657</v>
      </c>
      <c r="B47637" t="s">
        <v>65659</v>
      </c>
      <c r="C47637">
        <v>2</v>
      </c>
      <c r="D47637">
        <v>0</v>
      </c>
    </row>
    <row r="47638" spans="1:4" x14ac:dyDescent="0.25">
      <c r="A47638" t="s">
        <v>65660</v>
      </c>
      <c r="B47638" t="s">
        <v>65661</v>
      </c>
      <c r="C47638">
        <v>2</v>
      </c>
      <c r="D47638">
        <v>0</v>
      </c>
    </row>
    <row r="47639" spans="1:4" x14ac:dyDescent="0.25">
      <c r="A47639" t="s">
        <v>65660</v>
      </c>
      <c r="B47639" t="s">
        <v>65662</v>
      </c>
      <c r="C47639">
        <v>0</v>
      </c>
      <c r="D47639">
        <v>0</v>
      </c>
    </row>
    <row r="47640" spans="1:4" x14ac:dyDescent="0.25">
      <c r="A47640" t="s">
        <v>65660</v>
      </c>
      <c r="B47640" t="s">
        <v>65663</v>
      </c>
      <c r="C47640">
        <v>2</v>
      </c>
      <c r="D47640">
        <v>0</v>
      </c>
    </row>
    <row r="47641" spans="1:4" x14ac:dyDescent="0.25">
      <c r="A47641" t="s">
        <v>65660</v>
      </c>
      <c r="B47641" t="s">
        <v>65664</v>
      </c>
      <c r="C47641">
        <v>2</v>
      </c>
      <c r="D47641">
        <v>0</v>
      </c>
    </row>
    <row r="47642" spans="1:4" x14ac:dyDescent="0.25">
      <c r="A47642" t="s">
        <v>65660</v>
      </c>
      <c r="B47642" t="s">
        <v>65665</v>
      </c>
      <c r="C47642">
        <v>1</v>
      </c>
      <c r="D47642">
        <v>0</v>
      </c>
    </row>
    <row r="47643" spans="1:4" x14ac:dyDescent="0.25">
      <c r="A47643" t="s">
        <v>65660</v>
      </c>
      <c r="B47643" t="s">
        <v>65666</v>
      </c>
      <c r="C47643">
        <v>0</v>
      </c>
      <c r="D47643">
        <v>0</v>
      </c>
    </row>
    <row r="47644" spans="1:4" x14ac:dyDescent="0.25">
      <c r="A47644" t="s">
        <v>65660</v>
      </c>
      <c r="B47644" t="s">
        <v>65667</v>
      </c>
      <c r="C47644">
        <v>1</v>
      </c>
      <c r="D47644">
        <v>0</v>
      </c>
    </row>
    <row r="47645" spans="1:4" x14ac:dyDescent="0.25">
      <c r="A47645" t="s">
        <v>65668</v>
      </c>
      <c r="B47645" t="s">
        <v>65669</v>
      </c>
      <c r="C47645">
        <v>1</v>
      </c>
      <c r="D47645">
        <v>0</v>
      </c>
    </row>
    <row r="47646" spans="1:4" x14ac:dyDescent="0.25">
      <c r="A47646" t="s">
        <v>65668</v>
      </c>
      <c r="B47646" t="s">
        <v>65670</v>
      </c>
      <c r="C47646">
        <v>1</v>
      </c>
      <c r="D47646">
        <v>0</v>
      </c>
    </row>
    <row r="47647" spans="1:4" x14ac:dyDescent="0.25">
      <c r="A47647" t="s">
        <v>65668</v>
      </c>
      <c r="B47647" t="s">
        <v>65671</v>
      </c>
      <c r="C47647">
        <v>1</v>
      </c>
      <c r="D47647">
        <v>0</v>
      </c>
    </row>
    <row r="47648" spans="1:4" x14ac:dyDescent="0.25">
      <c r="A47648" t="s">
        <v>65668</v>
      </c>
      <c r="B47648" t="s">
        <v>65672</v>
      </c>
      <c r="C47648">
        <v>2</v>
      </c>
      <c r="D47648">
        <v>0</v>
      </c>
    </row>
    <row r="47649" spans="1:4" x14ac:dyDescent="0.25">
      <c r="A47649" t="s">
        <v>65673</v>
      </c>
      <c r="B47649" t="s">
        <v>65674</v>
      </c>
      <c r="C47649">
        <v>0</v>
      </c>
      <c r="D47649">
        <v>0</v>
      </c>
    </row>
    <row r="47650" spans="1:4" x14ac:dyDescent="0.25">
      <c r="A47650" t="s">
        <v>65673</v>
      </c>
      <c r="B47650" t="s">
        <v>52371</v>
      </c>
      <c r="C47650">
        <v>0</v>
      </c>
      <c r="D47650">
        <v>0</v>
      </c>
    </row>
    <row r="47651" spans="1:4" x14ac:dyDescent="0.25">
      <c r="A47651" t="s">
        <v>65673</v>
      </c>
      <c r="B47651" t="s">
        <v>65675</v>
      </c>
      <c r="C47651">
        <v>2</v>
      </c>
      <c r="D47651">
        <v>0</v>
      </c>
    </row>
    <row r="47652" spans="1:4" x14ac:dyDescent="0.25">
      <c r="A47652" t="s">
        <v>65673</v>
      </c>
      <c r="B47652" t="s">
        <v>65676</v>
      </c>
      <c r="C47652">
        <v>0</v>
      </c>
      <c r="D47652">
        <v>0</v>
      </c>
    </row>
    <row r="47653" spans="1:4" x14ac:dyDescent="0.25">
      <c r="A47653" t="s">
        <v>65673</v>
      </c>
      <c r="B47653" t="s">
        <v>65677</v>
      </c>
      <c r="C47653">
        <v>2</v>
      </c>
      <c r="D47653">
        <v>0</v>
      </c>
    </row>
    <row r="47654" spans="1:4" x14ac:dyDescent="0.25">
      <c r="A47654" t="s">
        <v>65673</v>
      </c>
      <c r="B47654" t="s">
        <v>65678</v>
      </c>
      <c r="C47654">
        <v>0</v>
      </c>
      <c r="D47654">
        <v>0</v>
      </c>
    </row>
    <row r="47655" spans="1:4" x14ac:dyDescent="0.25">
      <c r="A47655" t="s">
        <v>65679</v>
      </c>
      <c r="B47655" t="s">
        <v>65680</v>
      </c>
      <c r="C47655">
        <v>1</v>
      </c>
      <c r="D47655">
        <v>0</v>
      </c>
    </row>
    <row r="47656" spans="1:4" x14ac:dyDescent="0.25">
      <c r="A47656" t="s">
        <v>65679</v>
      </c>
      <c r="B47656" t="s">
        <v>65681</v>
      </c>
      <c r="C47656">
        <v>1</v>
      </c>
      <c r="D47656">
        <v>0</v>
      </c>
    </row>
    <row r="47657" spans="1:4" x14ac:dyDescent="0.25">
      <c r="A47657" t="s">
        <v>65679</v>
      </c>
      <c r="B47657" t="s">
        <v>65682</v>
      </c>
      <c r="C47657">
        <v>1</v>
      </c>
      <c r="D47657">
        <v>0</v>
      </c>
    </row>
    <row r="47658" spans="1:4" x14ac:dyDescent="0.25">
      <c r="A47658" t="s">
        <v>65679</v>
      </c>
      <c r="B47658" t="s">
        <v>65683</v>
      </c>
      <c r="C47658">
        <v>0</v>
      </c>
      <c r="D47658">
        <v>0</v>
      </c>
    </row>
    <row r="47659" spans="1:4" x14ac:dyDescent="0.25">
      <c r="A47659" t="s">
        <v>65679</v>
      </c>
      <c r="B47659" t="s">
        <v>65684</v>
      </c>
      <c r="C47659">
        <v>1</v>
      </c>
      <c r="D47659">
        <v>0</v>
      </c>
    </row>
    <row r="47660" spans="1:4" x14ac:dyDescent="0.25">
      <c r="A47660" t="s">
        <v>65679</v>
      </c>
      <c r="B47660" t="s">
        <v>65685</v>
      </c>
      <c r="C47660">
        <v>1</v>
      </c>
      <c r="D47660">
        <v>0</v>
      </c>
    </row>
    <row r="47661" spans="1:4" x14ac:dyDescent="0.25">
      <c r="A47661" t="s">
        <v>65686</v>
      </c>
      <c r="B47661" t="s">
        <v>65687</v>
      </c>
      <c r="C47661">
        <v>1</v>
      </c>
      <c r="D47661">
        <v>0</v>
      </c>
    </row>
    <row r="47662" spans="1:4" x14ac:dyDescent="0.25">
      <c r="A47662" t="s">
        <v>65686</v>
      </c>
      <c r="B47662" t="s">
        <v>46162</v>
      </c>
      <c r="C47662">
        <v>1</v>
      </c>
      <c r="D47662">
        <v>0</v>
      </c>
    </row>
    <row r="47663" spans="1:4" x14ac:dyDescent="0.25">
      <c r="A47663" t="s">
        <v>65686</v>
      </c>
      <c r="B47663" t="s">
        <v>65688</v>
      </c>
      <c r="C47663">
        <v>2</v>
      </c>
      <c r="D47663">
        <v>0</v>
      </c>
    </row>
    <row r="47664" spans="1:4" x14ac:dyDescent="0.25">
      <c r="A47664" t="s">
        <v>65686</v>
      </c>
      <c r="B47664" t="s">
        <v>65689</v>
      </c>
      <c r="C47664">
        <v>1</v>
      </c>
      <c r="D47664">
        <v>0</v>
      </c>
    </row>
    <row r="47665" spans="1:4" x14ac:dyDescent="0.25">
      <c r="A47665" t="s">
        <v>65690</v>
      </c>
      <c r="B47665" t="s">
        <v>65691</v>
      </c>
      <c r="C47665">
        <v>0</v>
      </c>
      <c r="D47665">
        <v>0</v>
      </c>
    </row>
    <row r="47666" spans="1:4" x14ac:dyDescent="0.25">
      <c r="A47666" t="s">
        <v>65690</v>
      </c>
      <c r="B47666" t="s">
        <v>65692</v>
      </c>
      <c r="C47666">
        <v>0</v>
      </c>
      <c r="D47666">
        <v>0</v>
      </c>
    </row>
    <row r="47667" spans="1:4" x14ac:dyDescent="0.25">
      <c r="A47667" t="s">
        <v>65690</v>
      </c>
      <c r="B47667" t="s">
        <v>65693</v>
      </c>
      <c r="C47667">
        <v>1</v>
      </c>
      <c r="D47667">
        <v>0</v>
      </c>
    </row>
    <row r="47668" spans="1:4" x14ac:dyDescent="0.25">
      <c r="A47668" t="s">
        <v>65690</v>
      </c>
      <c r="B47668" t="s">
        <v>65694</v>
      </c>
      <c r="C47668">
        <v>0</v>
      </c>
      <c r="D47668">
        <v>0</v>
      </c>
    </row>
    <row r="47669" spans="1:4" x14ac:dyDescent="0.25">
      <c r="A47669" t="s">
        <v>65690</v>
      </c>
      <c r="B47669" t="s">
        <v>65695</v>
      </c>
      <c r="C47669">
        <v>1</v>
      </c>
      <c r="D47669">
        <v>0</v>
      </c>
    </row>
    <row r="47670" spans="1:4" x14ac:dyDescent="0.25">
      <c r="A47670" t="s">
        <v>65696</v>
      </c>
      <c r="B47670" t="s">
        <v>65697</v>
      </c>
      <c r="C47670">
        <v>0</v>
      </c>
      <c r="D47670">
        <v>0</v>
      </c>
    </row>
    <row r="47671" spans="1:4" x14ac:dyDescent="0.25">
      <c r="A47671" t="s">
        <v>65696</v>
      </c>
      <c r="B47671" t="s">
        <v>65698</v>
      </c>
      <c r="C47671">
        <v>2</v>
      </c>
      <c r="D47671">
        <v>0</v>
      </c>
    </row>
    <row r="47672" spans="1:4" x14ac:dyDescent="0.25">
      <c r="A47672" t="s">
        <v>65696</v>
      </c>
      <c r="B47672" t="s">
        <v>65699</v>
      </c>
      <c r="C47672">
        <v>1</v>
      </c>
      <c r="D47672">
        <v>0</v>
      </c>
    </row>
    <row r="47673" spans="1:4" x14ac:dyDescent="0.25">
      <c r="A47673" t="s">
        <v>65696</v>
      </c>
      <c r="B47673" t="s">
        <v>65700</v>
      </c>
      <c r="C47673">
        <v>0</v>
      </c>
      <c r="D47673">
        <v>0</v>
      </c>
    </row>
    <row r="47674" spans="1:4" x14ac:dyDescent="0.25">
      <c r="A47674" t="s">
        <v>65696</v>
      </c>
      <c r="B47674" t="s">
        <v>65701</v>
      </c>
      <c r="C47674">
        <v>2</v>
      </c>
      <c r="D47674">
        <v>0</v>
      </c>
    </row>
    <row r="47675" spans="1:4" x14ac:dyDescent="0.25">
      <c r="A47675" t="s">
        <v>65702</v>
      </c>
      <c r="B47675" t="s">
        <v>65703</v>
      </c>
      <c r="C47675">
        <v>0</v>
      </c>
      <c r="D47675">
        <v>0</v>
      </c>
    </row>
    <row r="47676" spans="1:4" x14ac:dyDescent="0.25">
      <c r="A47676" t="s">
        <v>65702</v>
      </c>
      <c r="B47676" t="s">
        <v>65704</v>
      </c>
      <c r="C47676">
        <v>0</v>
      </c>
      <c r="D47676">
        <v>0</v>
      </c>
    </row>
    <row r="47677" spans="1:4" x14ac:dyDescent="0.25">
      <c r="A47677" t="s">
        <v>65702</v>
      </c>
      <c r="B47677" t="s">
        <v>65705</v>
      </c>
      <c r="C47677">
        <v>0</v>
      </c>
      <c r="D47677">
        <v>0</v>
      </c>
    </row>
    <row r="47678" spans="1:4" x14ac:dyDescent="0.25">
      <c r="A47678" t="s">
        <v>65706</v>
      </c>
      <c r="B47678" t="s">
        <v>65707</v>
      </c>
      <c r="C47678">
        <v>1</v>
      </c>
      <c r="D47678">
        <v>0</v>
      </c>
    </row>
    <row r="47679" spans="1:4" x14ac:dyDescent="0.25">
      <c r="A47679" t="s">
        <v>65706</v>
      </c>
      <c r="B47679" t="s">
        <v>9530</v>
      </c>
      <c r="C47679">
        <v>0</v>
      </c>
      <c r="D47679">
        <v>0</v>
      </c>
    </row>
    <row r="47680" spans="1:4" x14ac:dyDescent="0.25">
      <c r="A47680" t="s">
        <v>65706</v>
      </c>
      <c r="B47680" t="s">
        <v>65708</v>
      </c>
      <c r="C47680">
        <v>0</v>
      </c>
      <c r="D47680">
        <v>0</v>
      </c>
    </row>
    <row r="47681" spans="1:4" x14ac:dyDescent="0.25">
      <c r="A47681" t="s">
        <v>65706</v>
      </c>
      <c r="B47681" t="s">
        <v>65709</v>
      </c>
      <c r="C47681">
        <v>1</v>
      </c>
      <c r="D47681">
        <v>0</v>
      </c>
    </row>
    <row r="47682" spans="1:4" x14ac:dyDescent="0.25">
      <c r="A47682" t="s">
        <v>65710</v>
      </c>
      <c r="B47682" t="s">
        <v>23671</v>
      </c>
      <c r="C47682">
        <v>1</v>
      </c>
      <c r="D47682">
        <v>0</v>
      </c>
    </row>
    <row r="47683" spans="1:4" x14ac:dyDescent="0.25">
      <c r="A47683" t="s">
        <v>65710</v>
      </c>
      <c r="B47683" t="s">
        <v>65711</v>
      </c>
      <c r="C47683">
        <v>2</v>
      </c>
      <c r="D47683">
        <v>0</v>
      </c>
    </row>
    <row r="47684" spans="1:4" x14ac:dyDescent="0.25">
      <c r="A47684" t="s">
        <v>65710</v>
      </c>
      <c r="B47684" t="s">
        <v>65712</v>
      </c>
      <c r="C47684">
        <v>1</v>
      </c>
      <c r="D47684">
        <v>0</v>
      </c>
    </row>
    <row r="47685" spans="1:4" x14ac:dyDescent="0.25">
      <c r="A47685" t="s">
        <v>65710</v>
      </c>
      <c r="B47685" t="s">
        <v>65713</v>
      </c>
      <c r="C47685">
        <v>2</v>
      </c>
      <c r="D47685">
        <v>0</v>
      </c>
    </row>
    <row r="47686" spans="1:4" x14ac:dyDescent="0.25">
      <c r="A47686" t="s">
        <v>65710</v>
      </c>
      <c r="B47686" t="s">
        <v>65714</v>
      </c>
      <c r="C47686">
        <v>2</v>
      </c>
      <c r="D47686">
        <v>0</v>
      </c>
    </row>
    <row r="47687" spans="1:4" x14ac:dyDescent="0.25">
      <c r="A47687" t="s">
        <v>65710</v>
      </c>
      <c r="B47687" t="s">
        <v>65715</v>
      </c>
      <c r="C47687">
        <v>2</v>
      </c>
      <c r="D47687">
        <v>0</v>
      </c>
    </row>
    <row r="47688" spans="1:4" x14ac:dyDescent="0.25">
      <c r="A47688" t="s">
        <v>65710</v>
      </c>
      <c r="B47688" t="s">
        <v>65716</v>
      </c>
      <c r="C47688">
        <v>1</v>
      </c>
      <c r="D47688">
        <v>0</v>
      </c>
    </row>
    <row r="47689" spans="1:4" x14ac:dyDescent="0.25">
      <c r="A47689" t="s">
        <v>65710</v>
      </c>
      <c r="B47689" t="s">
        <v>65717</v>
      </c>
      <c r="C47689">
        <v>0</v>
      </c>
      <c r="D47689">
        <v>0</v>
      </c>
    </row>
    <row r="47690" spans="1:4" x14ac:dyDescent="0.25">
      <c r="A47690" t="s">
        <v>65718</v>
      </c>
      <c r="B47690" t="s">
        <v>65719</v>
      </c>
      <c r="C47690">
        <v>1</v>
      </c>
      <c r="D47690">
        <v>0</v>
      </c>
    </row>
    <row r="47691" spans="1:4" x14ac:dyDescent="0.25">
      <c r="A47691" t="s">
        <v>65718</v>
      </c>
      <c r="B47691" t="s">
        <v>65720</v>
      </c>
      <c r="C47691">
        <v>1</v>
      </c>
      <c r="D47691">
        <v>0</v>
      </c>
    </row>
    <row r="47692" spans="1:4" x14ac:dyDescent="0.25">
      <c r="A47692" t="s">
        <v>65718</v>
      </c>
      <c r="B47692" t="s">
        <v>65721</v>
      </c>
      <c r="C47692">
        <v>1</v>
      </c>
      <c r="D47692">
        <v>0</v>
      </c>
    </row>
    <row r="47693" spans="1:4" x14ac:dyDescent="0.25">
      <c r="A47693" t="s">
        <v>65718</v>
      </c>
      <c r="B47693" t="s">
        <v>65722</v>
      </c>
      <c r="C47693">
        <v>2</v>
      </c>
      <c r="D47693">
        <v>0</v>
      </c>
    </row>
    <row r="47694" spans="1:4" x14ac:dyDescent="0.25">
      <c r="A47694" t="s">
        <v>65718</v>
      </c>
      <c r="B47694" t="s">
        <v>65723</v>
      </c>
      <c r="C47694">
        <v>2</v>
      </c>
      <c r="D47694">
        <v>0</v>
      </c>
    </row>
    <row r="47695" spans="1:4" x14ac:dyDescent="0.25">
      <c r="A47695" t="s">
        <v>65718</v>
      </c>
      <c r="B47695" t="s">
        <v>65724</v>
      </c>
      <c r="C47695">
        <v>1</v>
      </c>
      <c r="D47695">
        <v>0</v>
      </c>
    </row>
    <row r="47696" spans="1:4" x14ac:dyDescent="0.25">
      <c r="A47696" t="s">
        <v>65725</v>
      </c>
      <c r="B47696" t="s">
        <v>65726</v>
      </c>
      <c r="C47696">
        <v>1</v>
      </c>
      <c r="D47696">
        <v>0</v>
      </c>
    </row>
    <row r="47697" spans="1:4" x14ac:dyDescent="0.25">
      <c r="A47697" t="s">
        <v>65725</v>
      </c>
      <c r="B47697" t="s">
        <v>65727</v>
      </c>
      <c r="C47697">
        <v>1</v>
      </c>
      <c r="D47697">
        <v>0</v>
      </c>
    </row>
    <row r="47698" spans="1:4" x14ac:dyDescent="0.25">
      <c r="A47698" t="s">
        <v>65725</v>
      </c>
      <c r="B47698" t="s">
        <v>65728</v>
      </c>
      <c r="C47698">
        <v>1</v>
      </c>
      <c r="D47698">
        <v>0</v>
      </c>
    </row>
    <row r="47699" spans="1:4" x14ac:dyDescent="0.25">
      <c r="A47699" t="s">
        <v>65725</v>
      </c>
      <c r="B47699" t="s">
        <v>65729</v>
      </c>
      <c r="C47699">
        <v>0</v>
      </c>
      <c r="D47699">
        <v>0</v>
      </c>
    </row>
    <row r="47700" spans="1:4" x14ac:dyDescent="0.25">
      <c r="A47700" t="s">
        <v>65730</v>
      </c>
      <c r="B47700" t="s">
        <v>65731</v>
      </c>
      <c r="C47700">
        <v>1</v>
      </c>
      <c r="D47700">
        <v>0</v>
      </c>
    </row>
    <row r="47701" spans="1:4" x14ac:dyDescent="0.25">
      <c r="A47701" t="s">
        <v>65730</v>
      </c>
      <c r="B47701" t="s">
        <v>65732</v>
      </c>
      <c r="C47701">
        <v>0</v>
      </c>
      <c r="D47701">
        <v>0</v>
      </c>
    </row>
    <row r="47702" spans="1:4" x14ac:dyDescent="0.25">
      <c r="A47702" t="s">
        <v>65730</v>
      </c>
      <c r="B47702" t="s">
        <v>65733</v>
      </c>
      <c r="C47702">
        <v>0</v>
      </c>
      <c r="D47702">
        <v>0</v>
      </c>
    </row>
    <row r="47703" spans="1:4" x14ac:dyDescent="0.25">
      <c r="A47703" t="s">
        <v>65734</v>
      </c>
      <c r="B47703" t="s">
        <v>65735</v>
      </c>
      <c r="C47703">
        <v>2</v>
      </c>
      <c r="D47703">
        <v>0</v>
      </c>
    </row>
    <row r="47704" spans="1:4" x14ac:dyDescent="0.25">
      <c r="A47704" t="s">
        <v>65734</v>
      </c>
      <c r="B47704" t="s">
        <v>65736</v>
      </c>
      <c r="C47704">
        <v>0</v>
      </c>
      <c r="D47704">
        <v>0</v>
      </c>
    </row>
    <row r="47705" spans="1:4" x14ac:dyDescent="0.25">
      <c r="A47705" t="s">
        <v>65734</v>
      </c>
      <c r="B47705" t="s">
        <v>65737</v>
      </c>
      <c r="C47705">
        <v>1</v>
      </c>
      <c r="D47705">
        <v>0</v>
      </c>
    </row>
    <row r="47706" spans="1:4" x14ac:dyDescent="0.25">
      <c r="A47706" t="s">
        <v>65734</v>
      </c>
      <c r="B47706" t="s">
        <v>65738</v>
      </c>
      <c r="C47706">
        <v>1</v>
      </c>
      <c r="D47706">
        <v>0</v>
      </c>
    </row>
    <row r="47707" spans="1:4" x14ac:dyDescent="0.25">
      <c r="A47707" t="s">
        <v>65739</v>
      </c>
      <c r="B47707" t="s">
        <v>65740</v>
      </c>
      <c r="C47707">
        <v>2</v>
      </c>
      <c r="D47707">
        <v>0</v>
      </c>
    </row>
    <row r="47708" spans="1:4" x14ac:dyDescent="0.25">
      <c r="A47708" t="s">
        <v>65739</v>
      </c>
      <c r="B47708" t="s">
        <v>65741</v>
      </c>
      <c r="C47708">
        <v>1</v>
      </c>
      <c r="D47708">
        <v>0</v>
      </c>
    </row>
    <row r="47709" spans="1:4" x14ac:dyDescent="0.25">
      <c r="A47709" t="s">
        <v>65739</v>
      </c>
      <c r="B47709" t="s">
        <v>65742</v>
      </c>
      <c r="C47709">
        <v>2</v>
      </c>
      <c r="D47709">
        <v>0</v>
      </c>
    </row>
    <row r="47710" spans="1:4" x14ac:dyDescent="0.25">
      <c r="A47710" t="s">
        <v>65739</v>
      </c>
      <c r="B47710" t="s">
        <v>65743</v>
      </c>
      <c r="C47710">
        <v>0</v>
      </c>
      <c r="D47710">
        <v>0</v>
      </c>
    </row>
    <row r="47711" spans="1:4" x14ac:dyDescent="0.25">
      <c r="A47711" t="s">
        <v>65739</v>
      </c>
      <c r="B47711" t="s">
        <v>65744</v>
      </c>
      <c r="C47711">
        <v>1</v>
      </c>
      <c r="D47711">
        <v>0</v>
      </c>
    </row>
    <row r="47712" spans="1:4" x14ac:dyDescent="0.25">
      <c r="A47712" t="s">
        <v>65745</v>
      </c>
      <c r="B47712" t="s">
        <v>65746</v>
      </c>
      <c r="C47712">
        <v>2</v>
      </c>
      <c r="D47712">
        <v>0</v>
      </c>
    </row>
    <row r="47713" spans="1:4" x14ac:dyDescent="0.25">
      <c r="A47713" t="s">
        <v>65745</v>
      </c>
      <c r="B47713" t="s">
        <v>65747</v>
      </c>
      <c r="C47713">
        <v>1</v>
      </c>
      <c r="D47713">
        <v>0</v>
      </c>
    </row>
    <row r="47714" spans="1:4" x14ac:dyDescent="0.25">
      <c r="A47714" t="s">
        <v>65745</v>
      </c>
      <c r="B47714" t="s">
        <v>65748</v>
      </c>
      <c r="C47714">
        <v>1</v>
      </c>
      <c r="D47714">
        <v>0</v>
      </c>
    </row>
    <row r="47715" spans="1:4" x14ac:dyDescent="0.25">
      <c r="A47715" t="s">
        <v>65745</v>
      </c>
      <c r="B47715" t="s">
        <v>65749</v>
      </c>
      <c r="C47715">
        <v>2</v>
      </c>
      <c r="D47715">
        <v>0</v>
      </c>
    </row>
    <row r="47716" spans="1:4" x14ac:dyDescent="0.25">
      <c r="A47716" t="s">
        <v>65750</v>
      </c>
      <c r="B47716" t="s">
        <v>65751</v>
      </c>
      <c r="C47716">
        <v>1</v>
      </c>
      <c r="D47716">
        <v>0</v>
      </c>
    </row>
    <row r="47717" spans="1:4" x14ac:dyDescent="0.25">
      <c r="A47717" t="s">
        <v>65752</v>
      </c>
      <c r="B47717" t="s">
        <v>22326</v>
      </c>
      <c r="C47717">
        <v>1</v>
      </c>
      <c r="D47717">
        <v>0</v>
      </c>
    </row>
    <row r="47718" spans="1:4" x14ac:dyDescent="0.25">
      <c r="A47718" t="s">
        <v>65752</v>
      </c>
      <c r="B47718" t="s">
        <v>65753</v>
      </c>
      <c r="C47718">
        <v>2</v>
      </c>
      <c r="D47718">
        <v>0</v>
      </c>
    </row>
    <row r="47719" spans="1:4" x14ac:dyDescent="0.25">
      <c r="A47719" t="s">
        <v>65752</v>
      </c>
      <c r="B47719" t="s">
        <v>65754</v>
      </c>
      <c r="C47719">
        <v>1</v>
      </c>
      <c r="D47719">
        <v>0</v>
      </c>
    </row>
    <row r="47720" spans="1:4" x14ac:dyDescent="0.25">
      <c r="A47720" t="s">
        <v>65752</v>
      </c>
      <c r="B47720" t="s">
        <v>11948</v>
      </c>
      <c r="C47720">
        <v>0</v>
      </c>
      <c r="D47720">
        <v>0</v>
      </c>
    </row>
    <row r="47721" spans="1:4" x14ac:dyDescent="0.25">
      <c r="A47721" t="s">
        <v>65755</v>
      </c>
      <c r="B47721" t="s">
        <v>65756</v>
      </c>
      <c r="C47721">
        <v>1</v>
      </c>
      <c r="D47721">
        <v>0</v>
      </c>
    </row>
    <row r="47722" spans="1:4" x14ac:dyDescent="0.25">
      <c r="A47722" t="s">
        <v>65755</v>
      </c>
      <c r="B47722" t="s">
        <v>65757</v>
      </c>
      <c r="C47722">
        <v>1</v>
      </c>
      <c r="D47722">
        <v>0</v>
      </c>
    </row>
    <row r="47723" spans="1:4" x14ac:dyDescent="0.25">
      <c r="A47723" t="s">
        <v>65755</v>
      </c>
      <c r="B47723" t="s">
        <v>65758</v>
      </c>
      <c r="C47723">
        <v>0</v>
      </c>
      <c r="D47723">
        <v>0</v>
      </c>
    </row>
    <row r="47724" spans="1:4" x14ac:dyDescent="0.25">
      <c r="A47724" t="s">
        <v>65755</v>
      </c>
      <c r="B47724" t="s">
        <v>65759</v>
      </c>
      <c r="C47724">
        <v>2</v>
      </c>
      <c r="D47724">
        <v>0</v>
      </c>
    </row>
    <row r="47725" spans="1:4" x14ac:dyDescent="0.25">
      <c r="A47725" t="s">
        <v>65755</v>
      </c>
      <c r="B47725" t="s">
        <v>65760</v>
      </c>
      <c r="C47725">
        <v>1</v>
      </c>
      <c r="D47725">
        <v>0</v>
      </c>
    </row>
    <row r="47726" spans="1:4" x14ac:dyDescent="0.25">
      <c r="A47726" t="s">
        <v>65761</v>
      </c>
      <c r="B47726" t="s">
        <v>13381</v>
      </c>
      <c r="C47726">
        <v>1</v>
      </c>
      <c r="D47726">
        <v>0</v>
      </c>
    </row>
    <row r="47727" spans="1:4" x14ac:dyDescent="0.25">
      <c r="A47727" t="s">
        <v>65761</v>
      </c>
      <c r="B47727" t="s">
        <v>65762</v>
      </c>
      <c r="C47727">
        <v>2</v>
      </c>
      <c r="D47727">
        <v>0</v>
      </c>
    </row>
    <row r="47728" spans="1:4" x14ac:dyDescent="0.25">
      <c r="A47728" t="s">
        <v>65761</v>
      </c>
      <c r="B47728" t="s">
        <v>65763</v>
      </c>
      <c r="C47728">
        <v>1</v>
      </c>
      <c r="D47728">
        <v>0</v>
      </c>
    </row>
    <row r="47729" spans="1:4" x14ac:dyDescent="0.25">
      <c r="A47729" t="s">
        <v>65761</v>
      </c>
      <c r="B47729" t="s">
        <v>65764</v>
      </c>
      <c r="C47729">
        <v>0</v>
      </c>
      <c r="D47729">
        <v>0</v>
      </c>
    </row>
    <row r="47730" spans="1:4" x14ac:dyDescent="0.25">
      <c r="A47730" t="s">
        <v>65765</v>
      </c>
      <c r="B47730" t="s">
        <v>65766</v>
      </c>
      <c r="C47730">
        <v>2</v>
      </c>
      <c r="D47730">
        <v>0</v>
      </c>
    </row>
    <row r="47731" spans="1:4" x14ac:dyDescent="0.25">
      <c r="A47731" t="s">
        <v>65767</v>
      </c>
      <c r="B47731" t="s">
        <v>65768</v>
      </c>
      <c r="C47731">
        <v>1</v>
      </c>
      <c r="D47731">
        <v>0</v>
      </c>
    </row>
    <row r="47732" spans="1:4" x14ac:dyDescent="0.25">
      <c r="A47732" t="s">
        <v>65767</v>
      </c>
      <c r="B47732" t="s">
        <v>65769</v>
      </c>
      <c r="C47732">
        <v>2</v>
      </c>
      <c r="D47732">
        <v>0</v>
      </c>
    </row>
    <row r="47733" spans="1:4" x14ac:dyDescent="0.25">
      <c r="A47733" t="s">
        <v>65767</v>
      </c>
      <c r="B47733" t="s">
        <v>65770</v>
      </c>
      <c r="C47733">
        <v>1</v>
      </c>
      <c r="D47733">
        <v>0</v>
      </c>
    </row>
    <row r="47734" spans="1:4" x14ac:dyDescent="0.25">
      <c r="A47734" t="s">
        <v>65767</v>
      </c>
      <c r="B47734" t="s">
        <v>65771</v>
      </c>
      <c r="C47734">
        <v>0</v>
      </c>
      <c r="D47734">
        <v>0</v>
      </c>
    </row>
    <row r="47735" spans="1:4" x14ac:dyDescent="0.25">
      <c r="A47735" t="s">
        <v>65772</v>
      </c>
      <c r="B47735" t="s">
        <v>65773</v>
      </c>
      <c r="C47735">
        <v>1</v>
      </c>
      <c r="D47735">
        <v>0</v>
      </c>
    </row>
    <row r="47736" spans="1:4" x14ac:dyDescent="0.25">
      <c r="A47736" t="s">
        <v>65772</v>
      </c>
      <c r="B47736" t="s">
        <v>65774</v>
      </c>
      <c r="C47736">
        <v>1</v>
      </c>
      <c r="D47736">
        <v>0</v>
      </c>
    </row>
    <row r="47737" spans="1:4" x14ac:dyDescent="0.25">
      <c r="A47737" t="s">
        <v>65772</v>
      </c>
      <c r="B47737" t="s">
        <v>65775</v>
      </c>
      <c r="C47737">
        <v>1</v>
      </c>
      <c r="D47737">
        <v>0</v>
      </c>
    </row>
    <row r="47738" spans="1:4" x14ac:dyDescent="0.25">
      <c r="A47738" t="s">
        <v>65772</v>
      </c>
      <c r="B47738" t="s">
        <v>65776</v>
      </c>
      <c r="C47738">
        <v>0</v>
      </c>
      <c r="D47738">
        <v>0</v>
      </c>
    </row>
    <row r="47739" spans="1:4" x14ac:dyDescent="0.25">
      <c r="A47739" t="s">
        <v>65772</v>
      </c>
      <c r="B47739" t="s">
        <v>65777</v>
      </c>
      <c r="C47739">
        <v>1</v>
      </c>
      <c r="D47739">
        <v>0</v>
      </c>
    </row>
    <row r="47740" spans="1:4" x14ac:dyDescent="0.25">
      <c r="A47740" t="s">
        <v>65772</v>
      </c>
      <c r="B47740" t="s">
        <v>65778</v>
      </c>
      <c r="C47740">
        <v>0</v>
      </c>
      <c r="D47740">
        <v>0</v>
      </c>
    </row>
    <row r="47741" spans="1:4" x14ac:dyDescent="0.25">
      <c r="A47741" t="s">
        <v>65779</v>
      </c>
      <c r="B47741" t="s">
        <v>65780</v>
      </c>
      <c r="C47741">
        <v>2</v>
      </c>
      <c r="D47741">
        <v>0</v>
      </c>
    </row>
    <row r="47742" spans="1:4" x14ac:dyDescent="0.25">
      <c r="A47742" t="s">
        <v>65779</v>
      </c>
      <c r="B47742" t="s">
        <v>65781</v>
      </c>
      <c r="C47742">
        <v>2</v>
      </c>
      <c r="D47742">
        <v>0</v>
      </c>
    </row>
    <row r="47743" spans="1:4" x14ac:dyDescent="0.25">
      <c r="A47743" t="s">
        <v>65779</v>
      </c>
      <c r="B47743" t="s">
        <v>65782</v>
      </c>
      <c r="C47743">
        <v>1</v>
      </c>
      <c r="D47743">
        <v>0</v>
      </c>
    </row>
    <row r="47744" spans="1:4" x14ac:dyDescent="0.25">
      <c r="A47744" t="s">
        <v>65779</v>
      </c>
      <c r="B47744" t="s">
        <v>65783</v>
      </c>
      <c r="C47744">
        <v>2</v>
      </c>
      <c r="D47744">
        <v>0</v>
      </c>
    </row>
    <row r="47745" spans="1:4" x14ac:dyDescent="0.25">
      <c r="A47745" t="s">
        <v>65779</v>
      </c>
      <c r="B47745" t="s">
        <v>65784</v>
      </c>
      <c r="C47745">
        <v>2</v>
      </c>
      <c r="D47745">
        <v>0</v>
      </c>
    </row>
    <row r="47746" spans="1:4" x14ac:dyDescent="0.25">
      <c r="A47746" t="s">
        <v>65779</v>
      </c>
      <c r="B47746" t="s">
        <v>65785</v>
      </c>
      <c r="C47746">
        <v>0</v>
      </c>
      <c r="D47746">
        <v>0</v>
      </c>
    </row>
    <row r="47747" spans="1:4" x14ac:dyDescent="0.25">
      <c r="A47747" t="s">
        <v>65786</v>
      </c>
      <c r="B47747" t="s">
        <v>65787</v>
      </c>
      <c r="C47747">
        <v>1</v>
      </c>
      <c r="D47747">
        <v>0</v>
      </c>
    </row>
    <row r="47748" spans="1:4" x14ac:dyDescent="0.25">
      <c r="A47748" t="s">
        <v>65788</v>
      </c>
      <c r="B47748" t="s">
        <v>65789</v>
      </c>
      <c r="C47748">
        <v>1</v>
      </c>
      <c r="D47748">
        <v>0</v>
      </c>
    </row>
    <row r="47749" spans="1:4" x14ac:dyDescent="0.25">
      <c r="A47749" t="s">
        <v>65788</v>
      </c>
      <c r="B47749" t="s">
        <v>65790</v>
      </c>
      <c r="C47749">
        <v>1</v>
      </c>
      <c r="D47749">
        <v>0</v>
      </c>
    </row>
    <row r="47750" spans="1:4" x14ac:dyDescent="0.25">
      <c r="A47750" t="s">
        <v>65788</v>
      </c>
      <c r="B47750" t="s">
        <v>65791</v>
      </c>
      <c r="C47750">
        <v>1</v>
      </c>
      <c r="D47750">
        <v>0</v>
      </c>
    </row>
    <row r="47751" spans="1:4" x14ac:dyDescent="0.25">
      <c r="A47751" t="s">
        <v>65788</v>
      </c>
      <c r="B47751" t="s">
        <v>65792</v>
      </c>
      <c r="C47751">
        <v>1</v>
      </c>
      <c r="D47751">
        <v>0</v>
      </c>
    </row>
    <row r="47752" spans="1:4" x14ac:dyDescent="0.25">
      <c r="A47752" t="s">
        <v>65788</v>
      </c>
      <c r="B47752" t="s">
        <v>48587</v>
      </c>
      <c r="C47752">
        <v>1</v>
      </c>
      <c r="D47752">
        <v>0</v>
      </c>
    </row>
    <row r="47753" spans="1:4" x14ac:dyDescent="0.25">
      <c r="A47753" t="s">
        <v>65788</v>
      </c>
      <c r="B47753" t="s">
        <v>65793</v>
      </c>
      <c r="C47753">
        <v>1</v>
      </c>
      <c r="D47753">
        <v>0</v>
      </c>
    </row>
    <row r="47754" spans="1:4" x14ac:dyDescent="0.25">
      <c r="A47754" t="s">
        <v>65788</v>
      </c>
      <c r="B47754" t="s">
        <v>65794</v>
      </c>
      <c r="C47754">
        <v>1</v>
      </c>
      <c r="D47754">
        <v>0</v>
      </c>
    </row>
    <row r="47755" spans="1:4" x14ac:dyDescent="0.25">
      <c r="A47755" t="s">
        <v>65788</v>
      </c>
      <c r="B47755" t="s">
        <v>65795</v>
      </c>
      <c r="C47755">
        <v>1</v>
      </c>
      <c r="D47755">
        <v>0</v>
      </c>
    </row>
    <row r="47756" spans="1:4" x14ac:dyDescent="0.25">
      <c r="A47756" t="s">
        <v>65788</v>
      </c>
      <c r="B47756" t="s">
        <v>65796</v>
      </c>
      <c r="C47756">
        <v>1</v>
      </c>
      <c r="D47756">
        <v>0</v>
      </c>
    </row>
    <row r="47757" spans="1:4" x14ac:dyDescent="0.25">
      <c r="A47757" t="s">
        <v>65788</v>
      </c>
      <c r="B47757" t="s">
        <v>65797</v>
      </c>
      <c r="C47757">
        <v>1</v>
      </c>
      <c r="D47757">
        <v>0</v>
      </c>
    </row>
    <row r="47758" spans="1:4" x14ac:dyDescent="0.25">
      <c r="A47758" t="s">
        <v>65788</v>
      </c>
      <c r="B47758" t="s">
        <v>65798</v>
      </c>
      <c r="C47758">
        <v>1</v>
      </c>
      <c r="D47758">
        <v>0</v>
      </c>
    </row>
    <row r="47759" spans="1:4" x14ac:dyDescent="0.25">
      <c r="A47759" t="s">
        <v>65788</v>
      </c>
      <c r="B47759" t="s">
        <v>65799</v>
      </c>
      <c r="C47759">
        <v>1</v>
      </c>
      <c r="D47759">
        <v>0</v>
      </c>
    </row>
    <row r="47760" spans="1:4" x14ac:dyDescent="0.25">
      <c r="A47760" t="s">
        <v>65788</v>
      </c>
      <c r="B47760" t="s">
        <v>65800</v>
      </c>
      <c r="C47760">
        <v>1</v>
      </c>
      <c r="D47760">
        <v>0</v>
      </c>
    </row>
    <row r="47761" spans="1:4" x14ac:dyDescent="0.25">
      <c r="A47761" t="s">
        <v>65788</v>
      </c>
      <c r="B47761" t="s">
        <v>65801</v>
      </c>
      <c r="C47761">
        <v>1</v>
      </c>
      <c r="D47761">
        <v>0</v>
      </c>
    </row>
    <row r="47762" spans="1:4" x14ac:dyDescent="0.25">
      <c r="A47762" t="s">
        <v>65788</v>
      </c>
      <c r="B47762" t="s">
        <v>65802</v>
      </c>
      <c r="C47762">
        <v>1</v>
      </c>
      <c r="D47762">
        <v>0</v>
      </c>
    </row>
    <row r="47763" spans="1:4" x14ac:dyDescent="0.25">
      <c r="A47763" t="s">
        <v>65803</v>
      </c>
      <c r="B47763" t="s">
        <v>5434</v>
      </c>
      <c r="C47763">
        <v>1</v>
      </c>
      <c r="D47763">
        <v>0</v>
      </c>
    </row>
    <row r="47764" spans="1:4" x14ac:dyDescent="0.25">
      <c r="A47764" t="s">
        <v>65803</v>
      </c>
      <c r="B47764" t="s">
        <v>65804</v>
      </c>
      <c r="C47764">
        <v>0</v>
      </c>
      <c r="D47764">
        <v>0</v>
      </c>
    </row>
    <row r="47765" spans="1:4" x14ac:dyDescent="0.25">
      <c r="A47765" t="s">
        <v>65803</v>
      </c>
      <c r="B47765" t="s">
        <v>65805</v>
      </c>
      <c r="C47765">
        <v>1</v>
      </c>
      <c r="D47765">
        <v>0</v>
      </c>
    </row>
    <row r="47766" spans="1:4" x14ac:dyDescent="0.25">
      <c r="A47766" t="s">
        <v>65803</v>
      </c>
      <c r="B47766" t="s">
        <v>65806</v>
      </c>
      <c r="C47766">
        <v>1</v>
      </c>
      <c r="D47766">
        <v>0</v>
      </c>
    </row>
    <row r="47767" spans="1:4" x14ac:dyDescent="0.25">
      <c r="A47767" t="s">
        <v>65803</v>
      </c>
      <c r="B47767" t="s">
        <v>65807</v>
      </c>
      <c r="C47767">
        <v>2</v>
      </c>
      <c r="D47767">
        <v>0</v>
      </c>
    </row>
    <row r="47768" spans="1:4" x14ac:dyDescent="0.25">
      <c r="A47768" t="s">
        <v>65803</v>
      </c>
      <c r="B47768" t="s">
        <v>65808</v>
      </c>
      <c r="C47768">
        <v>2</v>
      </c>
      <c r="D47768">
        <v>0</v>
      </c>
    </row>
    <row r="47769" spans="1:4" x14ac:dyDescent="0.25">
      <c r="A47769" t="s">
        <v>65803</v>
      </c>
      <c r="B47769" t="s">
        <v>65809</v>
      </c>
      <c r="C47769">
        <v>1</v>
      </c>
      <c r="D47769">
        <v>0</v>
      </c>
    </row>
    <row r="47770" spans="1:4" x14ac:dyDescent="0.25">
      <c r="A47770" t="s">
        <v>65803</v>
      </c>
      <c r="B47770" t="s">
        <v>65810</v>
      </c>
      <c r="C47770">
        <v>0</v>
      </c>
      <c r="D47770">
        <v>0</v>
      </c>
    </row>
    <row r="47771" spans="1:4" x14ac:dyDescent="0.25">
      <c r="A47771" t="s">
        <v>65803</v>
      </c>
      <c r="B47771" t="s">
        <v>65811</v>
      </c>
      <c r="C47771">
        <v>1</v>
      </c>
      <c r="D47771">
        <v>0</v>
      </c>
    </row>
    <row r="47772" spans="1:4" x14ac:dyDescent="0.25">
      <c r="A47772" t="s">
        <v>65812</v>
      </c>
      <c r="B47772" t="s">
        <v>65813</v>
      </c>
      <c r="C47772">
        <v>2</v>
      </c>
      <c r="D47772">
        <v>0</v>
      </c>
    </row>
    <row r="47773" spans="1:4" x14ac:dyDescent="0.25">
      <c r="A47773" t="s">
        <v>65812</v>
      </c>
      <c r="B47773" t="s">
        <v>65814</v>
      </c>
      <c r="C47773">
        <v>0</v>
      </c>
      <c r="D47773">
        <v>0</v>
      </c>
    </row>
    <row r="47774" spans="1:4" x14ac:dyDescent="0.25">
      <c r="A47774" t="s">
        <v>65815</v>
      </c>
      <c r="B47774" t="s">
        <v>65816</v>
      </c>
      <c r="C47774">
        <v>1</v>
      </c>
      <c r="D47774">
        <v>0</v>
      </c>
    </row>
    <row r="47775" spans="1:4" x14ac:dyDescent="0.25">
      <c r="A47775" t="s">
        <v>65815</v>
      </c>
      <c r="B47775" t="s">
        <v>65817</v>
      </c>
      <c r="C47775">
        <v>1</v>
      </c>
      <c r="D47775">
        <v>0</v>
      </c>
    </row>
    <row r="47776" spans="1:4" x14ac:dyDescent="0.25">
      <c r="A47776" t="s">
        <v>65815</v>
      </c>
      <c r="B47776" t="s">
        <v>18039</v>
      </c>
      <c r="C47776">
        <v>1</v>
      </c>
      <c r="D47776">
        <v>0</v>
      </c>
    </row>
    <row r="47777" spans="1:4" x14ac:dyDescent="0.25">
      <c r="A47777" t="s">
        <v>65818</v>
      </c>
      <c r="B47777" t="s">
        <v>65819</v>
      </c>
      <c r="C47777">
        <v>0</v>
      </c>
      <c r="D47777">
        <v>0</v>
      </c>
    </row>
    <row r="47778" spans="1:4" x14ac:dyDescent="0.25">
      <c r="A47778" t="s">
        <v>65818</v>
      </c>
      <c r="B47778" t="s">
        <v>65820</v>
      </c>
      <c r="C47778">
        <v>2</v>
      </c>
      <c r="D47778">
        <v>0</v>
      </c>
    </row>
    <row r="47779" spans="1:4" x14ac:dyDescent="0.25">
      <c r="A47779" t="s">
        <v>65818</v>
      </c>
      <c r="B47779" t="s">
        <v>65821</v>
      </c>
      <c r="C47779">
        <v>1</v>
      </c>
      <c r="D47779">
        <v>0</v>
      </c>
    </row>
    <row r="47780" spans="1:4" x14ac:dyDescent="0.25">
      <c r="A47780" t="s">
        <v>65822</v>
      </c>
      <c r="B47780" t="s">
        <v>65823</v>
      </c>
      <c r="C47780">
        <v>0</v>
      </c>
      <c r="D47780">
        <v>0</v>
      </c>
    </row>
    <row r="47781" spans="1:4" x14ac:dyDescent="0.25">
      <c r="A47781" t="s">
        <v>65822</v>
      </c>
      <c r="B47781" t="s">
        <v>65824</v>
      </c>
      <c r="C47781">
        <v>1</v>
      </c>
      <c r="D47781">
        <v>0</v>
      </c>
    </row>
    <row r="47782" spans="1:4" x14ac:dyDescent="0.25">
      <c r="A47782" t="s">
        <v>65822</v>
      </c>
      <c r="B47782" t="s">
        <v>65825</v>
      </c>
      <c r="C47782">
        <v>1</v>
      </c>
      <c r="D47782">
        <v>0</v>
      </c>
    </row>
    <row r="47783" spans="1:4" x14ac:dyDescent="0.25">
      <c r="A47783" t="s">
        <v>65822</v>
      </c>
      <c r="B47783" t="s">
        <v>65826</v>
      </c>
      <c r="C47783">
        <v>0</v>
      </c>
      <c r="D47783">
        <v>0</v>
      </c>
    </row>
    <row r="47784" spans="1:4" x14ac:dyDescent="0.25">
      <c r="A47784" t="s">
        <v>65822</v>
      </c>
      <c r="B47784" t="s">
        <v>65827</v>
      </c>
      <c r="C47784">
        <v>1</v>
      </c>
      <c r="D47784">
        <v>0</v>
      </c>
    </row>
    <row r="47785" spans="1:4" x14ac:dyDescent="0.25">
      <c r="A47785" t="s">
        <v>65822</v>
      </c>
      <c r="B47785" t="s">
        <v>65828</v>
      </c>
      <c r="C47785">
        <v>0</v>
      </c>
      <c r="D47785">
        <v>0</v>
      </c>
    </row>
    <row r="47786" spans="1:4" x14ac:dyDescent="0.25">
      <c r="A47786" t="s">
        <v>65829</v>
      </c>
      <c r="B47786" t="s">
        <v>65830</v>
      </c>
      <c r="C47786">
        <v>0</v>
      </c>
      <c r="D47786">
        <v>0</v>
      </c>
    </row>
    <row r="47787" spans="1:4" x14ac:dyDescent="0.25">
      <c r="A47787" t="s">
        <v>65829</v>
      </c>
      <c r="B47787" t="s">
        <v>65831</v>
      </c>
      <c r="C47787">
        <v>0</v>
      </c>
      <c r="D47787">
        <v>0</v>
      </c>
    </row>
    <row r="47788" spans="1:4" x14ac:dyDescent="0.25">
      <c r="A47788" t="s">
        <v>65829</v>
      </c>
      <c r="B47788" t="s">
        <v>65832</v>
      </c>
      <c r="C47788">
        <v>0</v>
      </c>
      <c r="D47788">
        <v>0</v>
      </c>
    </row>
    <row r="47789" spans="1:4" x14ac:dyDescent="0.25">
      <c r="A47789" t="s">
        <v>65829</v>
      </c>
      <c r="B47789" t="s">
        <v>65833</v>
      </c>
      <c r="C47789">
        <v>2</v>
      </c>
      <c r="D47789">
        <v>0</v>
      </c>
    </row>
    <row r="47790" spans="1:4" x14ac:dyDescent="0.25">
      <c r="A47790" t="s">
        <v>65829</v>
      </c>
      <c r="B47790" t="s">
        <v>65834</v>
      </c>
      <c r="C47790">
        <v>1</v>
      </c>
      <c r="D47790">
        <v>0</v>
      </c>
    </row>
    <row r="47791" spans="1:4" x14ac:dyDescent="0.25">
      <c r="A47791" t="s">
        <v>65829</v>
      </c>
      <c r="B47791" t="s">
        <v>65835</v>
      </c>
      <c r="C47791">
        <v>1</v>
      </c>
      <c r="D47791">
        <v>0</v>
      </c>
    </row>
    <row r="47792" spans="1:4" x14ac:dyDescent="0.25">
      <c r="A47792" t="s">
        <v>65829</v>
      </c>
      <c r="B47792" t="s">
        <v>65836</v>
      </c>
      <c r="C47792">
        <v>2</v>
      </c>
      <c r="D47792">
        <v>0</v>
      </c>
    </row>
    <row r="47793" spans="1:4" x14ac:dyDescent="0.25">
      <c r="A47793" t="s">
        <v>65837</v>
      </c>
      <c r="B47793" t="s">
        <v>65838</v>
      </c>
      <c r="C47793">
        <v>1</v>
      </c>
      <c r="D47793">
        <v>0</v>
      </c>
    </row>
    <row r="47794" spans="1:4" x14ac:dyDescent="0.25">
      <c r="A47794" t="s">
        <v>65839</v>
      </c>
      <c r="B47794" t="s">
        <v>65840</v>
      </c>
      <c r="C47794">
        <v>2</v>
      </c>
      <c r="D47794">
        <v>0</v>
      </c>
    </row>
    <row r="47795" spans="1:4" x14ac:dyDescent="0.25">
      <c r="A47795" t="s">
        <v>65839</v>
      </c>
      <c r="B47795" t="s">
        <v>65841</v>
      </c>
      <c r="C47795">
        <v>0</v>
      </c>
      <c r="D47795">
        <v>0</v>
      </c>
    </row>
    <row r="47796" spans="1:4" x14ac:dyDescent="0.25">
      <c r="A47796" t="s">
        <v>65839</v>
      </c>
      <c r="B47796" t="s">
        <v>65842</v>
      </c>
      <c r="C47796">
        <v>1</v>
      </c>
      <c r="D47796">
        <v>0</v>
      </c>
    </row>
    <row r="47797" spans="1:4" x14ac:dyDescent="0.25">
      <c r="A47797" t="s">
        <v>65839</v>
      </c>
      <c r="B47797" t="s">
        <v>65843</v>
      </c>
      <c r="C47797">
        <v>2</v>
      </c>
      <c r="D47797">
        <v>0</v>
      </c>
    </row>
    <row r="47798" spans="1:4" x14ac:dyDescent="0.25">
      <c r="A47798" t="s">
        <v>65839</v>
      </c>
      <c r="B47798" t="s">
        <v>65844</v>
      </c>
      <c r="C47798">
        <v>2</v>
      </c>
      <c r="D47798">
        <v>0</v>
      </c>
    </row>
    <row r="47799" spans="1:4" x14ac:dyDescent="0.25">
      <c r="A47799" t="s">
        <v>65839</v>
      </c>
      <c r="B47799" t="s">
        <v>65845</v>
      </c>
      <c r="C47799">
        <v>2</v>
      </c>
      <c r="D47799">
        <v>0</v>
      </c>
    </row>
    <row r="47800" spans="1:4" x14ac:dyDescent="0.25">
      <c r="A47800" t="s">
        <v>65846</v>
      </c>
      <c r="B47800" t="s">
        <v>65847</v>
      </c>
      <c r="C47800">
        <v>1</v>
      </c>
      <c r="D47800">
        <v>0</v>
      </c>
    </row>
    <row r="47801" spans="1:4" x14ac:dyDescent="0.25">
      <c r="A47801" t="s">
        <v>65846</v>
      </c>
      <c r="B47801" t="s">
        <v>65848</v>
      </c>
      <c r="C47801">
        <v>2</v>
      </c>
      <c r="D47801">
        <v>0</v>
      </c>
    </row>
    <row r="47802" spans="1:4" x14ac:dyDescent="0.25">
      <c r="A47802" t="s">
        <v>65846</v>
      </c>
      <c r="B47802" t="s">
        <v>65849</v>
      </c>
      <c r="C47802">
        <v>1</v>
      </c>
      <c r="D47802">
        <v>0</v>
      </c>
    </row>
    <row r="47803" spans="1:4" x14ac:dyDescent="0.25">
      <c r="A47803" t="s">
        <v>65846</v>
      </c>
      <c r="B47803" t="s">
        <v>65850</v>
      </c>
      <c r="C47803">
        <v>1</v>
      </c>
      <c r="D47803">
        <v>0</v>
      </c>
    </row>
    <row r="47804" spans="1:4" x14ac:dyDescent="0.25">
      <c r="A47804" t="s">
        <v>65846</v>
      </c>
      <c r="B47804" t="s">
        <v>65851</v>
      </c>
      <c r="C47804">
        <v>1</v>
      </c>
      <c r="D47804">
        <v>0</v>
      </c>
    </row>
    <row r="47805" spans="1:4" x14ac:dyDescent="0.25">
      <c r="A47805" t="s">
        <v>65846</v>
      </c>
      <c r="B47805" t="s">
        <v>65852</v>
      </c>
      <c r="C47805">
        <v>1</v>
      </c>
      <c r="D47805">
        <v>0</v>
      </c>
    </row>
    <row r="47806" spans="1:4" x14ac:dyDescent="0.25">
      <c r="A47806" t="s">
        <v>65853</v>
      </c>
      <c r="B47806" t="s">
        <v>65854</v>
      </c>
      <c r="C47806">
        <v>1</v>
      </c>
      <c r="D47806">
        <v>0</v>
      </c>
    </row>
    <row r="47807" spans="1:4" x14ac:dyDescent="0.25">
      <c r="A47807" t="s">
        <v>65853</v>
      </c>
      <c r="B47807" t="s">
        <v>65855</v>
      </c>
      <c r="C47807">
        <v>0</v>
      </c>
      <c r="D47807">
        <v>0</v>
      </c>
    </row>
    <row r="47808" spans="1:4" x14ac:dyDescent="0.25">
      <c r="A47808" t="s">
        <v>65853</v>
      </c>
      <c r="B47808" t="s">
        <v>65856</v>
      </c>
      <c r="C47808">
        <v>0</v>
      </c>
      <c r="D47808">
        <v>0</v>
      </c>
    </row>
    <row r="47809" spans="1:4" x14ac:dyDescent="0.25">
      <c r="A47809" t="s">
        <v>65853</v>
      </c>
      <c r="B47809" t="s">
        <v>65857</v>
      </c>
      <c r="C47809">
        <v>2</v>
      </c>
      <c r="D47809">
        <v>0</v>
      </c>
    </row>
    <row r="47810" spans="1:4" x14ac:dyDescent="0.25">
      <c r="A47810" t="s">
        <v>65858</v>
      </c>
      <c r="B47810" t="s">
        <v>65859</v>
      </c>
      <c r="C47810">
        <v>2</v>
      </c>
      <c r="D47810">
        <v>0</v>
      </c>
    </row>
    <row r="47811" spans="1:4" x14ac:dyDescent="0.25">
      <c r="A47811" t="s">
        <v>65858</v>
      </c>
      <c r="B47811" t="s">
        <v>65860</v>
      </c>
      <c r="C47811">
        <v>2</v>
      </c>
      <c r="D47811">
        <v>0</v>
      </c>
    </row>
    <row r="47812" spans="1:4" x14ac:dyDescent="0.25">
      <c r="A47812" t="s">
        <v>65858</v>
      </c>
      <c r="B47812" t="s">
        <v>65861</v>
      </c>
      <c r="C47812">
        <v>1</v>
      </c>
      <c r="D47812">
        <v>0</v>
      </c>
    </row>
    <row r="47813" spans="1:4" x14ac:dyDescent="0.25">
      <c r="A47813" t="s">
        <v>65858</v>
      </c>
      <c r="B47813" t="s">
        <v>65862</v>
      </c>
      <c r="C47813">
        <v>2</v>
      </c>
      <c r="D47813">
        <v>0</v>
      </c>
    </row>
    <row r="47814" spans="1:4" x14ac:dyDescent="0.25">
      <c r="A47814" t="s">
        <v>65858</v>
      </c>
      <c r="B47814" t="s">
        <v>65863</v>
      </c>
      <c r="C47814">
        <v>1</v>
      </c>
      <c r="D47814">
        <v>0</v>
      </c>
    </row>
    <row r="47815" spans="1:4" x14ac:dyDescent="0.25">
      <c r="A47815" t="s">
        <v>65858</v>
      </c>
      <c r="B47815" t="s">
        <v>65864</v>
      </c>
      <c r="C47815">
        <v>1</v>
      </c>
      <c r="D47815">
        <v>0</v>
      </c>
    </row>
    <row r="47816" spans="1:4" x14ac:dyDescent="0.25">
      <c r="A47816" t="s">
        <v>65865</v>
      </c>
      <c r="B47816" t="s">
        <v>65866</v>
      </c>
      <c r="C47816">
        <v>1</v>
      </c>
      <c r="D47816">
        <v>0</v>
      </c>
    </row>
    <row r="47817" spans="1:4" x14ac:dyDescent="0.25">
      <c r="A47817" t="s">
        <v>65865</v>
      </c>
      <c r="B47817" t="s">
        <v>65867</v>
      </c>
      <c r="C47817">
        <v>0</v>
      </c>
      <c r="D47817">
        <v>0</v>
      </c>
    </row>
    <row r="47818" spans="1:4" x14ac:dyDescent="0.25">
      <c r="A47818" t="s">
        <v>65865</v>
      </c>
      <c r="B47818" t="s">
        <v>65868</v>
      </c>
      <c r="C47818">
        <v>1</v>
      </c>
      <c r="D47818">
        <v>0</v>
      </c>
    </row>
    <row r="47819" spans="1:4" x14ac:dyDescent="0.25">
      <c r="A47819" t="s">
        <v>65869</v>
      </c>
      <c r="B47819" t="s">
        <v>65870</v>
      </c>
      <c r="C47819">
        <v>0</v>
      </c>
      <c r="D47819">
        <v>0</v>
      </c>
    </row>
    <row r="47820" spans="1:4" x14ac:dyDescent="0.25">
      <c r="A47820" t="s">
        <v>65869</v>
      </c>
      <c r="B47820" t="s">
        <v>65871</v>
      </c>
      <c r="C47820">
        <v>1</v>
      </c>
      <c r="D47820">
        <v>0</v>
      </c>
    </row>
    <row r="47821" spans="1:4" x14ac:dyDescent="0.25">
      <c r="A47821" t="s">
        <v>65869</v>
      </c>
      <c r="B47821" t="s">
        <v>65872</v>
      </c>
      <c r="C47821">
        <v>0</v>
      </c>
      <c r="D47821">
        <v>0</v>
      </c>
    </row>
    <row r="47822" spans="1:4" x14ac:dyDescent="0.25">
      <c r="A47822" t="s">
        <v>65869</v>
      </c>
      <c r="B47822" t="s">
        <v>65873</v>
      </c>
      <c r="C47822">
        <v>0</v>
      </c>
      <c r="D47822">
        <v>0</v>
      </c>
    </row>
    <row r="47823" spans="1:4" x14ac:dyDescent="0.25">
      <c r="A47823" t="s">
        <v>65874</v>
      </c>
      <c r="B47823" t="s">
        <v>65875</v>
      </c>
      <c r="C47823">
        <v>1</v>
      </c>
      <c r="D47823">
        <v>0</v>
      </c>
    </row>
    <row r="47824" spans="1:4" x14ac:dyDescent="0.25">
      <c r="A47824" t="s">
        <v>65874</v>
      </c>
      <c r="B47824" t="s">
        <v>65876</v>
      </c>
      <c r="C47824">
        <v>1</v>
      </c>
      <c r="D47824">
        <v>0</v>
      </c>
    </row>
    <row r="47825" spans="1:4" x14ac:dyDescent="0.25">
      <c r="A47825" t="s">
        <v>65874</v>
      </c>
      <c r="B47825" t="s">
        <v>65877</v>
      </c>
      <c r="C47825">
        <v>0</v>
      </c>
      <c r="D47825">
        <v>0</v>
      </c>
    </row>
    <row r="47826" spans="1:4" x14ac:dyDescent="0.25">
      <c r="A47826" t="s">
        <v>65874</v>
      </c>
      <c r="B47826" t="s">
        <v>65878</v>
      </c>
      <c r="C47826">
        <v>1</v>
      </c>
      <c r="D47826">
        <v>0</v>
      </c>
    </row>
    <row r="47827" spans="1:4" x14ac:dyDescent="0.25">
      <c r="A47827" t="s">
        <v>65879</v>
      </c>
      <c r="B47827" t="s">
        <v>65880</v>
      </c>
      <c r="C47827">
        <v>1</v>
      </c>
      <c r="D47827">
        <v>0</v>
      </c>
    </row>
    <row r="47828" spans="1:4" x14ac:dyDescent="0.25">
      <c r="A47828" t="s">
        <v>65879</v>
      </c>
      <c r="B47828" t="s">
        <v>65881</v>
      </c>
      <c r="C47828">
        <v>1</v>
      </c>
      <c r="D47828">
        <v>0</v>
      </c>
    </row>
    <row r="47829" spans="1:4" x14ac:dyDescent="0.25">
      <c r="A47829" t="s">
        <v>65879</v>
      </c>
      <c r="B47829" t="s">
        <v>65882</v>
      </c>
      <c r="C47829">
        <v>2</v>
      </c>
      <c r="D47829">
        <v>0</v>
      </c>
    </row>
    <row r="47830" spans="1:4" x14ac:dyDescent="0.25">
      <c r="A47830" t="s">
        <v>65879</v>
      </c>
      <c r="B47830" t="s">
        <v>65883</v>
      </c>
      <c r="C47830">
        <v>1</v>
      </c>
      <c r="D47830">
        <v>0</v>
      </c>
    </row>
    <row r="47831" spans="1:4" x14ac:dyDescent="0.25">
      <c r="A47831" t="s">
        <v>65879</v>
      </c>
      <c r="B47831" t="s">
        <v>65884</v>
      </c>
      <c r="C47831">
        <v>1</v>
      </c>
      <c r="D47831">
        <v>0</v>
      </c>
    </row>
    <row r="47832" spans="1:4" x14ac:dyDescent="0.25">
      <c r="A47832" t="s">
        <v>65885</v>
      </c>
      <c r="B47832" t="s">
        <v>12472</v>
      </c>
      <c r="C47832">
        <v>1</v>
      </c>
      <c r="D47832">
        <v>0</v>
      </c>
    </row>
    <row r="47833" spans="1:4" x14ac:dyDescent="0.25">
      <c r="A47833" t="s">
        <v>65885</v>
      </c>
      <c r="B47833" t="s">
        <v>65886</v>
      </c>
      <c r="C47833">
        <v>2</v>
      </c>
      <c r="D47833">
        <v>0</v>
      </c>
    </row>
    <row r="47834" spans="1:4" x14ac:dyDescent="0.25">
      <c r="A47834" t="s">
        <v>65885</v>
      </c>
      <c r="B47834" t="s">
        <v>65887</v>
      </c>
      <c r="C47834">
        <v>0</v>
      </c>
      <c r="D47834">
        <v>0</v>
      </c>
    </row>
    <row r="47835" spans="1:4" x14ac:dyDescent="0.25">
      <c r="A47835" t="s">
        <v>65885</v>
      </c>
      <c r="B47835" t="s">
        <v>12472</v>
      </c>
      <c r="C47835">
        <v>1</v>
      </c>
      <c r="D47835">
        <v>0</v>
      </c>
    </row>
    <row r="47836" spans="1:4" x14ac:dyDescent="0.25">
      <c r="A47836" t="s">
        <v>65888</v>
      </c>
      <c r="B47836" t="s">
        <v>65889</v>
      </c>
      <c r="C47836">
        <v>1</v>
      </c>
      <c r="D47836">
        <v>0</v>
      </c>
    </row>
    <row r="47837" spans="1:4" x14ac:dyDescent="0.25">
      <c r="A47837" t="s">
        <v>65888</v>
      </c>
      <c r="B47837" t="s">
        <v>65890</v>
      </c>
      <c r="C47837">
        <v>0</v>
      </c>
      <c r="D47837">
        <v>0</v>
      </c>
    </row>
    <row r="47838" spans="1:4" x14ac:dyDescent="0.25">
      <c r="A47838" t="s">
        <v>65891</v>
      </c>
      <c r="B47838" t="s">
        <v>65892</v>
      </c>
      <c r="C47838">
        <v>1</v>
      </c>
      <c r="D47838">
        <v>0</v>
      </c>
    </row>
    <row r="47839" spans="1:4" x14ac:dyDescent="0.25">
      <c r="A47839" t="s">
        <v>65891</v>
      </c>
      <c r="B47839" t="s">
        <v>5047</v>
      </c>
      <c r="C47839">
        <v>0</v>
      </c>
      <c r="D47839">
        <v>0</v>
      </c>
    </row>
    <row r="47840" spans="1:4" x14ac:dyDescent="0.25">
      <c r="A47840" t="s">
        <v>65893</v>
      </c>
      <c r="B47840" t="s">
        <v>65894</v>
      </c>
      <c r="C47840">
        <v>0</v>
      </c>
      <c r="D47840">
        <v>0</v>
      </c>
    </row>
    <row r="47841" spans="1:4" x14ac:dyDescent="0.25">
      <c r="A47841" t="s">
        <v>65893</v>
      </c>
      <c r="B47841" t="s">
        <v>65895</v>
      </c>
      <c r="C47841">
        <v>1</v>
      </c>
      <c r="D47841">
        <v>0</v>
      </c>
    </row>
    <row r="47842" spans="1:4" x14ac:dyDescent="0.25">
      <c r="A47842" t="s">
        <v>65893</v>
      </c>
      <c r="B47842" t="s">
        <v>65896</v>
      </c>
      <c r="C47842">
        <v>0</v>
      </c>
      <c r="D47842">
        <v>0</v>
      </c>
    </row>
    <row r="47843" spans="1:4" x14ac:dyDescent="0.25">
      <c r="A47843" t="s">
        <v>65893</v>
      </c>
      <c r="B47843" t="s">
        <v>65897</v>
      </c>
      <c r="C47843">
        <v>0</v>
      </c>
      <c r="D47843">
        <v>0</v>
      </c>
    </row>
    <row r="47844" spans="1:4" x14ac:dyDescent="0.25">
      <c r="A47844" t="s">
        <v>65893</v>
      </c>
      <c r="B47844" t="s">
        <v>65898</v>
      </c>
      <c r="C47844">
        <v>2</v>
      </c>
      <c r="D47844">
        <v>0</v>
      </c>
    </row>
    <row r="47845" spans="1:4" x14ac:dyDescent="0.25">
      <c r="A47845" t="s">
        <v>65899</v>
      </c>
      <c r="B47845" t="s">
        <v>65900</v>
      </c>
      <c r="C47845">
        <v>1</v>
      </c>
      <c r="D47845">
        <v>0</v>
      </c>
    </row>
    <row r="47846" spans="1:4" x14ac:dyDescent="0.25">
      <c r="A47846" t="s">
        <v>65899</v>
      </c>
      <c r="B47846" t="s">
        <v>65901</v>
      </c>
      <c r="C47846">
        <v>1</v>
      </c>
      <c r="D47846">
        <v>0</v>
      </c>
    </row>
    <row r="47847" spans="1:4" x14ac:dyDescent="0.25">
      <c r="A47847" t="s">
        <v>65899</v>
      </c>
      <c r="B47847" t="s">
        <v>65902</v>
      </c>
      <c r="C47847">
        <v>1</v>
      </c>
      <c r="D47847">
        <v>0</v>
      </c>
    </row>
    <row r="47848" spans="1:4" x14ac:dyDescent="0.25">
      <c r="A47848" t="s">
        <v>65899</v>
      </c>
      <c r="B47848" t="s">
        <v>65903</v>
      </c>
      <c r="C47848">
        <v>0</v>
      </c>
      <c r="D47848">
        <v>0</v>
      </c>
    </row>
    <row r="47849" spans="1:4" x14ac:dyDescent="0.25">
      <c r="A47849" t="s">
        <v>65899</v>
      </c>
      <c r="B47849" t="s">
        <v>65904</v>
      </c>
      <c r="C47849">
        <v>1</v>
      </c>
      <c r="D47849">
        <v>0</v>
      </c>
    </row>
    <row r="47850" spans="1:4" x14ac:dyDescent="0.25">
      <c r="A47850" t="s">
        <v>65905</v>
      </c>
      <c r="B47850" t="s">
        <v>65906</v>
      </c>
      <c r="C47850">
        <v>1</v>
      </c>
      <c r="D47850">
        <v>0</v>
      </c>
    </row>
    <row r="47851" spans="1:4" x14ac:dyDescent="0.25">
      <c r="A47851" t="s">
        <v>65907</v>
      </c>
      <c r="B47851" t="s">
        <v>65908</v>
      </c>
      <c r="C47851">
        <v>1</v>
      </c>
      <c r="D47851">
        <v>0</v>
      </c>
    </row>
    <row r="47852" spans="1:4" x14ac:dyDescent="0.25">
      <c r="A47852" t="s">
        <v>65907</v>
      </c>
      <c r="B47852" t="s">
        <v>65909</v>
      </c>
      <c r="C47852">
        <v>1</v>
      </c>
      <c r="D47852">
        <v>0</v>
      </c>
    </row>
    <row r="47853" spans="1:4" x14ac:dyDescent="0.25">
      <c r="A47853" t="s">
        <v>65907</v>
      </c>
      <c r="B47853" t="s">
        <v>12472</v>
      </c>
      <c r="C47853">
        <v>1</v>
      </c>
      <c r="D47853">
        <v>0</v>
      </c>
    </row>
    <row r="47854" spans="1:4" x14ac:dyDescent="0.25">
      <c r="A47854" t="s">
        <v>65910</v>
      </c>
      <c r="B47854" t="s">
        <v>65911</v>
      </c>
      <c r="C47854">
        <v>1</v>
      </c>
      <c r="D47854">
        <v>0</v>
      </c>
    </row>
    <row r="47855" spans="1:4" x14ac:dyDescent="0.25">
      <c r="A47855" t="s">
        <v>65910</v>
      </c>
      <c r="B47855" t="s">
        <v>65912</v>
      </c>
      <c r="C47855">
        <v>2</v>
      </c>
      <c r="D47855">
        <v>0</v>
      </c>
    </row>
    <row r="47856" spans="1:4" x14ac:dyDescent="0.25">
      <c r="A47856" t="s">
        <v>65910</v>
      </c>
      <c r="B47856" t="s">
        <v>65913</v>
      </c>
      <c r="C47856">
        <v>2</v>
      </c>
      <c r="D47856">
        <v>0</v>
      </c>
    </row>
    <row r="47857" spans="1:4" x14ac:dyDescent="0.25">
      <c r="A47857" t="s">
        <v>65914</v>
      </c>
      <c r="B47857" t="s">
        <v>65915</v>
      </c>
      <c r="C47857">
        <v>1</v>
      </c>
      <c r="D47857">
        <v>0</v>
      </c>
    </row>
    <row r="47858" spans="1:4" x14ac:dyDescent="0.25">
      <c r="A47858" t="s">
        <v>65914</v>
      </c>
      <c r="B47858" t="s">
        <v>65916</v>
      </c>
      <c r="C47858">
        <v>1</v>
      </c>
      <c r="D47858">
        <v>0</v>
      </c>
    </row>
    <row r="47859" spans="1:4" x14ac:dyDescent="0.25">
      <c r="A47859" t="s">
        <v>65914</v>
      </c>
      <c r="B47859" t="s">
        <v>65917</v>
      </c>
      <c r="C47859">
        <v>0</v>
      </c>
      <c r="D47859">
        <v>0</v>
      </c>
    </row>
    <row r="47860" spans="1:4" x14ac:dyDescent="0.25">
      <c r="A47860" t="s">
        <v>65914</v>
      </c>
      <c r="B47860" t="s">
        <v>65918</v>
      </c>
      <c r="C47860">
        <v>1</v>
      </c>
      <c r="D47860">
        <v>0</v>
      </c>
    </row>
    <row r="47861" spans="1:4" x14ac:dyDescent="0.25">
      <c r="A47861" t="s">
        <v>65919</v>
      </c>
      <c r="B47861" t="s">
        <v>65920</v>
      </c>
      <c r="C47861">
        <v>0</v>
      </c>
      <c r="D47861">
        <v>0</v>
      </c>
    </row>
    <row r="47862" spans="1:4" x14ac:dyDescent="0.25">
      <c r="A47862" t="s">
        <v>65919</v>
      </c>
      <c r="B47862" t="s">
        <v>65921</v>
      </c>
      <c r="C47862">
        <v>0</v>
      </c>
      <c r="D47862">
        <v>0</v>
      </c>
    </row>
    <row r="47863" spans="1:4" x14ac:dyDescent="0.25">
      <c r="A47863" t="s">
        <v>65919</v>
      </c>
      <c r="B47863" t="s">
        <v>65922</v>
      </c>
      <c r="C47863">
        <v>0</v>
      </c>
      <c r="D47863">
        <v>0</v>
      </c>
    </row>
    <row r="47864" spans="1:4" x14ac:dyDescent="0.25">
      <c r="A47864" t="s">
        <v>65919</v>
      </c>
      <c r="B47864" t="s">
        <v>65923</v>
      </c>
      <c r="C47864">
        <v>1</v>
      </c>
      <c r="D47864">
        <v>0</v>
      </c>
    </row>
    <row r="47865" spans="1:4" x14ac:dyDescent="0.25">
      <c r="A47865" t="s">
        <v>65924</v>
      </c>
      <c r="B47865" t="s">
        <v>65925</v>
      </c>
      <c r="C47865">
        <v>2</v>
      </c>
      <c r="D47865">
        <v>0</v>
      </c>
    </row>
    <row r="47866" spans="1:4" x14ac:dyDescent="0.25">
      <c r="A47866" t="s">
        <v>65924</v>
      </c>
      <c r="B47866" t="s">
        <v>65926</v>
      </c>
      <c r="C47866">
        <v>0</v>
      </c>
      <c r="D47866">
        <v>0</v>
      </c>
    </row>
    <row r="47867" spans="1:4" x14ac:dyDescent="0.25">
      <c r="A47867" t="s">
        <v>65927</v>
      </c>
      <c r="B47867" t="s">
        <v>65928</v>
      </c>
      <c r="C47867">
        <v>2</v>
      </c>
      <c r="D47867">
        <v>0</v>
      </c>
    </row>
    <row r="47868" spans="1:4" x14ac:dyDescent="0.25">
      <c r="A47868" t="s">
        <v>65929</v>
      </c>
      <c r="B47868" t="s">
        <v>65930</v>
      </c>
      <c r="C47868">
        <v>1</v>
      </c>
      <c r="D47868">
        <v>0</v>
      </c>
    </row>
    <row r="47869" spans="1:4" x14ac:dyDescent="0.25">
      <c r="A47869" t="s">
        <v>65929</v>
      </c>
      <c r="B47869" t="s">
        <v>65931</v>
      </c>
      <c r="C47869">
        <v>1</v>
      </c>
      <c r="D47869">
        <v>0</v>
      </c>
    </row>
    <row r="47870" spans="1:4" x14ac:dyDescent="0.25">
      <c r="A47870" t="s">
        <v>65929</v>
      </c>
      <c r="B47870" t="s">
        <v>48122</v>
      </c>
      <c r="C47870">
        <v>1</v>
      </c>
      <c r="D47870">
        <v>0</v>
      </c>
    </row>
    <row r="47871" spans="1:4" x14ac:dyDescent="0.25">
      <c r="A47871" t="s">
        <v>65929</v>
      </c>
      <c r="B47871" t="s">
        <v>48123</v>
      </c>
      <c r="C47871">
        <v>0</v>
      </c>
      <c r="D47871">
        <v>0</v>
      </c>
    </row>
    <row r="47872" spans="1:4" x14ac:dyDescent="0.25">
      <c r="A47872" t="s">
        <v>65929</v>
      </c>
      <c r="B47872" t="s">
        <v>48124</v>
      </c>
      <c r="C47872">
        <v>2</v>
      </c>
      <c r="D47872">
        <v>0</v>
      </c>
    </row>
    <row r="47873" spans="1:4" x14ac:dyDescent="0.25">
      <c r="A47873" t="s">
        <v>65929</v>
      </c>
      <c r="B47873" t="s">
        <v>65932</v>
      </c>
      <c r="C47873">
        <v>1</v>
      </c>
      <c r="D47873">
        <v>0</v>
      </c>
    </row>
    <row r="47874" spans="1:4" x14ac:dyDescent="0.25">
      <c r="A47874" t="s">
        <v>65929</v>
      </c>
      <c r="B47874" t="s">
        <v>65933</v>
      </c>
      <c r="C47874">
        <v>1</v>
      </c>
      <c r="D47874">
        <v>0</v>
      </c>
    </row>
    <row r="47875" spans="1:4" x14ac:dyDescent="0.25">
      <c r="A47875" t="s">
        <v>65934</v>
      </c>
      <c r="B47875" t="s">
        <v>65935</v>
      </c>
      <c r="C47875">
        <v>0</v>
      </c>
      <c r="D47875">
        <v>0</v>
      </c>
    </row>
    <row r="47876" spans="1:4" x14ac:dyDescent="0.25">
      <c r="A47876" t="s">
        <v>65934</v>
      </c>
      <c r="B47876" t="s">
        <v>65936</v>
      </c>
      <c r="C47876">
        <v>0</v>
      </c>
      <c r="D47876">
        <v>0</v>
      </c>
    </row>
    <row r="47877" spans="1:4" x14ac:dyDescent="0.25">
      <c r="A47877" t="s">
        <v>65934</v>
      </c>
      <c r="B47877" t="s">
        <v>65937</v>
      </c>
      <c r="C47877">
        <v>1</v>
      </c>
      <c r="D47877">
        <v>0</v>
      </c>
    </row>
    <row r="47878" spans="1:4" x14ac:dyDescent="0.25">
      <c r="A47878" t="s">
        <v>65934</v>
      </c>
      <c r="B47878" t="s">
        <v>2865</v>
      </c>
      <c r="C47878">
        <v>0</v>
      </c>
      <c r="D47878">
        <v>0</v>
      </c>
    </row>
    <row r="47879" spans="1:4" x14ac:dyDescent="0.25">
      <c r="A47879" t="s">
        <v>65934</v>
      </c>
      <c r="B47879" t="s">
        <v>65938</v>
      </c>
      <c r="C47879">
        <v>0</v>
      </c>
      <c r="D47879">
        <v>0</v>
      </c>
    </row>
    <row r="47880" spans="1:4" x14ac:dyDescent="0.25">
      <c r="A47880" t="s">
        <v>65934</v>
      </c>
      <c r="B47880" t="s">
        <v>65939</v>
      </c>
      <c r="C47880">
        <v>0</v>
      </c>
      <c r="D47880">
        <v>0</v>
      </c>
    </row>
    <row r="47881" spans="1:4" x14ac:dyDescent="0.25">
      <c r="A47881" t="s">
        <v>65940</v>
      </c>
      <c r="B47881" t="s">
        <v>65941</v>
      </c>
      <c r="C47881">
        <v>1</v>
      </c>
      <c r="D47881">
        <v>0</v>
      </c>
    </row>
    <row r="47882" spans="1:4" x14ac:dyDescent="0.25">
      <c r="A47882" t="s">
        <v>65940</v>
      </c>
      <c r="B47882" t="s">
        <v>65942</v>
      </c>
      <c r="C47882">
        <v>0</v>
      </c>
      <c r="D47882">
        <v>0</v>
      </c>
    </row>
    <row r="47883" spans="1:4" x14ac:dyDescent="0.25">
      <c r="A47883" t="s">
        <v>65940</v>
      </c>
      <c r="B47883" t="s">
        <v>65943</v>
      </c>
      <c r="C47883">
        <v>2</v>
      </c>
      <c r="D47883">
        <v>0</v>
      </c>
    </row>
    <row r="47884" spans="1:4" x14ac:dyDescent="0.25">
      <c r="A47884" t="s">
        <v>65940</v>
      </c>
      <c r="B47884" t="s">
        <v>65944</v>
      </c>
      <c r="C47884">
        <v>1</v>
      </c>
      <c r="D47884">
        <v>0</v>
      </c>
    </row>
    <row r="47885" spans="1:4" x14ac:dyDescent="0.25">
      <c r="A47885" t="s">
        <v>65940</v>
      </c>
      <c r="B47885" t="s">
        <v>65945</v>
      </c>
      <c r="C47885">
        <v>0</v>
      </c>
      <c r="D47885">
        <v>0</v>
      </c>
    </row>
    <row r="47886" spans="1:4" x14ac:dyDescent="0.25">
      <c r="A47886" t="s">
        <v>65940</v>
      </c>
      <c r="B47886" t="s">
        <v>65946</v>
      </c>
      <c r="C47886">
        <v>1</v>
      </c>
      <c r="D47886">
        <v>0</v>
      </c>
    </row>
    <row r="47887" spans="1:4" x14ac:dyDescent="0.25">
      <c r="A47887" t="s">
        <v>65947</v>
      </c>
      <c r="B47887" t="s">
        <v>65948</v>
      </c>
      <c r="C47887">
        <v>0</v>
      </c>
      <c r="D47887">
        <v>0</v>
      </c>
    </row>
    <row r="47888" spans="1:4" x14ac:dyDescent="0.25">
      <c r="A47888" t="s">
        <v>65947</v>
      </c>
      <c r="B47888" t="s">
        <v>65949</v>
      </c>
      <c r="C47888">
        <v>0</v>
      </c>
      <c r="D47888">
        <v>0</v>
      </c>
    </row>
    <row r="47889" spans="1:4" x14ac:dyDescent="0.25">
      <c r="A47889" t="s">
        <v>65950</v>
      </c>
      <c r="B47889" t="s">
        <v>65951</v>
      </c>
      <c r="C47889">
        <v>1</v>
      </c>
      <c r="D47889">
        <v>0</v>
      </c>
    </row>
    <row r="47890" spans="1:4" x14ac:dyDescent="0.25">
      <c r="A47890" t="s">
        <v>65950</v>
      </c>
      <c r="B47890" t="s">
        <v>65952</v>
      </c>
      <c r="C47890">
        <v>1</v>
      </c>
      <c r="D47890">
        <v>0</v>
      </c>
    </row>
    <row r="47891" spans="1:4" x14ac:dyDescent="0.25">
      <c r="A47891" t="s">
        <v>65950</v>
      </c>
      <c r="B47891" t="s">
        <v>65953</v>
      </c>
      <c r="C47891">
        <v>0</v>
      </c>
      <c r="D47891">
        <v>0</v>
      </c>
    </row>
    <row r="47892" spans="1:4" x14ac:dyDescent="0.25">
      <c r="A47892" t="s">
        <v>65950</v>
      </c>
      <c r="B47892" t="s">
        <v>65954</v>
      </c>
      <c r="C47892">
        <v>1</v>
      </c>
      <c r="D47892">
        <v>0</v>
      </c>
    </row>
    <row r="47893" spans="1:4" x14ac:dyDescent="0.25">
      <c r="A47893" t="s">
        <v>65950</v>
      </c>
      <c r="B47893" t="s">
        <v>65955</v>
      </c>
      <c r="C47893">
        <v>1</v>
      </c>
      <c r="D47893">
        <v>0</v>
      </c>
    </row>
    <row r="47894" spans="1:4" x14ac:dyDescent="0.25">
      <c r="A47894" t="s">
        <v>65950</v>
      </c>
      <c r="B47894" t="s">
        <v>65956</v>
      </c>
      <c r="C47894">
        <v>1</v>
      </c>
      <c r="D47894">
        <v>0</v>
      </c>
    </row>
    <row r="47895" spans="1:4" x14ac:dyDescent="0.25">
      <c r="A47895" t="s">
        <v>65950</v>
      </c>
      <c r="B47895" t="s">
        <v>63157</v>
      </c>
      <c r="C47895">
        <v>1</v>
      </c>
      <c r="D47895">
        <v>0</v>
      </c>
    </row>
    <row r="47896" spans="1:4" x14ac:dyDescent="0.25">
      <c r="A47896" t="s">
        <v>65950</v>
      </c>
      <c r="B47896" t="s">
        <v>65957</v>
      </c>
      <c r="C47896">
        <v>0</v>
      </c>
      <c r="D47896">
        <v>0</v>
      </c>
    </row>
    <row r="47897" spans="1:4" x14ac:dyDescent="0.25">
      <c r="A47897" t="s">
        <v>65958</v>
      </c>
      <c r="B47897" t="s">
        <v>65959</v>
      </c>
      <c r="C47897">
        <v>1</v>
      </c>
      <c r="D47897">
        <v>0</v>
      </c>
    </row>
    <row r="47898" spans="1:4" x14ac:dyDescent="0.25">
      <c r="A47898" t="s">
        <v>65958</v>
      </c>
      <c r="B47898" t="s">
        <v>65960</v>
      </c>
      <c r="C47898">
        <v>1</v>
      </c>
      <c r="D47898">
        <v>0</v>
      </c>
    </row>
    <row r="47899" spans="1:4" x14ac:dyDescent="0.25">
      <c r="A47899" t="s">
        <v>65961</v>
      </c>
      <c r="B47899" t="s">
        <v>65962</v>
      </c>
      <c r="C47899">
        <v>1</v>
      </c>
      <c r="D47899">
        <v>0</v>
      </c>
    </row>
    <row r="47900" spans="1:4" x14ac:dyDescent="0.25">
      <c r="A47900" t="s">
        <v>65961</v>
      </c>
      <c r="B47900" t="s">
        <v>65963</v>
      </c>
      <c r="C47900">
        <v>1</v>
      </c>
      <c r="D47900">
        <v>0</v>
      </c>
    </row>
    <row r="47901" spans="1:4" x14ac:dyDescent="0.25">
      <c r="A47901" t="s">
        <v>65964</v>
      </c>
      <c r="B47901" t="s">
        <v>65965</v>
      </c>
      <c r="C47901">
        <v>2</v>
      </c>
      <c r="D47901">
        <v>0</v>
      </c>
    </row>
    <row r="47902" spans="1:4" x14ac:dyDescent="0.25">
      <c r="A47902" t="s">
        <v>65964</v>
      </c>
      <c r="B47902" t="s">
        <v>65966</v>
      </c>
      <c r="C47902">
        <v>1</v>
      </c>
      <c r="D47902">
        <v>0</v>
      </c>
    </row>
    <row r="47903" spans="1:4" x14ac:dyDescent="0.25">
      <c r="A47903" t="s">
        <v>65967</v>
      </c>
      <c r="B47903" t="s">
        <v>65968</v>
      </c>
      <c r="C47903">
        <v>0</v>
      </c>
      <c r="D47903">
        <v>0</v>
      </c>
    </row>
    <row r="47904" spans="1:4" x14ac:dyDescent="0.25">
      <c r="A47904" t="s">
        <v>65967</v>
      </c>
      <c r="B47904" t="s">
        <v>65969</v>
      </c>
      <c r="C47904">
        <v>0</v>
      </c>
      <c r="D47904">
        <v>0</v>
      </c>
    </row>
    <row r="47905" spans="1:4" x14ac:dyDescent="0.25">
      <c r="A47905" t="s">
        <v>65967</v>
      </c>
      <c r="B47905" t="s">
        <v>6837</v>
      </c>
      <c r="C47905">
        <v>1</v>
      </c>
      <c r="D47905">
        <v>0</v>
      </c>
    </row>
    <row r="47906" spans="1:4" x14ac:dyDescent="0.25">
      <c r="A47906" t="s">
        <v>65967</v>
      </c>
      <c r="B47906" t="s">
        <v>65970</v>
      </c>
      <c r="C47906">
        <v>2</v>
      </c>
      <c r="D47906">
        <v>0</v>
      </c>
    </row>
    <row r="47907" spans="1:4" x14ac:dyDescent="0.25">
      <c r="A47907" t="s">
        <v>65967</v>
      </c>
      <c r="B47907" t="s">
        <v>65971</v>
      </c>
      <c r="C47907">
        <v>0</v>
      </c>
      <c r="D47907">
        <v>0</v>
      </c>
    </row>
    <row r="47908" spans="1:4" x14ac:dyDescent="0.25">
      <c r="A47908" t="s">
        <v>65967</v>
      </c>
      <c r="B47908" t="s">
        <v>65972</v>
      </c>
      <c r="C47908">
        <v>2</v>
      </c>
      <c r="D47908">
        <v>0</v>
      </c>
    </row>
    <row r="47909" spans="1:4" x14ac:dyDescent="0.25">
      <c r="A47909" t="s">
        <v>65973</v>
      </c>
      <c r="B47909" t="s">
        <v>65974</v>
      </c>
      <c r="C47909">
        <v>1</v>
      </c>
      <c r="D47909">
        <v>0</v>
      </c>
    </row>
    <row r="47910" spans="1:4" x14ac:dyDescent="0.25">
      <c r="A47910" t="s">
        <v>65973</v>
      </c>
      <c r="B47910" t="s">
        <v>65975</v>
      </c>
      <c r="C47910">
        <v>1</v>
      </c>
      <c r="D47910">
        <v>0</v>
      </c>
    </row>
    <row r="47911" spans="1:4" x14ac:dyDescent="0.25">
      <c r="A47911" t="s">
        <v>65973</v>
      </c>
      <c r="B47911" t="s">
        <v>65976</v>
      </c>
      <c r="C47911">
        <v>1</v>
      </c>
      <c r="D47911">
        <v>0</v>
      </c>
    </row>
    <row r="47912" spans="1:4" x14ac:dyDescent="0.25">
      <c r="A47912" t="s">
        <v>65973</v>
      </c>
      <c r="B47912" t="s">
        <v>65977</v>
      </c>
      <c r="C47912">
        <v>1</v>
      </c>
      <c r="D47912">
        <v>0</v>
      </c>
    </row>
    <row r="47913" spans="1:4" x14ac:dyDescent="0.25">
      <c r="A47913" t="s">
        <v>65973</v>
      </c>
      <c r="B47913" t="s">
        <v>65978</v>
      </c>
      <c r="C47913">
        <v>0</v>
      </c>
      <c r="D47913">
        <v>0</v>
      </c>
    </row>
    <row r="47914" spans="1:4" x14ac:dyDescent="0.25">
      <c r="A47914" t="s">
        <v>65973</v>
      </c>
      <c r="B47914" t="s">
        <v>65979</v>
      </c>
      <c r="C47914">
        <v>0</v>
      </c>
      <c r="D47914">
        <v>0</v>
      </c>
    </row>
    <row r="47915" spans="1:4" x14ac:dyDescent="0.25">
      <c r="A47915" t="s">
        <v>65973</v>
      </c>
      <c r="B47915" t="s">
        <v>65980</v>
      </c>
      <c r="C47915">
        <v>0</v>
      </c>
      <c r="D47915">
        <v>0</v>
      </c>
    </row>
    <row r="47916" spans="1:4" x14ac:dyDescent="0.25">
      <c r="A47916" t="s">
        <v>65973</v>
      </c>
      <c r="B47916" t="s">
        <v>65981</v>
      </c>
      <c r="C47916">
        <v>1</v>
      </c>
      <c r="D47916">
        <v>0</v>
      </c>
    </row>
    <row r="47917" spans="1:4" x14ac:dyDescent="0.25">
      <c r="A47917" t="s">
        <v>65973</v>
      </c>
      <c r="B47917" t="s">
        <v>65982</v>
      </c>
      <c r="C47917">
        <v>1</v>
      </c>
      <c r="D47917">
        <v>0</v>
      </c>
    </row>
    <row r="47918" spans="1:4" x14ac:dyDescent="0.25">
      <c r="A47918" t="s">
        <v>65973</v>
      </c>
      <c r="B47918" t="s">
        <v>2651</v>
      </c>
      <c r="C47918">
        <v>0</v>
      </c>
      <c r="D47918">
        <v>0</v>
      </c>
    </row>
    <row r="47919" spans="1:4" x14ac:dyDescent="0.25">
      <c r="A47919" t="s">
        <v>65983</v>
      </c>
      <c r="B47919" t="s">
        <v>65984</v>
      </c>
      <c r="C47919">
        <v>0</v>
      </c>
      <c r="D47919">
        <v>0</v>
      </c>
    </row>
    <row r="47920" spans="1:4" x14ac:dyDescent="0.25">
      <c r="A47920" t="s">
        <v>65983</v>
      </c>
      <c r="B47920" t="s">
        <v>65985</v>
      </c>
      <c r="C47920">
        <v>0</v>
      </c>
      <c r="D47920">
        <v>0</v>
      </c>
    </row>
    <row r="47921" spans="1:4" x14ac:dyDescent="0.25">
      <c r="A47921" t="s">
        <v>65983</v>
      </c>
      <c r="B47921" t="s">
        <v>65986</v>
      </c>
      <c r="C47921">
        <v>1</v>
      </c>
      <c r="D47921">
        <v>0</v>
      </c>
    </row>
    <row r="47922" spans="1:4" x14ac:dyDescent="0.25">
      <c r="A47922" t="s">
        <v>65983</v>
      </c>
      <c r="B47922" t="s">
        <v>65987</v>
      </c>
      <c r="C47922">
        <v>1</v>
      </c>
      <c r="D47922">
        <v>0</v>
      </c>
    </row>
    <row r="47923" spans="1:4" x14ac:dyDescent="0.25">
      <c r="A47923" t="s">
        <v>65988</v>
      </c>
      <c r="B47923" t="s">
        <v>65989</v>
      </c>
      <c r="C47923">
        <v>0</v>
      </c>
      <c r="D47923">
        <v>0</v>
      </c>
    </row>
    <row r="47924" spans="1:4" x14ac:dyDescent="0.25">
      <c r="A47924" t="s">
        <v>65988</v>
      </c>
      <c r="B47924" t="s">
        <v>65990</v>
      </c>
      <c r="C47924">
        <v>0</v>
      </c>
      <c r="D47924">
        <v>0</v>
      </c>
    </row>
    <row r="47925" spans="1:4" x14ac:dyDescent="0.25">
      <c r="A47925" t="s">
        <v>65988</v>
      </c>
      <c r="B47925" t="s">
        <v>65991</v>
      </c>
      <c r="C47925">
        <v>1</v>
      </c>
      <c r="D47925">
        <v>0</v>
      </c>
    </row>
    <row r="47926" spans="1:4" x14ac:dyDescent="0.25">
      <c r="A47926" t="s">
        <v>65988</v>
      </c>
      <c r="B47926" t="s">
        <v>65992</v>
      </c>
      <c r="C47926">
        <v>1</v>
      </c>
      <c r="D47926">
        <v>0</v>
      </c>
    </row>
    <row r="47927" spans="1:4" x14ac:dyDescent="0.25">
      <c r="A47927" t="s">
        <v>65993</v>
      </c>
      <c r="B47927" t="s">
        <v>5047</v>
      </c>
      <c r="C47927">
        <v>0</v>
      </c>
      <c r="D47927">
        <v>0</v>
      </c>
    </row>
    <row r="47928" spans="1:4" x14ac:dyDescent="0.25">
      <c r="A47928" t="s">
        <v>65993</v>
      </c>
      <c r="B47928" t="s">
        <v>65994</v>
      </c>
      <c r="C47928">
        <v>2</v>
      </c>
      <c r="D47928">
        <v>0</v>
      </c>
    </row>
    <row r="47929" spans="1:4" x14ac:dyDescent="0.25">
      <c r="A47929" t="s">
        <v>65993</v>
      </c>
      <c r="B47929" t="s">
        <v>5047</v>
      </c>
      <c r="C47929">
        <v>0</v>
      </c>
      <c r="D47929">
        <v>0</v>
      </c>
    </row>
    <row r="47930" spans="1:4" x14ac:dyDescent="0.25">
      <c r="A47930" t="s">
        <v>65993</v>
      </c>
      <c r="B47930" t="s">
        <v>65995</v>
      </c>
      <c r="C47930">
        <v>2</v>
      </c>
      <c r="D47930">
        <v>0</v>
      </c>
    </row>
    <row r="47931" spans="1:4" x14ac:dyDescent="0.25">
      <c r="A47931" t="s">
        <v>65993</v>
      </c>
      <c r="B47931" t="s">
        <v>65996</v>
      </c>
      <c r="C47931">
        <v>2</v>
      </c>
      <c r="D47931">
        <v>0</v>
      </c>
    </row>
    <row r="47932" spans="1:4" x14ac:dyDescent="0.25">
      <c r="A47932" t="s">
        <v>65993</v>
      </c>
      <c r="B47932" t="s">
        <v>12472</v>
      </c>
      <c r="C47932">
        <v>1</v>
      </c>
      <c r="D47932">
        <v>0</v>
      </c>
    </row>
    <row r="47933" spans="1:4" x14ac:dyDescent="0.25">
      <c r="A47933" t="s">
        <v>65993</v>
      </c>
      <c r="B47933" t="s">
        <v>65997</v>
      </c>
      <c r="C47933">
        <v>0</v>
      </c>
      <c r="D47933">
        <v>0</v>
      </c>
    </row>
    <row r="47934" spans="1:4" x14ac:dyDescent="0.25">
      <c r="A47934" t="s">
        <v>65993</v>
      </c>
      <c r="B47934" t="s">
        <v>65998</v>
      </c>
      <c r="C47934">
        <v>2</v>
      </c>
      <c r="D47934">
        <v>0</v>
      </c>
    </row>
    <row r="47935" spans="1:4" x14ac:dyDescent="0.25">
      <c r="A47935" t="s">
        <v>65993</v>
      </c>
      <c r="B47935" t="s">
        <v>5047</v>
      </c>
      <c r="C47935">
        <v>0</v>
      </c>
      <c r="D47935">
        <v>0</v>
      </c>
    </row>
    <row r="47936" spans="1:4" x14ac:dyDescent="0.25">
      <c r="A47936" t="s">
        <v>65993</v>
      </c>
      <c r="B47936" t="s">
        <v>65999</v>
      </c>
      <c r="C47936">
        <v>2</v>
      </c>
      <c r="D47936">
        <v>0</v>
      </c>
    </row>
    <row r="47937" spans="1:4" x14ac:dyDescent="0.25">
      <c r="A47937" t="s">
        <v>66000</v>
      </c>
      <c r="B47937" t="s">
        <v>66001</v>
      </c>
      <c r="C47937">
        <v>1</v>
      </c>
      <c r="D47937">
        <v>0</v>
      </c>
    </row>
    <row r="47938" spans="1:4" x14ac:dyDescent="0.25">
      <c r="A47938" t="s">
        <v>66000</v>
      </c>
      <c r="B47938" t="s">
        <v>66002</v>
      </c>
      <c r="C47938">
        <v>1</v>
      </c>
      <c r="D47938">
        <v>0</v>
      </c>
    </row>
    <row r="47939" spans="1:4" x14ac:dyDescent="0.25">
      <c r="A47939" t="s">
        <v>66003</v>
      </c>
      <c r="B47939" t="s">
        <v>66004</v>
      </c>
      <c r="C47939">
        <v>2</v>
      </c>
      <c r="D47939">
        <v>0</v>
      </c>
    </row>
    <row r="47940" spans="1:4" x14ac:dyDescent="0.25">
      <c r="A47940" t="s">
        <v>66003</v>
      </c>
      <c r="B47940" t="s">
        <v>66005</v>
      </c>
      <c r="C47940">
        <v>1</v>
      </c>
      <c r="D47940">
        <v>0</v>
      </c>
    </row>
    <row r="47941" spans="1:4" x14ac:dyDescent="0.25">
      <c r="A47941" t="s">
        <v>66003</v>
      </c>
      <c r="B47941" t="s">
        <v>66006</v>
      </c>
      <c r="C47941">
        <v>0</v>
      </c>
      <c r="D47941">
        <v>0</v>
      </c>
    </row>
    <row r="47942" spans="1:4" x14ac:dyDescent="0.25">
      <c r="A47942" t="s">
        <v>66003</v>
      </c>
      <c r="B47942" t="s">
        <v>66007</v>
      </c>
      <c r="C47942">
        <v>0</v>
      </c>
      <c r="D47942">
        <v>0</v>
      </c>
    </row>
    <row r="47943" spans="1:4" x14ac:dyDescent="0.25">
      <c r="A47943" t="s">
        <v>66003</v>
      </c>
      <c r="B47943" t="s">
        <v>66008</v>
      </c>
      <c r="C47943">
        <v>0</v>
      </c>
      <c r="D47943">
        <v>0</v>
      </c>
    </row>
    <row r="47944" spans="1:4" x14ac:dyDescent="0.25">
      <c r="A47944" t="s">
        <v>66009</v>
      </c>
      <c r="B47944" t="s">
        <v>66010</v>
      </c>
      <c r="C47944">
        <v>1</v>
      </c>
      <c r="D47944">
        <v>0</v>
      </c>
    </row>
    <row r="47945" spans="1:4" x14ac:dyDescent="0.25">
      <c r="A47945" t="s">
        <v>66009</v>
      </c>
      <c r="B47945" t="s">
        <v>66011</v>
      </c>
      <c r="C47945">
        <v>1</v>
      </c>
      <c r="D47945">
        <v>0</v>
      </c>
    </row>
    <row r="47946" spans="1:4" x14ac:dyDescent="0.25">
      <c r="A47946" t="s">
        <v>66012</v>
      </c>
      <c r="B47946" t="s">
        <v>66013</v>
      </c>
      <c r="C47946">
        <v>1</v>
      </c>
      <c r="D47946">
        <v>0</v>
      </c>
    </row>
    <row r="47947" spans="1:4" x14ac:dyDescent="0.25">
      <c r="A47947" t="s">
        <v>66012</v>
      </c>
      <c r="B47947" t="s">
        <v>66014</v>
      </c>
      <c r="C47947">
        <v>1</v>
      </c>
      <c r="D47947">
        <v>0</v>
      </c>
    </row>
    <row r="47948" spans="1:4" x14ac:dyDescent="0.25">
      <c r="A47948" t="s">
        <v>66012</v>
      </c>
      <c r="B47948" t="s">
        <v>66015</v>
      </c>
      <c r="C47948">
        <v>1</v>
      </c>
      <c r="D47948">
        <v>0</v>
      </c>
    </row>
    <row r="47949" spans="1:4" x14ac:dyDescent="0.25">
      <c r="A47949" t="s">
        <v>66016</v>
      </c>
      <c r="B47949" t="s">
        <v>66017</v>
      </c>
      <c r="C47949">
        <v>1</v>
      </c>
      <c r="D47949">
        <v>0</v>
      </c>
    </row>
    <row r="47950" spans="1:4" x14ac:dyDescent="0.25">
      <c r="A47950" t="s">
        <v>66016</v>
      </c>
      <c r="B47950" t="s">
        <v>65394</v>
      </c>
      <c r="C47950">
        <v>1</v>
      </c>
      <c r="D47950">
        <v>0</v>
      </c>
    </row>
    <row r="47951" spans="1:4" x14ac:dyDescent="0.25">
      <c r="A47951" t="s">
        <v>66016</v>
      </c>
      <c r="B47951" t="s">
        <v>66018</v>
      </c>
      <c r="C47951">
        <v>2</v>
      </c>
      <c r="D47951">
        <v>0</v>
      </c>
    </row>
    <row r="47952" spans="1:4" x14ac:dyDescent="0.25">
      <c r="A47952" t="s">
        <v>66019</v>
      </c>
      <c r="B47952" t="s">
        <v>66020</v>
      </c>
      <c r="C47952">
        <v>0</v>
      </c>
      <c r="D47952">
        <v>0</v>
      </c>
    </row>
    <row r="47953" spans="1:4" x14ac:dyDescent="0.25">
      <c r="A47953" t="s">
        <v>66019</v>
      </c>
      <c r="B47953" t="s">
        <v>10838</v>
      </c>
      <c r="C47953">
        <v>1</v>
      </c>
      <c r="D47953">
        <v>0</v>
      </c>
    </row>
    <row r="47954" spans="1:4" x14ac:dyDescent="0.25">
      <c r="A47954" t="s">
        <v>66019</v>
      </c>
      <c r="B47954" t="s">
        <v>66021</v>
      </c>
      <c r="C47954">
        <v>0</v>
      </c>
      <c r="D47954">
        <v>0</v>
      </c>
    </row>
    <row r="47955" spans="1:4" x14ac:dyDescent="0.25">
      <c r="A47955" t="s">
        <v>66019</v>
      </c>
      <c r="B47955" t="s">
        <v>66022</v>
      </c>
      <c r="C47955">
        <v>1</v>
      </c>
      <c r="D47955">
        <v>0</v>
      </c>
    </row>
    <row r="47956" spans="1:4" x14ac:dyDescent="0.25">
      <c r="A47956" t="s">
        <v>66019</v>
      </c>
      <c r="B47956" t="s">
        <v>66023</v>
      </c>
      <c r="C47956">
        <v>0</v>
      </c>
      <c r="D47956">
        <v>0</v>
      </c>
    </row>
    <row r="47957" spans="1:4" x14ac:dyDescent="0.25">
      <c r="A47957" t="s">
        <v>66024</v>
      </c>
      <c r="B47957" t="s">
        <v>66025</v>
      </c>
      <c r="C47957">
        <v>1</v>
      </c>
      <c r="D47957">
        <v>0</v>
      </c>
    </row>
    <row r="47958" spans="1:4" x14ac:dyDescent="0.25">
      <c r="A47958" t="s">
        <v>66024</v>
      </c>
      <c r="B47958" t="s">
        <v>66026</v>
      </c>
      <c r="C47958">
        <v>1</v>
      </c>
      <c r="D47958">
        <v>0</v>
      </c>
    </row>
    <row r="47959" spans="1:4" x14ac:dyDescent="0.25">
      <c r="A47959" t="s">
        <v>66024</v>
      </c>
      <c r="B47959" t="s">
        <v>66027</v>
      </c>
      <c r="C47959">
        <v>1</v>
      </c>
      <c r="D47959">
        <v>0</v>
      </c>
    </row>
    <row r="47960" spans="1:4" x14ac:dyDescent="0.25">
      <c r="A47960" t="s">
        <v>66028</v>
      </c>
      <c r="B47960" t="s">
        <v>66029</v>
      </c>
      <c r="C47960">
        <v>1</v>
      </c>
      <c r="D47960">
        <v>0</v>
      </c>
    </row>
    <row r="47961" spans="1:4" x14ac:dyDescent="0.25">
      <c r="A47961" t="s">
        <v>66028</v>
      </c>
      <c r="B47961" t="s">
        <v>66030</v>
      </c>
      <c r="C47961">
        <v>1</v>
      </c>
      <c r="D47961">
        <v>0</v>
      </c>
    </row>
    <row r="47962" spans="1:4" x14ac:dyDescent="0.25">
      <c r="A47962" t="s">
        <v>66028</v>
      </c>
      <c r="B47962" t="s">
        <v>66031</v>
      </c>
      <c r="C47962">
        <v>1</v>
      </c>
      <c r="D47962">
        <v>0</v>
      </c>
    </row>
    <row r="47963" spans="1:4" x14ac:dyDescent="0.25">
      <c r="A47963" t="s">
        <v>66028</v>
      </c>
      <c r="B47963" t="s">
        <v>66032</v>
      </c>
      <c r="C47963">
        <v>2</v>
      </c>
      <c r="D47963">
        <v>0</v>
      </c>
    </row>
    <row r="47964" spans="1:4" x14ac:dyDescent="0.25">
      <c r="A47964" t="s">
        <v>66028</v>
      </c>
      <c r="B47964" t="s">
        <v>66033</v>
      </c>
      <c r="C47964">
        <v>1</v>
      </c>
      <c r="D47964">
        <v>0</v>
      </c>
    </row>
    <row r="47965" spans="1:4" x14ac:dyDescent="0.25">
      <c r="A47965" t="s">
        <v>66028</v>
      </c>
      <c r="B47965" t="s">
        <v>66034</v>
      </c>
      <c r="C47965">
        <v>0</v>
      </c>
      <c r="D47965">
        <v>0</v>
      </c>
    </row>
    <row r="47966" spans="1:4" x14ac:dyDescent="0.25">
      <c r="A47966" t="s">
        <v>66035</v>
      </c>
      <c r="B47966" t="s">
        <v>66036</v>
      </c>
      <c r="C47966">
        <v>2</v>
      </c>
      <c r="D47966">
        <v>0</v>
      </c>
    </row>
    <row r="47967" spans="1:4" x14ac:dyDescent="0.25">
      <c r="A47967" t="s">
        <v>66035</v>
      </c>
      <c r="B47967" t="s">
        <v>66037</v>
      </c>
      <c r="C47967">
        <v>1</v>
      </c>
      <c r="D47967">
        <v>0</v>
      </c>
    </row>
    <row r="47968" spans="1:4" x14ac:dyDescent="0.25">
      <c r="A47968" t="s">
        <v>66035</v>
      </c>
      <c r="B47968" t="s">
        <v>66038</v>
      </c>
      <c r="C47968">
        <v>2</v>
      </c>
      <c r="D47968">
        <v>0</v>
      </c>
    </row>
    <row r="47969" spans="1:4" x14ac:dyDescent="0.25">
      <c r="A47969" t="s">
        <v>66035</v>
      </c>
      <c r="B47969" t="s">
        <v>66039</v>
      </c>
      <c r="C47969">
        <v>1</v>
      </c>
      <c r="D47969">
        <v>0</v>
      </c>
    </row>
    <row r="47970" spans="1:4" x14ac:dyDescent="0.25">
      <c r="A47970" t="s">
        <v>66035</v>
      </c>
      <c r="B47970" t="s">
        <v>66040</v>
      </c>
      <c r="C47970">
        <v>0</v>
      </c>
      <c r="D47970">
        <v>0</v>
      </c>
    </row>
    <row r="47971" spans="1:4" x14ac:dyDescent="0.25">
      <c r="A47971" t="s">
        <v>66035</v>
      </c>
      <c r="B47971" t="s">
        <v>66041</v>
      </c>
      <c r="C47971">
        <v>2</v>
      </c>
      <c r="D47971">
        <v>0</v>
      </c>
    </row>
    <row r="47972" spans="1:4" x14ac:dyDescent="0.25">
      <c r="A47972" t="s">
        <v>66035</v>
      </c>
      <c r="B47972" t="s">
        <v>23996</v>
      </c>
      <c r="C47972">
        <v>0</v>
      </c>
      <c r="D47972">
        <v>0</v>
      </c>
    </row>
    <row r="47973" spans="1:4" x14ac:dyDescent="0.25">
      <c r="A47973" t="s">
        <v>66035</v>
      </c>
      <c r="B47973" t="s">
        <v>66042</v>
      </c>
      <c r="C47973">
        <v>2</v>
      </c>
      <c r="D47973">
        <v>0</v>
      </c>
    </row>
    <row r="47974" spans="1:4" x14ac:dyDescent="0.25">
      <c r="A47974" t="s">
        <v>66043</v>
      </c>
      <c r="B47974" t="s">
        <v>66044</v>
      </c>
      <c r="C47974">
        <v>0</v>
      </c>
      <c r="D47974">
        <v>0</v>
      </c>
    </row>
    <row r="47975" spans="1:4" x14ac:dyDescent="0.25">
      <c r="A47975" t="s">
        <v>66043</v>
      </c>
      <c r="B47975" t="s">
        <v>66045</v>
      </c>
      <c r="C47975">
        <v>1</v>
      </c>
      <c r="D47975">
        <v>0</v>
      </c>
    </row>
    <row r="47976" spans="1:4" x14ac:dyDescent="0.25">
      <c r="A47976" t="s">
        <v>66043</v>
      </c>
      <c r="B47976" t="s">
        <v>66046</v>
      </c>
      <c r="C47976">
        <v>0</v>
      </c>
      <c r="D47976">
        <v>0</v>
      </c>
    </row>
    <row r="47977" spans="1:4" x14ac:dyDescent="0.25">
      <c r="A47977" t="s">
        <v>66043</v>
      </c>
      <c r="B47977" t="s">
        <v>66047</v>
      </c>
      <c r="C47977">
        <v>1</v>
      </c>
      <c r="D47977">
        <v>0</v>
      </c>
    </row>
    <row r="47978" spans="1:4" x14ac:dyDescent="0.25">
      <c r="A47978" t="s">
        <v>66043</v>
      </c>
      <c r="B47978" t="s">
        <v>66048</v>
      </c>
      <c r="C47978">
        <v>0</v>
      </c>
      <c r="D47978">
        <v>0</v>
      </c>
    </row>
    <row r="47979" spans="1:4" x14ac:dyDescent="0.25">
      <c r="A47979" t="s">
        <v>66043</v>
      </c>
      <c r="B47979" t="s">
        <v>66049</v>
      </c>
      <c r="C47979">
        <v>0</v>
      </c>
      <c r="D47979">
        <v>0</v>
      </c>
    </row>
    <row r="47980" spans="1:4" x14ac:dyDescent="0.25">
      <c r="A47980" t="s">
        <v>66043</v>
      </c>
      <c r="B47980" t="s">
        <v>66050</v>
      </c>
      <c r="C47980">
        <v>0</v>
      </c>
      <c r="D47980">
        <v>0</v>
      </c>
    </row>
    <row r="47981" spans="1:4" x14ac:dyDescent="0.25">
      <c r="A47981" t="s">
        <v>66043</v>
      </c>
      <c r="B47981" t="s">
        <v>66051</v>
      </c>
      <c r="C47981">
        <v>0</v>
      </c>
      <c r="D47981">
        <v>0</v>
      </c>
    </row>
    <row r="47982" spans="1:4" x14ac:dyDescent="0.25">
      <c r="A47982" t="s">
        <v>66052</v>
      </c>
      <c r="B47982" t="s">
        <v>66053</v>
      </c>
      <c r="C47982">
        <v>1</v>
      </c>
      <c r="D47982">
        <v>0</v>
      </c>
    </row>
    <row r="47983" spans="1:4" x14ac:dyDescent="0.25">
      <c r="A47983" t="s">
        <v>66052</v>
      </c>
      <c r="B47983" t="s">
        <v>66054</v>
      </c>
      <c r="C47983">
        <v>1</v>
      </c>
      <c r="D47983">
        <v>0</v>
      </c>
    </row>
    <row r="47984" spans="1:4" x14ac:dyDescent="0.25">
      <c r="A47984" t="s">
        <v>66052</v>
      </c>
      <c r="B47984" t="s">
        <v>66055</v>
      </c>
      <c r="C47984">
        <v>1</v>
      </c>
      <c r="D47984">
        <v>0</v>
      </c>
    </row>
    <row r="47985" spans="1:4" x14ac:dyDescent="0.25">
      <c r="A47985" t="s">
        <v>66052</v>
      </c>
      <c r="B47985" t="s">
        <v>66056</v>
      </c>
      <c r="C47985">
        <v>1</v>
      </c>
      <c r="D47985">
        <v>0</v>
      </c>
    </row>
    <row r="47986" spans="1:4" x14ac:dyDescent="0.25">
      <c r="A47986" t="s">
        <v>66052</v>
      </c>
      <c r="B47986" t="s">
        <v>66057</v>
      </c>
      <c r="C47986">
        <v>1</v>
      </c>
      <c r="D47986">
        <v>0</v>
      </c>
    </row>
    <row r="47987" spans="1:4" x14ac:dyDescent="0.25">
      <c r="A47987" t="s">
        <v>66052</v>
      </c>
      <c r="B47987" t="s">
        <v>66058</v>
      </c>
      <c r="C47987">
        <v>1</v>
      </c>
      <c r="D47987">
        <v>0</v>
      </c>
    </row>
    <row r="47988" spans="1:4" x14ac:dyDescent="0.25">
      <c r="A47988" t="s">
        <v>66052</v>
      </c>
      <c r="B47988" t="s">
        <v>66059</v>
      </c>
      <c r="C47988">
        <v>1</v>
      </c>
      <c r="D47988">
        <v>0</v>
      </c>
    </row>
    <row r="47989" spans="1:4" x14ac:dyDescent="0.25">
      <c r="A47989" t="s">
        <v>66060</v>
      </c>
      <c r="B47989" t="s">
        <v>66061</v>
      </c>
      <c r="C47989">
        <v>1</v>
      </c>
      <c r="D47989">
        <v>0</v>
      </c>
    </row>
    <row r="47990" spans="1:4" x14ac:dyDescent="0.25">
      <c r="A47990" t="s">
        <v>66060</v>
      </c>
      <c r="B47990" t="s">
        <v>66062</v>
      </c>
      <c r="C47990">
        <v>0</v>
      </c>
      <c r="D47990">
        <v>0</v>
      </c>
    </row>
    <row r="47991" spans="1:4" x14ac:dyDescent="0.25">
      <c r="A47991" t="s">
        <v>66060</v>
      </c>
      <c r="B47991" t="s">
        <v>66063</v>
      </c>
      <c r="C47991">
        <v>0</v>
      </c>
      <c r="D47991">
        <v>0</v>
      </c>
    </row>
    <row r="47992" spans="1:4" x14ac:dyDescent="0.25">
      <c r="A47992" t="s">
        <v>66060</v>
      </c>
      <c r="B47992" t="s">
        <v>66064</v>
      </c>
      <c r="C47992">
        <v>1</v>
      </c>
      <c r="D47992">
        <v>0</v>
      </c>
    </row>
    <row r="47993" spans="1:4" x14ac:dyDescent="0.25">
      <c r="A47993" t="s">
        <v>66060</v>
      </c>
      <c r="B47993" t="s">
        <v>66065</v>
      </c>
      <c r="C47993">
        <v>1</v>
      </c>
      <c r="D47993">
        <v>0</v>
      </c>
    </row>
    <row r="47994" spans="1:4" x14ac:dyDescent="0.25">
      <c r="A47994" t="s">
        <v>66066</v>
      </c>
      <c r="B47994" t="s">
        <v>66067</v>
      </c>
      <c r="C47994">
        <v>1</v>
      </c>
      <c r="D47994">
        <v>0</v>
      </c>
    </row>
    <row r="47995" spans="1:4" x14ac:dyDescent="0.25">
      <c r="A47995" t="s">
        <v>66066</v>
      </c>
      <c r="B47995" t="s">
        <v>66068</v>
      </c>
      <c r="C47995">
        <v>0</v>
      </c>
      <c r="D47995">
        <v>0</v>
      </c>
    </row>
    <row r="47996" spans="1:4" x14ac:dyDescent="0.25">
      <c r="A47996" t="s">
        <v>66069</v>
      </c>
      <c r="B47996" t="s">
        <v>66070</v>
      </c>
      <c r="C47996">
        <v>0</v>
      </c>
      <c r="D47996">
        <v>0</v>
      </c>
    </row>
    <row r="47997" spans="1:4" x14ac:dyDescent="0.25">
      <c r="A47997" t="s">
        <v>66069</v>
      </c>
      <c r="B47997" t="s">
        <v>66071</v>
      </c>
      <c r="C47997">
        <v>0</v>
      </c>
      <c r="D47997">
        <v>0</v>
      </c>
    </row>
    <row r="47998" spans="1:4" x14ac:dyDescent="0.25">
      <c r="A47998" t="s">
        <v>66069</v>
      </c>
      <c r="B47998" t="s">
        <v>66072</v>
      </c>
      <c r="C47998">
        <v>1</v>
      </c>
      <c r="D47998">
        <v>0</v>
      </c>
    </row>
    <row r="47999" spans="1:4" x14ac:dyDescent="0.25">
      <c r="A47999" t="s">
        <v>66069</v>
      </c>
      <c r="B47999" t="s">
        <v>66073</v>
      </c>
      <c r="C47999">
        <v>0</v>
      </c>
      <c r="D47999">
        <v>0</v>
      </c>
    </row>
    <row r="48000" spans="1:4" x14ac:dyDescent="0.25">
      <c r="A48000" t="s">
        <v>66069</v>
      </c>
      <c r="B48000" t="s">
        <v>66074</v>
      </c>
      <c r="C48000">
        <v>0</v>
      </c>
      <c r="D48000">
        <v>0</v>
      </c>
    </row>
    <row r="48001" spans="1:4" x14ac:dyDescent="0.25">
      <c r="A48001" t="s">
        <v>66069</v>
      </c>
      <c r="B48001" t="s">
        <v>66075</v>
      </c>
      <c r="C48001">
        <v>0</v>
      </c>
      <c r="D48001">
        <v>0</v>
      </c>
    </row>
    <row r="48002" spans="1:4" x14ac:dyDescent="0.25">
      <c r="A48002" t="s">
        <v>66069</v>
      </c>
      <c r="B48002" t="s">
        <v>17479</v>
      </c>
      <c r="C48002">
        <v>2</v>
      </c>
      <c r="D48002">
        <v>0</v>
      </c>
    </row>
    <row r="48003" spans="1:4" x14ac:dyDescent="0.25">
      <c r="A48003" t="s">
        <v>66069</v>
      </c>
      <c r="B48003" t="s">
        <v>66076</v>
      </c>
      <c r="C48003">
        <v>1</v>
      </c>
      <c r="D48003">
        <v>0</v>
      </c>
    </row>
    <row r="48004" spans="1:4" x14ac:dyDescent="0.25">
      <c r="A48004" t="s">
        <v>66069</v>
      </c>
      <c r="B48004" t="s">
        <v>66077</v>
      </c>
      <c r="C48004">
        <v>2</v>
      </c>
      <c r="D48004">
        <v>0</v>
      </c>
    </row>
    <row r="48005" spans="1:4" x14ac:dyDescent="0.25">
      <c r="A48005" t="s">
        <v>66078</v>
      </c>
      <c r="B48005" t="s">
        <v>66079</v>
      </c>
      <c r="C48005">
        <v>1</v>
      </c>
      <c r="D48005">
        <v>0</v>
      </c>
    </row>
    <row r="48006" spans="1:4" x14ac:dyDescent="0.25">
      <c r="A48006" t="s">
        <v>66078</v>
      </c>
      <c r="B48006" t="s">
        <v>66080</v>
      </c>
      <c r="C48006">
        <v>1</v>
      </c>
      <c r="D48006">
        <v>0</v>
      </c>
    </row>
    <row r="48007" spans="1:4" x14ac:dyDescent="0.25">
      <c r="A48007" t="s">
        <v>66078</v>
      </c>
      <c r="B48007" t="s">
        <v>66081</v>
      </c>
      <c r="C48007">
        <v>2</v>
      </c>
      <c r="D48007">
        <v>0</v>
      </c>
    </row>
    <row r="48008" spans="1:4" x14ac:dyDescent="0.25">
      <c r="A48008" t="s">
        <v>66078</v>
      </c>
      <c r="B48008" t="s">
        <v>51892</v>
      </c>
      <c r="C48008">
        <v>1</v>
      </c>
      <c r="D48008">
        <v>0</v>
      </c>
    </row>
    <row r="48009" spans="1:4" x14ac:dyDescent="0.25">
      <c r="A48009" t="s">
        <v>66078</v>
      </c>
      <c r="B48009" t="s">
        <v>66082</v>
      </c>
      <c r="C48009">
        <v>2</v>
      </c>
      <c r="D48009">
        <v>0</v>
      </c>
    </row>
    <row r="48010" spans="1:4" x14ac:dyDescent="0.25">
      <c r="A48010" t="s">
        <v>66083</v>
      </c>
      <c r="B48010" t="s">
        <v>66084</v>
      </c>
      <c r="C48010">
        <v>1</v>
      </c>
      <c r="D48010">
        <v>0</v>
      </c>
    </row>
    <row r="48011" spans="1:4" x14ac:dyDescent="0.25">
      <c r="A48011" t="s">
        <v>66083</v>
      </c>
      <c r="B48011" t="s">
        <v>66085</v>
      </c>
      <c r="C48011">
        <v>0</v>
      </c>
      <c r="D48011">
        <v>0</v>
      </c>
    </row>
    <row r="48012" spans="1:4" x14ac:dyDescent="0.25">
      <c r="A48012" t="s">
        <v>66083</v>
      </c>
      <c r="B48012" t="s">
        <v>66086</v>
      </c>
      <c r="C48012">
        <v>0</v>
      </c>
      <c r="D48012">
        <v>0</v>
      </c>
    </row>
    <row r="48013" spans="1:4" x14ac:dyDescent="0.25">
      <c r="A48013" t="s">
        <v>66083</v>
      </c>
      <c r="B48013" t="s">
        <v>66087</v>
      </c>
      <c r="C48013">
        <v>0</v>
      </c>
      <c r="D48013">
        <v>0</v>
      </c>
    </row>
    <row r="48014" spans="1:4" x14ac:dyDescent="0.25">
      <c r="A48014" t="s">
        <v>66083</v>
      </c>
      <c r="B48014" t="s">
        <v>66088</v>
      </c>
      <c r="C48014">
        <v>2</v>
      </c>
      <c r="D48014">
        <v>0</v>
      </c>
    </row>
    <row r="48015" spans="1:4" x14ac:dyDescent="0.25">
      <c r="A48015" t="s">
        <v>66083</v>
      </c>
      <c r="B48015" t="s">
        <v>66089</v>
      </c>
      <c r="C48015">
        <v>1</v>
      </c>
      <c r="D48015">
        <v>0</v>
      </c>
    </row>
    <row r="48016" spans="1:4" x14ac:dyDescent="0.25">
      <c r="A48016" t="s">
        <v>66090</v>
      </c>
      <c r="B48016" t="s">
        <v>66091</v>
      </c>
      <c r="C48016">
        <v>0</v>
      </c>
      <c r="D48016">
        <v>0</v>
      </c>
    </row>
    <row r="48017" spans="1:4" x14ac:dyDescent="0.25">
      <c r="A48017" t="s">
        <v>66090</v>
      </c>
      <c r="B48017" t="s">
        <v>66092</v>
      </c>
      <c r="C48017">
        <v>0</v>
      </c>
      <c r="D48017">
        <v>0</v>
      </c>
    </row>
    <row r="48018" spans="1:4" x14ac:dyDescent="0.25">
      <c r="A48018" t="s">
        <v>66090</v>
      </c>
      <c r="B48018" t="s">
        <v>66093</v>
      </c>
      <c r="C48018">
        <v>2</v>
      </c>
      <c r="D48018">
        <v>0</v>
      </c>
    </row>
    <row r="48019" spans="1:4" x14ac:dyDescent="0.25">
      <c r="A48019" t="s">
        <v>66090</v>
      </c>
      <c r="B48019" t="s">
        <v>66094</v>
      </c>
      <c r="C48019">
        <v>2</v>
      </c>
      <c r="D48019">
        <v>0</v>
      </c>
    </row>
    <row r="48020" spans="1:4" x14ac:dyDescent="0.25">
      <c r="A48020" t="s">
        <v>66090</v>
      </c>
      <c r="B48020" t="s">
        <v>66095</v>
      </c>
      <c r="C48020">
        <v>1</v>
      </c>
      <c r="D48020">
        <v>0</v>
      </c>
    </row>
    <row r="48021" spans="1:4" x14ac:dyDescent="0.25">
      <c r="A48021" t="s">
        <v>66096</v>
      </c>
      <c r="B48021" t="s">
        <v>66097</v>
      </c>
      <c r="C48021">
        <v>1</v>
      </c>
      <c r="D48021">
        <v>0</v>
      </c>
    </row>
    <row r="48022" spans="1:4" x14ac:dyDescent="0.25">
      <c r="A48022" t="s">
        <v>66096</v>
      </c>
      <c r="B48022" t="s">
        <v>66098</v>
      </c>
      <c r="C48022">
        <v>1</v>
      </c>
      <c r="D48022">
        <v>0</v>
      </c>
    </row>
    <row r="48023" spans="1:4" x14ac:dyDescent="0.25">
      <c r="A48023" t="s">
        <v>66096</v>
      </c>
      <c r="B48023" t="s">
        <v>66099</v>
      </c>
      <c r="C48023">
        <v>1</v>
      </c>
      <c r="D48023">
        <v>0</v>
      </c>
    </row>
    <row r="48024" spans="1:4" x14ac:dyDescent="0.25">
      <c r="A48024" t="s">
        <v>66096</v>
      </c>
      <c r="B48024" t="s">
        <v>66100</v>
      </c>
      <c r="C48024">
        <v>1</v>
      </c>
      <c r="D48024">
        <v>0</v>
      </c>
    </row>
    <row r="48025" spans="1:4" x14ac:dyDescent="0.25">
      <c r="A48025" t="s">
        <v>66096</v>
      </c>
      <c r="B48025" t="s">
        <v>66101</v>
      </c>
      <c r="C48025">
        <v>1</v>
      </c>
      <c r="D48025">
        <v>0</v>
      </c>
    </row>
    <row r="48026" spans="1:4" x14ac:dyDescent="0.25">
      <c r="A48026" t="s">
        <v>66096</v>
      </c>
      <c r="B48026" t="s">
        <v>66102</v>
      </c>
      <c r="C48026">
        <v>2</v>
      </c>
      <c r="D48026">
        <v>0</v>
      </c>
    </row>
    <row r="48027" spans="1:4" x14ac:dyDescent="0.25">
      <c r="A48027" t="s">
        <v>66103</v>
      </c>
      <c r="B48027" t="s">
        <v>66104</v>
      </c>
      <c r="C48027">
        <v>2</v>
      </c>
      <c r="D48027">
        <v>0</v>
      </c>
    </row>
    <row r="48028" spans="1:4" x14ac:dyDescent="0.25">
      <c r="A48028" t="s">
        <v>66103</v>
      </c>
      <c r="B48028" t="s">
        <v>66105</v>
      </c>
      <c r="C48028">
        <v>0</v>
      </c>
      <c r="D48028">
        <v>0</v>
      </c>
    </row>
    <row r="48029" spans="1:4" x14ac:dyDescent="0.25">
      <c r="A48029" t="s">
        <v>66103</v>
      </c>
      <c r="B48029" t="s">
        <v>66106</v>
      </c>
      <c r="C48029">
        <v>2</v>
      </c>
      <c r="D48029">
        <v>0</v>
      </c>
    </row>
    <row r="48030" spans="1:4" x14ac:dyDescent="0.25">
      <c r="A48030" t="s">
        <v>66107</v>
      </c>
      <c r="B48030" t="s">
        <v>66108</v>
      </c>
      <c r="C48030">
        <v>1</v>
      </c>
      <c r="D48030">
        <v>0</v>
      </c>
    </row>
    <row r="48031" spans="1:4" x14ac:dyDescent="0.25">
      <c r="A48031" t="s">
        <v>66107</v>
      </c>
      <c r="B48031" t="s">
        <v>66109</v>
      </c>
      <c r="C48031">
        <v>1</v>
      </c>
      <c r="D48031">
        <v>0</v>
      </c>
    </row>
    <row r="48032" spans="1:4" x14ac:dyDescent="0.25">
      <c r="A48032" t="s">
        <v>66107</v>
      </c>
      <c r="B48032" t="s">
        <v>66110</v>
      </c>
      <c r="C48032">
        <v>2</v>
      </c>
      <c r="D48032">
        <v>0</v>
      </c>
    </row>
    <row r="48033" spans="1:4" x14ac:dyDescent="0.25">
      <c r="A48033" t="s">
        <v>66107</v>
      </c>
      <c r="B48033" t="s">
        <v>66111</v>
      </c>
      <c r="C48033">
        <v>1</v>
      </c>
      <c r="D48033">
        <v>0</v>
      </c>
    </row>
    <row r="48034" spans="1:4" x14ac:dyDescent="0.25">
      <c r="A48034" t="s">
        <v>66112</v>
      </c>
      <c r="B48034" t="s">
        <v>66113</v>
      </c>
      <c r="C48034">
        <v>1</v>
      </c>
      <c r="D48034">
        <v>0</v>
      </c>
    </row>
    <row r="48035" spans="1:4" x14ac:dyDescent="0.25">
      <c r="A48035" t="s">
        <v>66112</v>
      </c>
      <c r="B48035" t="s">
        <v>66114</v>
      </c>
      <c r="C48035">
        <v>1</v>
      </c>
      <c r="D48035">
        <v>0</v>
      </c>
    </row>
    <row r="48036" spans="1:4" x14ac:dyDescent="0.25">
      <c r="A48036" t="s">
        <v>66112</v>
      </c>
      <c r="B48036" t="s">
        <v>66115</v>
      </c>
      <c r="C48036">
        <v>2</v>
      </c>
      <c r="D48036">
        <v>0</v>
      </c>
    </row>
    <row r="48037" spans="1:4" x14ac:dyDescent="0.25">
      <c r="A48037" t="s">
        <v>66116</v>
      </c>
      <c r="B48037" t="s">
        <v>66117</v>
      </c>
      <c r="C48037">
        <v>1</v>
      </c>
      <c r="D48037">
        <v>0</v>
      </c>
    </row>
    <row r="48038" spans="1:4" x14ac:dyDescent="0.25">
      <c r="A48038" t="s">
        <v>66116</v>
      </c>
      <c r="B48038" t="s">
        <v>66118</v>
      </c>
      <c r="C48038">
        <v>1</v>
      </c>
      <c r="D48038">
        <v>0</v>
      </c>
    </row>
    <row r="48039" spans="1:4" x14ac:dyDescent="0.25">
      <c r="A48039" t="s">
        <v>66116</v>
      </c>
      <c r="B48039" t="s">
        <v>66119</v>
      </c>
      <c r="C48039">
        <v>2</v>
      </c>
      <c r="D48039">
        <v>0</v>
      </c>
    </row>
    <row r="48040" spans="1:4" x14ac:dyDescent="0.25">
      <c r="A48040" t="s">
        <v>66116</v>
      </c>
      <c r="B48040" t="s">
        <v>66120</v>
      </c>
      <c r="C48040">
        <v>1</v>
      </c>
      <c r="D48040">
        <v>0</v>
      </c>
    </row>
    <row r="48041" spans="1:4" x14ac:dyDescent="0.25">
      <c r="A48041" t="s">
        <v>66116</v>
      </c>
      <c r="B48041" t="s">
        <v>66121</v>
      </c>
      <c r="C48041">
        <v>1</v>
      </c>
      <c r="D48041">
        <v>0</v>
      </c>
    </row>
    <row r="48042" spans="1:4" x14ac:dyDescent="0.25">
      <c r="A48042" t="s">
        <v>66122</v>
      </c>
      <c r="B48042" t="s">
        <v>18079</v>
      </c>
      <c r="C48042">
        <v>0</v>
      </c>
      <c r="D48042">
        <v>0</v>
      </c>
    </row>
    <row r="48043" spans="1:4" x14ac:dyDescent="0.25">
      <c r="A48043" t="s">
        <v>66122</v>
      </c>
      <c r="B48043" t="s">
        <v>66123</v>
      </c>
      <c r="C48043">
        <v>1</v>
      </c>
      <c r="D48043">
        <v>0</v>
      </c>
    </row>
    <row r="48044" spans="1:4" x14ac:dyDescent="0.25">
      <c r="A48044" t="s">
        <v>66122</v>
      </c>
      <c r="B48044" t="s">
        <v>66124</v>
      </c>
      <c r="C48044">
        <v>0</v>
      </c>
      <c r="D48044">
        <v>0</v>
      </c>
    </row>
    <row r="48045" spans="1:4" x14ac:dyDescent="0.25">
      <c r="A48045" t="s">
        <v>66125</v>
      </c>
      <c r="B48045" t="s">
        <v>66126</v>
      </c>
      <c r="C48045">
        <v>1</v>
      </c>
      <c r="D48045">
        <v>0</v>
      </c>
    </row>
    <row r="48046" spans="1:4" x14ac:dyDescent="0.25">
      <c r="A48046" t="s">
        <v>66125</v>
      </c>
      <c r="B48046" t="s">
        <v>66127</v>
      </c>
      <c r="C48046">
        <v>1</v>
      </c>
      <c r="D48046">
        <v>0</v>
      </c>
    </row>
    <row r="48047" spans="1:4" x14ac:dyDescent="0.25">
      <c r="A48047" t="s">
        <v>66128</v>
      </c>
      <c r="B48047" t="s">
        <v>1001</v>
      </c>
      <c r="C48047">
        <v>1</v>
      </c>
      <c r="D48047">
        <v>0</v>
      </c>
    </row>
    <row r="48048" spans="1:4" x14ac:dyDescent="0.25">
      <c r="A48048" t="s">
        <v>66128</v>
      </c>
      <c r="B48048" t="s">
        <v>66129</v>
      </c>
      <c r="C48048">
        <v>0</v>
      </c>
      <c r="D48048">
        <v>0</v>
      </c>
    </row>
    <row r="48049" spans="1:4" x14ac:dyDescent="0.25">
      <c r="A48049" t="s">
        <v>66130</v>
      </c>
      <c r="B48049" t="s">
        <v>66131</v>
      </c>
      <c r="C48049">
        <v>2</v>
      </c>
      <c r="D48049">
        <v>0</v>
      </c>
    </row>
    <row r="48050" spans="1:4" x14ac:dyDescent="0.25">
      <c r="A48050" t="s">
        <v>66130</v>
      </c>
      <c r="B48050" t="s">
        <v>66132</v>
      </c>
      <c r="C48050">
        <v>2</v>
      </c>
      <c r="D48050">
        <v>0</v>
      </c>
    </row>
    <row r="48051" spans="1:4" x14ac:dyDescent="0.25">
      <c r="A48051" t="s">
        <v>66130</v>
      </c>
      <c r="B48051" t="s">
        <v>66133</v>
      </c>
      <c r="C48051">
        <v>0</v>
      </c>
      <c r="D48051">
        <v>0</v>
      </c>
    </row>
    <row r="48052" spans="1:4" x14ac:dyDescent="0.25">
      <c r="A48052" t="s">
        <v>66130</v>
      </c>
      <c r="B48052" t="s">
        <v>66134</v>
      </c>
      <c r="C48052">
        <v>2</v>
      </c>
      <c r="D48052">
        <v>0</v>
      </c>
    </row>
    <row r="48053" spans="1:4" x14ac:dyDescent="0.25">
      <c r="A48053" t="s">
        <v>66135</v>
      </c>
      <c r="B48053" t="s">
        <v>66136</v>
      </c>
      <c r="C48053">
        <v>1</v>
      </c>
      <c r="D48053">
        <v>0</v>
      </c>
    </row>
    <row r="48054" spans="1:4" x14ac:dyDescent="0.25">
      <c r="A48054" t="s">
        <v>66135</v>
      </c>
      <c r="B48054" t="s">
        <v>66137</v>
      </c>
      <c r="C48054">
        <v>0</v>
      </c>
      <c r="D48054">
        <v>0</v>
      </c>
    </row>
    <row r="48055" spans="1:4" x14ac:dyDescent="0.25">
      <c r="A48055" t="s">
        <v>66135</v>
      </c>
      <c r="B48055" t="s">
        <v>66138</v>
      </c>
      <c r="C48055">
        <v>2</v>
      </c>
      <c r="D48055">
        <v>0</v>
      </c>
    </row>
    <row r="48056" spans="1:4" x14ac:dyDescent="0.25">
      <c r="A48056" t="s">
        <v>66135</v>
      </c>
      <c r="B48056" t="s">
        <v>66139</v>
      </c>
      <c r="C48056">
        <v>0</v>
      </c>
      <c r="D48056">
        <v>0</v>
      </c>
    </row>
    <row r="48057" spans="1:4" x14ac:dyDescent="0.25">
      <c r="A48057" t="s">
        <v>66135</v>
      </c>
      <c r="B48057" t="s">
        <v>60109</v>
      </c>
      <c r="C48057">
        <v>2</v>
      </c>
      <c r="D48057">
        <v>0</v>
      </c>
    </row>
    <row r="48058" spans="1:4" x14ac:dyDescent="0.25">
      <c r="A48058" t="s">
        <v>66135</v>
      </c>
      <c r="B48058" t="s">
        <v>66140</v>
      </c>
      <c r="C48058">
        <v>1</v>
      </c>
      <c r="D48058">
        <v>0</v>
      </c>
    </row>
    <row r="48059" spans="1:4" x14ac:dyDescent="0.25">
      <c r="A48059" t="s">
        <v>66135</v>
      </c>
      <c r="B48059" t="s">
        <v>66141</v>
      </c>
      <c r="C48059">
        <v>1</v>
      </c>
      <c r="D48059">
        <v>0</v>
      </c>
    </row>
    <row r="48060" spans="1:4" x14ac:dyDescent="0.25">
      <c r="A48060" t="s">
        <v>66135</v>
      </c>
      <c r="B48060" t="s">
        <v>66142</v>
      </c>
      <c r="C48060">
        <v>1</v>
      </c>
      <c r="D48060">
        <v>0</v>
      </c>
    </row>
    <row r="48061" spans="1:4" x14ac:dyDescent="0.25">
      <c r="A48061" t="s">
        <v>66143</v>
      </c>
      <c r="B48061" t="s">
        <v>66144</v>
      </c>
      <c r="C48061">
        <v>2</v>
      </c>
      <c r="D48061">
        <v>0</v>
      </c>
    </row>
    <row r="48062" spans="1:4" x14ac:dyDescent="0.25">
      <c r="A48062" t="s">
        <v>66143</v>
      </c>
      <c r="B48062" t="s">
        <v>66145</v>
      </c>
      <c r="C48062">
        <v>2</v>
      </c>
      <c r="D48062">
        <v>0</v>
      </c>
    </row>
    <row r="48063" spans="1:4" x14ac:dyDescent="0.25">
      <c r="A48063" t="s">
        <v>66146</v>
      </c>
      <c r="B48063" t="s">
        <v>66147</v>
      </c>
      <c r="C48063">
        <v>1</v>
      </c>
      <c r="D48063">
        <v>0</v>
      </c>
    </row>
    <row r="48064" spans="1:4" x14ac:dyDescent="0.25">
      <c r="A48064" t="s">
        <v>66146</v>
      </c>
      <c r="B48064" t="s">
        <v>12472</v>
      </c>
      <c r="C48064">
        <v>1</v>
      </c>
      <c r="D48064">
        <v>0</v>
      </c>
    </row>
    <row r="48065" spans="1:4" x14ac:dyDescent="0.25">
      <c r="A48065" t="s">
        <v>66146</v>
      </c>
      <c r="B48065" t="s">
        <v>66148</v>
      </c>
      <c r="C48065">
        <v>1</v>
      </c>
      <c r="D48065">
        <v>0</v>
      </c>
    </row>
    <row r="48066" spans="1:4" x14ac:dyDescent="0.25">
      <c r="A48066" t="s">
        <v>66146</v>
      </c>
      <c r="B48066" t="s">
        <v>66149</v>
      </c>
      <c r="C48066">
        <v>2</v>
      </c>
      <c r="D48066">
        <v>0</v>
      </c>
    </row>
    <row r="48067" spans="1:4" x14ac:dyDescent="0.25">
      <c r="A48067" t="s">
        <v>66146</v>
      </c>
      <c r="B48067" t="s">
        <v>66150</v>
      </c>
      <c r="C48067">
        <v>1</v>
      </c>
      <c r="D48067">
        <v>0</v>
      </c>
    </row>
    <row r="48068" spans="1:4" x14ac:dyDescent="0.25">
      <c r="A48068" t="s">
        <v>66146</v>
      </c>
      <c r="B48068" t="s">
        <v>66151</v>
      </c>
      <c r="C48068">
        <v>1</v>
      </c>
      <c r="D48068">
        <v>0</v>
      </c>
    </row>
    <row r="48069" spans="1:4" x14ac:dyDescent="0.25">
      <c r="A48069" t="s">
        <v>66146</v>
      </c>
      <c r="B48069" t="s">
        <v>66152</v>
      </c>
      <c r="C48069">
        <v>1</v>
      </c>
      <c r="D48069">
        <v>0</v>
      </c>
    </row>
    <row r="48070" spans="1:4" x14ac:dyDescent="0.25">
      <c r="A48070" t="s">
        <v>66146</v>
      </c>
      <c r="B48070" t="s">
        <v>66153</v>
      </c>
      <c r="C48070">
        <v>2</v>
      </c>
      <c r="D48070">
        <v>0</v>
      </c>
    </row>
    <row r="48071" spans="1:4" x14ac:dyDescent="0.25">
      <c r="A48071" t="s">
        <v>66154</v>
      </c>
      <c r="B48071" t="s">
        <v>66155</v>
      </c>
      <c r="C48071">
        <v>1</v>
      </c>
      <c r="D48071">
        <v>0</v>
      </c>
    </row>
    <row r="48072" spans="1:4" x14ac:dyDescent="0.25">
      <c r="A48072" t="s">
        <v>66154</v>
      </c>
      <c r="B48072" t="s">
        <v>66156</v>
      </c>
      <c r="C48072">
        <v>1</v>
      </c>
      <c r="D48072">
        <v>0</v>
      </c>
    </row>
    <row r="48073" spans="1:4" x14ac:dyDescent="0.25">
      <c r="A48073" t="s">
        <v>66154</v>
      </c>
      <c r="B48073" t="s">
        <v>66157</v>
      </c>
      <c r="C48073">
        <v>1</v>
      </c>
      <c r="D48073">
        <v>0</v>
      </c>
    </row>
    <row r="48074" spans="1:4" x14ac:dyDescent="0.25">
      <c r="A48074" t="s">
        <v>66158</v>
      </c>
      <c r="B48074" t="s">
        <v>66159</v>
      </c>
      <c r="C48074">
        <v>1</v>
      </c>
      <c r="D48074">
        <v>0</v>
      </c>
    </row>
    <row r="48075" spans="1:4" x14ac:dyDescent="0.25">
      <c r="A48075" t="s">
        <v>66158</v>
      </c>
      <c r="B48075" t="s">
        <v>66160</v>
      </c>
      <c r="C48075">
        <v>1</v>
      </c>
      <c r="D48075">
        <v>0</v>
      </c>
    </row>
    <row r="48076" spans="1:4" x14ac:dyDescent="0.25">
      <c r="A48076" t="s">
        <v>66158</v>
      </c>
      <c r="B48076" t="s">
        <v>66161</v>
      </c>
      <c r="C48076">
        <v>1</v>
      </c>
      <c r="D48076">
        <v>0</v>
      </c>
    </row>
    <row r="48077" spans="1:4" x14ac:dyDescent="0.25">
      <c r="A48077" t="s">
        <v>66158</v>
      </c>
      <c r="B48077" t="s">
        <v>66162</v>
      </c>
      <c r="C48077">
        <v>1</v>
      </c>
      <c r="D48077">
        <v>0</v>
      </c>
    </row>
    <row r="48078" spans="1:4" x14ac:dyDescent="0.25">
      <c r="A48078" t="s">
        <v>66158</v>
      </c>
      <c r="B48078" t="s">
        <v>66163</v>
      </c>
      <c r="C48078">
        <v>0</v>
      </c>
      <c r="D48078">
        <v>0</v>
      </c>
    </row>
    <row r="48079" spans="1:4" x14ac:dyDescent="0.25">
      <c r="A48079" t="s">
        <v>66158</v>
      </c>
      <c r="B48079" t="s">
        <v>66164</v>
      </c>
      <c r="C48079">
        <v>1</v>
      </c>
      <c r="D48079">
        <v>0</v>
      </c>
    </row>
    <row r="48080" spans="1:4" x14ac:dyDescent="0.25">
      <c r="A48080" t="s">
        <v>66165</v>
      </c>
      <c r="B48080" t="s">
        <v>66166</v>
      </c>
      <c r="C48080">
        <v>1</v>
      </c>
      <c r="D48080">
        <v>0</v>
      </c>
    </row>
    <row r="48081" spans="1:4" x14ac:dyDescent="0.25">
      <c r="A48081" t="s">
        <v>66165</v>
      </c>
      <c r="B48081" t="s">
        <v>66167</v>
      </c>
      <c r="C48081">
        <v>1</v>
      </c>
      <c r="D48081">
        <v>0</v>
      </c>
    </row>
    <row r="48082" spans="1:4" x14ac:dyDescent="0.25">
      <c r="A48082" t="s">
        <v>66165</v>
      </c>
      <c r="B48082" t="s">
        <v>66168</v>
      </c>
      <c r="C48082">
        <v>1</v>
      </c>
      <c r="D48082">
        <v>0</v>
      </c>
    </row>
    <row r="48083" spans="1:4" x14ac:dyDescent="0.25">
      <c r="A48083" t="s">
        <v>66169</v>
      </c>
      <c r="B48083" t="s">
        <v>66170</v>
      </c>
      <c r="C48083">
        <v>1</v>
      </c>
      <c r="D48083">
        <v>0</v>
      </c>
    </row>
    <row r="48084" spans="1:4" x14ac:dyDescent="0.25">
      <c r="A48084" t="s">
        <v>66169</v>
      </c>
      <c r="B48084" t="s">
        <v>66171</v>
      </c>
      <c r="C48084">
        <v>1</v>
      </c>
      <c r="D48084">
        <v>0</v>
      </c>
    </row>
    <row r="48085" spans="1:4" x14ac:dyDescent="0.25">
      <c r="A48085" t="s">
        <v>66172</v>
      </c>
      <c r="B48085" t="s">
        <v>66173</v>
      </c>
      <c r="C48085">
        <v>2</v>
      </c>
      <c r="D48085">
        <v>0</v>
      </c>
    </row>
    <row r="48086" spans="1:4" x14ac:dyDescent="0.25">
      <c r="A48086" t="s">
        <v>66172</v>
      </c>
      <c r="B48086" t="s">
        <v>66174</v>
      </c>
      <c r="C48086">
        <v>1</v>
      </c>
      <c r="D48086">
        <v>0</v>
      </c>
    </row>
    <row r="48087" spans="1:4" x14ac:dyDescent="0.25">
      <c r="A48087" t="s">
        <v>66172</v>
      </c>
      <c r="B48087" t="s">
        <v>66175</v>
      </c>
      <c r="C48087">
        <v>1</v>
      </c>
      <c r="D48087">
        <v>0</v>
      </c>
    </row>
    <row r="48088" spans="1:4" x14ac:dyDescent="0.25">
      <c r="A48088" t="s">
        <v>66172</v>
      </c>
      <c r="B48088" t="s">
        <v>66176</v>
      </c>
      <c r="C48088">
        <v>1</v>
      </c>
      <c r="D48088">
        <v>0</v>
      </c>
    </row>
    <row r="48089" spans="1:4" x14ac:dyDescent="0.25">
      <c r="A48089" t="s">
        <v>66172</v>
      </c>
      <c r="B48089" t="s">
        <v>5434</v>
      </c>
      <c r="C48089">
        <v>1</v>
      </c>
      <c r="D48089">
        <v>0</v>
      </c>
    </row>
    <row r="48090" spans="1:4" x14ac:dyDescent="0.25">
      <c r="A48090" t="s">
        <v>66177</v>
      </c>
      <c r="B48090" t="s">
        <v>888</v>
      </c>
      <c r="C48090">
        <v>1</v>
      </c>
      <c r="D48090">
        <v>0</v>
      </c>
    </row>
    <row r="48091" spans="1:4" x14ac:dyDescent="0.25">
      <c r="A48091" t="s">
        <v>66177</v>
      </c>
      <c r="B48091" t="s">
        <v>66178</v>
      </c>
      <c r="C48091">
        <v>1</v>
      </c>
      <c r="D48091">
        <v>0</v>
      </c>
    </row>
    <row r="48092" spans="1:4" x14ac:dyDescent="0.25">
      <c r="A48092" t="s">
        <v>66179</v>
      </c>
      <c r="B48092" t="s">
        <v>18079</v>
      </c>
      <c r="C48092">
        <v>0</v>
      </c>
      <c r="D48092">
        <v>0</v>
      </c>
    </row>
    <row r="48093" spans="1:4" x14ac:dyDescent="0.25">
      <c r="A48093" t="s">
        <v>66179</v>
      </c>
      <c r="B48093" t="s">
        <v>66180</v>
      </c>
      <c r="C48093">
        <v>0</v>
      </c>
      <c r="D48093">
        <v>0</v>
      </c>
    </row>
    <row r="48094" spans="1:4" x14ac:dyDescent="0.25">
      <c r="A48094" t="s">
        <v>66179</v>
      </c>
      <c r="B48094" t="s">
        <v>18079</v>
      </c>
      <c r="C48094">
        <v>1</v>
      </c>
      <c r="D48094">
        <v>0</v>
      </c>
    </row>
    <row r="48095" spans="1:4" x14ac:dyDescent="0.25">
      <c r="A48095" t="s">
        <v>66179</v>
      </c>
      <c r="B48095" t="s">
        <v>66181</v>
      </c>
      <c r="C48095">
        <v>0</v>
      </c>
      <c r="D48095">
        <v>0</v>
      </c>
    </row>
    <row r="48096" spans="1:4" x14ac:dyDescent="0.25">
      <c r="A48096" t="s">
        <v>66179</v>
      </c>
      <c r="B48096" t="s">
        <v>66182</v>
      </c>
      <c r="C48096">
        <v>2</v>
      </c>
      <c r="D48096">
        <v>0</v>
      </c>
    </row>
    <row r="48097" spans="1:4" x14ac:dyDescent="0.25">
      <c r="A48097" t="s">
        <v>66183</v>
      </c>
      <c r="B48097" t="s">
        <v>66184</v>
      </c>
      <c r="C48097">
        <v>0</v>
      </c>
      <c r="D48097">
        <v>0</v>
      </c>
    </row>
    <row r="48098" spans="1:4" x14ac:dyDescent="0.25">
      <c r="A48098" t="s">
        <v>66183</v>
      </c>
      <c r="B48098" t="s">
        <v>66185</v>
      </c>
      <c r="C48098">
        <v>1</v>
      </c>
      <c r="D48098">
        <v>0</v>
      </c>
    </row>
    <row r="48099" spans="1:4" x14ac:dyDescent="0.25">
      <c r="A48099" t="s">
        <v>66183</v>
      </c>
      <c r="B48099" t="s">
        <v>66186</v>
      </c>
      <c r="C48099">
        <v>2</v>
      </c>
      <c r="D48099">
        <v>0</v>
      </c>
    </row>
    <row r="48100" spans="1:4" x14ac:dyDescent="0.25">
      <c r="A48100" t="s">
        <v>66183</v>
      </c>
      <c r="B48100" t="s">
        <v>66187</v>
      </c>
      <c r="C48100">
        <v>2</v>
      </c>
      <c r="D48100">
        <v>0</v>
      </c>
    </row>
    <row r="48101" spans="1:4" x14ac:dyDescent="0.25">
      <c r="A48101" t="s">
        <v>66183</v>
      </c>
      <c r="B48101" t="s">
        <v>66188</v>
      </c>
      <c r="C48101">
        <v>1</v>
      </c>
      <c r="D48101">
        <v>0</v>
      </c>
    </row>
    <row r="48102" spans="1:4" x14ac:dyDescent="0.25">
      <c r="A48102" t="s">
        <v>66189</v>
      </c>
      <c r="B48102" t="s">
        <v>66190</v>
      </c>
      <c r="C48102">
        <v>0</v>
      </c>
      <c r="D48102">
        <v>0</v>
      </c>
    </row>
    <row r="48103" spans="1:4" x14ac:dyDescent="0.25">
      <c r="A48103" t="s">
        <v>66189</v>
      </c>
      <c r="B48103" t="s">
        <v>66191</v>
      </c>
      <c r="C48103">
        <v>0</v>
      </c>
      <c r="D48103">
        <v>0</v>
      </c>
    </row>
    <row r="48104" spans="1:4" x14ac:dyDescent="0.25">
      <c r="A48104" t="s">
        <v>66189</v>
      </c>
      <c r="B48104" t="s">
        <v>66192</v>
      </c>
      <c r="C48104">
        <v>0</v>
      </c>
      <c r="D48104">
        <v>0</v>
      </c>
    </row>
    <row r="48105" spans="1:4" x14ac:dyDescent="0.25">
      <c r="A48105" t="s">
        <v>66189</v>
      </c>
      <c r="B48105" t="s">
        <v>66193</v>
      </c>
      <c r="C48105">
        <v>0</v>
      </c>
      <c r="D48105">
        <v>0</v>
      </c>
    </row>
    <row r="48106" spans="1:4" x14ac:dyDescent="0.25">
      <c r="A48106" t="s">
        <v>66189</v>
      </c>
      <c r="B48106" t="s">
        <v>66194</v>
      </c>
      <c r="C48106">
        <v>0</v>
      </c>
      <c r="D48106">
        <v>0</v>
      </c>
    </row>
    <row r="48107" spans="1:4" x14ac:dyDescent="0.25">
      <c r="A48107" t="s">
        <v>66195</v>
      </c>
      <c r="B48107" t="s">
        <v>66196</v>
      </c>
      <c r="C48107">
        <v>0</v>
      </c>
      <c r="D48107">
        <v>0</v>
      </c>
    </row>
    <row r="48108" spans="1:4" x14ac:dyDescent="0.25">
      <c r="A48108" t="s">
        <v>66195</v>
      </c>
      <c r="B48108" t="s">
        <v>66197</v>
      </c>
      <c r="C48108">
        <v>2</v>
      </c>
      <c r="D48108">
        <v>0</v>
      </c>
    </row>
    <row r="48109" spans="1:4" x14ac:dyDescent="0.25">
      <c r="A48109" t="s">
        <v>66195</v>
      </c>
      <c r="B48109" t="s">
        <v>66198</v>
      </c>
      <c r="C48109">
        <v>2</v>
      </c>
      <c r="D48109">
        <v>0</v>
      </c>
    </row>
    <row r="48110" spans="1:4" x14ac:dyDescent="0.25">
      <c r="A48110" t="s">
        <v>66195</v>
      </c>
      <c r="B48110" t="s">
        <v>66199</v>
      </c>
      <c r="C48110">
        <v>2</v>
      </c>
      <c r="D48110">
        <v>0</v>
      </c>
    </row>
    <row r="48111" spans="1:4" x14ac:dyDescent="0.25">
      <c r="A48111" t="s">
        <v>66195</v>
      </c>
      <c r="B48111" t="s">
        <v>66200</v>
      </c>
      <c r="C48111">
        <v>0</v>
      </c>
      <c r="D48111">
        <v>0</v>
      </c>
    </row>
    <row r="48112" spans="1:4" x14ac:dyDescent="0.25">
      <c r="A48112" t="s">
        <v>66195</v>
      </c>
      <c r="B48112" t="s">
        <v>66201</v>
      </c>
      <c r="C48112">
        <v>2</v>
      </c>
      <c r="D48112">
        <v>0</v>
      </c>
    </row>
    <row r="48113" spans="1:4" x14ac:dyDescent="0.25">
      <c r="A48113" t="s">
        <v>66195</v>
      </c>
      <c r="B48113" t="s">
        <v>66202</v>
      </c>
      <c r="C48113">
        <v>0</v>
      </c>
      <c r="D48113">
        <v>0</v>
      </c>
    </row>
    <row r="48114" spans="1:4" x14ac:dyDescent="0.25">
      <c r="A48114" t="s">
        <v>66203</v>
      </c>
      <c r="B48114" t="s">
        <v>66204</v>
      </c>
      <c r="C48114">
        <v>0</v>
      </c>
      <c r="D48114">
        <v>0</v>
      </c>
    </row>
    <row r="48115" spans="1:4" x14ac:dyDescent="0.25">
      <c r="A48115" t="s">
        <v>66203</v>
      </c>
      <c r="B48115" t="s">
        <v>30439</v>
      </c>
      <c r="C48115">
        <v>0</v>
      </c>
      <c r="D48115">
        <v>0</v>
      </c>
    </row>
    <row r="48116" spans="1:4" x14ac:dyDescent="0.25">
      <c r="A48116" t="s">
        <v>66203</v>
      </c>
      <c r="B48116" t="s">
        <v>66205</v>
      </c>
      <c r="C48116">
        <v>1</v>
      </c>
      <c r="D48116">
        <v>0</v>
      </c>
    </row>
    <row r="48117" spans="1:4" x14ac:dyDescent="0.25">
      <c r="A48117" t="s">
        <v>66206</v>
      </c>
      <c r="B48117" t="s">
        <v>66207</v>
      </c>
      <c r="C48117">
        <v>1</v>
      </c>
      <c r="D48117">
        <v>0</v>
      </c>
    </row>
    <row r="48118" spans="1:4" x14ac:dyDescent="0.25">
      <c r="A48118" t="s">
        <v>66206</v>
      </c>
      <c r="B48118" t="s">
        <v>66208</v>
      </c>
      <c r="C48118">
        <v>1</v>
      </c>
      <c r="D48118">
        <v>0</v>
      </c>
    </row>
    <row r="48119" spans="1:4" x14ac:dyDescent="0.25">
      <c r="A48119" t="s">
        <v>66209</v>
      </c>
      <c r="B48119" t="s">
        <v>2651</v>
      </c>
      <c r="C48119">
        <v>0</v>
      </c>
      <c r="D48119">
        <v>0</v>
      </c>
    </row>
    <row r="48120" spans="1:4" x14ac:dyDescent="0.25">
      <c r="A48120" t="s">
        <v>66209</v>
      </c>
      <c r="B48120" t="s">
        <v>66210</v>
      </c>
      <c r="C48120">
        <v>0</v>
      </c>
      <c r="D48120">
        <v>0</v>
      </c>
    </row>
    <row r="48121" spans="1:4" x14ac:dyDescent="0.25">
      <c r="A48121" t="s">
        <v>66209</v>
      </c>
      <c r="B48121" t="s">
        <v>51939</v>
      </c>
      <c r="C48121">
        <v>0</v>
      </c>
      <c r="D48121">
        <v>0</v>
      </c>
    </row>
    <row r="48122" spans="1:4" x14ac:dyDescent="0.25">
      <c r="A48122" t="s">
        <v>66209</v>
      </c>
      <c r="B48122" t="s">
        <v>66211</v>
      </c>
      <c r="C48122">
        <v>0</v>
      </c>
      <c r="D48122">
        <v>0</v>
      </c>
    </row>
    <row r="48123" spans="1:4" x14ac:dyDescent="0.25">
      <c r="A48123" t="s">
        <v>66209</v>
      </c>
      <c r="B48123" t="s">
        <v>2865</v>
      </c>
      <c r="C48123">
        <v>1</v>
      </c>
      <c r="D48123">
        <v>0</v>
      </c>
    </row>
    <row r="48124" spans="1:4" x14ac:dyDescent="0.25">
      <c r="A48124" t="s">
        <v>66212</v>
      </c>
      <c r="B48124" t="s">
        <v>951</v>
      </c>
      <c r="C48124">
        <v>1</v>
      </c>
      <c r="D48124">
        <v>0</v>
      </c>
    </row>
    <row r="48125" spans="1:4" x14ac:dyDescent="0.25">
      <c r="A48125" t="s">
        <v>66212</v>
      </c>
      <c r="B48125" t="s">
        <v>66213</v>
      </c>
      <c r="C48125">
        <v>1</v>
      </c>
      <c r="D48125">
        <v>0</v>
      </c>
    </row>
    <row r="48126" spans="1:4" x14ac:dyDescent="0.25">
      <c r="A48126" t="s">
        <v>66214</v>
      </c>
      <c r="B48126" t="s">
        <v>66215</v>
      </c>
      <c r="C48126">
        <v>2</v>
      </c>
      <c r="D48126">
        <v>0</v>
      </c>
    </row>
    <row r="48127" spans="1:4" x14ac:dyDescent="0.25">
      <c r="A48127" t="s">
        <v>66216</v>
      </c>
      <c r="B48127" t="s">
        <v>66217</v>
      </c>
      <c r="C48127">
        <v>1</v>
      </c>
      <c r="D48127">
        <v>0</v>
      </c>
    </row>
    <row r="48128" spans="1:4" x14ac:dyDescent="0.25">
      <c r="A48128" t="s">
        <v>66216</v>
      </c>
      <c r="B48128" t="s">
        <v>66218</v>
      </c>
      <c r="C48128">
        <v>1</v>
      </c>
      <c r="D48128">
        <v>0</v>
      </c>
    </row>
    <row r="48129" spans="1:4" x14ac:dyDescent="0.25">
      <c r="A48129" t="s">
        <v>66219</v>
      </c>
      <c r="B48129" t="s">
        <v>66220</v>
      </c>
      <c r="C48129">
        <v>2</v>
      </c>
      <c r="D48129">
        <v>0</v>
      </c>
    </row>
    <row r="48130" spans="1:4" x14ac:dyDescent="0.25">
      <c r="A48130" t="s">
        <v>66219</v>
      </c>
      <c r="B48130" t="s">
        <v>66221</v>
      </c>
      <c r="C48130">
        <v>1</v>
      </c>
      <c r="D48130">
        <v>0</v>
      </c>
    </row>
    <row r="48131" spans="1:4" x14ac:dyDescent="0.25">
      <c r="A48131" t="s">
        <v>66222</v>
      </c>
      <c r="B48131" t="s">
        <v>66223</v>
      </c>
      <c r="C48131">
        <v>1</v>
      </c>
      <c r="D48131">
        <v>0</v>
      </c>
    </row>
    <row r="48132" spans="1:4" x14ac:dyDescent="0.25">
      <c r="A48132" t="s">
        <v>66222</v>
      </c>
      <c r="B48132" t="s">
        <v>66224</v>
      </c>
      <c r="C48132">
        <v>1</v>
      </c>
      <c r="D48132">
        <v>0</v>
      </c>
    </row>
    <row r="48133" spans="1:4" x14ac:dyDescent="0.25">
      <c r="A48133" t="s">
        <v>66222</v>
      </c>
      <c r="B48133" t="s">
        <v>66225</v>
      </c>
      <c r="C48133">
        <v>1</v>
      </c>
      <c r="D48133">
        <v>0</v>
      </c>
    </row>
    <row r="48134" spans="1:4" x14ac:dyDescent="0.25">
      <c r="A48134" t="s">
        <v>66226</v>
      </c>
      <c r="B48134" t="s">
        <v>66227</v>
      </c>
      <c r="C48134">
        <v>1</v>
      </c>
      <c r="D48134">
        <v>0</v>
      </c>
    </row>
    <row r="48135" spans="1:4" x14ac:dyDescent="0.25">
      <c r="A48135" t="s">
        <v>66226</v>
      </c>
      <c r="B48135" t="s">
        <v>66228</v>
      </c>
      <c r="C48135">
        <v>1</v>
      </c>
      <c r="D48135">
        <v>0</v>
      </c>
    </row>
    <row r="48136" spans="1:4" x14ac:dyDescent="0.25">
      <c r="A48136" t="s">
        <v>66226</v>
      </c>
      <c r="B48136" t="s">
        <v>66229</v>
      </c>
      <c r="C48136">
        <v>1</v>
      </c>
      <c r="D48136">
        <v>0</v>
      </c>
    </row>
    <row r="48137" spans="1:4" x14ac:dyDescent="0.25">
      <c r="A48137" t="s">
        <v>66226</v>
      </c>
      <c r="B48137" t="s">
        <v>66230</v>
      </c>
      <c r="C48137">
        <v>1</v>
      </c>
      <c r="D48137">
        <v>0</v>
      </c>
    </row>
    <row r="48138" spans="1:4" x14ac:dyDescent="0.25">
      <c r="A48138" t="s">
        <v>66226</v>
      </c>
      <c r="B48138" t="s">
        <v>66231</v>
      </c>
      <c r="C48138">
        <v>2</v>
      </c>
      <c r="D48138">
        <v>0</v>
      </c>
    </row>
    <row r="48139" spans="1:4" x14ac:dyDescent="0.25">
      <c r="A48139" t="s">
        <v>66232</v>
      </c>
      <c r="B48139" t="s">
        <v>66233</v>
      </c>
      <c r="C48139">
        <v>0</v>
      </c>
      <c r="D48139">
        <v>0</v>
      </c>
    </row>
    <row r="48140" spans="1:4" x14ac:dyDescent="0.25">
      <c r="A48140" t="s">
        <v>66232</v>
      </c>
      <c r="B48140" t="s">
        <v>66234</v>
      </c>
      <c r="C48140">
        <v>0</v>
      </c>
      <c r="D48140">
        <v>0</v>
      </c>
    </row>
    <row r="48141" spans="1:4" x14ac:dyDescent="0.25">
      <c r="A48141" t="s">
        <v>66232</v>
      </c>
      <c r="B48141" t="s">
        <v>66235</v>
      </c>
      <c r="C48141">
        <v>1</v>
      </c>
      <c r="D48141">
        <v>0</v>
      </c>
    </row>
    <row r="48142" spans="1:4" x14ac:dyDescent="0.25">
      <c r="A48142" t="s">
        <v>66232</v>
      </c>
      <c r="B48142" t="s">
        <v>66236</v>
      </c>
      <c r="C48142">
        <v>0</v>
      </c>
      <c r="D48142">
        <v>0</v>
      </c>
    </row>
    <row r="48143" spans="1:4" x14ac:dyDescent="0.25">
      <c r="A48143" t="s">
        <v>66232</v>
      </c>
      <c r="B48143" t="s">
        <v>66237</v>
      </c>
      <c r="C48143">
        <v>0</v>
      </c>
      <c r="D48143">
        <v>0</v>
      </c>
    </row>
    <row r="48144" spans="1:4" x14ac:dyDescent="0.25">
      <c r="A48144" t="s">
        <v>66232</v>
      </c>
      <c r="B48144" t="s">
        <v>66238</v>
      </c>
      <c r="C48144">
        <v>0</v>
      </c>
      <c r="D48144">
        <v>0</v>
      </c>
    </row>
    <row r="48145" spans="1:4" x14ac:dyDescent="0.25">
      <c r="A48145" t="s">
        <v>66239</v>
      </c>
      <c r="B48145" t="s">
        <v>66240</v>
      </c>
      <c r="C48145">
        <v>1</v>
      </c>
      <c r="D48145">
        <v>0</v>
      </c>
    </row>
    <row r="48146" spans="1:4" x14ac:dyDescent="0.25">
      <c r="A48146" t="s">
        <v>66239</v>
      </c>
      <c r="B48146" t="s">
        <v>5047</v>
      </c>
      <c r="C48146">
        <v>0</v>
      </c>
      <c r="D48146">
        <v>0</v>
      </c>
    </row>
    <row r="48147" spans="1:4" x14ac:dyDescent="0.25">
      <c r="A48147" t="s">
        <v>66239</v>
      </c>
      <c r="B48147" t="s">
        <v>12472</v>
      </c>
      <c r="C48147">
        <v>1</v>
      </c>
      <c r="D48147">
        <v>0</v>
      </c>
    </row>
    <row r="48148" spans="1:4" x14ac:dyDescent="0.25">
      <c r="A48148" t="s">
        <v>66241</v>
      </c>
      <c r="B48148" t="s">
        <v>66242</v>
      </c>
      <c r="C48148">
        <v>1</v>
      </c>
      <c r="D48148">
        <v>0</v>
      </c>
    </row>
    <row r="48149" spans="1:4" x14ac:dyDescent="0.25">
      <c r="A48149" t="s">
        <v>66241</v>
      </c>
      <c r="B48149" t="s">
        <v>66243</v>
      </c>
      <c r="C48149">
        <v>0</v>
      </c>
      <c r="D48149">
        <v>0</v>
      </c>
    </row>
    <row r="48150" spans="1:4" x14ac:dyDescent="0.25">
      <c r="A48150" t="s">
        <v>66241</v>
      </c>
      <c r="B48150" t="s">
        <v>66244</v>
      </c>
      <c r="C48150">
        <v>1</v>
      </c>
      <c r="D48150">
        <v>0</v>
      </c>
    </row>
    <row r="48151" spans="1:4" x14ac:dyDescent="0.25">
      <c r="A48151" t="s">
        <v>66241</v>
      </c>
      <c r="B48151" t="s">
        <v>66245</v>
      </c>
      <c r="C48151">
        <v>1</v>
      </c>
      <c r="D48151">
        <v>0</v>
      </c>
    </row>
    <row r="48152" spans="1:4" x14ac:dyDescent="0.25">
      <c r="A48152" t="s">
        <v>66241</v>
      </c>
      <c r="B48152" t="s">
        <v>66246</v>
      </c>
      <c r="C48152">
        <v>0</v>
      </c>
      <c r="D48152">
        <v>0</v>
      </c>
    </row>
    <row r="48153" spans="1:4" x14ac:dyDescent="0.25">
      <c r="A48153" t="s">
        <v>66241</v>
      </c>
      <c r="B48153" t="s">
        <v>66247</v>
      </c>
      <c r="C48153">
        <v>0</v>
      </c>
      <c r="D48153">
        <v>0</v>
      </c>
    </row>
    <row r="48154" spans="1:4" x14ac:dyDescent="0.25">
      <c r="A48154" t="s">
        <v>66241</v>
      </c>
      <c r="B48154" t="s">
        <v>66248</v>
      </c>
      <c r="C48154">
        <v>2</v>
      </c>
      <c r="D48154">
        <v>0</v>
      </c>
    </row>
    <row r="48155" spans="1:4" x14ac:dyDescent="0.25">
      <c r="A48155" t="s">
        <v>66241</v>
      </c>
      <c r="B48155" t="s">
        <v>1294</v>
      </c>
      <c r="C48155">
        <v>1</v>
      </c>
      <c r="D48155">
        <v>0</v>
      </c>
    </row>
    <row r="48156" spans="1:4" x14ac:dyDescent="0.25">
      <c r="A48156" t="s">
        <v>66241</v>
      </c>
      <c r="B48156" t="s">
        <v>66249</v>
      </c>
      <c r="C48156">
        <v>2</v>
      </c>
      <c r="D48156">
        <v>0</v>
      </c>
    </row>
    <row r="48157" spans="1:4" x14ac:dyDescent="0.25">
      <c r="A48157" t="s">
        <v>66250</v>
      </c>
      <c r="B48157" t="s">
        <v>66251</v>
      </c>
      <c r="C48157">
        <v>1</v>
      </c>
      <c r="D48157">
        <v>0</v>
      </c>
    </row>
    <row r="48158" spans="1:4" x14ac:dyDescent="0.25">
      <c r="A48158" t="s">
        <v>66250</v>
      </c>
      <c r="B48158" t="s">
        <v>66252</v>
      </c>
      <c r="C48158">
        <v>1</v>
      </c>
      <c r="D48158">
        <v>0</v>
      </c>
    </row>
    <row r="48159" spans="1:4" x14ac:dyDescent="0.25">
      <c r="A48159" t="s">
        <v>66250</v>
      </c>
      <c r="B48159" t="s">
        <v>66253</v>
      </c>
      <c r="C48159">
        <v>1</v>
      </c>
      <c r="D48159">
        <v>0</v>
      </c>
    </row>
    <row r="48160" spans="1:4" x14ac:dyDescent="0.25">
      <c r="A48160" t="s">
        <v>66250</v>
      </c>
      <c r="B48160" t="s">
        <v>66254</v>
      </c>
      <c r="C48160">
        <v>0</v>
      </c>
      <c r="D48160">
        <v>0</v>
      </c>
    </row>
    <row r="48161" spans="1:4" x14ac:dyDescent="0.25">
      <c r="A48161" t="s">
        <v>66250</v>
      </c>
      <c r="B48161" t="s">
        <v>66255</v>
      </c>
      <c r="C48161">
        <v>1</v>
      </c>
      <c r="D48161">
        <v>0</v>
      </c>
    </row>
    <row r="48162" spans="1:4" x14ac:dyDescent="0.25">
      <c r="A48162" t="s">
        <v>66256</v>
      </c>
      <c r="B48162" t="s">
        <v>66257</v>
      </c>
      <c r="C48162">
        <v>2</v>
      </c>
      <c r="D48162">
        <v>0</v>
      </c>
    </row>
    <row r="48163" spans="1:4" x14ac:dyDescent="0.25">
      <c r="A48163" t="s">
        <v>66256</v>
      </c>
      <c r="B48163" t="s">
        <v>66258</v>
      </c>
      <c r="C48163">
        <v>0</v>
      </c>
      <c r="D48163">
        <v>0</v>
      </c>
    </row>
    <row r="48164" spans="1:4" x14ac:dyDescent="0.25">
      <c r="A48164" t="s">
        <v>66256</v>
      </c>
      <c r="B48164" t="s">
        <v>66259</v>
      </c>
      <c r="C48164">
        <v>2</v>
      </c>
      <c r="D48164">
        <v>0</v>
      </c>
    </row>
    <row r="48165" spans="1:4" x14ac:dyDescent="0.25">
      <c r="A48165" t="s">
        <v>66256</v>
      </c>
      <c r="B48165" t="s">
        <v>66260</v>
      </c>
      <c r="C48165">
        <v>0</v>
      </c>
      <c r="D48165">
        <v>0</v>
      </c>
    </row>
    <row r="48166" spans="1:4" x14ac:dyDescent="0.25">
      <c r="A48166" t="s">
        <v>66256</v>
      </c>
      <c r="B48166" t="s">
        <v>66261</v>
      </c>
      <c r="C48166">
        <v>2</v>
      </c>
      <c r="D48166">
        <v>0</v>
      </c>
    </row>
    <row r="48167" spans="1:4" x14ac:dyDescent="0.25">
      <c r="A48167" t="s">
        <v>66262</v>
      </c>
      <c r="B48167" t="s">
        <v>66263</v>
      </c>
      <c r="C48167">
        <v>1</v>
      </c>
      <c r="D48167">
        <v>0</v>
      </c>
    </row>
    <row r="48168" spans="1:4" x14ac:dyDescent="0.25">
      <c r="A48168" t="s">
        <v>66262</v>
      </c>
      <c r="B48168" t="s">
        <v>66264</v>
      </c>
      <c r="C48168">
        <v>0</v>
      </c>
      <c r="D48168">
        <v>0</v>
      </c>
    </row>
    <row r="48169" spans="1:4" x14ac:dyDescent="0.25">
      <c r="A48169" t="s">
        <v>66262</v>
      </c>
      <c r="B48169" t="s">
        <v>66265</v>
      </c>
      <c r="C48169">
        <v>0</v>
      </c>
      <c r="D48169">
        <v>0</v>
      </c>
    </row>
    <row r="48170" spans="1:4" x14ac:dyDescent="0.25">
      <c r="A48170" t="s">
        <v>66262</v>
      </c>
      <c r="B48170" t="s">
        <v>66266</v>
      </c>
      <c r="C48170">
        <v>2</v>
      </c>
      <c r="D48170">
        <v>0</v>
      </c>
    </row>
    <row r="48171" spans="1:4" x14ac:dyDescent="0.25">
      <c r="A48171" t="s">
        <v>66267</v>
      </c>
      <c r="B48171" t="s">
        <v>66268</v>
      </c>
      <c r="C48171">
        <v>1</v>
      </c>
      <c r="D48171">
        <v>0</v>
      </c>
    </row>
    <row r="48172" spans="1:4" x14ac:dyDescent="0.25">
      <c r="A48172" t="s">
        <v>66269</v>
      </c>
      <c r="B48172" t="s">
        <v>51746</v>
      </c>
      <c r="C48172">
        <v>1</v>
      </c>
      <c r="D48172">
        <v>0</v>
      </c>
    </row>
    <row r="48173" spans="1:4" x14ac:dyDescent="0.25">
      <c r="A48173" t="s">
        <v>66270</v>
      </c>
      <c r="B48173" t="s">
        <v>66271</v>
      </c>
      <c r="C48173">
        <v>1</v>
      </c>
      <c r="D48173">
        <v>0</v>
      </c>
    </row>
    <row r="48174" spans="1:4" x14ac:dyDescent="0.25">
      <c r="A48174" t="s">
        <v>66270</v>
      </c>
      <c r="B48174" t="s">
        <v>66272</v>
      </c>
      <c r="C48174">
        <v>1</v>
      </c>
      <c r="D48174">
        <v>0</v>
      </c>
    </row>
    <row r="48175" spans="1:4" x14ac:dyDescent="0.25">
      <c r="A48175" t="s">
        <v>66270</v>
      </c>
      <c r="B48175" t="s">
        <v>66273</v>
      </c>
      <c r="C48175">
        <v>0</v>
      </c>
      <c r="D48175">
        <v>0</v>
      </c>
    </row>
    <row r="48176" spans="1:4" x14ac:dyDescent="0.25">
      <c r="A48176" t="s">
        <v>66274</v>
      </c>
      <c r="B48176" t="s">
        <v>66275</v>
      </c>
      <c r="C48176">
        <v>0</v>
      </c>
      <c r="D48176">
        <v>0</v>
      </c>
    </row>
    <row r="48177" spans="1:4" x14ac:dyDescent="0.25">
      <c r="A48177" t="s">
        <v>66274</v>
      </c>
      <c r="B48177" t="s">
        <v>66276</v>
      </c>
      <c r="C48177">
        <v>0</v>
      </c>
      <c r="D48177">
        <v>0</v>
      </c>
    </row>
    <row r="48178" spans="1:4" x14ac:dyDescent="0.25">
      <c r="A48178" t="s">
        <v>66274</v>
      </c>
      <c r="B48178" t="s">
        <v>66277</v>
      </c>
      <c r="C48178">
        <v>0</v>
      </c>
      <c r="D48178">
        <v>0</v>
      </c>
    </row>
    <row r="48179" spans="1:4" x14ac:dyDescent="0.25">
      <c r="A48179" t="s">
        <v>66274</v>
      </c>
      <c r="B48179" t="s">
        <v>60086</v>
      </c>
      <c r="C48179">
        <v>1</v>
      </c>
      <c r="D48179">
        <v>0</v>
      </c>
    </row>
    <row r="48180" spans="1:4" x14ac:dyDescent="0.25">
      <c r="A48180" t="s">
        <v>66278</v>
      </c>
      <c r="B48180" t="s">
        <v>66279</v>
      </c>
      <c r="C48180">
        <v>0</v>
      </c>
      <c r="D48180">
        <v>0</v>
      </c>
    </row>
    <row r="48181" spans="1:4" x14ac:dyDescent="0.25">
      <c r="A48181" t="s">
        <v>66280</v>
      </c>
      <c r="B48181" t="s">
        <v>50137</v>
      </c>
      <c r="C48181">
        <v>1</v>
      </c>
      <c r="D48181">
        <v>0</v>
      </c>
    </row>
    <row r="48182" spans="1:4" x14ac:dyDescent="0.25">
      <c r="A48182" t="s">
        <v>66280</v>
      </c>
      <c r="B48182" t="s">
        <v>66281</v>
      </c>
      <c r="C48182">
        <v>1</v>
      </c>
      <c r="D48182">
        <v>0</v>
      </c>
    </row>
    <row r="48183" spans="1:4" x14ac:dyDescent="0.25">
      <c r="A48183" t="s">
        <v>66282</v>
      </c>
      <c r="B48183" t="s">
        <v>66283</v>
      </c>
      <c r="C48183">
        <v>2</v>
      </c>
      <c r="D48183">
        <v>0</v>
      </c>
    </row>
    <row r="48184" spans="1:4" x14ac:dyDescent="0.25">
      <c r="A48184" t="s">
        <v>66282</v>
      </c>
      <c r="B48184" t="s">
        <v>66284</v>
      </c>
      <c r="C48184">
        <v>1</v>
      </c>
      <c r="D48184">
        <v>0</v>
      </c>
    </row>
    <row r="48185" spans="1:4" x14ac:dyDescent="0.25">
      <c r="A48185" t="s">
        <v>66282</v>
      </c>
      <c r="B48185" t="s">
        <v>66285</v>
      </c>
      <c r="C48185">
        <v>1</v>
      </c>
      <c r="D48185">
        <v>0</v>
      </c>
    </row>
    <row r="48186" spans="1:4" x14ac:dyDescent="0.25">
      <c r="A48186" t="s">
        <v>66282</v>
      </c>
      <c r="B48186" t="s">
        <v>66286</v>
      </c>
      <c r="C48186">
        <v>1</v>
      </c>
      <c r="D48186">
        <v>0</v>
      </c>
    </row>
    <row r="48187" spans="1:4" x14ac:dyDescent="0.25">
      <c r="A48187" t="s">
        <v>66287</v>
      </c>
      <c r="B48187" t="s">
        <v>66288</v>
      </c>
      <c r="C48187">
        <v>0</v>
      </c>
      <c r="D48187">
        <v>0</v>
      </c>
    </row>
    <row r="48188" spans="1:4" x14ac:dyDescent="0.25">
      <c r="A48188" t="s">
        <v>66289</v>
      </c>
      <c r="B48188" t="s">
        <v>66290</v>
      </c>
      <c r="C48188">
        <v>1</v>
      </c>
      <c r="D48188">
        <v>0</v>
      </c>
    </row>
    <row r="48189" spans="1:4" x14ac:dyDescent="0.25">
      <c r="A48189" t="s">
        <v>66289</v>
      </c>
      <c r="B48189" t="s">
        <v>66291</v>
      </c>
      <c r="C48189">
        <v>0</v>
      </c>
      <c r="D48189">
        <v>0</v>
      </c>
    </row>
    <row r="48190" spans="1:4" x14ac:dyDescent="0.25">
      <c r="A48190" t="s">
        <v>66292</v>
      </c>
      <c r="B48190" t="s">
        <v>66293</v>
      </c>
      <c r="C48190">
        <v>1</v>
      </c>
      <c r="D48190">
        <v>0</v>
      </c>
    </row>
    <row r="48191" spans="1:4" x14ac:dyDescent="0.25">
      <c r="A48191" t="s">
        <v>66292</v>
      </c>
      <c r="B48191" t="s">
        <v>66294</v>
      </c>
      <c r="C48191">
        <v>0</v>
      </c>
      <c r="D48191">
        <v>0</v>
      </c>
    </row>
    <row r="48192" spans="1:4" x14ac:dyDescent="0.25">
      <c r="A48192" t="s">
        <v>66295</v>
      </c>
      <c r="B48192" t="s">
        <v>66296</v>
      </c>
      <c r="C48192">
        <v>1</v>
      </c>
      <c r="D48192">
        <v>0</v>
      </c>
    </row>
    <row r="48193" spans="1:4" x14ac:dyDescent="0.25">
      <c r="A48193" t="s">
        <v>66295</v>
      </c>
      <c r="B48193" t="s">
        <v>66297</v>
      </c>
      <c r="C48193">
        <v>0</v>
      </c>
      <c r="D48193">
        <v>0</v>
      </c>
    </row>
    <row r="48194" spans="1:4" x14ac:dyDescent="0.25">
      <c r="A48194" t="s">
        <v>66295</v>
      </c>
      <c r="B48194" t="s">
        <v>66298</v>
      </c>
      <c r="C48194">
        <v>2</v>
      </c>
      <c r="D48194">
        <v>0</v>
      </c>
    </row>
    <row r="48195" spans="1:4" x14ac:dyDescent="0.25">
      <c r="A48195" t="s">
        <v>66295</v>
      </c>
      <c r="B48195" t="s">
        <v>66299</v>
      </c>
      <c r="C48195">
        <v>1</v>
      </c>
      <c r="D48195">
        <v>0</v>
      </c>
    </row>
    <row r="48196" spans="1:4" x14ac:dyDescent="0.25">
      <c r="A48196" t="s">
        <v>66295</v>
      </c>
      <c r="B48196" t="s">
        <v>44310</v>
      </c>
      <c r="C48196">
        <v>2</v>
      </c>
      <c r="D48196">
        <v>0</v>
      </c>
    </row>
    <row r="48197" spans="1:4" x14ac:dyDescent="0.25">
      <c r="A48197" t="s">
        <v>66295</v>
      </c>
      <c r="B48197" t="s">
        <v>66300</v>
      </c>
      <c r="C48197">
        <v>1</v>
      </c>
      <c r="D48197">
        <v>0</v>
      </c>
    </row>
    <row r="48198" spans="1:4" x14ac:dyDescent="0.25">
      <c r="A48198" t="s">
        <v>66295</v>
      </c>
      <c r="B48198" t="s">
        <v>66301</v>
      </c>
      <c r="C48198">
        <v>1</v>
      </c>
      <c r="D48198">
        <v>0</v>
      </c>
    </row>
    <row r="48199" spans="1:4" x14ac:dyDescent="0.25">
      <c r="A48199" t="s">
        <v>66295</v>
      </c>
      <c r="B48199" t="s">
        <v>66302</v>
      </c>
      <c r="C48199">
        <v>1</v>
      </c>
      <c r="D48199">
        <v>0</v>
      </c>
    </row>
    <row r="48200" spans="1:4" x14ac:dyDescent="0.25">
      <c r="A48200" t="s">
        <v>66303</v>
      </c>
      <c r="B48200" t="s">
        <v>66304</v>
      </c>
      <c r="C48200">
        <v>1</v>
      </c>
      <c r="D48200">
        <v>0</v>
      </c>
    </row>
    <row r="48201" spans="1:4" x14ac:dyDescent="0.25">
      <c r="A48201" t="s">
        <v>66303</v>
      </c>
      <c r="B48201" t="s">
        <v>66305</v>
      </c>
      <c r="C48201">
        <v>1</v>
      </c>
      <c r="D48201">
        <v>0</v>
      </c>
    </row>
    <row r="48202" spans="1:4" x14ac:dyDescent="0.25">
      <c r="A48202" t="s">
        <v>66303</v>
      </c>
      <c r="B48202" t="s">
        <v>66306</v>
      </c>
      <c r="C48202">
        <v>0</v>
      </c>
      <c r="D48202">
        <v>0</v>
      </c>
    </row>
    <row r="48203" spans="1:4" x14ac:dyDescent="0.25">
      <c r="A48203" t="s">
        <v>66303</v>
      </c>
      <c r="B48203" t="s">
        <v>66307</v>
      </c>
      <c r="C48203">
        <v>1</v>
      </c>
      <c r="D48203">
        <v>0</v>
      </c>
    </row>
    <row r="48204" spans="1:4" x14ac:dyDescent="0.25">
      <c r="A48204" t="s">
        <v>66303</v>
      </c>
      <c r="B48204" t="s">
        <v>66308</v>
      </c>
      <c r="C48204">
        <v>0</v>
      </c>
      <c r="D48204">
        <v>0</v>
      </c>
    </row>
    <row r="48205" spans="1:4" x14ac:dyDescent="0.25">
      <c r="A48205" t="s">
        <v>66309</v>
      </c>
      <c r="B48205" t="s">
        <v>66310</v>
      </c>
      <c r="C48205">
        <v>1</v>
      </c>
      <c r="D48205">
        <v>0</v>
      </c>
    </row>
    <row r="48206" spans="1:4" x14ac:dyDescent="0.25">
      <c r="A48206" t="s">
        <v>66309</v>
      </c>
      <c r="B48206" t="s">
        <v>66311</v>
      </c>
      <c r="C48206">
        <v>1</v>
      </c>
      <c r="D48206">
        <v>0</v>
      </c>
    </row>
    <row r="48207" spans="1:4" x14ac:dyDescent="0.25">
      <c r="A48207" t="s">
        <v>66309</v>
      </c>
      <c r="B48207" t="s">
        <v>66312</v>
      </c>
      <c r="C48207">
        <v>0</v>
      </c>
      <c r="D48207">
        <v>0</v>
      </c>
    </row>
    <row r="48208" spans="1:4" x14ac:dyDescent="0.25">
      <c r="A48208" t="s">
        <v>66309</v>
      </c>
      <c r="B48208" t="s">
        <v>66313</v>
      </c>
      <c r="C48208">
        <v>1</v>
      </c>
      <c r="D48208">
        <v>0</v>
      </c>
    </row>
    <row r="48209" spans="1:4" x14ac:dyDescent="0.25">
      <c r="A48209" t="s">
        <v>66309</v>
      </c>
      <c r="B48209" t="s">
        <v>66314</v>
      </c>
      <c r="C48209">
        <v>1</v>
      </c>
      <c r="D48209">
        <v>0</v>
      </c>
    </row>
    <row r="48210" spans="1:4" x14ac:dyDescent="0.25">
      <c r="A48210" t="s">
        <v>66315</v>
      </c>
      <c r="B48210" t="s">
        <v>66316</v>
      </c>
      <c r="C48210">
        <v>0</v>
      </c>
      <c r="D48210">
        <v>0</v>
      </c>
    </row>
    <row r="48211" spans="1:4" x14ac:dyDescent="0.25">
      <c r="A48211" t="s">
        <v>66317</v>
      </c>
      <c r="B48211" t="s">
        <v>66318</v>
      </c>
      <c r="C48211">
        <v>0</v>
      </c>
      <c r="D48211">
        <v>0</v>
      </c>
    </row>
    <row r="48212" spans="1:4" x14ac:dyDescent="0.25">
      <c r="A48212" t="s">
        <v>66317</v>
      </c>
      <c r="B48212" t="s">
        <v>66319</v>
      </c>
      <c r="C48212">
        <v>0</v>
      </c>
      <c r="D48212">
        <v>0</v>
      </c>
    </row>
    <row r="48213" spans="1:4" x14ac:dyDescent="0.25">
      <c r="A48213" t="s">
        <v>66317</v>
      </c>
      <c r="B48213" t="s">
        <v>66320</v>
      </c>
      <c r="C48213">
        <v>2</v>
      </c>
      <c r="D48213">
        <v>0</v>
      </c>
    </row>
    <row r="48214" spans="1:4" x14ac:dyDescent="0.25">
      <c r="A48214" t="s">
        <v>66317</v>
      </c>
      <c r="B48214" t="s">
        <v>11711</v>
      </c>
      <c r="C48214">
        <v>1</v>
      </c>
      <c r="D48214">
        <v>0</v>
      </c>
    </row>
    <row r="48215" spans="1:4" x14ac:dyDescent="0.25">
      <c r="A48215" t="s">
        <v>66317</v>
      </c>
      <c r="B48215" t="s">
        <v>66321</v>
      </c>
      <c r="C48215">
        <v>2</v>
      </c>
      <c r="D48215">
        <v>0</v>
      </c>
    </row>
    <row r="48216" spans="1:4" x14ac:dyDescent="0.25">
      <c r="A48216" t="s">
        <v>66317</v>
      </c>
      <c r="B48216" t="s">
        <v>66318</v>
      </c>
      <c r="C48216">
        <v>1</v>
      </c>
      <c r="D48216">
        <v>0</v>
      </c>
    </row>
    <row r="48217" spans="1:4" x14ac:dyDescent="0.25">
      <c r="A48217" t="s">
        <v>66322</v>
      </c>
      <c r="B48217" t="s">
        <v>66323</v>
      </c>
      <c r="C48217">
        <v>0</v>
      </c>
      <c r="D48217">
        <v>0</v>
      </c>
    </row>
    <row r="48218" spans="1:4" x14ac:dyDescent="0.25">
      <c r="A48218" t="s">
        <v>66322</v>
      </c>
      <c r="B48218" t="s">
        <v>66324</v>
      </c>
      <c r="C48218">
        <v>1</v>
      </c>
      <c r="D48218">
        <v>0</v>
      </c>
    </row>
    <row r="48219" spans="1:4" x14ac:dyDescent="0.25">
      <c r="A48219" t="s">
        <v>66322</v>
      </c>
      <c r="B48219" t="s">
        <v>66325</v>
      </c>
      <c r="C48219">
        <v>2</v>
      </c>
      <c r="D48219">
        <v>0</v>
      </c>
    </row>
    <row r="48220" spans="1:4" x14ac:dyDescent="0.25">
      <c r="A48220" t="s">
        <v>66322</v>
      </c>
      <c r="B48220" t="s">
        <v>66326</v>
      </c>
      <c r="C48220">
        <v>1</v>
      </c>
      <c r="D48220">
        <v>0</v>
      </c>
    </row>
    <row r="48221" spans="1:4" x14ac:dyDescent="0.25">
      <c r="A48221" t="s">
        <v>66322</v>
      </c>
      <c r="B48221" t="s">
        <v>66327</v>
      </c>
      <c r="C48221">
        <v>1</v>
      </c>
      <c r="D48221">
        <v>0</v>
      </c>
    </row>
    <row r="48222" spans="1:4" x14ac:dyDescent="0.25">
      <c r="A48222" t="s">
        <v>66322</v>
      </c>
      <c r="B48222" t="s">
        <v>66328</v>
      </c>
      <c r="C48222">
        <v>2</v>
      </c>
      <c r="D48222">
        <v>0</v>
      </c>
    </row>
    <row r="48223" spans="1:4" x14ac:dyDescent="0.25">
      <c r="A48223" t="s">
        <v>66322</v>
      </c>
      <c r="B48223" t="s">
        <v>66329</v>
      </c>
      <c r="C48223">
        <v>2</v>
      </c>
      <c r="D48223">
        <v>0</v>
      </c>
    </row>
    <row r="48224" spans="1:4" x14ac:dyDescent="0.25">
      <c r="A48224" t="s">
        <v>66330</v>
      </c>
      <c r="B48224" t="s">
        <v>66331</v>
      </c>
      <c r="C48224">
        <v>1</v>
      </c>
      <c r="D48224">
        <v>0</v>
      </c>
    </row>
    <row r="48225" spans="1:4" x14ac:dyDescent="0.25">
      <c r="A48225" t="s">
        <v>66330</v>
      </c>
      <c r="B48225" t="s">
        <v>66332</v>
      </c>
      <c r="C48225">
        <v>1</v>
      </c>
      <c r="D48225">
        <v>0</v>
      </c>
    </row>
    <row r="48226" spans="1:4" x14ac:dyDescent="0.25">
      <c r="A48226" t="s">
        <v>66330</v>
      </c>
      <c r="B48226" t="s">
        <v>66333</v>
      </c>
      <c r="C48226">
        <v>2</v>
      </c>
      <c r="D48226">
        <v>0</v>
      </c>
    </row>
    <row r="48227" spans="1:4" x14ac:dyDescent="0.25">
      <c r="A48227" t="s">
        <v>66330</v>
      </c>
      <c r="B48227" t="s">
        <v>66334</v>
      </c>
      <c r="C48227">
        <v>1</v>
      </c>
      <c r="D48227">
        <v>0</v>
      </c>
    </row>
    <row r="48228" spans="1:4" x14ac:dyDescent="0.25">
      <c r="A48228" t="s">
        <v>66335</v>
      </c>
      <c r="B48228" t="s">
        <v>66336</v>
      </c>
      <c r="C48228">
        <v>1</v>
      </c>
      <c r="D48228">
        <v>0</v>
      </c>
    </row>
    <row r="48229" spans="1:4" x14ac:dyDescent="0.25">
      <c r="A48229" t="s">
        <v>66335</v>
      </c>
      <c r="B48229" t="s">
        <v>66337</v>
      </c>
      <c r="C48229">
        <v>2</v>
      </c>
      <c r="D48229">
        <v>0</v>
      </c>
    </row>
    <row r="48230" spans="1:4" x14ac:dyDescent="0.25">
      <c r="A48230" t="s">
        <v>66335</v>
      </c>
      <c r="B48230" t="s">
        <v>66338</v>
      </c>
      <c r="C48230">
        <v>1</v>
      </c>
      <c r="D48230">
        <v>0</v>
      </c>
    </row>
    <row r="48231" spans="1:4" x14ac:dyDescent="0.25">
      <c r="A48231" t="s">
        <v>66335</v>
      </c>
      <c r="B48231" t="s">
        <v>66339</v>
      </c>
      <c r="C48231">
        <v>0</v>
      </c>
      <c r="D48231">
        <v>0</v>
      </c>
    </row>
    <row r="48232" spans="1:4" x14ac:dyDescent="0.25">
      <c r="A48232" t="s">
        <v>66335</v>
      </c>
      <c r="B48232" t="s">
        <v>66340</v>
      </c>
      <c r="C48232">
        <v>1</v>
      </c>
      <c r="D48232">
        <v>0</v>
      </c>
    </row>
    <row r="48233" spans="1:4" x14ac:dyDescent="0.25">
      <c r="A48233" t="s">
        <v>66335</v>
      </c>
      <c r="B48233" t="s">
        <v>66341</v>
      </c>
      <c r="C48233">
        <v>0</v>
      </c>
      <c r="D48233">
        <v>0</v>
      </c>
    </row>
    <row r="48234" spans="1:4" x14ac:dyDescent="0.25">
      <c r="A48234" t="s">
        <v>66335</v>
      </c>
      <c r="B48234" t="s">
        <v>66342</v>
      </c>
      <c r="C48234">
        <v>1</v>
      </c>
      <c r="D48234">
        <v>0</v>
      </c>
    </row>
    <row r="48235" spans="1:4" x14ac:dyDescent="0.25">
      <c r="A48235" t="s">
        <v>66343</v>
      </c>
      <c r="B48235" t="s">
        <v>66344</v>
      </c>
      <c r="C48235">
        <v>2</v>
      </c>
      <c r="D48235">
        <v>0</v>
      </c>
    </row>
    <row r="48236" spans="1:4" x14ac:dyDescent="0.25">
      <c r="A48236" t="s">
        <v>66343</v>
      </c>
      <c r="B48236" t="s">
        <v>66345</v>
      </c>
      <c r="C48236">
        <v>1</v>
      </c>
      <c r="D48236">
        <v>0</v>
      </c>
    </row>
    <row r="48237" spans="1:4" x14ac:dyDescent="0.25">
      <c r="A48237" t="s">
        <v>66346</v>
      </c>
      <c r="B48237" t="s">
        <v>66347</v>
      </c>
      <c r="C48237">
        <v>1</v>
      </c>
      <c r="D48237">
        <v>0</v>
      </c>
    </row>
    <row r="48238" spans="1:4" x14ac:dyDescent="0.25">
      <c r="A48238" t="s">
        <v>66346</v>
      </c>
      <c r="B48238" t="s">
        <v>2061</v>
      </c>
      <c r="C48238">
        <v>0</v>
      </c>
      <c r="D48238">
        <v>0</v>
      </c>
    </row>
    <row r="48239" spans="1:4" x14ac:dyDescent="0.25">
      <c r="A48239" t="s">
        <v>66346</v>
      </c>
      <c r="B48239" t="s">
        <v>66348</v>
      </c>
      <c r="C48239">
        <v>1</v>
      </c>
      <c r="D48239">
        <v>0</v>
      </c>
    </row>
    <row r="48240" spans="1:4" x14ac:dyDescent="0.25">
      <c r="A48240" t="s">
        <v>66346</v>
      </c>
      <c r="B48240" t="s">
        <v>66349</v>
      </c>
      <c r="C48240">
        <v>0</v>
      </c>
      <c r="D48240">
        <v>0</v>
      </c>
    </row>
    <row r="48241" spans="1:4" x14ac:dyDescent="0.25">
      <c r="A48241" t="s">
        <v>66346</v>
      </c>
      <c r="B48241" t="s">
        <v>66350</v>
      </c>
      <c r="C48241">
        <v>2</v>
      </c>
      <c r="D48241">
        <v>0</v>
      </c>
    </row>
    <row r="48242" spans="1:4" x14ac:dyDescent="0.25">
      <c r="A48242" t="s">
        <v>66346</v>
      </c>
      <c r="B48242" t="s">
        <v>66351</v>
      </c>
      <c r="C48242">
        <v>0</v>
      </c>
      <c r="D48242">
        <v>0</v>
      </c>
    </row>
    <row r="48243" spans="1:4" x14ac:dyDescent="0.25">
      <c r="A48243" t="s">
        <v>66346</v>
      </c>
      <c r="B48243" t="s">
        <v>66352</v>
      </c>
      <c r="C48243">
        <v>1</v>
      </c>
      <c r="D48243">
        <v>0</v>
      </c>
    </row>
    <row r="48244" spans="1:4" x14ac:dyDescent="0.25">
      <c r="A48244" t="s">
        <v>66346</v>
      </c>
      <c r="B48244" t="s">
        <v>66353</v>
      </c>
      <c r="C48244">
        <v>0</v>
      </c>
      <c r="D48244">
        <v>0</v>
      </c>
    </row>
    <row r="48245" spans="1:4" x14ac:dyDescent="0.25">
      <c r="A48245" t="s">
        <v>66354</v>
      </c>
      <c r="B48245" t="s">
        <v>66355</v>
      </c>
      <c r="C48245">
        <v>0</v>
      </c>
      <c r="D48245">
        <v>0</v>
      </c>
    </row>
    <row r="48246" spans="1:4" x14ac:dyDescent="0.25">
      <c r="A48246" t="s">
        <v>66354</v>
      </c>
      <c r="B48246" t="s">
        <v>11948</v>
      </c>
      <c r="C48246">
        <v>0</v>
      </c>
      <c r="D48246">
        <v>0</v>
      </c>
    </row>
    <row r="48247" spans="1:4" x14ac:dyDescent="0.25">
      <c r="A48247" t="s">
        <v>66356</v>
      </c>
      <c r="B48247" t="s">
        <v>66357</v>
      </c>
      <c r="C48247">
        <v>2</v>
      </c>
      <c r="D48247">
        <v>0</v>
      </c>
    </row>
    <row r="48248" spans="1:4" x14ac:dyDescent="0.25">
      <c r="A48248" t="s">
        <v>66356</v>
      </c>
      <c r="B48248" t="s">
        <v>66358</v>
      </c>
      <c r="C48248">
        <v>1</v>
      </c>
      <c r="D48248">
        <v>0</v>
      </c>
    </row>
    <row r="48249" spans="1:4" x14ac:dyDescent="0.25">
      <c r="A48249" t="s">
        <v>66356</v>
      </c>
      <c r="B48249" t="s">
        <v>66359</v>
      </c>
      <c r="C48249">
        <v>0</v>
      </c>
      <c r="D48249">
        <v>0</v>
      </c>
    </row>
    <row r="48250" spans="1:4" x14ac:dyDescent="0.25">
      <c r="A48250" t="s">
        <v>66356</v>
      </c>
      <c r="B48250" t="s">
        <v>66360</v>
      </c>
      <c r="C48250">
        <v>2</v>
      </c>
      <c r="D48250">
        <v>0</v>
      </c>
    </row>
    <row r="48251" spans="1:4" x14ac:dyDescent="0.25">
      <c r="A48251" t="s">
        <v>66361</v>
      </c>
      <c r="B48251" t="s">
        <v>66362</v>
      </c>
      <c r="C48251">
        <v>1</v>
      </c>
      <c r="D48251">
        <v>0</v>
      </c>
    </row>
    <row r="48252" spans="1:4" x14ac:dyDescent="0.25">
      <c r="A48252" t="s">
        <v>66361</v>
      </c>
      <c r="B48252" t="s">
        <v>14513</v>
      </c>
      <c r="C48252">
        <v>1</v>
      </c>
      <c r="D48252">
        <v>0</v>
      </c>
    </row>
    <row r="48253" spans="1:4" x14ac:dyDescent="0.25">
      <c r="A48253" t="s">
        <v>66361</v>
      </c>
      <c r="B48253" t="s">
        <v>66363</v>
      </c>
      <c r="C48253">
        <v>1</v>
      </c>
      <c r="D48253">
        <v>0</v>
      </c>
    </row>
    <row r="48254" spans="1:4" x14ac:dyDescent="0.25">
      <c r="A48254" t="s">
        <v>66361</v>
      </c>
      <c r="B48254" t="s">
        <v>66364</v>
      </c>
      <c r="C48254">
        <v>0</v>
      </c>
      <c r="D48254">
        <v>0</v>
      </c>
    </row>
    <row r="48255" spans="1:4" x14ac:dyDescent="0.25">
      <c r="A48255" t="s">
        <v>66361</v>
      </c>
      <c r="B48255" t="s">
        <v>66365</v>
      </c>
      <c r="C48255">
        <v>1</v>
      </c>
      <c r="D48255">
        <v>0</v>
      </c>
    </row>
    <row r="48256" spans="1:4" x14ac:dyDescent="0.25">
      <c r="A48256" t="s">
        <v>66361</v>
      </c>
      <c r="B48256" t="s">
        <v>66366</v>
      </c>
      <c r="C48256">
        <v>1</v>
      </c>
      <c r="D48256">
        <v>0</v>
      </c>
    </row>
    <row r="48257" spans="1:4" x14ac:dyDescent="0.25">
      <c r="A48257" t="s">
        <v>66367</v>
      </c>
      <c r="B48257" t="s">
        <v>66368</v>
      </c>
      <c r="C48257">
        <v>0</v>
      </c>
      <c r="D48257">
        <v>0</v>
      </c>
    </row>
    <row r="48258" spans="1:4" x14ac:dyDescent="0.25">
      <c r="A48258" t="s">
        <v>66367</v>
      </c>
      <c r="B48258" t="s">
        <v>66369</v>
      </c>
      <c r="C48258">
        <v>1</v>
      </c>
      <c r="D48258">
        <v>0</v>
      </c>
    </row>
    <row r="48259" spans="1:4" x14ac:dyDescent="0.25">
      <c r="A48259" t="s">
        <v>66367</v>
      </c>
      <c r="B48259" t="s">
        <v>66370</v>
      </c>
      <c r="C48259">
        <v>1</v>
      </c>
      <c r="D48259">
        <v>0</v>
      </c>
    </row>
    <row r="48260" spans="1:4" x14ac:dyDescent="0.25">
      <c r="A48260" t="s">
        <v>66367</v>
      </c>
      <c r="B48260" t="s">
        <v>66371</v>
      </c>
      <c r="C48260">
        <v>2</v>
      </c>
      <c r="D48260">
        <v>0</v>
      </c>
    </row>
    <row r="48261" spans="1:4" x14ac:dyDescent="0.25">
      <c r="A48261" t="s">
        <v>66372</v>
      </c>
      <c r="B48261" t="s">
        <v>66373</v>
      </c>
      <c r="C48261">
        <v>1</v>
      </c>
      <c r="D48261">
        <v>0</v>
      </c>
    </row>
    <row r="48262" spans="1:4" x14ac:dyDescent="0.25">
      <c r="A48262" t="s">
        <v>66372</v>
      </c>
      <c r="B48262" t="s">
        <v>66374</v>
      </c>
      <c r="C48262">
        <v>1</v>
      </c>
      <c r="D48262">
        <v>0</v>
      </c>
    </row>
    <row r="48263" spans="1:4" x14ac:dyDescent="0.25">
      <c r="A48263" t="s">
        <v>66372</v>
      </c>
      <c r="B48263" t="s">
        <v>66375</v>
      </c>
      <c r="C48263">
        <v>0</v>
      </c>
      <c r="D48263">
        <v>0</v>
      </c>
    </row>
    <row r="48264" spans="1:4" x14ac:dyDescent="0.25">
      <c r="A48264" t="s">
        <v>66372</v>
      </c>
      <c r="B48264" t="s">
        <v>66376</v>
      </c>
      <c r="C48264">
        <v>1</v>
      </c>
      <c r="D48264">
        <v>0</v>
      </c>
    </row>
    <row r="48265" spans="1:4" x14ac:dyDescent="0.25">
      <c r="A48265" t="s">
        <v>66372</v>
      </c>
      <c r="B48265" t="s">
        <v>66377</v>
      </c>
      <c r="C48265">
        <v>0</v>
      </c>
      <c r="D48265">
        <v>0</v>
      </c>
    </row>
    <row r="48266" spans="1:4" x14ac:dyDescent="0.25">
      <c r="A48266" t="s">
        <v>66372</v>
      </c>
      <c r="B48266" t="s">
        <v>66378</v>
      </c>
      <c r="C48266">
        <v>1</v>
      </c>
      <c r="D48266">
        <v>0</v>
      </c>
    </row>
    <row r="48267" spans="1:4" x14ac:dyDescent="0.25">
      <c r="A48267" t="s">
        <v>66379</v>
      </c>
      <c r="B48267" t="s">
        <v>66380</v>
      </c>
      <c r="C48267">
        <v>1</v>
      </c>
      <c r="D48267">
        <v>0</v>
      </c>
    </row>
    <row r="48268" spans="1:4" x14ac:dyDescent="0.25">
      <c r="A48268" t="s">
        <v>66379</v>
      </c>
      <c r="B48268" t="s">
        <v>66381</v>
      </c>
      <c r="C48268">
        <v>1</v>
      </c>
      <c r="D48268">
        <v>0</v>
      </c>
    </row>
    <row r="48269" spans="1:4" x14ac:dyDescent="0.25">
      <c r="A48269" t="s">
        <v>66379</v>
      </c>
      <c r="B48269" t="s">
        <v>66382</v>
      </c>
      <c r="C48269">
        <v>2</v>
      </c>
      <c r="D48269">
        <v>0</v>
      </c>
    </row>
    <row r="48270" spans="1:4" x14ac:dyDescent="0.25">
      <c r="A48270" t="s">
        <v>66379</v>
      </c>
      <c r="B48270" t="s">
        <v>66383</v>
      </c>
      <c r="C48270">
        <v>2</v>
      </c>
      <c r="D48270">
        <v>0</v>
      </c>
    </row>
    <row r="48271" spans="1:4" x14ac:dyDescent="0.25">
      <c r="A48271" t="s">
        <v>66379</v>
      </c>
      <c r="B48271" t="s">
        <v>66384</v>
      </c>
      <c r="C48271">
        <v>2</v>
      </c>
      <c r="D48271">
        <v>0</v>
      </c>
    </row>
    <row r="48272" spans="1:4" x14ac:dyDescent="0.25">
      <c r="A48272" t="s">
        <v>66379</v>
      </c>
      <c r="B48272" t="s">
        <v>50486</v>
      </c>
      <c r="C48272">
        <v>1</v>
      </c>
      <c r="D48272">
        <v>0</v>
      </c>
    </row>
    <row r="48273" spans="1:4" x14ac:dyDescent="0.25">
      <c r="A48273" t="s">
        <v>66379</v>
      </c>
      <c r="B48273" t="s">
        <v>66385</v>
      </c>
      <c r="C48273">
        <v>1</v>
      </c>
      <c r="D48273">
        <v>0</v>
      </c>
    </row>
    <row r="48274" spans="1:4" x14ac:dyDescent="0.25">
      <c r="A48274" t="s">
        <v>66386</v>
      </c>
      <c r="B48274" t="s">
        <v>66387</v>
      </c>
      <c r="C48274">
        <v>1</v>
      </c>
      <c r="D48274">
        <v>0</v>
      </c>
    </row>
    <row r="48275" spans="1:4" x14ac:dyDescent="0.25">
      <c r="A48275" t="s">
        <v>66386</v>
      </c>
      <c r="B48275" t="s">
        <v>66388</v>
      </c>
      <c r="C48275">
        <v>1</v>
      </c>
      <c r="D48275">
        <v>0</v>
      </c>
    </row>
    <row r="48276" spans="1:4" x14ac:dyDescent="0.25">
      <c r="A48276" t="s">
        <v>66386</v>
      </c>
      <c r="B48276" t="s">
        <v>66389</v>
      </c>
      <c r="C48276">
        <v>1</v>
      </c>
      <c r="D48276">
        <v>0</v>
      </c>
    </row>
    <row r="48277" spans="1:4" x14ac:dyDescent="0.25">
      <c r="A48277" t="s">
        <v>66386</v>
      </c>
      <c r="B48277" t="s">
        <v>66390</v>
      </c>
      <c r="C48277">
        <v>2</v>
      </c>
      <c r="D48277">
        <v>0</v>
      </c>
    </row>
    <row r="48278" spans="1:4" x14ac:dyDescent="0.25">
      <c r="A48278" t="s">
        <v>66386</v>
      </c>
      <c r="B48278" t="s">
        <v>66391</v>
      </c>
      <c r="C48278">
        <v>1</v>
      </c>
      <c r="D48278">
        <v>0</v>
      </c>
    </row>
    <row r="48279" spans="1:4" x14ac:dyDescent="0.25">
      <c r="A48279" t="s">
        <v>66392</v>
      </c>
      <c r="B48279" t="s">
        <v>66393</v>
      </c>
      <c r="C48279">
        <v>1</v>
      </c>
      <c r="D48279">
        <v>0</v>
      </c>
    </row>
    <row r="48280" spans="1:4" x14ac:dyDescent="0.25">
      <c r="A48280" t="s">
        <v>66394</v>
      </c>
      <c r="B48280" t="s">
        <v>66395</v>
      </c>
      <c r="C48280">
        <v>1</v>
      </c>
      <c r="D48280">
        <v>0</v>
      </c>
    </row>
    <row r="48281" spans="1:4" x14ac:dyDescent="0.25">
      <c r="A48281" t="s">
        <v>66394</v>
      </c>
      <c r="B48281" t="s">
        <v>66396</v>
      </c>
      <c r="C48281">
        <v>0</v>
      </c>
      <c r="D48281">
        <v>0</v>
      </c>
    </row>
    <row r="48282" spans="1:4" x14ac:dyDescent="0.25">
      <c r="A48282" t="s">
        <v>66394</v>
      </c>
      <c r="B48282" t="s">
        <v>66397</v>
      </c>
      <c r="C48282">
        <v>1</v>
      </c>
      <c r="D48282">
        <v>0</v>
      </c>
    </row>
    <row r="48283" spans="1:4" x14ac:dyDescent="0.25">
      <c r="A48283" t="s">
        <v>66394</v>
      </c>
      <c r="B48283" t="s">
        <v>66398</v>
      </c>
      <c r="C48283">
        <v>2</v>
      </c>
      <c r="D48283">
        <v>0</v>
      </c>
    </row>
    <row r="48284" spans="1:4" x14ac:dyDescent="0.25">
      <c r="A48284" t="s">
        <v>66394</v>
      </c>
      <c r="B48284" t="s">
        <v>66399</v>
      </c>
      <c r="C48284">
        <v>1</v>
      </c>
      <c r="D48284">
        <v>0</v>
      </c>
    </row>
    <row r="48285" spans="1:4" x14ac:dyDescent="0.25">
      <c r="A48285" t="s">
        <v>66394</v>
      </c>
      <c r="B48285" t="s">
        <v>66400</v>
      </c>
      <c r="C48285">
        <v>1</v>
      </c>
      <c r="D48285">
        <v>0</v>
      </c>
    </row>
    <row r="48286" spans="1:4" x14ac:dyDescent="0.25">
      <c r="A48286" t="s">
        <v>66394</v>
      </c>
      <c r="B48286" t="s">
        <v>66401</v>
      </c>
      <c r="C48286">
        <v>2</v>
      </c>
      <c r="D48286">
        <v>0</v>
      </c>
    </row>
    <row r="48287" spans="1:4" x14ac:dyDescent="0.25">
      <c r="A48287" t="s">
        <v>66402</v>
      </c>
      <c r="B48287" t="s">
        <v>66403</v>
      </c>
      <c r="C48287">
        <v>1</v>
      </c>
      <c r="D48287">
        <v>0</v>
      </c>
    </row>
    <row r="48288" spans="1:4" x14ac:dyDescent="0.25">
      <c r="A48288" t="s">
        <v>66402</v>
      </c>
      <c r="B48288" t="s">
        <v>66404</v>
      </c>
      <c r="C48288">
        <v>0</v>
      </c>
      <c r="D48288">
        <v>0</v>
      </c>
    </row>
    <row r="48289" spans="1:4" x14ac:dyDescent="0.25">
      <c r="A48289" t="s">
        <v>66402</v>
      </c>
      <c r="B48289" t="s">
        <v>66405</v>
      </c>
      <c r="C48289">
        <v>2</v>
      </c>
      <c r="D48289">
        <v>0</v>
      </c>
    </row>
    <row r="48290" spans="1:4" x14ac:dyDescent="0.25">
      <c r="A48290" t="s">
        <v>66402</v>
      </c>
      <c r="B48290" t="s">
        <v>66406</v>
      </c>
      <c r="C48290">
        <v>0</v>
      </c>
      <c r="D48290">
        <v>0</v>
      </c>
    </row>
    <row r="48291" spans="1:4" x14ac:dyDescent="0.25">
      <c r="A48291" t="s">
        <v>66402</v>
      </c>
      <c r="B48291" t="s">
        <v>66407</v>
      </c>
      <c r="C48291">
        <v>0</v>
      </c>
      <c r="D48291">
        <v>0</v>
      </c>
    </row>
    <row r="48292" spans="1:4" x14ac:dyDescent="0.25">
      <c r="A48292" t="s">
        <v>66402</v>
      </c>
      <c r="B48292" t="s">
        <v>66408</v>
      </c>
      <c r="C48292">
        <v>1</v>
      </c>
      <c r="D48292">
        <v>0</v>
      </c>
    </row>
    <row r="48293" spans="1:4" x14ac:dyDescent="0.25">
      <c r="A48293" t="s">
        <v>66402</v>
      </c>
      <c r="B48293" t="s">
        <v>66409</v>
      </c>
      <c r="C48293">
        <v>1</v>
      </c>
      <c r="D48293">
        <v>0</v>
      </c>
    </row>
    <row r="48294" spans="1:4" x14ac:dyDescent="0.25">
      <c r="A48294" t="s">
        <v>66402</v>
      </c>
      <c r="B48294" t="s">
        <v>66410</v>
      </c>
      <c r="C48294">
        <v>0</v>
      </c>
      <c r="D48294">
        <v>0</v>
      </c>
    </row>
    <row r="48295" spans="1:4" x14ac:dyDescent="0.25">
      <c r="A48295" t="s">
        <v>66411</v>
      </c>
      <c r="B48295" t="s">
        <v>66412</v>
      </c>
      <c r="C48295">
        <v>1</v>
      </c>
      <c r="D48295">
        <v>0</v>
      </c>
    </row>
    <row r="48296" spans="1:4" x14ac:dyDescent="0.25">
      <c r="A48296" t="s">
        <v>66411</v>
      </c>
      <c r="B48296" t="s">
        <v>66413</v>
      </c>
      <c r="C48296">
        <v>1</v>
      </c>
      <c r="D48296">
        <v>0</v>
      </c>
    </row>
    <row r="48297" spans="1:4" x14ac:dyDescent="0.25">
      <c r="A48297" t="s">
        <v>66411</v>
      </c>
      <c r="B48297" t="s">
        <v>66414</v>
      </c>
      <c r="C48297">
        <v>1</v>
      </c>
      <c r="D48297">
        <v>0</v>
      </c>
    </row>
    <row r="48298" spans="1:4" x14ac:dyDescent="0.25">
      <c r="A48298" t="s">
        <v>66411</v>
      </c>
      <c r="B48298" t="s">
        <v>66415</v>
      </c>
      <c r="C48298">
        <v>1</v>
      </c>
      <c r="D48298">
        <v>0</v>
      </c>
    </row>
    <row r="48299" spans="1:4" x14ac:dyDescent="0.25">
      <c r="A48299" t="s">
        <v>66411</v>
      </c>
      <c r="B48299" t="s">
        <v>66416</v>
      </c>
      <c r="C48299">
        <v>1</v>
      </c>
      <c r="D48299">
        <v>0</v>
      </c>
    </row>
    <row r="48300" spans="1:4" x14ac:dyDescent="0.25">
      <c r="A48300" t="s">
        <v>66417</v>
      </c>
      <c r="B48300" t="s">
        <v>66418</v>
      </c>
      <c r="C48300">
        <v>0</v>
      </c>
      <c r="D48300">
        <v>0</v>
      </c>
    </row>
    <row r="48301" spans="1:4" x14ac:dyDescent="0.25">
      <c r="A48301" t="s">
        <v>66417</v>
      </c>
      <c r="B48301" t="s">
        <v>66419</v>
      </c>
      <c r="C48301">
        <v>1</v>
      </c>
      <c r="D48301">
        <v>0</v>
      </c>
    </row>
    <row r="48302" spans="1:4" x14ac:dyDescent="0.25">
      <c r="A48302" t="s">
        <v>66417</v>
      </c>
      <c r="B48302" t="s">
        <v>66420</v>
      </c>
      <c r="C48302">
        <v>2</v>
      </c>
      <c r="D48302">
        <v>0</v>
      </c>
    </row>
    <row r="48303" spans="1:4" x14ac:dyDescent="0.25">
      <c r="A48303" t="s">
        <v>66417</v>
      </c>
      <c r="B48303" t="s">
        <v>66421</v>
      </c>
      <c r="C48303">
        <v>1</v>
      </c>
      <c r="D48303">
        <v>0</v>
      </c>
    </row>
    <row r="48304" spans="1:4" x14ac:dyDescent="0.25">
      <c r="A48304" t="s">
        <v>66417</v>
      </c>
      <c r="B48304" t="s">
        <v>66422</v>
      </c>
      <c r="C48304">
        <v>1</v>
      </c>
      <c r="D48304">
        <v>0</v>
      </c>
    </row>
    <row r="48305" spans="1:4" x14ac:dyDescent="0.25">
      <c r="A48305" t="s">
        <v>66423</v>
      </c>
      <c r="B48305" t="s">
        <v>66424</v>
      </c>
      <c r="C48305">
        <v>1</v>
      </c>
      <c r="D48305">
        <v>0</v>
      </c>
    </row>
    <row r="48306" spans="1:4" x14ac:dyDescent="0.25">
      <c r="A48306" t="s">
        <v>66423</v>
      </c>
      <c r="B48306" t="s">
        <v>66425</v>
      </c>
      <c r="C48306">
        <v>1</v>
      </c>
      <c r="D48306">
        <v>0</v>
      </c>
    </row>
    <row r="48307" spans="1:4" x14ac:dyDescent="0.25">
      <c r="A48307" t="s">
        <v>66426</v>
      </c>
      <c r="B48307" t="s">
        <v>66427</v>
      </c>
      <c r="C48307">
        <v>1</v>
      </c>
      <c r="D48307">
        <v>0</v>
      </c>
    </row>
    <row r="48308" spans="1:4" x14ac:dyDescent="0.25">
      <c r="A48308" t="s">
        <v>66426</v>
      </c>
      <c r="B48308" t="s">
        <v>66428</v>
      </c>
      <c r="C48308">
        <v>1</v>
      </c>
      <c r="D48308">
        <v>0</v>
      </c>
    </row>
    <row r="48309" spans="1:4" x14ac:dyDescent="0.25">
      <c r="A48309" t="s">
        <v>66426</v>
      </c>
      <c r="B48309" t="s">
        <v>66429</v>
      </c>
      <c r="C48309">
        <v>1</v>
      </c>
      <c r="D48309">
        <v>0</v>
      </c>
    </row>
    <row r="48310" spans="1:4" x14ac:dyDescent="0.25">
      <c r="A48310" t="s">
        <v>66426</v>
      </c>
      <c r="B48310" t="s">
        <v>66430</v>
      </c>
      <c r="C48310">
        <v>1</v>
      </c>
      <c r="D48310">
        <v>0</v>
      </c>
    </row>
    <row r="48311" spans="1:4" x14ac:dyDescent="0.25">
      <c r="A48311" t="s">
        <v>66426</v>
      </c>
      <c r="B48311" t="s">
        <v>66431</v>
      </c>
      <c r="C48311">
        <v>1</v>
      </c>
      <c r="D48311">
        <v>0</v>
      </c>
    </row>
    <row r="48312" spans="1:4" x14ac:dyDescent="0.25">
      <c r="A48312" t="s">
        <v>66432</v>
      </c>
      <c r="B48312" t="s">
        <v>66433</v>
      </c>
      <c r="C48312">
        <v>1</v>
      </c>
      <c r="D48312">
        <v>0</v>
      </c>
    </row>
    <row r="48313" spans="1:4" x14ac:dyDescent="0.25">
      <c r="A48313" t="s">
        <v>66432</v>
      </c>
      <c r="B48313" t="s">
        <v>66434</v>
      </c>
      <c r="C48313">
        <v>0</v>
      </c>
      <c r="D48313">
        <v>0</v>
      </c>
    </row>
    <row r="48314" spans="1:4" x14ac:dyDescent="0.25">
      <c r="A48314" t="s">
        <v>66432</v>
      </c>
      <c r="B48314" t="s">
        <v>66435</v>
      </c>
      <c r="C48314">
        <v>2</v>
      </c>
      <c r="D48314">
        <v>0</v>
      </c>
    </row>
    <row r="48315" spans="1:4" x14ac:dyDescent="0.25">
      <c r="A48315" t="s">
        <v>66436</v>
      </c>
      <c r="B48315" t="s">
        <v>66437</v>
      </c>
      <c r="C48315">
        <v>2</v>
      </c>
      <c r="D48315">
        <v>0</v>
      </c>
    </row>
    <row r="48316" spans="1:4" x14ac:dyDescent="0.25">
      <c r="A48316" t="s">
        <v>66436</v>
      </c>
      <c r="B48316" t="s">
        <v>66438</v>
      </c>
      <c r="C48316">
        <v>2</v>
      </c>
      <c r="D48316">
        <v>0</v>
      </c>
    </row>
    <row r="48317" spans="1:4" x14ac:dyDescent="0.25">
      <c r="A48317" t="s">
        <v>66436</v>
      </c>
      <c r="B48317" t="s">
        <v>66439</v>
      </c>
      <c r="C48317">
        <v>2</v>
      </c>
      <c r="D48317">
        <v>0</v>
      </c>
    </row>
    <row r="48318" spans="1:4" x14ac:dyDescent="0.25">
      <c r="A48318" t="s">
        <v>66436</v>
      </c>
      <c r="B48318" t="s">
        <v>66440</v>
      </c>
      <c r="C48318">
        <v>1</v>
      </c>
      <c r="D48318">
        <v>0</v>
      </c>
    </row>
    <row r="48319" spans="1:4" x14ac:dyDescent="0.25">
      <c r="A48319" t="s">
        <v>66436</v>
      </c>
      <c r="B48319" t="s">
        <v>66441</v>
      </c>
      <c r="C48319">
        <v>0</v>
      </c>
      <c r="D48319">
        <v>0</v>
      </c>
    </row>
    <row r="48320" spans="1:4" x14ac:dyDescent="0.25">
      <c r="A48320" t="s">
        <v>66442</v>
      </c>
      <c r="B48320" t="s">
        <v>3173</v>
      </c>
      <c r="C48320">
        <v>1</v>
      </c>
      <c r="D48320">
        <v>0</v>
      </c>
    </row>
    <row r="48321" spans="1:4" x14ac:dyDescent="0.25">
      <c r="A48321" t="s">
        <v>66442</v>
      </c>
      <c r="B48321" t="s">
        <v>66443</v>
      </c>
      <c r="C48321">
        <v>0</v>
      </c>
      <c r="D48321">
        <v>0</v>
      </c>
    </row>
    <row r="48322" spans="1:4" x14ac:dyDescent="0.25">
      <c r="A48322" t="s">
        <v>66442</v>
      </c>
      <c r="B48322" t="s">
        <v>66444</v>
      </c>
      <c r="C48322">
        <v>1</v>
      </c>
      <c r="D48322">
        <v>0</v>
      </c>
    </row>
    <row r="48323" spans="1:4" x14ac:dyDescent="0.25">
      <c r="A48323" t="s">
        <v>66442</v>
      </c>
      <c r="B48323" t="s">
        <v>5713</v>
      </c>
      <c r="C48323">
        <v>1</v>
      </c>
      <c r="D48323">
        <v>0</v>
      </c>
    </row>
    <row r="48324" spans="1:4" x14ac:dyDescent="0.25">
      <c r="A48324" t="s">
        <v>66442</v>
      </c>
      <c r="B48324" t="s">
        <v>66445</v>
      </c>
      <c r="C48324">
        <v>1</v>
      </c>
      <c r="D48324">
        <v>0</v>
      </c>
    </row>
    <row r="48325" spans="1:4" x14ac:dyDescent="0.25">
      <c r="A48325" t="s">
        <v>66442</v>
      </c>
      <c r="B48325" t="s">
        <v>66446</v>
      </c>
      <c r="C48325">
        <v>1</v>
      </c>
      <c r="D48325">
        <v>0</v>
      </c>
    </row>
    <row r="48326" spans="1:4" x14ac:dyDescent="0.25">
      <c r="A48326" t="s">
        <v>66442</v>
      </c>
      <c r="B48326" t="s">
        <v>66447</v>
      </c>
      <c r="C48326">
        <v>1</v>
      </c>
      <c r="D48326">
        <v>0</v>
      </c>
    </row>
    <row r="48327" spans="1:4" x14ac:dyDescent="0.25">
      <c r="A48327" t="s">
        <v>66448</v>
      </c>
      <c r="B48327" t="s">
        <v>66449</v>
      </c>
      <c r="C48327">
        <v>1</v>
      </c>
      <c r="D48327">
        <v>0</v>
      </c>
    </row>
    <row r="48328" spans="1:4" x14ac:dyDescent="0.25">
      <c r="A48328" t="s">
        <v>66448</v>
      </c>
      <c r="B48328" t="s">
        <v>66450</v>
      </c>
      <c r="C48328">
        <v>1</v>
      </c>
      <c r="D48328">
        <v>0</v>
      </c>
    </row>
    <row r="48329" spans="1:4" x14ac:dyDescent="0.25">
      <c r="A48329" t="s">
        <v>66448</v>
      </c>
      <c r="B48329" t="s">
        <v>66451</v>
      </c>
      <c r="C48329">
        <v>1</v>
      </c>
      <c r="D48329">
        <v>0</v>
      </c>
    </row>
    <row r="48330" spans="1:4" x14ac:dyDescent="0.25">
      <c r="A48330" t="s">
        <v>66452</v>
      </c>
      <c r="B48330" t="s">
        <v>66453</v>
      </c>
      <c r="C48330">
        <v>2</v>
      </c>
      <c r="D48330">
        <v>0</v>
      </c>
    </row>
    <row r="48331" spans="1:4" x14ac:dyDescent="0.25">
      <c r="A48331" t="s">
        <v>66452</v>
      </c>
      <c r="B48331" t="s">
        <v>66454</v>
      </c>
      <c r="C48331">
        <v>1</v>
      </c>
      <c r="D48331">
        <v>0</v>
      </c>
    </row>
    <row r="48332" spans="1:4" x14ac:dyDescent="0.25">
      <c r="A48332" t="s">
        <v>66452</v>
      </c>
      <c r="B48332" t="s">
        <v>66455</v>
      </c>
      <c r="C48332">
        <v>1</v>
      </c>
      <c r="D48332">
        <v>0</v>
      </c>
    </row>
    <row r="48333" spans="1:4" x14ac:dyDescent="0.25">
      <c r="A48333" t="s">
        <v>66452</v>
      </c>
      <c r="B48333" t="s">
        <v>66456</v>
      </c>
      <c r="C48333">
        <v>2</v>
      </c>
      <c r="D48333">
        <v>0</v>
      </c>
    </row>
    <row r="48334" spans="1:4" x14ac:dyDescent="0.25">
      <c r="A48334" t="s">
        <v>66452</v>
      </c>
      <c r="B48334" t="s">
        <v>66457</v>
      </c>
      <c r="C48334">
        <v>1</v>
      </c>
      <c r="D48334">
        <v>0</v>
      </c>
    </row>
    <row r="48335" spans="1:4" x14ac:dyDescent="0.25">
      <c r="A48335" t="s">
        <v>66458</v>
      </c>
      <c r="B48335" t="s">
        <v>66459</v>
      </c>
      <c r="C48335">
        <v>0</v>
      </c>
      <c r="D48335">
        <v>0</v>
      </c>
    </row>
    <row r="48336" spans="1:4" x14ac:dyDescent="0.25">
      <c r="A48336" t="s">
        <v>66458</v>
      </c>
      <c r="B48336" t="s">
        <v>66460</v>
      </c>
      <c r="C48336">
        <v>0</v>
      </c>
      <c r="D48336">
        <v>0</v>
      </c>
    </row>
    <row r="48337" spans="1:4" x14ac:dyDescent="0.25">
      <c r="A48337" t="s">
        <v>66458</v>
      </c>
      <c r="B48337" t="s">
        <v>66461</v>
      </c>
      <c r="C48337">
        <v>2</v>
      </c>
      <c r="D48337">
        <v>0</v>
      </c>
    </row>
    <row r="48338" spans="1:4" x14ac:dyDescent="0.25">
      <c r="A48338" t="s">
        <v>66458</v>
      </c>
      <c r="B48338" t="s">
        <v>66462</v>
      </c>
      <c r="C48338">
        <v>2</v>
      </c>
      <c r="D48338">
        <v>0</v>
      </c>
    </row>
    <row r="48339" spans="1:4" x14ac:dyDescent="0.25">
      <c r="A48339" t="s">
        <v>66463</v>
      </c>
      <c r="B48339" t="s">
        <v>66464</v>
      </c>
      <c r="C48339">
        <v>1</v>
      </c>
      <c r="D48339">
        <v>0</v>
      </c>
    </row>
    <row r="48340" spans="1:4" x14ac:dyDescent="0.25">
      <c r="A48340" t="s">
        <v>66463</v>
      </c>
      <c r="B48340" t="s">
        <v>66465</v>
      </c>
      <c r="C48340">
        <v>0</v>
      </c>
      <c r="D48340">
        <v>0</v>
      </c>
    </row>
    <row r="48341" spans="1:4" x14ac:dyDescent="0.25">
      <c r="A48341" t="s">
        <v>66463</v>
      </c>
      <c r="B48341" t="s">
        <v>66466</v>
      </c>
      <c r="C48341">
        <v>1</v>
      </c>
      <c r="D48341">
        <v>0</v>
      </c>
    </row>
    <row r="48342" spans="1:4" x14ac:dyDescent="0.25">
      <c r="A48342" t="s">
        <v>66463</v>
      </c>
      <c r="B48342" t="s">
        <v>66467</v>
      </c>
      <c r="C48342">
        <v>1</v>
      </c>
      <c r="D48342">
        <v>0</v>
      </c>
    </row>
    <row r="48343" spans="1:4" x14ac:dyDescent="0.25">
      <c r="A48343" t="s">
        <v>66463</v>
      </c>
      <c r="B48343" t="s">
        <v>66468</v>
      </c>
      <c r="C48343">
        <v>0</v>
      </c>
      <c r="D48343">
        <v>0</v>
      </c>
    </row>
    <row r="48344" spans="1:4" x14ac:dyDescent="0.25">
      <c r="A48344" t="s">
        <v>66463</v>
      </c>
      <c r="B48344" t="s">
        <v>66469</v>
      </c>
      <c r="C48344">
        <v>1</v>
      </c>
      <c r="D48344">
        <v>0</v>
      </c>
    </row>
    <row r="48345" spans="1:4" x14ac:dyDescent="0.25">
      <c r="A48345" t="s">
        <v>66463</v>
      </c>
      <c r="B48345" t="s">
        <v>66470</v>
      </c>
      <c r="C48345">
        <v>2</v>
      </c>
      <c r="D48345">
        <v>0</v>
      </c>
    </row>
    <row r="48346" spans="1:4" x14ac:dyDescent="0.25">
      <c r="A48346" t="s">
        <v>66463</v>
      </c>
      <c r="B48346" t="s">
        <v>66471</v>
      </c>
      <c r="C48346">
        <v>0</v>
      </c>
      <c r="D48346">
        <v>0</v>
      </c>
    </row>
    <row r="48347" spans="1:4" x14ac:dyDescent="0.25">
      <c r="A48347" t="s">
        <v>66463</v>
      </c>
      <c r="B48347" t="s">
        <v>66472</v>
      </c>
      <c r="C48347">
        <v>0</v>
      </c>
      <c r="D48347">
        <v>0</v>
      </c>
    </row>
    <row r="48348" spans="1:4" x14ac:dyDescent="0.25">
      <c r="A48348" t="s">
        <v>66473</v>
      </c>
      <c r="B48348" t="s">
        <v>66474</v>
      </c>
      <c r="C48348">
        <v>1</v>
      </c>
      <c r="D48348">
        <v>0</v>
      </c>
    </row>
    <row r="48349" spans="1:4" x14ac:dyDescent="0.25">
      <c r="A48349" t="s">
        <v>66473</v>
      </c>
      <c r="B48349" t="s">
        <v>66475</v>
      </c>
      <c r="C48349">
        <v>2</v>
      </c>
      <c r="D48349">
        <v>0</v>
      </c>
    </row>
    <row r="48350" spans="1:4" x14ac:dyDescent="0.25">
      <c r="A48350" t="s">
        <v>66476</v>
      </c>
      <c r="B48350" t="s">
        <v>66477</v>
      </c>
      <c r="C48350">
        <v>1</v>
      </c>
      <c r="D48350">
        <v>0</v>
      </c>
    </row>
    <row r="48351" spans="1:4" x14ac:dyDescent="0.25">
      <c r="A48351" t="s">
        <v>66476</v>
      </c>
      <c r="B48351" t="s">
        <v>66478</v>
      </c>
      <c r="C48351">
        <v>2</v>
      </c>
      <c r="D48351">
        <v>0</v>
      </c>
    </row>
    <row r="48352" spans="1:4" x14ac:dyDescent="0.25">
      <c r="A48352" t="s">
        <v>66476</v>
      </c>
      <c r="B48352" t="s">
        <v>66479</v>
      </c>
      <c r="C48352">
        <v>1</v>
      </c>
      <c r="D48352">
        <v>0</v>
      </c>
    </row>
    <row r="48353" spans="1:4" x14ac:dyDescent="0.25">
      <c r="A48353" t="s">
        <v>66476</v>
      </c>
      <c r="B48353" t="s">
        <v>66480</v>
      </c>
      <c r="C48353">
        <v>1</v>
      </c>
      <c r="D48353">
        <v>0</v>
      </c>
    </row>
    <row r="48354" spans="1:4" x14ac:dyDescent="0.25">
      <c r="A48354" t="s">
        <v>66476</v>
      </c>
      <c r="B48354" t="s">
        <v>66481</v>
      </c>
      <c r="C48354">
        <v>1</v>
      </c>
      <c r="D48354">
        <v>0</v>
      </c>
    </row>
    <row r="48355" spans="1:4" x14ac:dyDescent="0.25">
      <c r="A48355" t="s">
        <v>66482</v>
      </c>
      <c r="B48355" t="s">
        <v>66483</v>
      </c>
      <c r="C48355">
        <v>1</v>
      </c>
      <c r="D48355">
        <v>0</v>
      </c>
    </row>
    <row r="48356" spans="1:4" x14ac:dyDescent="0.25">
      <c r="A48356" t="s">
        <v>66482</v>
      </c>
      <c r="B48356" t="s">
        <v>66484</v>
      </c>
      <c r="C48356">
        <v>1</v>
      </c>
      <c r="D48356">
        <v>0</v>
      </c>
    </row>
    <row r="48357" spans="1:4" x14ac:dyDescent="0.25">
      <c r="A48357" t="s">
        <v>66482</v>
      </c>
      <c r="B48357" t="s">
        <v>66485</v>
      </c>
      <c r="C48357">
        <v>0</v>
      </c>
      <c r="D48357">
        <v>0</v>
      </c>
    </row>
    <row r="48358" spans="1:4" x14ac:dyDescent="0.25">
      <c r="A48358" t="s">
        <v>66482</v>
      </c>
      <c r="B48358" t="s">
        <v>66486</v>
      </c>
      <c r="C48358">
        <v>2</v>
      </c>
      <c r="D48358">
        <v>0</v>
      </c>
    </row>
    <row r="48359" spans="1:4" x14ac:dyDescent="0.25">
      <c r="A48359" t="s">
        <v>66482</v>
      </c>
      <c r="B48359" t="s">
        <v>66487</v>
      </c>
      <c r="C48359">
        <v>1</v>
      </c>
      <c r="D48359">
        <v>0</v>
      </c>
    </row>
    <row r="48360" spans="1:4" x14ac:dyDescent="0.25">
      <c r="A48360" t="s">
        <v>66482</v>
      </c>
      <c r="B48360" t="s">
        <v>66488</v>
      </c>
      <c r="C48360">
        <v>2</v>
      </c>
      <c r="D48360">
        <v>0</v>
      </c>
    </row>
    <row r="48361" spans="1:4" x14ac:dyDescent="0.25">
      <c r="A48361" t="s">
        <v>66482</v>
      </c>
      <c r="B48361" t="s">
        <v>66489</v>
      </c>
      <c r="C48361">
        <v>1</v>
      </c>
      <c r="D48361">
        <v>0</v>
      </c>
    </row>
    <row r="48362" spans="1:4" x14ac:dyDescent="0.25">
      <c r="A48362" t="s">
        <v>66490</v>
      </c>
      <c r="B48362" t="s">
        <v>66491</v>
      </c>
      <c r="C48362">
        <v>1</v>
      </c>
      <c r="D48362">
        <v>0</v>
      </c>
    </row>
    <row r="48363" spans="1:4" x14ac:dyDescent="0.25">
      <c r="A48363" t="s">
        <v>66490</v>
      </c>
      <c r="B48363" t="s">
        <v>66492</v>
      </c>
      <c r="C48363">
        <v>0</v>
      </c>
      <c r="D48363">
        <v>0</v>
      </c>
    </row>
    <row r="48364" spans="1:4" x14ac:dyDescent="0.25">
      <c r="A48364" t="s">
        <v>66490</v>
      </c>
      <c r="B48364" t="s">
        <v>30486</v>
      </c>
      <c r="C48364">
        <v>0</v>
      </c>
      <c r="D48364">
        <v>0</v>
      </c>
    </row>
    <row r="48365" spans="1:4" x14ac:dyDescent="0.25">
      <c r="A48365" t="s">
        <v>66493</v>
      </c>
      <c r="B48365" t="s">
        <v>66494</v>
      </c>
      <c r="C48365">
        <v>1</v>
      </c>
      <c r="D48365">
        <v>0</v>
      </c>
    </row>
    <row r="48366" spans="1:4" x14ac:dyDescent="0.25">
      <c r="A48366" t="s">
        <v>66493</v>
      </c>
      <c r="B48366" t="s">
        <v>66495</v>
      </c>
      <c r="C48366">
        <v>1</v>
      </c>
      <c r="D48366">
        <v>0</v>
      </c>
    </row>
    <row r="48367" spans="1:4" x14ac:dyDescent="0.25">
      <c r="A48367" t="s">
        <v>66496</v>
      </c>
      <c r="B48367" t="s">
        <v>66497</v>
      </c>
      <c r="C48367">
        <v>1</v>
      </c>
      <c r="D48367">
        <v>0</v>
      </c>
    </row>
    <row r="48368" spans="1:4" x14ac:dyDescent="0.25">
      <c r="A48368" t="s">
        <v>66498</v>
      </c>
      <c r="B48368" t="s">
        <v>66499</v>
      </c>
      <c r="C48368">
        <v>1</v>
      </c>
      <c r="D48368">
        <v>0</v>
      </c>
    </row>
    <row r="48369" spans="1:4" x14ac:dyDescent="0.25">
      <c r="A48369" t="s">
        <v>66498</v>
      </c>
      <c r="B48369" t="s">
        <v>66500</v>
      </c>
      <c r="C48369">
        <v>1</v>
      </c>
      <c r="D48369">
        <v>0</v>
      </c>
    </row>
    <row r="48370" spans="1:4" x14ac:dyDescent="0.25">
      <c r="A48370" t="s">
        <v>66498</v>
      </c>
      <c r="B48370" t="s">
        <v>58473</v>
      </c>
      <c r="C48370">
        <v>0</v>
      </c>
      <c r="D48370">
        <v>0</v>
      </c>
    </row>
    <row r="48371" spans="1:4" x14ac:dyDescent="0.25">
      <c r="A48371" t="s">
        <v>66501</v>
      </c>
      <c r="B48371" t="s">
        <v>5047</v>
      </c>
      <c r="C48371">
        <v>1</v>
      </c>
      <c r="D48371">
        <v>0</v>
      </c>
    </row>
    <row r="48372" spans="1:4" x14ac:dyDescent="0.25">
      <c r="A48372" t="s">
        <v>66501</v>
      </c>
      <c r="B48372" t="s">
        <v>66502</v>
      </c>
      <c r="C48372">
        <v>0</v>
      </c>
      <c r="D48372">
        <v>0</v>
      </c>
    </row>
    <row r="48373" spans="1:4" x14ac:dyDescent="0.25">
      <c r="A48373" t="s">
        <v>66501</v>
      </c>
      <c r="B48373" t="s">
        <v>66503</v>
      </c>
      <c r="C48373">
        <v>0</v>
      </c>
      <c r="D48373">
        <v>0</v>
      </c>
    </row>
    <row r="48374" spans="1:4" x14ac:dyDescent="0.25">
      <c r="A48374" t="s">
        <v>66501</v>
      </c>
      <c r="B48374" t="s">
        <v>66504</v>
      </c>
      <c r="C48374">
        <v>0</v>
      </c>
      <c r="D48374">
        <v>0</v>
      </c>
    </row>
    <row r="48375" spans="1:4" x14ac:dyDescent="0.25">
      <c r="A48375" t="s">
        <v>66501</v>
      </c>
      <c r="B48375" t="s">
        <v>66505</v>
      </c>
      <c r="C48375">
        <v>0</v>
      </c>
      <c r="D48375">
        <v>0</v>
      </c>
    </row>
    <row r="48376" spans="1:4" x14ac:dyDescent="0.25">
      <c r="A48376" t="s">
        <v>66506</v>
      </c>
      <c r="B48376" t="s">
        <v>66507</v>
      </c>
      <c r="C48376">
        <v>1</v>
      </c>
      <c r="D48376">
        <v>0</v>
      </c>
    </row>
    <row r="48377" spans="1:4" x14ac:dyDescent="0.25">
      <c r="A48377" t="s">
        <v>66506</v>
      </c>
      <c r="B48377" t="s">
        <v>66508</v>
      </c>
      <c r="C48377">
        <v>1</v>
      </c>
      <c r="D48377">
        <v>0</v>
      </c>
    </row>
    <row r="48378" spans="1:4" x14ac:dyDescent="0.25">
      <c r="A48378" t="s">
        <v>66506</v>
      </c>
      <c r="B48378" t="s">
        <v>66509</v>
      </c>
      <c r="C48378">
        <v>1</v>
      </c>
      <c r="D48378">
        <v>0</v>
      </c>
    </row>
    <row r="48379" spans="1:4" x14ac:dyDescent="0.25">
      <c r="A48379" t="s">
        <v>66506</v>
      </c>
      <c r="B48379" t="s">
        <v>66510</v>
      </c>
      <c r="C48379">
        <v>1</v>
      </c>
      <c r="D48379">
        <v>0</v>
      </c>
    </row>
    <row r="48380" spans="1:4" x14ac:dyDescent="0.25">
      <c r="A48380" t="s">
        <v>66511</v>
      </c>
      <c r="B48380" t="s">
        <v>5713</v>
      </c>
      <c r="C48380">
        <v>1</v>
      </c>
      <c r="D48380">
        <v>0</v>
      </c>
    </row>
    <row r="48381" spans="1:4" x14ac:dyDescent="0.25">
      <c r="A48381" t="s">
        <v>66511</v>
      </c>
      <c r="B48381" t="s">
        <v>66512</v>
      </c>
      <c r="C48381">
        <v>1</v>
      </c>
      <c r="D48381">
        <v>0</v>
      </c>
    </row>
    <row r="48382" spans="1:4" x14ac:dyDescent="0.25">
      <c r="A48382" t="s">
        <v>66511</v>
      </c>
      <c r="B48382" t="s">
        <v>66512</v>
      </c>
      <c r="C48382">
        <v>1</v>
      </c>
      <c r="D48382">
        <v>0</v>
      </c>
    </row>
    <row r="48383" spans="1:4" x14ac:dyDescent="0.25">
      <c r="A48383" t="s">
        <v>66511</v>
      </c>
      <c r="B48383" t="s">
        <v>66513</v>
      </c>
      <c r="C48383">
        <v>1</v>
      </c>
      <c r="D48383">
        <v>0</v>
      </c>
    </row>
    <row r="48384" spans="1:4" x14ac:dyDescent="0.25">
      <c r="A48384" t="s">
        <v>66511</v>
      </c>
      <c r="B48384" t="s">
        <v>66514</v>
      </c>
      <c r="C48384">
        <v>1</v>
      </c>
      <c r="D48384">
        <v>0</v>
      </c>
    </row>
    <row r="48385" spans="1:4" x14ac:dyDescent="0.25">
      <c r="A48385" t="s">
        <v>66515</v>
      </c>
      <c r="B48385" t="s">
        <v>66516</v>
      </c>
      <c r="C48385">
        <v>1</v>
      </c>
      <c r="D48385">
        <v>0</v>
      </c>
    </row>
    <row r="48386" spans="1:4" x14ac:dyDescent="0.25">
      <c r="A48386" t="s">
        <v>66515</v>
      </c>
      <c r="B48386" t="s">
        <v>66517</v>
      </c>
      <c r="C48386">
        <v>1</v>
      </c>
      <c r="D48386">
        <v>0</v>
      </c>
    </row>
    <row r="48387" spans="1:4" x14ac:dyDescent="0.25">
      <c r="A48387" t="s">
        <v>66515</v>
      </c>
      <c r="B48387" t="s">
        <v>66518</v>
      </c>
      <c r="C48387">
        <v>0</v>
      </c>
      <c r="D48387">
        <v>0</v>
      </c>
    </row>
    <row r="48388" spans="1:4" x14ac:dyDescent="0.25">
      <c r="A48388" t="s">
        <v>66515</v>
      </c>
      <c r="B48388" t="s">
        <v>66519</v>
      </c>
      <c r="C48388">
        <v>1</v>
      </c>
      <c r="D48388">
        <v>0</v>
      </c>
    </row>
    <row r="48389" spans="1:4" x14ac:dyDescent="0.25">
      <c r="A48389" t="s">
        <v>66520</v>
      </c>
      <c r="B48389" t="s">
        <v>66521</v>
      </c>
      <c r="C48389">
        <v>1</v>
      </c>
      <c r="D48389">
        <v>0</v>
      </c>
    </row>
    <row r="48390" spans="1:4" x14ac:dyDescent="0.25">
      <c r="A48390" t="s">
        <v>66520</v>
      </c>
      <c r="B48390" t="s">
        <v>5713</v>
      </c>
      <c r="C48390">
        <v>1</v>
      </c>
      <c r="D48390">
        <v>0</v>
      </c>
    </row>
    <row r="48391" spans="1:4" x14ac:dyDescent="0.25">
      <c r="A48391" t="s">
        <v>66520</v>
      </c>
      <c r="B48391" t="s">
        <v>66522</v>
      </c>
      <c r="C48391">
        <v>1</v>
      </c>
      <c r="D48391">
        <v>0</v>
      </c>
    </row>
    <row r="48392" spans="1:4" x14ac:dyDescent="0.25">
      <c r="A48392" t="s">
        <v>66520</v>
      </c>
      <c r="B48392" t="s">
        <v>2865</v>
      </c>
      <c r="C48392">
        <v>0</v>
      </c>
      <c r="D48392">
        <v>0</v>
      </c>
    </row>
    <row r="48393" spans="1:4" x14ac:dyDescent="0.25">
      <c r="A48393" t="s">
        <v>66520</v>
      </c>
      <c r="B48393" t="s">
        <v>66523</v>
      </c>
      <c r="C48393">
        <v>1</v>
      </c>
      <c r="D48393">
        <v>0</v>
      </c>
    </row>
    <row r="48394" spans="1:4" x14ac:dyDescent="0.25">
      <c r="A48394" t="s">
        <v>66524</v>
      </c>
      <c r="B48394" t="s">
        <v>66525</v>
      </c>
      <c r="C48394">
        <v>1</v>
      </c>
      <c r="D48394">
        <v>0</v>
      </c>
    </row>
    <row r="48395" spans="1:4" x14ac:dyDescent="0.25">
      <c r="A48395" t="s">
        <v>66524</v>
      </c>
      <c r="B48395" t="s">
        <v>66526</v>
      </c>
      <c r="C48395">
        <v>1</v>
      </c>
      <c r="D48395">
        <v>0</v>
      </c>
    </row>
    <row r="48396" spans="1:4" x14ac:dyDescent="0.25">
      <c r="A48396" t="s">
        <v>66524</v>
      </c>
      <c r="B48396" t="s">
        <v>66527</v>
      </c>
      <c r="C48396">
        <v>2</v>
      </c>
      <c r="D48396">
        <v>0</v>
      </c>
    </row>
    <row r="48397" spans="1:4" x14ac:dyDescent="0.25">
      <c r="A48397" t="s">
        <v>66528</v>
      </c>
      <c r="B48397" t="s">
        <v>66529</v>
      </c>
      <c r="C48397">
        <v>0</v>
      </c>
      <c r="D48397">
        <v>0</v>
      </c>
    </row>
    <row r="48398" spans="1:4" x14ac:dyDescent="0.25">
      <c r="A48398" t="s">
        <v>66528</v>
      </c>
      <c r="B48398" t="s">
        <v>66530</v>
      </c>
      <c r="C48398">
        <v>2</v>
      </c>
      <c r="D48398">
        <v>0</v>
      </c>
    </row>
    <row r="48399" spans="1:4" x14ac:dyDescent="0.25">
      <c r="A48399" t="s">
        <v>66528</v>
      </c>
      <c r="B48399" t="s">
        <v>66531</v>
      </c>
      <c r="C48399">
        <v>0</v>
      </c>
      <c r="D48399">
        <v>0</v>
      </c>
    </row>
    <row r="48400" spans="1:4" x14ac:dyDescent="0.25">
      <c r="A48400" t="s">
        <v>66528</v>
      </c>
      <c r="B48400" t="s">
        <v>66532</v>
      </c>
      <c r="C48400">
        <v>2</v>
      </c>
      <c r="D48400">
        <v>0</v>
      </c>
    </row>
    <row r="48401" spans="1:4" x14ac:dyDescent="0.25">
      <c r="A48401" t="s">
        <v>66528</v>
      </c>
      <c r="B48401" t="s">
        <v>66533</v>
      </c>
      <c r="C48401">
        <v>1</v>
      </c>
      <c r="D48401">
        <v>0</v>
      </c>
    </row>
    <row r="48402" spans="1:4" x14ac:dyDescent="0.25">
      <c r="A48402" t="s">
        <v>66528</v>
      </c>
      <c r="B48402" t="s">
        <v>66534</v>
      </c>
      <c r="C48402">
        <v>0</v>
      </c>
      <c r="D48402">
        <v>0</v>
      </c>
    </row>
    <row r="48403" spans="1:4" x14ac:dyDescent="0.25">
      <c r="A48403" t="s">
        <v>66528</v>
      </c>
      <c r="B48403" t="s">
        <v>66535</v>
      </c>
      <c r="C48403">
        <v>2</v>
      </c>
      <c r="D48403">
        <v>0</v>
      </c>
    </row>
    <row r="48404" spans="1:4" x14ac:dyDescent="0.25">
      <c r="A48404" t="s">
        <v>66536</v>
      </c>
      <c r="B48404" t="s">
        <v>66537</v>
      </c>
      <c r="C48404">
        <v>1</v>
      </c>
      <c r="D48404">
        <v>0</v>
      </c>
    </row>
    <row r="48405" spans="1:4" x14ac:dyDescent="0.25">
      <c r="A48405" t="s">
        <v>66538</v>
      </c>
      <c r="B48405" t="s">
        <v>66539</v>
      </c>
      <c r="C48405">
        <v>0</v>
      </c>
      <c r="D48405">
        <v>0</v>
      </c>
    </row>
    <row r="48406" spans="1:4" x14ac:dyDescent="0.25">
      <c r="A48406" t="s">
        <v>66538</v>
      </c>
      <c r="B48406" t="s">
        <v>66540</v>
      </c>
      <c r="C48406">
        <v>1</v>
      </c>
      <c r="D48406">
        <v>0</v>
      </c>
    </row>
    <row r="48407" spans="1:4" x14ac:dyDescent="0.25">
      <c r="A48407" t="s">
        <v>66538</v>
      </c>
      <c r="B48407" t="s">
        <v>852</v>
      </c>
      <c r="C48407">
        <v>0</v>
      </c>
      <c r="D48407">
        <v>0</v>
      </c>
    </row>
    <row r="48408" spans="1:4" x14ac:dyDescent="0.25">
      <c r="A48408" t="s">
        <v>66538</v>
      </c>
      <c r="B48408" t="s">
        <v>66541</v>
      </c>
      <c r="C48408">
        <v>1</v>
      </c>
      <c r="D48408">
        <v>0</v>
      </c>
    </row>
    <row r="48409" spans="1:4" x14ac:dyDescent="0.25">
      <c r="A48409" t="s">
        <v>66538</v>
      </c>
      <c r="B48409" t="s">
        <v>66542</v>
      </c>
      <c r="C48409">
        <v>1</v>
      </c>
      <c r="D48409">
        <v>0</v>
      </c>
    </row>
    <row r="48410" spans="1:4" x14ac:dyDescent="0.25">
      <c r="A48410" t="s">
        <v>66538</v>
      </c>
      <c r="B48410" t="s">
        <v>54551</v>
      </c>
      <c r="C48410">
        <v>1</v>
      </c>
      <c r="D48410">
        <v>0</v>
      </c>
    </row>
    <row r="48411" spans="1:4" x14ac:dyDescent="0.25">
      <c r="A48411" t="s">
        <v>66543</v>
      </c>
      <c r="B48411" t="s">
        <v>66544</v>
      </c>
      <c r="C48411">
        <v>1</v>
      </c>
      <c r="D48411">
        <v>0</v>
      </c>
    </row>
    <row r="48412" spans="1:4" x14ac:dyDescent="0.25">
      <c r="A48412" t="s">
        <v>66543</v>
      </c>
      <c r="B48412" t="s">
        <v>66545</v>
      </c>
      <c r="C48412">
        <v>1</v>
      </c>
      <c r="D48412">
        <v>0</v>
      </c>
    </row>
    <row r="48413" spans="1:4" x14ac:dyDescent="0.25">
      <c r="A48413" t="s">
        <v>66543</v>
      </c>
      <c r="B48413" t="s">
        <v>66546</v>
      </c>
      <c r="C48413">
        <v>1</v>
      </c>
      <c r="D48413">
        <v>0</v>
      </c>
    </row>
    <row r="48414" spans="1:4" x14ac:dyDescent="0.25">
      <c r="A48414" t="s">
        <v>66543</v>
      </c>
      <c r="B48414" t="s">
        <v>66547</v>
      </c>
      <c r="C48414">
        <v>1</v>
      </c>
      <c r="D48414">
        <v>0</v>
      </c>
    </row>
    <row r="48415" spans="1:4" x14ac:dyDescent="0.25">
      <c r="A48415" t="s">
        <v>66543</v>
      </c>
      <c r="B48415" t="s">
        <v>66548</v>
      </c>
      <c r="C48415">
        <v>1</v>
      </c>
      <c r="D48415">
        <v>0</v>
      </c>
    </row>
    <row r="48416" spans="1:4" x14ac:dyDescent="0.25">
      <c r="A48416" t="s">
        <v>66549</v>
      </c>
      <c r="B48416" t="s">
        <v>66550</v>
      </c>
      <c r="C48416">
        <v>0</v>
      </c>
      <c r="D48416">
        <v>0</v>
      </c>
    </row>
    <row r="48417" spans="1:4" x14ac:dyDescent="0.25">
      <c r="A48417" t="s">
        <v>66549</v>
      </c>
      <c r="B48417" t="s">
        <v>66551</v>
      </c>
      <c r="C48417">
        <v>1</v>
      </c>
      <c r="D48417">
        <v>0</v>
      </c>
    </row>
    <row r="48418" spans="1:4" x14ac:dyDescent="0.25">
      <c r="A48418" t="s">
        <v>66549</v>
      </c>
      <c r="B48418" t="s">
        <v>66552</v>
      </c>
      <c r="C48418">
        <v>2</v>
      </c>
      <c r="D48418">
        <v>0</v>
      </c>
    </row>
    <row r="48419" spans="1:4" x14ac:dyDescent="0.25">
      <c r="A48419" t="s">
        <v>66549</v>
      </c>
      <c r="B48419" t="s">
        <v>66553</v>
      </c>
      <c r="C48419">
        <v>0</v>
      </c>
      <c r="D48419">
        <v>0</v>
      </c>
    </row>
    <row r="48420" spans="1:4" x14ac:dyDescent="0.25">
      <c r="A48420" t="s">
        <v>66549</v>
      </c>
      <c r="B48420" t="s">
        <v>66554</v>
      </c>
      <c r="C48420">
        <v>0</v>
      </c>
      <c r="D48420">
        <v>0</v>
      </c>
    </row>
    <row r="48421" spans="1:4" x14ac:dyDescent="0.25">
      <c r="A48421" t="s">
        <v>66549</v>
      </c>
      <c r="B48421" t="s">
        <v>66555</v>
      </c>
      <c r="C48421">
        <v>0</v>
      </c>
      <c r="D48421">
        <v>0</v>
      </c>
    </row>
    <row r="48422" spans="1:4" x14ac:dyDescent="0.25">
      <c r="A48422" t="s">
        <v>66556</v>
      </c>
      <c r="B48422" t="s">
        <v>53980</v>
      </c>
      <c r="C48422">
        <v>0</v>
      </c>
      <c r="D48422">
        <v>0</v>
      </c>
    </row>
    <row r="48423" spans="1:4" x14ac:dyDescent="0.25">
      <c r="A48423" t="s">
        <v>66556</v>
      </c>
      <c r="B48423" t="s">
        <v>66557</v>
      </c>
      <c r="C48423">
        <v>2</v>
      </c>
      <c r="D48423">
        <v>0</v>
      </c>
    </row>
    <row r="48424" spans="1:4" x14ac:dyDescent="0.25">
      <c r="A48424" t="s">
        <v>66556</v>
      </c>
      <c r="B48424" t="s">
        <v>66558</v>
      </c>
      <c r="C48424">
        <v>1</v>
      </c>
      <c r="D48424">
        <v>0</v>
      </c>
    </row>
    <row r="48425" spans="1:4" x14ac:dyDescent="0.25">
      <c r="A48425" t="s">
        <v>66556</v>
      </c>
      <c r="B48425" t="s">
        <v>66559</v>
      </c>
      <c r="C48425">
        <v>1</v>
      </c>
      <c r="D48425">
        <v>0</v>
      </c>
    </row>
    <row r="48426" spans="1:4" x14ac:dyDescent="0.25">
      <c r="A48426" t="s">
        <v>66556</v>
      </c>
      <c r="B48426" t="s">
        <v>66560</v>
      </c>
      <c r="C48426">
        <v>0</v>
      </c>
      <c r="D48426">
        <v>0</v>
      </c>
    </row>
    <row r="48427" spans="1:4" x14ac:dyDescent="0.25">
      <c r="A48427" t="s">
        <v>66556</v>
      </c>
      <c r="B48427" t="s">
        <v>66561</v>
      </c>
      <c r="C48427">
        <v>1</v>
      </c>
      <c r="D48427">
        <v>0</v>
      </c>
    </row>
    <row r="48428" spans="1:4" x14ac:dyDescent="0.25">
      <c r="A48428" t="s">
        <v>66562</v>
      </c>
      <c r="B48428" t="s">
        <v>66563</v>
      </c>
      <c r="C48428">
        <v>1</v>
      </c>
      <c r="D48428">
        <v>0</v>
      </c>
    </row>
    <row r="48429" spans="1:4" x14ac:dyDescent="0.25">
      <c r="A48429" t="s">
        <v>66562</v>
      </c>
      <c r="B48429" t="s">
        <v>66564</v>
      </c>
      <c r="C48429">
        <v>1</v>
      </c>
      <c r="D48429">
        <v>0</v>
      </c>
    </row>
    <row r="48430" spans="1:4" x14ac:dyDescent="0.25">
      <c r="A48430" t="s">
        <v>66562</v>
      </c>
      <c r="B48430" t="s">
        <v>66565</v>
      </c>
      <c r="C48430">
        <v>0</v>
      </c>
      <c r="D48430">
        <v>0</v>
      </c>
    </row>
    <row r="48431" spans="1:4" x14ac:dyDescent="0.25">
      <c r="A48431" t="s">
        <v>66562</v>
      </c>
      <c r="B48431" t="s">
        <v>66566</v>
      </c>
      <c r="C48431">
        <v>1</v>
      </c>
      <c r="D48431">
        <v>0</v>
      </c>
    </row>
    <row r="48432" spans="1:4" x14ac:dyDescent="0.25">
      <c r="A48432" t="s">
        <v>66562</v>
      </c>
      <c r="B48432" t="s">
        <v>66567</v>
      </c>
      <c r="C48432">
        <v>1</v>
      </c>
      <c r="D48432">
        <v>0</v>
      </c>
    </row>
    <row r="48433" spans="1:4" x14ac:dyDescent="0.25">
      <c r="A48433" t="s">
        <v>66562</v>
      </c>
      <c r="B48433" t="s">
        <v>66568</v>
      </c>
      <c r="C48433">
        <v>0</v>
      </c>
      <c r="D48433">
        <v>0</v>
      </c>
    </row>
    <row r="48434" spans="1:4" x14ac:dyDescent="0.25">
      <c r="A48434" t="s">
        <v>66569</v>
      </c>
      <c r="B48434" t="s">
        <v>66570</v>
      </c>
      <c r="C48434">
        <v>1</v>
      </c>
      <c r="D48434">
        <v>0</v>
      </c>
    </row>
    <row r="48435" spans="1:4" x14ac:dyDescent="0.25">
      <c r="A48435" t="s">
        <v>66571</v>
      </c>
      <c r="B48435" t="s">
        <v>66572</v>
      </c>
      <c r="C48435">
        <v>1</v>
      </c>
      <c r="D48435">
        <v>0</v>
      </c>
    </row>
    <row r="48436" spans="1:4" x14ac:dyDescent="0.25">
      <c r="A48436" t="s">
        <v>66571</v>
      </c>
      <c r="B48436" t="s">
        <v>66573</v>
      </c>
      <c r="C48436">
        <v>1</v>
      </c>
      <c r="D48436">
        <v>0</v>
      </c>
    </row>
    <row r="48437" spans="1:4" x14ac:dyDescent="0.25">
      <c r="A48437" t="s">
        <v>66571</v>
      </c>
      <c r="B48437" t="s">
        <v>66574</v>
      </c>
      <c r="C48437">
        <v>0</v>
      </c>
      <c r="D48437">
        <v>0</v>
      </c>
    </row>
    <row r="48438" spans="1:4" x14ac:dyDescent="0.25">
      <c r="A48438" t="s">
        <v>66575</v>
      </c>
      <c r="B48438" t="s">
        <v>66576</v>
      </c>
      <c r="C48438">
        <v>1</v>
      </c>
      <c r="D48438">
        <v>0</v>
      </c>
    </row>
    <row r="48439" spans="1:4" x14ac:dyDescent="0.25">
      <c r="A48439" t="s">
        <v>66575</v>
      </c>
      <c r="B48439" t="s">
        <v>66577</v>
      </c>
      <c r="C48439">
        <v>0</v>
      </c>
      <c r="D48439">
        <v>0</v>
      </c>
    </row>
    <row r="48440" spans="1:4" x14ac:dyDescent="0.25">
      <c r="A48440" t="s">
        <v>66575</v>
      </c>
      <c r="B48440" t="s">
        <v>66578</v>
      </c>
      <c r="C48440">
        <v>2</v>
      </c>
      <c r="D48440">
        <v>0</v>
      </c>
    </row>
    <row r="48441" spans="1:4" x14ac:dyDescent="0.25">
      <c r="A48441" t="s">
        <v>66579</v>
      </c>
      <c r="B48441" t="s">
        <v>66580</v>
      </c>
      <c r="C48441">
        <v>1</v>
      </c>
      <c r="D48441">
        <v>0</v>
      </c>
    </row>
    <row r="48442" spans="1:4" x14ac:dyDescent="0.25">
      <c r="A48442" t="s">
        <v>66579</v>
      </c>
      <c r="B48442" t="s">
        <v>66581</v>
      </c>
      <c r="C48442">
        <v>1</v>
      </c>
      <c r="D48442">
        <v>0</v>
      </c>
    </row>
    <row r="48443" spans="1:4" x14ac:dyDescent="0.25">
      <c r="A48443" t="s">
        <v>66579</v>
      </c>
      <c r="B48443" t="s">
        <v>66582</v>
      </c>
      <c r="C48443">
        <v>1</v>
      </c>
      <c r="D48443">
        <v>0</v>
      </c>
    </row>
    <row r="48444" spans="1:4" x14ac:dyDescent="0.25">
      <c r="A48444" t="s">
        <v>66579</v>
      </c>
      <c r="B48444" t="s">
        <v>66583</v>
      </c>
      <c r="C48444">
        <v>1</v>
      </c>
      <c r="D48444">
        <v>0</v>
      </c>
    </row>
    <row r="48445" spans="1:4" x14ac:dyDescent="0.25">
      <c r="A48445" t="s">
        <v>66579</v>
      </c>
      <c r="B48445" t="s">
        <v>66584</v>
      </c>
      <c r="C48445">
        <v>1</v>
      </c>
      <c r="D48445">
        <v>0</v>
      </c>
    </row>
    <row r="48446" spans="1:4" x14ac:dyDescent="0.25">
      <c r="A48446" t="s">
        <v>66579</v>
      </c>
      <c r="B48446" t="s">
        <v>66585</v>
      </c>
      <c r="C48446">
        <v>1</v>
      </c>
      <c r="D48446">
        <v>0</v>
      </c>
    </row>
    <row r="48447" spans="1:4" x14ac:dyDescent="0.25">
      <c r="A48447" t="s">
        <v>66586</v>
      </c>
      <c r="B48447" t="s">
        <v>66587</v>
      </c>
      <c r="C48447">
        <v>0</v>
      </c>
      <c r="D48447">
        <v>0</v>
      </c>
    </row>
    <row r="48448" spans="1:4" x14ac:dyDescent="0.25">
      <c r="A48448" t="s">
        <v>66588</v>
      </c>
      <c r="B48448" t="s">
        <v>66589</v>
      </c>
      <c r="C48448">
        <v>0</v>
      </c>
      <c r="D48448">
        <v>0</v>
      </c>
    </row>
    <row r="48449" spans="1:4" x14ac:dyDescent="0.25">
      <c r="A48449" t="s">
        <v>66588</v>
      </c>
      <c r="B48449" t="s">
        <v>66590</v>
      </c>
      <c r="C48449">
        <v>2</v>
      </c>
      <c r="D48449">
        <v>0</v>
      </c>
    </row>
    <row r="48450" spans="1:4" x14ac:dyDescent="0.25">
      <c r="A48450" t="s">
        <v>66588</v>
      </c>
      <c r="B48450" t="s">
        <v>66591</v>
      </c>
      <c r="C48450">
        <v>2</v>
      </c>
      <c r="D48450">
        <v>0</v>
      </c>
    </row>
    <row r="48451" spans="1:4" x14ac:dyDescent="0.25">
      <c r="A48451" t="s">
        <v>66588</v>
      </c>
      <c r="B48451" t="s">
        <v>66592</v>
      </c>
      <c r="C48451">
        <v>0</v>
      </c>
      <c r="D48451">
        <v>0</v>
      </c>
    </row>
    <row r="48452" spans="1:4" x14ac:dyDescent="0.25">
      <c r="A48452" t="s">
        <v>66588</v>
      </c>
      <c r="B48452" t="s">
        <v>66593</v>
      </c>
      <c r="C48452">
        <v>2</v>
      </c>
      <c r="D48452">
        <v>0</v>
      </c>
    </row>
    <row r="48453" spans="1:4" x14ac:dyDescent="0.25">
      <c r="A48453" t="s">
        <v>66594</v>
      </c>
      <c r="B48453" t="s">
        <v>66595</v>
      </c>
      <c r="C48453">
        <v>1</v>
      </c>
      <c r="D48453">
        <v>0</v>
      </c>
    </row>
    <row r="48454" spans="1:4" x14ac:dyDescent="0.25">
      <c r="A48454" t="s">
        <v>66594</v>
      </c>
      <c r="B48454" t="s">
        <v>66596</v>
      </c>
      <c r="C48454">
        <v>1</v>
      </c>
      <c r="D48454">
        <v>0</v>
      </c>
    </row>
    <row r="48455" spans="1:4" x14ac:dyDescent="0.25">
      <c r="A48455" t="s">
        <v>66594</v>
      </c>
      <c r="B48455" t="s">
        <v>20641</v>
      </c>
      <c r="C48455">
        <v>0</v>
      </c>
      <c r="D48455">
        <v>0</v>
      </c>
    </row>
    <row r="48456" spans="1:4" x14ac:dyDescent="0.25">
      <c r="A48456" t="s">
        <v>66594</v>
      </c>
      <c r="B48456" t="s">
        <v>66597</v>
      </c>
      <c r="C48456">
        <v>2</v>
      </c>
      <c r="D48456">
        <v>0</v>
      </c>
    </row>
    <row r="48457" spans="1:4" x14ac:dyDescent="0.25">
      <c r="A48457" t="s">
        <v>66594</v>
      </c>
      <c r="B48457" t="s">
        <v>66598</v>
      </c>
      <c r="C48457">
        <v>1</v>
      </c>
      <c r="D48457">
        <v>0</v>
      </c>
    </row>
    <row r="48458" spans="1:4" x14ac:dyDescent="0.25">
      <c r="A48458" t="s">
        <v>66594</v>
      </c>
      <c r="B48458" t="s">
        <v>66599</v>
      </c>
      <c r="C48458">
        <v>1</v>
      </c>
      <c r="D48458">
        <v>0</v>
      </c>
    </row>
    <row r="48459" spans="1:4" x14ac:dyDescent="0.25">
      <c r="A48459" t="s">
        <v>66600</v>
      </c>
      <c r="B48459" t="s">
        <v>66601</v>
      </c>
      <c r="C48459">
        <v>1</v>
      </c>
      <c r="D48459">
        <v>0</v>
      </c>
    </row>
    <row r="48460" spans="1:4" x14ac:dyDescent="0.25">
      <c r="A48460" t="s">
        <v>66600</v>
      </c>
      <c r="B48460" t="s">
        <v>66602</v>
      </c>
      <c r="C48460">
        <v>1</v>
      </c>
      <c r="D48460">
        <v>0</v>
      </c>
    </row>
    <row r="48461" spans="1:4" x14ac:dyDescent="0.25">
      <c r="A48461" t="s">
        <v>66600</v>
      </c>
      <c r="B48461" t="s">
        <v>66603</v>
      </c>
      <c r="C48461">
        <v>0</v>
      </c>
      <c r="D48461">
        <v>0</v>
      </c>
    </row>
    <row r="48462" spans="1:4" x14ac:dyDescent="0.25">
      <c r="A48462" t="s">
        <v>66600</v>
      </c>
      <c r="B48462" t="s">
        <v>66604</v>
      </c>
      <c r="C48462">
        <v>1</v>
      </c>
      <c r="D48462">
        <v>0</v>
      </c>
    </row>
    <row r="48463" spans="1:4" x14ac:dyDescent="0.25">
      <c r="A48463" t="s">
        <v>66600</v>
      </c>
      <c r="B48463" t="s">
        <v>5434</v>
      </c>
      <c r="C48463">
        <v>1</v>
      </c>
      <c r="D48463">
        <v>0</v>
      </c>
    </row>
    <row r="48464" spans="1:4" x14ac:dyDescent="0.25">
      <c r="A48464" t="s">
        <v>66600</v>
      </c>
      <c r="B48464" t="s">
        <v>5713</v>
      </c>
      <c r="C48464">
        <v>1</v>
      </c>
      <c r="D48464">
        <v>0</v>
      </c>
    </row>
    <row r="48465" spans="1:4" x14ac:dyDescent="0.25">
      <c r="A48465" t="s">
        <v>66605</v>
      </c>
      <c r="B48465" t="s">
        <v>66606</v>
      </c>
      <c r="C48465">
        <v>2</v>
      </c>
      <c r="D48465">
        <v>0</v>
      </c>
    </row>
    <row r="48466" spans="1:4" x14ac:dyDescent="0.25">
      <c r="A48466" t="s">
        <v>66605</v>
      </c>
      <c r="B48466" t="s">
        <v>66607</v>
      </c>
      <c r="C48466">
        <v>2</v>
      </c>
      <c r="D48466">
        <v>0</v>
      </c>
    </row>
    <row r="48467" spans="1:4" x14ac:dyDescent="0.25">
      <c r="A48467" t="s">
        <v>66605</v>
      </c>
      <c r="B48467" t="s">
        <v>66608</v>
      </c>
      <c r="C48467">
        <v>2</v>
      </c>
      <c r="D48467">
        <v>0</v>
      </c>
    </row>
    <row r="48468" spans="1:4" x14ac:dyDescent="0.25">
      <c r="A48468" t="s">
        <v>66605</v>
      </c>
      <c r="B48468" t="s">
        <v>66609</v>
      </c>
      <c r="C48468">
        <v>2</v>
      </c>
      <c r="D48468">
        <v>0</v>
      </c>
    </row>
    <row r="48469" spans="1:4" x14ac:dyDescent="0.25">
      <c r="A48469" t="s">
        <v>66605</v>
      </c>
      <c r="B48469" t="s">
        <v>66610</v>
      </c>
      <c r="C48469">
        <v>2</v>
      </c>
      <c r="D48469">
        <v>0</v>
      </c>
    </row>
    <row r="48470" spans="1:4" x14ac:dyDescent="0.25">
      <c r="A48470" t="s">
        <v>66605</v>
      </c>
      <c r="B48470" t="s">
        <v>66611</v>
      </c>
      <c r="C48470">
        <v>2</v>
      </c>
      <c r="D48470">
        <v>0</v>
      </c>
    </row>
    <row r="48471" spans="1:4" x14ac:dyDescent="0.25">
      <c r="A48471" t="s">
        <v>66605</v>
      </c>
      <c r="B48471" t="s">
        <v>2651</v>
      </c>
      <c r="C48471">
        <v>2</v>
      </c>
      <c r="D48471">
        <v>0</v>
      </c>
    </row>
    <row r="48472" spans="1:4" x14ac:dyDescent="0.25">
      <c r="A48472" t="s">
        <v>66612</v>
      </c>
      <c r="B48472" t="s">
        <v>66613</v>
      </c>
      <c r="C48472">
        <v>0</v>
      </c>
      <c r="D48472">
        <v>0</v>
      </c>
    </row>
    <row r="48473" spans="1:4" x14ac:dyDescent="0.25">
      <c r="A48473" t="s">
        <v>66612</v>
      </c>
      <c r="B48473" t="s">
        <v>66614</v>
      </c>
      <c r="C48473">
        <v>2</v>
      </c>
      <c r="D48473">
        <v>0</v>
      </c>
    </row>
    <row r="48474" spans="1:4" x14ac:dyDescent="0.25">
      <c r="A48474" t="s">
        <v>66612</v>
      </c>
      <c r="B48474" t="s">
        <v>66615</v>
      </c>
      <c r="C48474">
        <v>2</v>
      </c>
      <c r="D48474">
        <v>0</v>
      </c>
    </row>
    <row r="48475" spans="1:4" x14ac:dyDescent="0.25">
      <c r="A48475" t="s">
        <v>66616</v>
      </c>
      <c r="B48475" t="s">
        <v>66617</v>
      </c>
      <c r="C48475">
        <v>2</v>
      </c>
      <c r="D48475">
        <v>0</v>
      </c>
    </row>
    <row r="48476" spans="1:4" x14ac:dyDescent="0.25">
      <c r="A48476" t="s">
        <v>66616</v>
      </c>
      <c r="B48476" t="s">
        <v>66618</v>
      </c>
      <c r="C48476">
        <v>1</v>
      </c>
      <c r="D48476">
        <v>0</v>
      </c>
    </row>
    <row r="48477" spans="1:4" x14ac:dyDescent="0.25">
      <c r="A48477" t="s">
        <v>66616</v>
      </c>
      <c r="B48477" t="s">
        <v>66619</v>
      </c>
      <c r="C48477">
        <v>0</v>
      </c>
      <c r="D48477">
        <v>0</v>
      </c>
    </row>
    <row r="48478" spans="1:4" x14ac:dyDescent="0.25">
      <c r="A48478" t="s">
        <v>66616</v>
      </c>
      <c r="B48478" t="s">
        <v>66620</v>
      </c>
      <c r="C48478">
        <v>0</v>
      </c>
      <c r="D48478">
        <v>0</v>
      </c>
    </row>
    <row r="48479" spans="1:4" x14ac:dyDescent="0.25">
      <c r="A48479" t="s">
        <v>66621</v>
      </c>
      <c r="B48479" t="s">
        <v>20393</v>
      </c>
      <c r="C48479">
        <v>1</v>
      </c>
      <c r="D48479">
        <v>0</v>
      </c>
    </row>
    <row r="48480" spans="1:4" x14ac:dyDescent="0.25">
      <c r="A48480" t="s">
        <v>66621</v>
      </c>
      <c r="B48480" t="s">
        <v>66622</v>
      </c>
      <c r="C48480">
        <v>1</v>
      </c>
      <c r="D48480">
        <v>0</v>
      </c>
    </row>
    <row r="48481" spans="1:4" x14ac:dyDescent="0.25">
      <c r="A48481" t="s">
        <v>66621</v>
      </c>
      <c r="B48481" t="s">
        <v>66623</v>
      </c>
      <c r="C48481">
        <v>0</v>
      </c>
      <c r="D48481">
        <v>0</v>
      </c>
    </row>
    <row r="48482" spans="1:4" x14ac:dyDescent="0.25">
      <c r="A48482" t="s">
        <v>66624</v>
      </c>
      <c r="B48482" t="s">
        <v>66625</v>
      </c>
      <c r="C48482">
        <v>0</v>
      </c>
      <c r="D48482">
        <v>0</v>
      </c>
    </row>
    <row r="48483" spans="1:4" x14ac:dyDescent="0.25">
      <c r="A48483" t="s">
        <v>66624</v>
      </c>
      <c r="B48483" t="s">
        <v>66626</v>
      </c>
      <c r="C48483">
        <v>0</v>
      </c>
      <c r="D48483">
        <v>0</v>
      </c>
    </row>
    <row r="48484" spans="1:4" x14ac:dyDescent="0.25">
      <c r="A48484" t="s">
        <v>66624</v>
      </c>
      <c r="B48484" t="s">
        <v>66627</v>
      </c>
      <c r="C48484">
        <v>2</v>
      </c>
      <c r="D48484">
        <v>0</v>
      </c>
    </row>
    <row r="48485" spans="1:4" x14ac:dyDescent="0.25">
      <c r="A48485" t="s">
        <v>66624</v>
      </c>
      <c r="B48485" t="s">
        <v>66628</v>
      </c>
      <c r="C48485">
        <v>2</v>
      </c>
      <c r="D48485">
        <v>0</v>
      </c>
    </row>
    <row r="48486" spans="1:4" x14ac:dyDescent="0.25">
      <c r="A48486" t="s">
        <v>66629</v>
      </c>
      <c r="B48486" t="s">
        <v>66630</v>
      </c>
      <c r="C48486">
        <v>0</v>
      </c>
      <c r="D48486">
        <v>0</v>
      </c>
    </row>
    <row r="48487" spans="1:4" x14ac:dyDescent="0.25">
      <c r="A48487" t="s">
        <v>66631</v>
      </c>
      <c r="B48487" t="s">
        <v>66632</v>
      </c>
      <c r="C48487">
        <v>1</v>
      </c>
      <c r="D48487">
        <v>0</v>
      </c>
    </row>
    <row r="48488" spans="1:4" x14ac:dyDescent="0.25">
      <c r="A48488" t="s">
        <v>66631</v>
      </c>
      <c r="B48488" t="s">
        <v>66633</v>
      </c>
      <c r="C48488">
        <v>2</v>
      </c>
      <c r="D48488">
        <v>0</v>
      </c>
    </row>
    <row r="48489" spans="1:4" x14ac:dyDescent="0.25">
      <c r="A48489" t="s">
        <v>66634</v>
      </c>
      <c r="B48489" t="s">
        <v>66635</v>
      </c>
      <c r="C48489">
        <v>1</v>
      </c>
      <c r="D48489">
        <v>0</v>
      </c>
    </row>
    <row r="48490" spans="1:4" x14ac:dyDescent="0.25">
      <c r="A48490" t="s">
        <v>66634</v>
      </c>
      <c r="B48490" t="s">
        <v>66636</v>
      </c>
      <c r="C48490">
        <v>1</v>
      </c>
      <c r="D48490">
        <v>0</v>
      </c>
    </row>
    <row r="48491" spans="1:4" x14ac:dyDescent="0.25">
      <c r="A48491" t="s">
        <v>66637</v>
      </c>
      <c r="B48491" t="s">
        <v>66638</v>
      </c>
      <c r="C48491">
        <v>0</v>
      </c>
      <c r="D48491">
        <v>0</v>
      </c>
    </row>
    <row r="48492" spans="1:4" x14ac:dyDescent="0.25">
      <c r="A48492" t="s">
        <v>66637</v>
      </c>
      <c r="B48492" t="s">
        <v>66639</v>
      </c>
      <c r="C48492">
        <v>2</v>
      </c>
      <c r="D48492">
        <v>0</v>
      </c>
    </row>
    <row r="48493" spans="1:4" x14ac:dyDescent="0.25">
      <c r="A48493" t="s">
        <v>66640</v>
      </c>
      <c r="B48493" t="s">
        <v>66641</v>
      </c>
      <c r="C48493">
        <v>0</v>
      </c>
      <c r="D48493">
        <v>0</v>
      </c>
    </row>
    <row r="48494" spans="1:4" x14ac:dyDescent="0.25">
      <c r="A48494" t="s">
        <v>66640</v>
      </c>
      <c r="B48494" t="s">
        <v>66642</v>
      </c>
      <c r="C48494">
        <v>0</v>
      </c>
      <c r="D48494">
        <v>0</v>
      </c>
    </row>
    <row r="48495" spans="1:4" x14ac:dyDescent="0.25">
      <c r="A48495" t="s">
        <v>66640</v>
      </c>
      <c r="B48495" t="s">
        <v>66643</v>
      </c>
      <c r="C48495">
        <v>0</v>
      </c>
      <c r="D48495">
        <v>0</v>
      </c>
    </row>
    <row r="48496" spans="1:4" x14ac:dyDescent="0.25">
      <c r="A48496" t="s">
        <v>66640</v>
      </c>
      <c r="B48496" t="s">
        <v>66644</v>
      </c>
      <c r="C48496">
        <v>0</v>
      </c>
      <c r="D48496">
        <v>0</v>
      </c>
    </row>
    <row r="48497" spans="1:4" x14ac:dyDescent="0.25">
      <c r="A48497" t="s">
        <v>66640</v>
      </c>
      <c r="B48497" t="s">
        <v>66645</v>
      </c>
      <c r="C48497">
        <v>0</v>
      </c>
      <c r="D48497">
        <v>0</v>
      </c>
    </row>
    <row r="48498" spans="1:4" x14ac:dyDescent="0.25">
      <c r="A48498" t="s">
        <v>66640</v>
      </c>
      <c r="B48498" t="s">
        <v>66646</v>
      </c>
      <c r="C48498">
        <v>2</v>
      </c>
      <c r="D48498">
        <v>0</v>
      </c>
    </row>
    <row r="48499" spans="1:4" x14ac:dyDescent="0.25">
      <c r="A48499" t="s">
        <v>66640</v>
      </c>
      <c r="B48499" t="s">
        <v>66647</v>
      </c>
      <c r="C48499">
        <v>2</v>
      </c>
      <c r="D48499">
        <v>0</v>
      </c>
    </row>
    <row r="48500" spans="1:4" x14ac:dyDescent="0.25">
      <c r="A48500" t="s">
        <v>66648</v>
      </c>
      <c r="B48500" t="s">
        <v>66649</v>
      </c>
      <c r="C48500">
        <v>1</v>
      </c>
      <c r="D48500">
        <v>0</v>
      </c>
    </row>
    <row r="48501" spans="1:4" x14ac:dyDescent="0.25">
      <c r="A48501" t="s">
        <v>66648</v>
      </c>
      <c r="B48501" t="s">
        <v>66650</v>
      </c>
      <c r="C48501">
        <v>1</v>
      </c>
      <c r="D48501">
        <v>0</v>
      </c>
    </row>
    <row r="48502" spans="1:4" x14ac:dyDescent="0.25">
      <c r="A48502" t="s">
        <v>66648</v>
      </c>
      <c r="B48502" t="s">
        <v>66651</v>
      </c>
      <c r="C48502">
        <v>1</v>
      </c>
      <c r="D48502">
        <v>0</v>
      </c>
    </row>
    <row r="48503" spans="1:4" x14ac:dyDescent="0.25">
      <c r="A48503" t="s">
        <v>66648</v>
      </c>
      <c r="B48503" t="s">
        <v>66652</v>
      </c>
      <c r="C48503">
        <v>1</v>
      </c>
      <c r="D48503">
        <v>0</v>
      </c>
    </row>
    <row r="48504" spans="1:4" x14ac:dyDescent="0.25">
      <c r="A48504" t="s">
        <v>66648</v>
      </c>
      <c r="B48504" t="s">
        <v>66653</v>
      </c>
      <c r="C48504">
        <v>2</v>
      </c>
      <c r="D48504">
        <v>0</v>
      </c>
    </row>
    <row r="48505" spans="1:4" x14ac:dyDescent="0.25">
      <c r="A48505" t="s">
        <v>66648</v>
      </c>
      <c r="B48505" t="s">
        <v>66654</v>
      </c>
      <c r="C48505">
        <v>2</v>
      </c>
      <c r="D48505">
        <v>0</v>
      </c>
    </row>
    <row r="48506" spans="1:4" x14ac:dyDescent="0.25">
      <c r="A48506" t="s">
        <v>66648</v>
      </c>
      <c r="B48506" t="s">
        <v>66655</v>
      </c>
      <c r="C48506">
        <v>1</v>
      </c>
      <c r="D48506">
        <v>0</v>
      </c>
    </row>
    <row r="48507" spans="1:4" x14ac:dyDescent="0.25">
      <c r="A48507" t="s">
        <v>66648</v>
      </c>
      <c r="B48507" t="s">
        <v>66656</v>
      </c>
      <c r="C48507">
        <v>1</v>
      </c>
      <c r="D48507">
        <v>0</v>
      </c>
    </row>
    <row r="48508" spans="1:4" x14ac:dyDescent="0.25">
      <c r="A48508" t="s">
        <v>66657</v>
      </c>
      <c r="B48508" t="s">
        <v>66658</v>
      </c>
      <c r="C48508">
        <v>0</v>
      </c>
      <c r="D48508">
        <v>0</v>
      </c>
    </row>
    <row r="48509" spans="1:4" x14ac:dyDescent="0.25">
      <c r="A48509" t="s">
        <v>66659</v>
      </c>
      <c r="B48509" t="s">
        <v>66660</v>
      </c>
      <c r="C48509">
        <v>2</v>
      </c>
      <c r="D48509">
        <v>0</v>
      </c>
    </row>
    <row r="48510" spans="1:4" x14ac:dyDescent="0.25">
      <c r="A48510" t="s">
        <v>66659</v>
      </c>
      <c r="B48510" t="s">
        <v>66661</v>
      </c>
      <c r="C48510">
        <v>2</v>
      </c>
      <c r="D48510">
        <v>0</v>
      </c>
    </row>
    <row r="48511" spans="1:4" x14ac:dyDescent="0.25">
      <c r="A48511" t="s">
        <v>66659</v>
      </c>
      <c r="B48511" t="s">
        <v>66662</v>
      </c>
      <c r="C48511">
        <v>1</v>
      </c>
      <c r="D48511">
        <v>0</v>
      </c>
    </row>
    <row r="48512" spans="1:4" x14ac:dyDescent="0.25">
      <c r="A48512" t="s">
        <v>66659</v>
      </c>
      <c r="B48512" t="s">
        <v>66663</v>
      </c>
      <c r="C48512">
        <v>1</v>
      </c>
      <c r="D48512">
        <v>0</v>
      </c>
    </row>
    <row r="48513" spans="1:4" x14ac:dyDescent="0.25">
      <c r="A48513" t="s">
        <v>66659</v>
      </c>
      <c r="B48513" t="s">
        <v>66664</v>
      </c>
      <c r="C48513">
        <v>2</v>
      </c>
      <c r="D48513">
        <v>0</v>
      </c>
    </row>
    <row r="48514" spans="1:4" x14ac:dyDescent="0.25">
      <c r="A48514" t="s">
        <v>66659</v>
      </c>
      <c r="B48514" t="s">
        <v>66665</v>
      </c>
      <c r="C48514">
        <v>1</v>
      </c>
      <c r="D48514">
        <v>0</v>
      </c>
    </row>
    <row r="48515" spans="1:4" x14ac:dyDescent="0.25">
      <c r="A48515" t="s">
        <v>66659</v>
      </c>
      <c r="B48515" t="s">
        <v>66666</v>
      </c>
      <c r="C48515">
        <v>1</v>
      </c>
      <c r="D48515">
        <v>0</v>
      </c>
    </row>
    <row r="48516" spans="1:4" x14ac:dyDescent="0.25">
      <c r="A48516" t="s">
        <v>66667</v>
      </c>
      <c r="B48516" t="s">
        <v>66668</v>
      </c>
      <c r="C48516">
        <v>1</v>
      </c>
      <c r="D48516">
        <v>0</v>
      </c>
    </row>
    <row r="48517" spans="1:4" x14ac:dyDescent="0.25">
      <c r="A48517" t="s">
        <v>66667</v>
      </c>
      <c r="B48517" t="s">
        <v>66669</v>
      </c>
      <c r="C48517">
        <v>0</v>
      </c>
      <c r="D48517">
        <v>0</v>
      </c>
    </row>
    <row r="48518" spans="1:4" x14ac:dyDescent="0.25">
      <c r="A48518" t="s">
        <v>66667</v>
      </c>
      <c r="B48518" t="s">
        <v>66670</v>
      </c>
      <c r="C48518">
        <v>1</v>
      </c>
      <c r="D48518">
        <v>0</v>
      </c>
    </row>
    <row r="48519" spans="1:4" x14ac:dyDescent="0.25">
      <c r="A48519" t="s">
        <v>66667</v>
      </c>
      <c r="B48519" t="s">
        <v>66671</v>
      </c>
      <c r="C48519">
        <v>2</v>
      </c>
      <c r="D48519">
        <v>0</v>
      </c>
    </row>
    <row r="48520" spans="1:4" x14ac:dyDescent="0.25">
      <c r="A48520" t="s">
        <v>66672</v>
      </c>
      <c r="B48520" t="s">
        <v>5713</v>
      </c>
      <c r="C48520">
        <v>1</v>
      </c>
      <c r="D48520">
        <v>0</v>
      </c>
    </row>
    <row r="48521" spans="1:4" x14ac:dyDescent="0.25">
      <c r="A48521" t="s">
        <v>66672</v>
      </c>
      <c r="B48521" t="s">
        <v>66673</v>
      </c>
      <c r="C48521">
        <v>2</v>
      </c>
      <c r="D48521">
        <v>0</v>
      </c>
    </row>
    <row r="48522" spans="1:4" x14ac:dyDescent="0.25">
      <c r="A48522" t="s">
        <v>66672</v>
      </c>
      <c r="B48522" t="s">
        <v>66674</v>
      </c>
      <c r="C48522">
        <v>1</v>
      </c>
      <c r="D48522">
        <v>0</v>
      </c>
    </row>
    <row r="48523" spans="1:4" x14ac:dyDescent="0.25">
      <c r="A48523" t="s">
        <v>66672</v>
      </c>
      <c r="B48523" t="s">
        <v>66675</v>
      </c>
      <c r="C48523">
        <v>1</v>
      </c>
      <c r="D48523">
        <v>0</v>
      </c>
    </row>
    <row r="48524" spans="1:4" x14ac:dyDescent="0.25">
      <c r="A48524" t="s">
        <v>66676</v>
      </c>
      <c r="B48524" t="s">
        <v>66677</v>
      </c>
      <c r="C48524">
        <v>1</v>
      </c>
      <c r="D48524">
        <v>0</v>
      </c>
    </row>
    <row r="48525" spans="1:4" x14ac:dyDescent="0.25">
      <c r="A48525" t="s">
        <v>66676</v>
      </c>
      <c r="B48525" t="s">
        <v>66678</v>
      </c>
      <c r="C48525">
        <v>2</v>
      </c>
      <c r="D48525">
        <v>0</v>
      </c>
    </row>
    <row r="48526" spans="1:4" x14ac:dyDescent="0.25">
      <c r="A48526" t="s">
        <v>66676</v>
      </c>
      <c r="B48526" t="s">
        <v>66679</v>
      </c>
      <c r="C48526">
        <v>1</v>
      </c>
      <c r="D48526">
        <v>0</v>
      </c>
    </row>
    <row r="48527" spans="1:4" x14ac:dyDescent="0.25">
      <c r="A48527" t="s">
        <v>66676</v>
      </c>
      <c r="B48527" t="s">
        <v>66680</v>
      </c>
      <c r="C48527">
        <v>2</v>
      </c>
      <c r="D48527">
        <v>0</v>
      </c>
    </row>
    <row r="48528" spans="1:4" x14ac:dyDescent="0.25">
      <c r="A48528" t="s">
        <v>66676</v>
      </c>
      <c r="B48528" t="s">
        <v>66681</v>
      </c>
      <c r="C48528">
        <v>1</v>
      </c>
      <c r="D48528">
        <v>0</v>
      </c>
    </row>
    <row r="48529" spans="1:4" x14ac:dyDescent="0.25">
      <c r="A48529" t="s">
        <v>66682</v>
      </c>
      <c r="B48529" t="s">
        <v>17257</v>
      </c>
      <c r="C48529">
        <v>0</v>
      </c>
      <c r="D48529">
        <v>0</v>
      </c>
    </row>
    <row r="48530" spans="1:4" x14ac:dyDescent="0.25">
      <c r="A48530" t="s">
        <v>66683</v>
      </c>
      <c r="B48530" t="s">
        <v>66684</v>
      </c>
      <c r="C48530">
        <v>0</v>
      </c>
      <c r="D48530">
        <v>0</v>
      </c>
    </row>
    <row r="48531" spans="1:4" x14ac:dyDescent="0.25">
      <c r="A48531" t="s">
        <v>66683</v>
      </c>
      <c r="B48531" t="s">
        <v>66685</v>
      </c>
      <c r="C48531">
        <v>1</v>
      </c>
      <c r="D48531">
        <v>0</v>
      </c>
    </row>
    <row r="48532" spans="1:4" x14ac:dyDescent="0.25">
      <c r="A48532" t="s">
        <v>66683</v>
      </c>
      <c r="B48532" t="s">
        <v>66686</v>
      </c>
      <c r="C48532">
        <v>1</v>
      </c>
      <c r="D48532">
        <v>0</v>
      </c>
    </row>
    <row r="48533" spans="1:4" x14ac:dyDescent="0.25">
      <c r="A48533" t="s">
        <v>66687</v>
      </c>
      <c r="B48533" t="s">
        <v>66688</v>
      </c>
      <c r="C48533">
        <v>1</v>
      </c>
      <c r="D48533">
        <v>0</v>
      </c>
    </row>
    <row r="48534" spans="1:4" x14ac:dyDescent="0.25">
      <c r="A48534" t="s">
        <v>66689</v>
      </c>
      <c r="B48534" t="s">
        <v>66690</v>
      </c>
      <c r="C48534">
        <v>1</v>
      </c>
      <c r="D48534">
        <v>0</v>
      </c>
    </row>
    <row r="48535" spans="1:4" x14ac:dyDescent="0.25">
      <c r="A48535" t="s">
        <v>66689</v>
      </c>
      <c r="B48535" t="s">
        <v>66691</v>
      </c>
      <c r="C48535">
        <v>0</v>
      </c>
      <c r="D48535">
        <v>0</v>
      </c>
    </row>
    <row r="48536" spans="1:4" x14ac:dyDescent="0.25">
      <c r="A48536" t="s">
        <v>66689</v>
      </c>
      <c r="B48536" t="s">
        <v>66692</v>
      </c>
      <c r="C48536">
        <v>0</v>
      </c>
      <c r="D48536">
        <v>0</v>
      </c>
    </row>
    <row r="48537" spans="1:4" x14ac:dyDescent="0.25">
      <c r="A48537" t="s">
        <v>66689</v>
      </c>
      <c r="B48537" t="s">
        <v>66693</v>
      </c>
      <c r="C48537">
        <v>0</v>
      </c>
      <c r="D48537">
        <v>0</v>
      </c>
    </row>
    <row r="48538" spans="1:4" x14ac:dyDescent="0.25">
      <c r="A48538" t="s">
        <v>66694</v>
      </c>
      <c r="B48538" t="s">
        <v>66695</v>
      </c>
      <c r="C48538">
        <v>2</v>
      </c>
      <c r="D48538">
        <v>0</v>
      </c>
    </row>
    <row r="48539" spans="1:4" x14ac:dyDescent="0.25">
      <c r="A48539" t="s">
        <v>66694</v>
      </c>
      <c r="B48539" t="s">
        <v>66696</v>
      </c>
      <c r="C48539">
        <v>1</v>
      </c>
      <c r="D48539">
        <v>0</v>
      </c>
    </row>
    <row r="48540" spans="1:4" x14ac:dyDescent="0.25">
      <c r="A48540" t="s">
        <v>66694</v>
      </c>
      <c r="B48540" t="s">
        <v>66697</v>
      </c>
      <c r="C48540">
        <v>1</v>
      </c>
      <c r="D48540">
        <v>0</v>
      </c>
    </row>
    <row r="48541" spans="1:4" x14ac:dyDescent="0.25">
      <c r="A48541" t="s">
        <v>66694</v>
      </c>
      <c r="B48541" t="s">
        <v>66698</v>
      </c>
      <c r="C48541">
        <v>0</v>
      </c>
      <c r="D48541">
        <v>0</v>
      </c>
    </row>
    <row r="48542" spans="1:4" x14ac:dyDescent="0.25">
      <c r="A48542" t="s">
        <v>66699</v>
      </c>
      <c r="B48542" t="s">
        <v>66700</v>
      </c>
      <c r="C48542">
        <v>1</v>
      </c>
      <c r="D48542">
        <v>0</v>
      </c>
    </row>
    <row r="48543" spans="1:4" x14ac:dyDescent="0.25">
      <c r="A48543" t="s">
        <v>66699</v>
      </c>
      <c r="B48543" t="s">
        <v>66701</v>
      </c>
      <c r="C48543">
        <v>0</v>
      </c>
      <c r="D48543">
        <v>0</v>
      </c>
    </row>
    <row r="48544" spans="1:4" x14ac:dyDescent="0.25">
      <c r="A48544" t="s">
        <v>66699</v>
      </c>
      <c r="B48544" t="s">
        <v>66702</v>
      </c>
      <c r="C48544">
        <v>1</v>
      </c>
      <c r="D48544">
        <v>0</v>
      </c>
    </row>
    <row r="48545" spans="1:4" x14ac:dyDescent="0.25">
      <c r="A48545" t="s">
        <v>66699</v>
      </c>
      <c r="B48545" t="s">
        <v>66703</v>
      </c>
      <c r="C48545">
        <v>0</v>
      </c>
      <c r="D48545">
        <v>0</v>
      </c>
    </row>
    <row r="48546" spans="1:4" x14ac:dyDescent="0.25">
      <c r="A48546" t="s">
        <v>66699</v>
      </c>
      <c r="B48546" t="s">
        <v>66704</v>
      </c>
      <c r="C48546">
        <v>1</v>
      </c>
      <c r="D48546">
        <v>0</v>
      </c>
    </row>
    <row r="48547" spans="1:4" x14ac:dyDescent="0.25">
      <c r="A48547" t="s">
        <v>66699</v>
      </c>
      <c r="B48547" t="s">
        <v>66705</v>
      </c>
      <c r="C48547">
        <v>0</v>
      </c>
      <c r="D48547">
        <v>0</v>
      </c>
    </row>
    <row r="48548" spans="1:4" x14ac:dyDescent="0.25">
      <c r="A48548" t="s">
        <v>66699</v>
      </c>
      <c r="B48548" t="s">
        <v>66706</v>
      </c>
      <c r="C48548">
        <v>1</v>
      </c>
      <c r="D48548">
        <v>0</v>
      </c>
    </row>
    <row r="48549" spans="1:4" x14ac:dyDescent="0.25">
      <c r="A48549" t="s">
        <v>66699</v>
      </c>
      <c r="B48549" t="s">
        <v>2061</v>
      </c>
      <c r="C48549">
        <v>0</v>
      </c>
      <c r="D48549">
        <v>0</v>
      </c>
    </row>
    <row r="48550" spans="1:4" x14ac:dyDescent="0.25">
      <c r="A48550" t="s">
        <v>66699</v>
      </c>
      <c r="B48550" t="s">
        <v>66707</v>
      </c>
      <c r="C48550">
        <v>1</v>
      </c>
      <c r="D48550">
        <v>0</v>
      </c>
    </row>
    <row r="48551" spans="1:4" x14ac:dyDescent="0.25">
      <c r="A48551" t="s">
        <v>66708</v>
      </c>
      <c r="B48551" t="s">
        <v>66709</v>
      </c>
      <c r="C48551">
        <v>0</v>
      </c>
      <c r="D48551">
        <v>0</v>
      </c>
    </row>
    <row r="48552" spans="1:4" x14ac:dyDescent="0.25">
      <c r="A48552" t="s">
        <v>66708</v>
      </c>
      <c r="B48552" t="s">
        <v>66710</v>
      </c>
      <c r="C48552">
        <v>1</v>
      </c>
      <c r="D48552">
        <v>0</v>
      </c>
    </row>
    <row r="48553" spans="1:4" x14ac:dyDescent="0.25">
      <c r="A48553" t="s">
        <v>66708</v>
      </c>
      <c r="B48553" t="s">
        <v>66711</v>
      </c>
      <c r="C48553">
        <v>1</v>
      </c>
      <c r="D48553">
        <v>0</v>
      </c>
    </row>
    <row r="48554" spans="1:4" x14ac:dyDescent="0.25">
      <c r="A48554" t="s">
        <v>66708</v>
      </c>
      <c r="B48554" t="s">
        <v>66712</v>
      </c>
      <c r="C48554">
        <v>1</v>
      </c>
      <c r="D48554">
        <v>0</v>
      </c>
    </row>
    <row r="48555" spans="1:4" x14ac:dyDescent="0.25">
      <c r="A48555" t="s">
        <v>66708</v>
      </c>
      <c r="B48555" t="s">
        <v>66713</v>
      </c>
      <c r="C48555">
        <v>1</v>
      </c>
      <c r="D48555">
        <v>0</v>
      </c>
    </row>
    <row r="48556" spans="1:4" x14ac:dyDescent="0.25">
      <c r="A48556" t="s">
        <v>66714</v>
      </c>
      <c r="B48556" t="s">
        <v>66715</v>
      </c>
      <c r="C48556">
        <v>1</v>
      </c>
      <c r="D48556">
        <v>0</v>
      </c>
    </row>
    <row r="48557" spans="1:4" x14ac:dyDescent="0.25">
      <c r="A48557" t="s">
        <v>66714</v>
      </c>
      <c r="B48557" t="s">
        <v>66716</v>
      </c>
      <c r="C48557">
        <v>1</v>
      </c>
      <c r="D48557">
        <v>0</v>
      </c>
    </row>
    <row r="48558" spans="1:4" x14ac:dyDescent="0.25">
      <c r="A48558" t="s">
        <v>66714</v>
      </c>
      <c r="B48558" t="s">
        <v>66717</v>
      </c>
      <c r="C48558">
        <v>1</v>
      </c>
      <c r="D48558">
        <v>0</v>
      </c>
    </row>
    <row r="48559" spans="1:4" x14ac:dyDescent="0.25">
      <c r="A48559" t="s">
        <v>66714</v>
      </c>
      <c r="B48559" t="s">
        <v>66718</v>
      </c>
      <c r="C48559">
        <v>1</v>
      </c>
      <c r="D48559">
        <v>0</v>
      </c>
    </row>
    <row r="48560" spans="1:4" x14ac:dyDescent="0.25">
      <c r="A48560" t="s">
        <v>66714</v>
      </c>
      <c r="B48560" t="s">
        <v>66719</v>
      </c>
      <c r="C48560">
        <v>1</v>
      </c>
      <c r="D48560">
        <v>0</v>
      </c>
    </row>
    <row r="48561" spans="1:4" x14ac:dyDescent="0.25">
      <c r="A48561" t="s">
        <v>66714</v>
      </c>
      <c r="B48561" t="s">
        <v>66720</v>
      </c>
      <c r="C48561">
        <v>1</v>
      </c>
      <c r="D48561">
        <v>0</v>
      </c>
    </row>
    <row r="48562" spans="1:4" x14ac:dyDescent="0.25">
      <c r="A48562" t="s">
        <v>66721</v>
      </c>
      <c r="B48562" t="s">
        <v>66722</v>
      </c>
      <c r="C48562">
        <v>1</v>
      </c>
      <c r="D48562">
        <v>0</v>
      </c>
    </row>
    <row r="48563" spans="1:4" x14ac:dyDescent="0.25">
      <c r="A48563" t="s">
        <v>66721</v>
      </c>
      <c r="B48563" t="s">
        <v>66723</v>
      </c>
      <c r="C48563">
        <v>1</v>
      </c>
      <c r="D48563">
        <v>0</v>
      </c>
    </row>
    <row r="48564" spans="1:4" x14ac:dyDescent="0.25">
      <c r="A48564" t="s">
        <v>66721</v>
      </c>
      <c r="B48564" t="s">
        <v>66724</v>
      </c>
      <c r="C48564">
        <v>1</v>
      </c>
      <c r="D48564">
        <v>0</v>
      </c>
    </row>
    <row r="48565" spans="1:4" x14ac:dyDescent="0.25">
      <c r="A48565" t="s">
        <v>66721</v>
      </c>
      <c r="B48565" t="s">
        <v>66725</v>
      </c>
      <c r="C48565">
        <v>0</v>
      </c>
      <c r="D48565">
        <v>0</v>
      </c>
    </row>
    <row r="48566" spans="1:4" x14ac:dyDescent="0.25">
      <c r="A48566" t="s">
        <v>66726</v>
      </c>
      <c r="B48566" t="s">
        <v>66727</v>
      </c>
      <c r="C48566">
        <v>1</v>
      </c>
      <c r="D48566">
        <v>0</v>
      </c>
    </row>
    <row r="48567" spans="1:4" x14ac:dyDescent="0.25">
      <c r="A48567" t="s">
        <v>66726</v>
      </c>
      <c r="B48567" t="s">
        <v>17479</v>
      </c>
      <c r="C48567">
        <v>0</v>
      </c>
      <c r="D48567">
        <v>0</v>
      </c>
    </row>
    <row r="48568" spans="1:4" x14ac:dyDescent="0.25">
      <c r="A48568" t="s">
        <v>66726</v>
      </c>
      <c r="B48568" t="s">
        <v>66728</v>
      </c>
      <c r="C48568">
        <v>2</v>
      </c>
      <c r="D48568">
        <v>0</v>
      </c>
    </row>
    <row r="48569" spans="1:4" x14ac:dyDescent="0.25">
      <c r="A48569" t="s">
        <v>66726</v>
      </c>
      <c r="B48569" t="s">
        <v>66729</v>
      </c>
      <c r="C48569">
        <v>2</v>
      </c>
      <c r="D48569">
        <v>0</v>
      </c>
    </row>
    <row r="48570" spans="1:4" x14ac:dyDescent="0.25">
      <c r="A48570" t="s">
        <v>66726</v>
      </c>
      <c r="B48570" t="s">
        <v>66730</v>
      </c>
      <c r="C48570">
        <v>1</v>
      </c>
      <c r="D48570">
        <v>0</v>
      </c>
    </row>
    <row r="48571" spans="1:4" x14ac:dyDescent="0.25">
      <c r="A48571" t="s">
        <v>66726</v>
      </c>
      <c r="B48571" t="s">
        <v>66731</v>
      </c>
      <c r="C48571">
        <v>1</v>
      </c>
      <c r="D48571">
        <v>0</v>
      </c>
    </row>
    <row r="48572" spans="1:4" x14ac:dyDescent="0.25">
      <c r="A48572" t="s">
        <v>66732</v>
      </c>
      <c r="B48572" t="s">
        <v>66733</v>
      </c>
      <c r="C48572">
        <v>1</v>
      </c>
      <c r="D48572">
        <v>0</v>
      </c>
    </row>
    <row r="48573" spans="1:4" x14ac:dyDescent="0.25">
      <c r="A48573" t="s">
        <v>66732</v>
      </c>
      <c r="B48573" t="s">
        <v>66734</v>
      </c>
      <c r="C48573">
        <v>1</v>
      </c>
      <c r="D48573">
        <v>0</v>
      </c>
    </row>
    <row r="48574" spans="1:4" x14ac:dyDescent="0.25">
      <c r="A48574" t="s">
        <v>66732</v>
      </c>
      <c r="B48574" t="s">
        <v>2651</v>
      </c>
      <c r="C48574">
        <v>0</v>
      </c>
      <c r="D48574">
        <v>0</v>
      </c>
    </row>
    <row r="48575" spans="1:4" x14ac:dyDescent="0.25">
      <c r="A48575" t="s">
        <v>66732</v>
      </c>
      <c r="B48575" t="s">
        <v>66735</v>
      </c>
      <c r="C48575">
        <v>2</v>
      </c>
      <c r="D48575">
        <v>0</v>
      </c>
    </row>
    <row r="48576" spans="1:4" x14ac:dyDescent="0.25">
      <c r="A48576" t="s">
        <v>66732</v>
      </c>
      <c r="B48576" t="s">
        <v>66736</v>
      </c>
      <c r="C48576">
        <v>1</v>
      </c>
      <c r="D48576">
        <v>0</v>
      </c>
    </row>
    <row r="48577" spans="1:4" x14ac:dyDescent="0.25">
      <c r="A48577" t="s">
        <v>66732</v>
      </c>
      <c r="B48577" t="s">
        <v>66737</v>
      </c>
      <c r="C48577">
        <v>0</v>
      </c>
      <c r="D48577">
        <v>0</v>
      </c>
    </row>
    <row r="48578" spans="1:4" x14ac:dyDescent="0.25">
      <c r="A48578" t="s">
        <v>66732</v>
      </c>
      <c r="B48578" t="s">
        <v>66738</v>
      </c>
      <c r="C48578">
        <v>2</v>
      </c>
      <c r="D48578">
        <v>0</v>
      </c>
    </row>
    <row r="48579" spans="1:4" x14ac:dyDescent="0.25">
      <c r="A48579" t="s">
        <v>66739</v>
      </c>
      <c r="B48579" t="s">
        <v>66740</v>
      </c>
      <c r="C48579">
        <v>1</v>
      </c>
      <c r="D48579">
        <v>0</v>
      </c>
    </row>
    <row r="48580" spans="1:4" x14ac:dyDescent="0.25">
      <c r="A48580" t="s">
        <v>66739</v>
      </c>
      <c r="B48580" t="s">
        <v>66741</v>
      </c>
      <c r="C48580">
        <v>2</v>
      </c>
      <c r="D48580">
        <v>0</v>
      </c>
    </row>
    <row r="48581" spans="1:4" x14ac:dyDescent="0.25">
      <c r="A48581" t="s">
        <v>66739</v>
      </c>
      <c r="B48581" t="s">
        <v>66742</v>
      </c>
      <c r="C48581">
        <v>0</v>
      </c>
      <c r="D48581">
        <v>0</v>
      </c>
    </row>
    <row r="48582" spans="1:4" x14ac:dyDescent="0.25">
      <c r="A48582" t="s">
        <v>66739</v>
      </c>
      <c r="B48582" t="s">
        <v>66743</v>
      </c>
      <c r="C48582">
        <v>0</v>
      </c>
      <c r="D48582">
        <v>0</v>
      </c>
    </row>
    <row r="48583" spans="1:4" x14ac:dyDescent="0.25">
      <c r="A48583" t="s">
        <v>66739</v>
      </c>
      <c r="B48583" t="s">
        <v>66744</v>
      </c>
      <c r="C48583">
        <v>1</v>
      </c>
      <c r="D48583">
        <v>0</v>
      </c>
    </row>
    <row r="48584" spans="1:4" x14ac:dyDescent="0.25">
      <c r="A48584" t="s">
        <v>66745</v>
      </c>
      <c r="B48584" t="s">
        <v>66746</v>
      </c>
      <c r="C48584">
        <v>0</v>
      </c>
      <c r="D48584">
        <v>0</v>
      </c>
    </row>
    <row r="48585" spans="1:4" x14ac:dyDescent="0.25">
      <c r="A48585" t="s">
        <v>66745</v>
      </c>
      <c r="B48585" t="s">
        <v>66747</v>
      </c>
      <c r="C48585">
        <v>1</v>
      </c>
      <c r="D48585">
        <v>0</v>
      </c>
    </row>
    <row r="48586" spans="1:4" x14ac:dyDescent="0.25">
      <c r="A48586" t="s">
        <v>66745</v>
      </c>
      <c r="B48586" t="s">
        <v>66748</v>
      </c>
      <c r="C48586">
        <v>1</v>
      </c>
      <c r="D48586">
        <v>0</v>
      </c>
    </row>
    <row r="48587" spans="1:4" x14ac:dyDescent="0.25">
      <c r="A48587" t="s">
        <v>66745</v>
      </c>
      <c r="B48587" t="s">
        <v>66749</v>
      </c>
      <c r="C48587">
        <v>2</v>
      </c>
      <c r="D48587">
        <v>0</v>
      </c>
    </row>
    <row r="48588" spans="1:4" x14ac:dyDescent="0.25">
      <c r="A48588" t="s">
        <v>66745</v>
      </c>
      <c r="B48588" t="s">
        <v>66750</v>
      </c>
      <c r="C48588">
        <v>1</v>
      </c>
      <c r="D48588">
        <v>0</v>
      </c>
    </row>
    <row r="48589" spans="1:4" x14ac:dyDescent="0.25">
      <c r="A48589" t="s">
        <v>66745</v>
      </c>
      <c r="B48589" t="s">
        <v>66751</v>
      </c>
      <c r="C48589">
        <v>1</v>
      </c>
      <c r="D48589">
        <v>0</v>
      </c>
    </row>
    <row r="48590" spans="1:4" x14ac:dyDescent="0.25">
      <c r="A48590" t="s">
        <v>66752</v>
      </c>
      <c r="B48590" t="s">
        <v>66753</v>
      </c>
      <c r="C48590">
        <v>1</v>
      </c>
      <c r="D48590">
        <v>0</v>
      </c>
    </row>
    <row r="48591" spans="1:4" x14ac:dyDescent="0.25">
      <c r="A48591" t="s">
        <v>66752</v>
      </c>
      <c r="B48591" t="s">
        <v>66754</v>
      </c>
      <c r="C48591">
        <v>0</v>
      </c>
      <c r="D48591">
        <v>0</v>
      </c>
    </row>
    <row r="48592" spans="1:4" x14ac:dyDescent="0.25">
      <c r="A48592" t="s">
        <v>66752</v>
      </c>
      <c r="B48592" t="s">
        <v>18079</v>
      </c>
      <c r="C48592">
        <v>0</v>
      </c>
      <c r="D48592">
        <v>0</v>
      </c>
    </row>
    <row r="48593" spans="1:4" x14ac:dyDescent="0.25">
      <c r="A48593" t="s">
        <v>66755</v>
      </c>
      <c r="B48593" t="s">
        <v>66756</v>
      </c>
      <c r="C48593">
        <v>1</v>
      </c>
      <c r="D48593">
        <v>0</v>
      </c>
    </row>
    <row r="48594" spans="1:4" x14ac:dyDescent="0.25">
      <c r="A48594" t="s">
        <v>66755</v>
      </c>
      <c r="B48594" t="s">
        <v>66757</v>
      </c>
      <c r="C48594">
        <v>2</v>
      </c>
      <c r="D48594">
        <v>0</v>
      </c>
    </row>
    <row r="48595" spans="1:4" x14ac:dyDescent="0.25">
      <c r="A48595" t="s">
        <v>66755</v>
      </c>
      <c r="B48595" t="s">
        <v>66758</v>
      </c>
      <c r="C48595">
        <v>0</v>
      </c>
      <c r="D48595">
        <v>0</v>
      </c>
    </row>
    <row r="48596" spans="1:4" x14ac:dyDescent="0.25">
      <c r="A48596" t="s">
        <v>66755</v>
      </c>
      <c r="B48596" t="s">
        <v>66759</v>
      </c>
      <c r="C48596">
        <v>0</v>
      </c>
      <c r="D48596">
        <v>0</v>
      </c>
    </row>
    <row r="48597" spans="1:4" x14ac:dyDescent="0.25">
      <c r="A48597" t="s">
        <v>66755</v>
      </c>
      <c r="B48597" t="s">
        <v>66760</v>
      </c>
      <c r="C48597">
        <v>0</v>
      </c>
      <c r="D48597">
        <v>0</v>
      </c>
    </row>
    <row r="48598" spans="1:4" x14ac:dyDescent="0.25">
      <c r="A48598" t="s">
        <v>66755</v>
      </c>
      <c r="B48598" t="s">
        <v>66761</v>
      </c>
      <c r="C48598">
        <v>1</v>
      </c>
      <c r="D48598">
        <v>0</v>
      </c>
    </row>
    <row r="48599" spans="1:4" x14ac:dyDescent="0.25">
      <c r="A48599" t="s">
        <v>66755</v>
      </c>
      <c r="B48599" t="s">
        <v>66762</v>
      </c>
      <c r="C48599">
        <v>0</v>
      </c>
      <c r="D48599">
        <v>0</v>
      </c>
    </row>
    <row r="48600" spans="1:4" x14ac:dyDescent="0.25">
      <c r="A48600" t="s">
        <v>66763</v>
      </c>
      <c r="B48600" t="s">
        <v>66764</v>
      </c>
      <c r="C48600">
        <v>1</v>
      </c>
      <c r="D48600">
        <v>0</v>
      </c>
    </row>
    <row r="48601" spans="1:4" x14ac:dyDescent="0.25">
      <c r="A48601" t="s">
        <v>66763</v>
      </c>
      <c r="B48601" t="s">
        <v>66765</v>
      </c>
      <c r="C48601">
        <v>2</v>
      </c>
      <c r="D48601">
        <v>0</v>
      </c>
    </row>
    <row r="48602" spans="1:4" x14ac:dyDescent="0.25">
      <c r="A48602" t="s">
        <v>66763</v>
      </c>
      <c r="B48602" t="s">
        <v>66766</v>
      </c>
      <c r="C48602">
        <v>2</v>
      </c>
      <c r="D48602">
        <v>0</v>
      </c>
    </row>
    <row r="48603" spans="1:4" x14ac:dyDescent="0.25">
      <c r="A48603" t="s">
        <v>66767</v>
      </c>
      <c r="B48603" t="s">
        <v>66768</v>
      </c>
      <c r="C48603">
        <v>1</v>
      </c>
      <c r="D48603">
        <v>0</v>
      </c>
    </row>
    <row r="48604" spans="1:4" x14ac:dyDescent="0.25">
      <c r="A48604" t="s">
        <v>66767</v>
      </c>
      <c r="B48604" t="s">
        <v>66769</v>
      </c>
      <c r="C48604">
        <v>1</v>
      </c>
      <c r="D48604">
        <v>0</v>
      </c>
    </row>
    <row r="48605" spans="1:4" x14ac:dyDescent="0.25">
      <c r="A48605" t="s">
        <v>66767</v>
      </c>
      <c r="B48605" t="s">
        <v>66770</v>
      </c>
      <c r="C48605">
        <v>0</v>
      </c>
      <c r="D48605">
        <v>0</v>
      </c>
    </row>
    <row r="48606" spans="1:4" x14ac:dyDescent="0.25">
      <c r="A48606" t="s">
        <v>66771</v>
      </c>
      <c r="B48606" t="s">
        <v>66772</v>
      </c>
      <c r="C48606">
        <v>1</v>
      </c>
      <c r="D48606">
        <v>0</v>
      </c>
    </row>
    <row r="48607" spans="1:4" x14ac:dyDescent="0.25">
      <c r="A48607" t="s">
        <v>66773</v>
      </c>
      <c r="B48607" t="s">
        <v>66774</v>
      </c>
      <c r="C48607">
        <v>0</v>
      </c>
      <c r="D48607">
        <v>0</v>
      </c>
    </row>
    <row r="48608" spans="1:4" x14ac:dyDescent="0.25">
      <c r="A48608" t="s">
        <v>66773</v>
      </c>
      <c r="B48608" t="s">
        <v>66775</v>
      </c>
      <c r="C48608">
        <v>2</v>
      </c>
      <c r="D48608">
        <v>0</v>
      </c>
    </row>
    <row r="48609" spans="1:4" x14ac:dyDescent="0.25">
      <c r="A48609" t="s">
        <v>66773</v>
      </c>
      <c r="B48609" t="s">
        <v>66776</v>
      </c>
      <c r="C48609">
        <v>1</v>
      </c>
      <c r="D48609">
        <v>0</v>
      </c>
    </row>
    <row r="48610" spans="1:4" x14ac:dyDescent="0.25">
      <c r="A48610" t="s">
        <v>66773</v>
      </c>
      <c r="B48610" t="s">
        <v>66777</v>
      </c>
      <c r="C48610">
        <v>1</v>
      </c>
      <c r="D48610">
        <v>0</v>
      </c>
    </row>
    <row r="48611" spans="1:4" x14ac:dyDescent="0.25">
      <c r="A48611" t="s">
        <v>66773</v>
      </c>
      <c r="B48611" t="s">
        <v>35545</v>
      </c>
      <c r="C48611">
        <v>1</v>
      </c>
      <c r="D48611">
        <v>0</v>
      </c>
    </row>
    <row r="48612" spans="1:4" x14ac:dyDescent="0.25">
      <c r="A48612" t="s">
        <v>66778</v>
      </c>
      <c r="B48612" t="s">
        <v>66779</v>
      </c>
      <c r="C48612">
        <v>2</v>
      </c>
      <c r="D48612">
        <v>0</v>
      </c>
    </row>
    <row r="48613" spans="1:4" x14ac:dyDescent="0.25">
      <c r="A48613" t="s">
        <v>66778</v>
      </c>
      <c r="B48613" t="s">
        <v>5047</v>
      </c>
      <c r="C48613">
        <v>0</v>
      </c>
      <c r="D48613">
        <v>0</v>
      </c>
    </row>
    <row r="48614" spans="1:4" x14ac:dyDescent="0.25">
      <c r="A48614" t="s">
        <v>66778</v>
      </c>
      <c r="B48614" t="s">
        <v>66780</v>
      </c>
      <c r="C48614">
        <v>2</v>
      </c>
      <c r="D48614">
        <v>0</v>
      </c>
    </row>
    <row r="48615" spans="1:4" x14ac:dyDescent="0.25">
      <c r="A48615" t="s">
        <v>66781</v>
      </c>
      <c r="B48615" t="s">
        <v>66782</v>
      </c>
      <c r="C48615">
        <v>0</v>
      </c>
      <c r="D48615">
        <v>0</v>
      </c>
    </row>
    <row r="48616" spans="1:4" x14ac:dyDescent="0.25">
      <c r="A48616" t="s">
        <v>66781</v>
      </c>
      <c r="B48616" t="s">
        <v>2061</v>
      </c>
      <c r="C48616">
        <v>0</v>
      </c>
      <c r="D48616">
        <v>0</v>
      </c>
    </row>
    <row r="48617" spans="1:4" x14ac:dyDescent="0.25">
      <c r="A48617" t="s">
        <v>66781</v>
      </c>
      <c r="B48617" t="s">
        <v>66783</v>
      </c>
      <c r="C48617">
        <v>0</v>
      </c>
      <c r="D48617">
        <v>0</v>
      </c>
    </row>
    <row r="48618" spans="1:4" x14ac:dyDescent="0.25">
      <c r="A48618" t="s">
        <v>66781</v>
      </c>
      <c r="B48618" t="s">
        <v>66784</v>
      </c>
      <c r="C48618">
        <v>0</v>
      </c>
      <c r="D48618">
        <v>0</v>
      </c>
    </row>
    <row r="48619" spans="1:4" x14ac:dyDescent="0.25">
      <c r="A48619" t="s">
        <v>66785</v>
      </c>
      <c r="B48619" t="s">
        <v>66786</v>
      </c>
      <c r="C48619">
        <v>2</v>
      </c>
      <c r="D48619">
        <v>0</v>
      </c>
    </row>
    <row r="48620" spans="1:4" x14ac:dyDescent="0.25">
      <c r="A48620" t="s">
        <v>66785</v>
      </c>
      <c r="B48620" t="s">
        <v>66787</v>
      </c>
      <c r="C48620">
        <v>1</v>
      </c>
      <c r="D48620">
        <v>0</v>
      </c>
    </row>
    <row r="48621" spans="1:4" x14ac:dyDescent="0.25">
      <c r="A48621" t="s">
        <v>66785</v>
      </c>
      <c r="B48621" t="s">
        <v>66788</v>
      </c>
      <c r="C48621">
        <v>0</v>
      </c>
      <c r="D48621">
        <v>0</v>
      </c>
    </row>
    <row r="48622" spans="1:4" x14ac:dyDescent="0.25">
      <c r="A48622" t="s">
        <v>66789</v>
      </c>
      <c r="B48622" t="s">
        <v>66790</v>
      </c>
      <c r="C48622">
        <v>1</v>
      </c>
      <c r="D48622">
        <v>0</v>
      </c>
    </row>
    <row r="48623" spans="1:4" x14ac:dyDescent="0.25">
      <c r="A48623" t="s">
        <v>66789</v>
      </c>
      <c r="B48623" t="s">
        <v>66791</v>
      </c>
      <c r="C48623">
        <v>1</v>
      </c>
      <c r="D48623">
        <v>0</v>
      </c>
    </row>
    <row r="48624" spans="1:4" x14ac:dyDescent="0.25">
      <c r="A48624" t="s">
        <v>66792</v>
      </c>
      <c r="B48624" t="s">
        <v>66793</v>
      </c>
      <c r="C48624">
        <v>1</v>
      </c>
      <c r="D48624">
        <v>0</v>
      </c>
    </row>
    <row r="48625" spans="1:4" x14ac:dyDescent="0.25">
      <c r="A48625" t="s">
        <v>66792</v>
      </c>
      <c r="B48625" t="s">
        <v>66794</v>
      </c>
      <c r="C48625">
        <v>1</v>
      </c>
      <c r="D48625">
        <v>0</v>
      </c>
    </row>
    <row r="48626" spans="1:4" x14ac:dyDescent="0.25">
      <c r="A48626" t="s">
        <v>66792</v>
      </c>
      <c r="B48626" t="s">
        <v>66793</v>
      </c>
      <c r="C48626">
        <v>0</v>
      </c>
      <c r="D48626">
        <v>0</v>
      </c>
    </row>
    <row r="48627" spans="1:4" x14ac:dyDescent="0.25">
      <c r="A48627" t="s">
        <v>66792</v>
      </c>
      <c r="B48627" t="s">
        <v>66794</v>
      </c>
      <c r="C48627">
        <v>0</v>
      </c>
      <c r="D48627">
        <v>0</v>
      </c>
    </row>
    <row r="48628" spans="1:4" x14ac:dyDescent="0.25">
      <c r="A48628" t="s">
        <v>66792</v>
      </c>
      <c r="B48628" t="s">
        <v>66793</v>
      </c>
      <c r="C48628">
        <v>2</v>
      </c>
      <c r="D48628">
        <v>0</v>
      </c>
    </row>
    <row r="48629" spans="1:4" x14ac:dyDescent="0.25">
      <c r="A48629" t="s">
        <v>66792</v>
      </c>
      <c r="B48629" t="s">
        <v>66794</v>
      </c>
      <c r="C48629">
        <v>2</v>
      </c>
      <c r="D48629">
        <v>0</v>
      </c>
    </row>
    <row r="48630" spans="1:4" x14ac:dyDescent="0.25">
      <c r="A48630" t="s">
        <v>66795</v>
      </c>
      <c r="B48630" t="s">
        <v>66796</v>
      </c>
      <c r="C48630">
        <v>1</v>
      </c>
      <c r="D48630">
        <v>0</v>
      </c>
    </row>
    <row r="48631" spans="1:4" x14ac:dyDescent="0.25">
      <c r="A48631" t="s">
        <v>66795</v>
      </c>
      <c r="B48631" t="s">
        <v>66797</v>
      </c>
      <c r="C48631">
        <v>0</v>
      </c>
      <c r="D48631">
        <v>0</v>
      </c>
    </row>
    <row r="48632" spans="1:4" x14ac:dyDescent="0.25">
      <c r="A48632" t="s">
        <v>66795</v>
      </c>
      <c r="B48632" t="s">
        <v>66798</v>
      </c>
      <c r="C48632">
        <v>0</v>
      </c>
      <c r="D48632">
        <v>0</v>
      </c>
    </row>
    <row r="48633" spans="1:4" x14ac:dyDescent="0.25">
      <c r="A48633" t="s">
        <v>66795</v>
      </c>
      <c r="B48633" t="s">
        <v>66799</v>
      </c>
      <c r="C48633">
        <v>0</v>
      </c>
      <c r="D48633">
        <v>0</v>
      </c>
    </row>
    <row r="48634" spans="1:4" x14ac:dyDescent="0.25">
      <c r="A48634" t="s">
        <v>66795</v>
      </c>
      <c r="B48634" t="s">
        <v>66800</v>
      </c>
      <c r="C48634">
        <v>0</v>
      </c>
      <c r="D48634">
        <v>0</v>
      </c>
    </row>
    <row r="48635" spans="1:4" x14ac:dyDescent="0.25">
      <c r="A48635" t="s">
        <v>66795</v>
      </c>
      <c r="B48635" t="s">
        <v>66801</v>
      </c>
      <c r="C48635">
        <v>1</v>
      </c>
      <c r="D48635">
        <v>0</v>
      </c>
    </row>
    <row r="48636" spans="1:4" x14ac:dyDescent="0.25">
      <c r="A48636" t="s">
        <v>66802</v>
      </c>
      <c r="B48636" t="s">
        <v>66803</v>
      </c>
      <c r="C48636">
        <v>1</v>
      </c>
      <c r="D48636">
        <v>0</v>
      </c>
    </row>
    <row r="48637" spans="1:4" x14ac:dyDescent="0.25">
      <c r="A48637" t="s">
        <v>66802</v>
      </c>
      <c r="B48637" t="s">
        <v>66804</v>
      </c>
      <c r="C48637">
        <v>1</v>
      </c>
      <c r="D48637">
        <v>0</v>
      </c>
    </row>
    <row r="48638" spans="1:4" x14ac:dyDescent="0.25">
      <c r="A48638" t="s">
        <v>66802</v>
      </c>
      <c r="B48638" t="s">
        <v>66805</v>
      </c>
      <c r="C48638">
        <v>1</v>
      </c>
      <c r="D48638">
        <v>0</v>
      </c>
    </row>
    <row r="48639" spans="1:4" x14ac:dyDescent="0.25">
      <c r="A48639" t="s">
        <v>66802</v>
      </c>
      <c r="B48639" t="s">
        <v>66806</v>
      </c>
      <c r="C48639">
        <v>1</v>
      </c>
      <c r="D48639">
        <v>0</v>
      </c>
    </row>
    <row r="48640" spans="1:4" x14ac:dyDescent="0.25">
      <c r="A48640" t="s">
        <v>66807</v>
      </c>
      <c r="B48640" t="s">
        <v>66808</v>
      </c>
      <c r="C48640">
        <v>2</v>
      </c>
      <c r="D48640">
        <v>0</v>
      </c>
    </row>
    <row r="48641" spans="1:4" x14ac:dyDescent="0.25">
      <c r="A48641" t="s">
        <v>66807</v>
      </c>
      <c r="B48641" t="s">
        <v>66809</v>
      </c>
      <c r="C48641">
        <v>1</v>
      </c>
      <c r="D48641">
        <v>0</v>
      </c>
    </row>
    <row r="48642" spans="1:4" x14ac:dyDescent="0.25">
      <c r="A48642" t="s">
        <v>66807</v>
      </c>
      <c r="B48642" t="s">
        <v>66810</v>
      </c>
      <c r="C48642">
        <v>2</v>
      </c>
      <c r="D48642">
        <v>0</v>
      </c>
    </row>
    <row r="48643" spans="1:4" x14ac:dyDescent="0.25">
      <c r="A48643" t="s">
        <v>66807</v>
      </c>
      <c r="B48643" t="s">
        <v>66811</v>
      </c>
      <c r="C48643">
        <v>0</v>
      </c>
      <c r="D48643">
        <v>0</v>
      </c>
    </row>
    <row r="48644" spans="1:4" x14ac:dyDescent="0.25">
      <c r="A48644" t="s">
        <v>66807</v>
      </c>
      <c r="B48644" t="s">
        <v>66812</v>
      </c>
      <c r="C48644">
        <v>2</v>
      </c>
      <c r="D48644">
        <v>0</v>
      </c>
    </row>
    <row r="48645" spans="1:4" x14ac:dyDescent="0.25">
      <c r="A48645" t="s">
        <v>66813</v>
      </c>
      <c r="B48645" t="s">
        <v>66814</v>
      </c>
      <c r="C48645">
        <v>1</v>
      </c>
      <c r="D48645">
        <v>0</v>
      </c>
    </row>
    <row r="48646" spans="1:4" x14ac:dyDescent="0.25">
      <c r="A48646" t="s">
        <v>66813</v>
      </c>
      <c r="B48646" t="s">
        <v>66815</v>
      </c>
      <c r="C48646">
        <v>1</v>
      </c>
      <c r="D48646">
        <v>0</v>
      </c>
    </row>
    <row r="48647" spans="1:4" x14ac:dyDescent="0.25">
      <c r="A48647" t="s">
        <v>66813</v>
      </c>
      <c r="B48647" t="s">
        <v>66816</v>
      </c>
      <c r="C48647">
        <v>1</v>
      </c>
      <c r="D48647">
        <v>0</v>
      </c>
    </row>
    <row r="48648" spans="1:4" x14ac:dyDescent="0.25">
      <c r="A48648" t="s">
        <v>66813</v>
      </c>
      <c r="B48648" t="s">
        <v>66817</v>
      </c>
      <c r="C48648">
        <v>0</v>
      </c>
      <c r="D48648">
        <v>0</v>
      </c>
    </row>
    <row r="48649" spans="1:4" x14ac:dyDescent="0.25">
      <c r="A48649" t="s">
        <v>66818</v>
      </c>
      <c r="B48649" t="s">
        <v>66819</v>
      </c>
      <c r="C48649">
        <v>1</v>
      </c>
      <c r="D48649">
        <v>0</v>
      </c>
    </row>
    <row r="48650" spans="1:4" x14ac:dyDescent="0.25">
      <c r="A48650" t="s">
        <v>66818</v>
      </c>
      <c r="B48650" t="s">
        <v>66820</v>
      </c>
      <c r="C48650">
        <v>2</v>
      </c>
      <c r="D48650">
        <v>0</v>
      </c>
    </row>
    <row r="48651" spans="1:4" x14ac:dyDescent="0.25">
      <c r="A48651" t="s">
        <v>66818</v>
      </c>
      <c r="B48651" t="s">
        <v>66821</v>
      </c>
      <c r="C48651">
        <v>2</v>
      </c>
      <c r="D48651">
        <v>0</v>
      </c>
    </row>
    <row r="48652" spans="1:4" x14ac:dyDescent="0.25">
      <c r="A48652" t="s">
        <v>66818</v>
      </c>
      <c r="B48652" t="s">
        <v>66822</v>
      </c>
      <c r="C48652">
        <v>2</v>
      </c>
      <c r="D48652">
        <v>0</v>
      </c>
    </row>
    <row r="48653" spans="1:4" x14ac:dyDescent="0.25">
      <c r="A48653" t="s">
        <v>66818</v>
      </c>
      <c r="B48653" t="s">
        <v>66823</v>
      </c>
      <c r="C48653">
        <v>2</v>
      </c>
      <c r="D48653">
        <v>0</v>
      </c>
    </row>
    <row r="48654" spans="1:4" x14ac:dyDescent="0.25">
      <c r="A48654" t="s">
        <v>66818</v>
      </c>
      <c r="B48654" t="s">
        <v>66824</v>
      </c>
      <c r="C48654">
        <v>2</v>
      </c>
      <c r="D48654">
        <v>0</v>
      </c>
    </row>
    <row r="48655" spans="1:4" x14ac:dyDescent="0.25">
      <c r="A48655" t="s">
        <v>66825</v>
      </c>
      <c r="B48655" t="s">
        <v>66826</v>
      </c>
      <c r="C48655">
        <v>1</v>
      </c>
      <c r="D48655">
        <v>0</v>
      </c>
    </row>
    <row r="48656" spans="1:4" x14ac:dyDescent="0.25">
      <c r="A48656" t="s">
        <v>66825</v>
      </c>
      <c r="B48656" t="s">
        <v>66827</v>
      </c>
      <c r="C48656">
        <v>0</v>
      </c>
      <c r="D48656">
        <v>0</v>
      </c>
    </row>
    <row r="48657" spans="1:4" x14ac:dyDescent="0.25">
      <c r="A48657" t="s">
        <v>66825</v>
      </c>
      <c r="B48657" t="s">
        <v>66828</v>
      </c>
      <c r="C48657">
        <v>1</v>
      </c>
      <c r="D48657">
        <v>0</v>
      </c>
    </row>
    <row r="48658" spans="1:4" x14ac:dyDescent="0.25">
      <c r="A48658" t="s">
        <v>66825</v>
      </c>
      <c r="B48658" t="s">
        <v>66829</v>
      </c>
      <c r="C48658">
        <v>1</v>
      </c>
      <c r="D48658">
        <v>0</v>
      </c>
    </row>
    <row r="48659" spans="1:4" x14ac:dyDescent="0.25">
      <c r="A48659" t="s">
        <v>66825</v>
      </c>
      <c r="B48659" t="s">
        <v>66830</v>
      </c>
      <c r="C48659">
        <v>1</v>
      </c>
      <c r="D48659">
        <v>0</v>
      </c>
    </row>
    <row r="48660" spans="1:4" x14ac:dyDescent="0.25">
      <c r="A48660" t="s">
        <v>66825</v>
      </c>
      <c r="B48660" t="s">
        <v>66831</v>
      </c>
      <c r="C48660">
        <v>1</v>
      </c>
      <c r="D48660">
        <v>0</v>
      </c>
    </row>
    <row r="48661" spans="1:4" x14ac:dyDescent="0.25">
      <c r="A48661" t="s">
        <v>66825</v>
      </c>
      <c r="B48661" t="s">
        <v>48934</v>
      </c>
      <c r="C48661">
        <v>1</v>
      </c>
      <c r="D48661">
        <v>0</v>
      </c>
    </row>
    <row r="48662" spans="1:4" x14ac:dyDescent="0.25">
      <c r="A48662" t="s">
        <v>66825</v>
      </c>
      <c r="B48662" t="s">
        <v>46981</v>
      </c>
      <c r="C48662">
        <v>1</v>
      </c>
      <c r="D48662">
        <v>0</v>
      </c>
    </row>
    <row r="48663" spans="1:4" x14ac:dyDescent="0.25">
      <c r="A48663" t="s">
        <v>66832</v>
      </c>
      <c r="B48663" t="s">
        <v>66833</v>
      </c>
      <c r="C48663">
        <v>1</v>
      </c>
      <c r="D48663">
        <v>0</v>
      </c>
    </row>
    <row r="48664" spans="1:4" x14ac:dyDescent="0.25">
      <c r="A48664" t="s">
        <v>66834</v>
      </c>
      <c r="B48664" t="s">
        <v>66835</v>
      </c>
      <c r="C48664">
        <v>1</v>
      </c>
      <c r="D48664">
        <v>0</v>
      </c>
    </row>
    <row r="48665" spans="1:4" x14ac:dyDescent="0.25">
      <c r="A48665" t="s">
        <v>66834</v>
      </c>
      <c r="B48665" t="s">
        <v>66836</v>
      </c>
      <c r="C48665">
        <v>1</v>
      </c>
      <c r="D48665">
        <v>0</v>
      </c>
    </row>
    <row r="48666" spans="1:4" x14ac:dyDescent="0.25">
      <c r="A48666" t="s">
        <v>66834</v>
      </c>
      <c r="B48666" t="s">
        <v>66835</v>
      </c>
      <c r="C48666">
        <v>1</v>
      </c>
      <c r="D48666">
        <v>0</v>
      </c>
    </row>
    <row r="48667" spans="1:4" x14ac:dyDescent="0.25">
      <c r="A48667" t="s">
        <v>66834</v>
      </c>
      <c r="B48667" t="s">
        <v>46567</v>
      </c>
      <c r="C48667">
        <v>1</v>
      </c>
      <c r="D48667">
        <v>0</v>
      </c>
    </row>
    <row r="48668" spans="1:4" x14ac:dyDescent="0.25">
      <c r="A48668" t="s">
        <v>66834</v>
      </c>
      <c r="B48668" t="s">
        <v>5713</v>
      </c>
      <c r="C48668">
        <v>1</v>
      </c>
      <c r="D48668">
        <v>0</v>
      </c>
    </row>
    <row r="48669" spans="1:4" x14ac:dyDescent="0.25">
      <c r="A48669" t="s">
        <v>66837</v>
      </c>
      <c r="B48669" t="s">
        <v>66838</v>
      </c>
      <c r="C48669">
        <v>1</v>
      </c>
      <c r="D48669">
        <v>0</v>
      </c>
    </row>
    <row r="48670" spans="1:4" x14ac:dyDescent="0.25">
      <c r="A48670" t="s">
        <v>66837</v>
      </c>
      <c r="B48670" t="s">
        <v>66839</v>
      </c>
      <c r="C48670">
        <v>1</v>
      </c>
      <c r="D48670">
        <v>0</v>
      </c>
    </row>
    <row r="48671" spans="1:4" x14ac:dyDescent="0.25">
      <c r="A48671" t="s">
        <v>66837</v>
      </c>
      <c r="B48671" t="s">
        <v>66840</v>
      </c>
      <c r="C48671">
        <v>1</v>
      </c>
      <c r="D48671">
        <v>0</v>
      </c>
    </row>
    <row r="48672" spans="1:4" x14ac:dyDescent="0.25">
      <c r="A48672" t="s">
        <v>66837</v>
      </c>
      <c r="B48672" t="s">
        <v>66841</v>
      </c>
      <c r="C48672">
        <v>1</v>
      </c>
      <c r="D48672">
        <v>0</v>
      </c>
    </row>
    <row r="48673" spans="1:4" x14ac:dyDescent="0.25">
      <c r="A48673" t="s">
        <v>66837</v>
      </c>
      <c r="B48673" t="s">
        <v>66842</v>
      </c>
      <c r="C48673">
        <v>1</v>
      </c>
      <c r="D48673">
        <v>0</v>
      </c>
    </row>
    <row r="48674" spans="1:4" x14ac:dyDescent="0.25">
      <c r="A48674" t="s">
        <v>66837</v>
      </c>
      <c r="B48674" t="s">
        <v>66843</v>
      </c>
      <c r="C48674">
        <v>1</v>
      </c>
      <c r="D48674">
        <v>0</v>
      </c>
    </row>
    <row r="48675" spans="1:4" x14ac:dyDescent="0.25">
      <c r="A48675" t="s">
        <v>66844</v>
      </c>
      <c r="B48675" t="s">
        <v>66845</v>
      </c>
      <c r="C48675">
        <v>0</v>
      </c>
      <c r="D48675">
        <v>0</v>
      </c>
    </row>
    <row r="48676" spans="1:4" x14ac:dyDescent="0.25">
      <c r="A48676" t="s">
        <v>66844</v>
      </c>
      <c r="B48676" t="s">
        <v>66846</v>
      </c>
      <c r="C48676">
        <v>0</v>
      </c>
      <c r="D48676">
        <v>0</v>
      </c>
    </row>
    <row r="48677" spans="1:4" x14ac:dyDescent="0.25">
      <c r="A48677" t="s">
        <v>66844</v>
      </c>
      <c r="B48677" t="s">
        <v>66847</v>
      </c>
      <c r="C48677">
        <v>0</v>
      </c>
      <c r="D48677">
        <v>0</v>
      </c>
    </row>
    <row r="48678" spans="1:4" x14ac:dyDescent="0.25">
      <c r="A48678" t="s">
        <v>66844</v>
      </c>
      <c r="B48678" t="s">
        <v>11044</v>
      </c>
      <c r="C48678">
        <v>1</v>
      </c>
      <c r="D48678">
        <v>0</v>
      </c>
    </row>
    <row r="48679" spans="1:4" x14ac:dyDescent="0.25">
      <c r="A48679" t="s">
        <v>66844</v>
      </c>
      <c r="B48679" t="s">
        <v>66848</v>
      </c>
      <c r="C48679">
        <v>1</v>
      </c>
      <c r="D48679">
        <v>0</v>
      </c>
    </row>
    <row r="48680" spans="1:4" x14ac:dyDescent="0.25">
      <c r="A48680" t="s">
        <v>66849</v>
      </c>
      <c r="B48680" t="s">
        <v>49794</v>
      </c>
      <c r="C48680">
        <v>1</v>
      </c>
      <c r="D48680">
        <v>0</v>
      </c>
    </row>
    <row r="48681" spans="1:4" x14ac:dyDescent="0.25">
      <c r="A48681" t="s">
        <v>66850</v>
      </c>
      <c r="B48681" t="s">
        <v>66851</v>
      </c>
      <c r="C48681">
        <v>1</v>
      </c>
      <c r="D48681">
        <v>0</v>
      </c>
    </row>
    <row r="48682" spans="1:4" x14ac:dyDescent="0.25">
      <c r="A48682" t="s">
        <v>66850</v>
      </c>
      <c r="B48682" t="s">
        <v>66852</v>
      </c>
      <c r="C48682">
        <v>1</v>
      </c>
      <c r="D48682">
        <v>0</v>
      </c>
    </row>
    <row r="48683" spans="1:4" x14ac:dyDescent="0.25">
      <c r="A48683" t="s">
        <v>66850</v>
      </c>
      <c r="B48683" t="s">
        <v>66853</v>
      </c>
      <c r="C48683">
        <v>1</v>
      </c>
      <c r="D48683">
        <v>0</v>
      </c>
    </row>
    <row r="48684" spans="1:4" x14ac:dyDescent="0.25">
      <c r="A48684" t="s">
        <v>66850</v>
      </c>
      <c r="B48684" t="s">
        <v>66854</v>
      </c>
      <c r="C48684">
        <v>1</v>
      </c>
      <c r="D48684">
        <v>0</v>
      </c>
    </row>
    <row r="48685" spans="1:4" x14ac:dyDescent="0.25">
      <c r="A48685" t="s">
        <v>66850</v>
      </c>
      <c r="B48685" t="s">
        <v>66855</v>
      </c>
      <c r="C48685">
        <v>1</v>
      </c>
      <c r="D48685">
        <v>0</v>
      </c>
    </row>
    <row r="48686" spans="1:4" x14ac:dyDescent="0.25">
      <c r="A48686" t="s">
        <v>66850</v>
      </c>
      <c r="B48686" t="s">
        <v>66856</v>
      </c>
      <c r="C48686">
        <v>1</v>
      </c>
      <c r="D48686">
        <v>0</v>
      </c>
    </row>
    <row r="48687" spans="1:4" x14ac:dyDescent="0.25">
      <c r="A48687" t="s">
        <v>66857</v>
      </c>
      <c r="B48687" t="s">
        <v>66858</v>
      </c>
      <c r="C48687">
        <v>1</v>
      </c>
      <c r="D48687">
        <v>0</v>
      </c>
    </row>
    <row r="48688" spans="1:4" x14ac:dyDescent="0.25">
      <c r="A48688" t="s">
        <v>66857</v>
      </c>
      <c r="B48688" t="s">
        <v>66859</v>
      </c>
      <c r="C48688">
        <v>2</v>
      </c>
      <c r="D48688">
        <v>0</v>
      </c>
    </row>
    <row r="48689" spans="1:4" x14ac:dyDescent="0.25">
      <c r="A48689" t="s">
        <v>66860</v>
      </c>
      <c r="B48689" t="s">
        <v>66861</v>
      </c>
      <c r="C48689">
        <v>1</v>
      </c>
      <c r="D48689">
        <v>0</v>
      </c>
    </row>
    <row r="48690" spans="1:4" x14ac:dyDescent="0.25">
      <c r="A48690" t="s">
        <v>66860</v>
      </c>
      <c r="B48690" t="s">
        <v>66862</v>
      </c>
      <c r="C48690">
        <v>1</v>
      </c>
      <c r="D48690">
        <v>0</v>
      </c>
    </row>
    <row r="48691" spans="1:4" x14ac:dyDescent="0.25">
      <c r="A48691" t="s">
        <v>66860</v>
      </c>
      <c r="B48691" t="s">
        <v>66863</v>
      </c>
      <c r="C48691">
        <v>0</v>
      </c>
      <c r="D48691">
        <v>0</v>
      </c>
    </row>
    <row r="48692" spans="1:4" x14ac:dyDescent="0.25">
      <c r="A48692" t="s">
        <v>66864</v>
      </c>
      <c r="B48692" t="s">
        <v>66865</v>
      </c>
      <c r="C48692">
        <v>1</v>
      </c>
      <c r="D48692">
        <v>0</v>
      </c>
    </row>
    <row r="48693" spans="1:4" x14ac:dyDescent="0.25">
      <c r="A48693" t="s">
        <v>66864</v>
      </c>
      <c r="B48693" t="s">
        <v>66866</v>
      </c>
      <c r="C48693">
        <v>1</v>
      </c>
      <c r="D48693">
        <v>0</v>
      </c>
    </row>
    <row r="48694" spans="1:4" x14ac:dyDescent="0.25">
      <c r="A48694" t="s">
        <v>66864</v>
      </c>
      <c r="B48694" t="s">
        <v>20389</v>
      </c>
      <c r="C48694">
        <v>0</v>
      </c>
      <c r="D48694">
        <v>0</v>
      </c>
    </row>
    <row r="48695" spans="1:4" x14ac:dyDescent="0.25">
      <c r="A48695" t="s">
        <v>66864</v>
      </c>
      <c r="B48695" t="s">
        <v>66867</v>
      </c>
      <c r="C48695">
        <v>1</v>
      </c>
      <c r="D48695">
        <v>0</v>
      </c>
    </row>
    <row r="48696" spans="1:4" x14ac:dyDescent="0.25">
      <c r="A48696" t="s">
        <v>66864</v>
      </c>
      <c r="B48696" t="s">
        <v>66868</v>
      </c>
      <c r="C48696">
        <v>2</v>
      </c>
      <c r="D48696">
        <v>0</v>
      </c>
    </row>
    <row r="48697" spans="1:4" x14ac:dyDescent="0.25">
      <c r="A48697" t="s">
        <v>66864</v>
      </c>
      <c r="B48697" t="s">
        <v>66869</v>
      </c>
      <c r="C48697">
        <v>2</v>
      </c>
      <c r="D48697">
        <v>0</v>
      </c>
    </row>
    <row r="48698" spans="1:4" x14ac:dyDescent="0.25">
      <c r="A48698" t="s">
        <v>66870</v>
      </c>
      <c r="B48698" t="s">
        <v>66871</v>
      </c>
      <c r="C48698">
        <v>1</v>
      </c>
      <c r="D48698">
        <v>0</v>
      </c>
    </row>
    <row r="48699" spans="1:4" x14ac:dyDescent="0.25">
      <c r="A48699" t="s">
        <v>66870</v>
      </c>
      <c r="B48699" t="s">
        <v>66872</v>
      </c>
      <c r="C48699">
        <v>1</v>
      </c>
      <c r="D48699">
        <v>0</v>
      </c>
    </row>
    <row r="48700" spans="1:4" x14ac:dyDescent="0.25">
      <c r="A48700" t="s">
        <v>66870</v>
      </c>
      <c r="B48700" t="s">
        <v>66873</v>
      </c>
      <c r="C48700">
        <v>1</v>
      </c>
      <c r="D48700">
        <v>0</v>
      </c>
    </row>
    <row r="48701" spans="1:4" x14ac:dyDescent="0.25">
      <c r="A48701" t="s">
        <v>66870</v>
      </c>
      <c r="B48701" t="s">
        <v>66874</v>
      </c>
      <c r="C48701">
        <v>0</v>
      </c>
      <c r="D48701">
        <v>0</v>
      </c>
    </row>
    <row r="48702" spans="1:4" x14ac:dyDescent="0.25">
      <c r="A48702" t="s">
        <v>66875</v>
      </c>
      <c r="B48702" t="s">
        <v>66876</v>
      </c>
      <c r="C48702">
        <v>1</v>
      </c>
      <c r="D48702">
        <v>0</v>
      </c>
    </row>
    <row r="48703" spans="1:4" x14ac:dyDescent="0.25">
      <c r="A48703" t="s">
        <v>66875</v>
      </c>
      <c r="B48703" t="s">
        <v>66877</v>
      </c>
      <c r="C48703">
        <v>1</v>
      </c>
      <c r="D48703">
        <v>0</v>
      </c>
    </row>
    <row r="48704" spans="1:4" x14ac:dyDescent="0.25">
      <c r="A48704" t="s">
        <v>66875</v>
      </c>
      <c r="B48704" t="s">
        <v>66878</v>
      </c>
      <c r="C48704">
        <v>1</v>
      </c>
      <c r="D48704">
        <v>0</v>
      </c>
    </row>
    <row r="48705" spans="1:4" x14ac:dyDescent="0.25">
      <c r="A48705" t="s">
        <v>66875</v>
      </c>
      <c r="B48705" t="s">
        <v>66879</v>
      </c>
      <c r="C48705">
        <v>1</v>
      </c>
      <c r="D48705">
        <v>0</v>
      </c>
    </row>
    <row r="48706" spans="1:4" x14ac:dyDescent="0.25">
      <c r="A48706" t="s">
        <v>66880</v>
      </c>
      <c r="B48706" t="s">
        <v>66881</v>
      </c>
      <c r="C48706">
        <v>1</v>
      </c>
      <c r="D48706">
        <v>0</v>
      </c>
    </row>
    <row r="48707" spans="1:4" x14ac:dyDescent="0.25">
      <c r="A48707" t="s">
        <v>66882</v>
      </c>
      <c r="B48707" t="s">
        <v>66883</v>
      </c>
      <c r="C48707">
        <v>2</v>
      </c>
      <c r="D48707">
        <v>0</v>
      </c>
    </row>
    <row r="48708" spans="1:4" x14ac:dyDescent="0.25">
      <c r="A48708" t="s">
        <v>66882</v>
      </c>
      <c r="B48708" t="s">
        <v>66884</v>
      </c>
      <c r="C48708">
        <v>2</v>
      </c>
      <c r="D48708">
        <v>0</v>
      </c>
    </row>
    <row r="48709" spans="1:4" x14ac:dyDescent="0.25">
      <c r="A48709" t="s">
        <v>66882</v>
      </c>
      <c r="B48709" t="s">
        <v>66885</v>
      </c>
      <c r="C48709">
        <v>1</v>
      </c>
      <c r="D48709">
        <v>0</v>
      </c>
    </row>
    <row r="48710" spans="1:4" x14ac:dyDescent="0.25">
      <c r="A48710" t="s">
        <v>66882</v>
      </c>
      <c r="B48710" t="s">
        <v>66886</v>
      </c>
      <c r="C48710">
        <v>0</v>
      </c>
      <c r="D48710">
        <v>0</v>
      </c>
    </row>
    <row r="48711" spans="1:4" x14ac:dyDescent="0.25">
      <c r="A48711" t="s">
        <v>66882</v>
      </c>
      <c r="B48711" t="s">
        <v>66887</v>
      </c>
      <c r="C48711">
        <v>1</v>
      </c>
      <c r="D48711">
        <v>0</v>
      </c>
    </row>
    <row r="48712" spans="1:4" x14ac:dyDescent="0.25">
      <c r="A48712" t="s">
        <v>66882</v>
      </c>
      <c r="B48712" t="s">
        <v>66888</v>
      </c>
      <c r="C48712">
        <v>2</v>
      </c>
      <c r="D48712">
        <v>0</v>
      </c>
    </row>
    <row r="48713" spans="1:4" x14ac:dyDescent="0.25">
      <c r="A48713" t="s">
        <v>66882</v>
      </c>
      <c r="B48713" t="s">
        <v>66889</v>
      </c>
      <c r="C48713">
        <v>1</v>
      </c>
      <c r="D48713">
        <v>0</v>
      </c>
    </row>
    <row r="48714" spans="1:4" x14ac:dyDescent="0.25">
      <c r="A48714" t="s">
        <v>66882</v>
      </c>
      <c r="B48714" t="s">
        <v>66890</v>
      </c>
      <c r="C48714">
        <v>0</v>
      </c>
      <c r="D48714">
        <v>0</v>
      </c>
    </row>
    <row r="48715" spans="1:4" x14ac:dyDescent="0.25">
      <c r="A48715" t="s">
        <v>66891</v>
      </c>
      <c r="B48715" t="s">
        <v>66892</v>
      </c>
      <c r="C48715">
        <v>1</v>
      </c>
      <c r="D48715">
        <v>0</v>
      </c>
    </row>
    <row r="48716" spans="1:4" x14ac:dyDescent="0.25">
      <c r="A48716" t="s">
        <v>66891</v>
      </c>
      <c r="B48716" t="s">
        <v>66893</v>
      </c>
      <c r="C48716">
        <v>1</v>
      </c>
      <c r="D48716">
        <v>0</v>
      </c>
    </row>
    <row r="48717" spans="1:4" x14ac:dyDescent="0.25">
      <c r="A48717" t="s">
        <v>66891</v>
      </c>
      <c r="B48717" t="s">
        <v>66894</v>
      </c>
      <c r="C48717">
        <v>1</v>
      </c>
      <c r="D48717">
        <v>0</v>
      </c>
    </row>
    <row r="48718" spans="1:4" x14ac:dyDescent="0.25">
      <c r="A48718" t="s">
        <v>66895</v>
      </c>
      <c r="B48718" t="s">
        <v>66896</v>
      </c>
      <c r="C48718">
        <v>1</v>
      </c>
      <c r="D48718">
        <v>0</v>
      </c>
    </row>
    <row r="48719" spans="1:4" x14ac:dyDescent="0.25">
      <c r="A48719" t="s">
        <v>66895</v>
      </c>
      <c r="B48719" t="s">
        <v>66897</v>
      </c>
      <c r="C48719">
        <v>1</v>
      </c>
      <c r="D48719">
        <v>0</v>
      </c>
    </row>
    <row r="48720" spans="1:4" x14ac:dyDescent="0.25">
      <c r="A48720" t="s">
        <v>66895</v>
      </c>
      <c r="B48720" t="s">
        <v>66898</v>
      </c>
      <c r="C48720">
        <v>2</v>
      </c>
      <c r="D48720">
        <v>0</v>
      </c>
    </row>
    <row r="48721" spans="1:4" x14ac:dyDescent="0.25">
      <c r="A48721" t="s">
        <v>66899</v>
      </c>
      <c r="B48721" t="s">
        <v>10786</v>
      </c>
      <c r="C48721">
        <v>1</v>
      </c>
      <c r="D48721">
        <v>0</v>
      </c>
    </row>
    <row r="48722" spans="1:4" x14ac:dyDescent="0.25">
      <c r="A48722" t="s">
        <v>66899</v>
      </c>
      <c r="B48722" t="s">
        <v>66900</v>
      </c>
      <c r="C48722">
        <v>1</v>
      </c>
      <c r="D48722">
        <v>0</v>
      </c>
    </row>
    <row r="48723" spans="1:4" x14ac:dyDescent="0.25">
      <c r="A48723" t="s">
        <v>66899</v>
      </c>
      <c r="B48723" t="s">
        <v>66901</v>
      </c>
      <c r="C48723">
        <v>0</v>
      </c>
      <c r="D48723">
        <v>0</v>
      </c>
    </row>
    <row r="48724" spans="1:4" x14ac:dyDescent="0.25">
      <c r="A48724" t="s">
        <v>66899</v>
      </c>
      <c r="B48724" t="s">
        <v>66902</v>
      </c>
      <c r="C48724">
        <v>1</v>
      </c>
      <c r="D48724">
        <v>0</v>
      </c>
    </row>
    <row r="48725" spans="1:4" x14ac:dyDescent="0.25">
      <c r="A48725" t="s">
        <v>66899</v>
      </c>
      <c r="B48725" t="s">
        <v>66903</v>
      </c>
      <c r="C48725">
        <v>1</v>
      </c>
      <c r="D48725">
        <v>0</v>
      </c>
    </row>
    <row r="48726" spans="1:4" x14ac:dyDescent="0.25">
      <c r="A48726" t="s">
        <v>66904</v>
      </c>
      <c r="B48726" t="s">
        <v>66905</v>
      </c>
      <c r="C48726">
        <v>2</v>
      </c>
      <c r="D48726">
        <v>0</v>
      </c>
    </row>
    <row r="48727" spans="1:4" x14ac:dyDescent="0.25">
      <c r="A48727" t="s">
        <v>66904</v>
      </c>
      <c r="B48727" t="s">
        <v>5713</v>
      </c>
      <c r="C48727">
        <v>1</v>
      </c>
      <c r="D48727">
        <v>0</v>
      </c>
    </row>
    <row r="48728" spans="1:4" x14ac:dyDescent="0.25">
      <c r="A48728" t="s">
        <v>66904</v>
      </c>
      <c r="B48728" t="s">
        <v>66906</v>
      </c>
      <c r="C48728">
        <v>1</v>
      </c>
      <c r="D48728">
        <v>0</v>
      </c>
    </row>
    <row r="48729" spans="1:4" x14ac:dyDescent="0.25">
      <c r="A48729" t="s">
        <v>66904</v>
      </c>
      <c r="B48729" t="s">
        <v>66907</v>
      </c>
      <c r="C48729">
        <v>2</v>
      </c>
      <c r="D48729">
        <v>0</v>
      </c>
    </row>
    <row r="48730" spans="1:4" x14ac:dyDescent="0.25">
      <c r="A48730" t="s">
        <v>66908</v>
      </c>
      <c r="B48730" t="s">
        <v>66909</v>
      </c>
      <c r="C48730">
        <v>1</v>
      </c>
      <c r="D48730">
        <v>0</v>
      </c>
    </row>
    <row r="48731" spans="1:4" x14ac:dyDescent="0.25">
      <c r="A48731" t="s">
        <v>66908</v>
      </c>
      <c r="B48731" t="s">
        <v>66910</v>
      </c>
      <c r="C48731">
        <v>2</v>
      </c>
      <c r="D48731">
        <v>0</v>
      </c>
    </row>
    <row r="48732" spans="1:4" x14ac:dyDescent="0.25">
      <c r="A48732" t="s">
        <v>66908</v>
      </c>
      <c r="B48732" t="s">
        <v>66911</v>
      </c>
      <c r="C48732">
        <v>1</v>
      </c>
      <c r="D48732">
        <v>0</v>
      </c>
    </row>
    <row r="48733" spans="1:4" x14ac:dyDescent="0.25">
      <c r="A48733" t="s">
        <v>66908</v>
      </c>
      <c r="B48733" t="s">
        <v>66912</v>
      </c>
      <c r="C48733">
        <v>2</v>
      </c>
      <c r="D48733">
        <v>0</v>
      </c>
    </row>
    <row r="48734" spans="1:4" x14ac:dyDescent="0.25">
      <c r="A48734" t="s">
        <v>66913</v>
      </c>
      <c r="B48734" t="s">
        <v>66914</v>
      </c>
      <c r="C48734">
        <v>0</v>
      </c>
      <c r="D48734">
        <v>0</v>
      </c>
    </row>
    <row r="48735" spans="1:4" x14ac:dyDescent="0.25">
      <c r="A48735" t="s">
        <v>66913</v>
      </c>
      <c r="B48735" t="s">
        <v>5713</v>
      </c>
      <c r="C48735">
        <v>1</v>
      </c>
      <c r="D48735">
        <v>0</v>
      </c>
    </row>
    <row r="48736" spans="1:4" x14ac:dyDescent="0.25">
      <c r="A48736" t="s">
        <v>66913</v>
      </c>
      <c r="B48736" t="s">
        <v>66915</v>
      </c>
      <c r="C48736">
        <v>0</v>
      </c>
      <c r="D48736">
        <v>0</v>
      </c>
    </row>
    <row r="48737" spans="1:4" x14ac:dyDescent="0.25">
      <c r="A48737" t="s">
        <v>66916</v>
      </c>
      <c r="B48737" t="s">
        <v>66917</v>
      </c>
      <c r="C48737">
        <v>1</v>
      </c>
      <c r="D48737">
        <v>0</v>
      </c>
    </row>
    <row r="48738" spans="1:4" x14ac:dyDescent="0.25">
      <c r="A48738" t="s">
        <v>66916</v>
      </c>
      <c r="B48738" t="s">
        <v>17479</v>
      </c>
      <c r="C48738">
        <v>2</v>
      </c>
      <c r="D48738">
        <v>0</v>
      </c>
    </row>
    <row r="48739" spans="1:4" x14ac:dyDescent="0.25">
      <c r="A48739" t="s">
        <v>66916</v>
      </c>
      <c r="B48739" t="s">
        <v>66918</v>
      </c>
      <c r="C48739">
        <v>1</v>
      </c>
      <c r="D48739">
        <v>0</v>
      </c>
    </row>
    <row r="48740" spans="1:4" x14ac:dyDescent="0.25">
      <c r="A48740" t="s">
        <v>66916</v>
      </c>
      <c r="B48740" t="s">
        <v>66919</v>
      </c>
      <c r="C48740">
        <v>1</v>
      </c>
      <c r="D48740">
        <v>0</v>
      </c>
    </row>
    <row r="48741" spans="1:4" x14ac:dyDescent="0.25">
      <c r="A48741" t="s">
        <v>66920</v>
      </c>
      <c r="B48741" t="s">
        <v>66921</v>
      </c>
      <c r="C48741">
        <v>1</v>
      </c>
      <c r="D48741">
        <v>0</v>
      </c>
    </row>
    <row r="48742" spans="1:4" x14ac:dyDescent="0.25">
      <c r="A48742" t="s">
        <v>66920</v>
      </c>
      <c r="B48742" t="s">
        <v>66922</v>
      </c>
      <c r="C48742">
        <v>2</v>
      </c>
      <c r="D48742">
        <v>0</v>
      </c>
    </row>
    <row r="48743" spans="1:4" x14ac:dyDescent="0.25">
      <c r="A48743" t="s">
        <v>66923</v>
      </c>
      <c r="B48743" t="s">
        <v>66924</v>
      </c>
      <c r="C48743">
        <v>1</v>
      </c>
      <c r="D48743">
        <v>0</v>
      </c>
    </row>
    <row r="48744" spans="1:4" x14ac:dyDescent="0.25">
      <c r="A48744" t="s">
        <v>66923</v>
      </c>
      <c r="B48744" t="s">
        <v>66925</v>
      </c>
      <c r="C48744">
        <v>1</v>
      </c>
      <c r="D48744">
        <v>0</v>
      </c>
    </row>
    <row r="48745" spans="1:4" x14ac:dyDescent="0.25">
      <c r="A48745" t="s">
        <v>66923</v>
      </c>
      <c r="B48745" t="s">
        <v>66926</v>
      </c>
      <c r="C48745">
        <v>1</v>
      </c>
      <c r="D48745">
        <v>0</v>
      </c>
    </row>
    <row r="48746" spans="1:4" x14ac:dyDescent="0.25">
      <c r="A48746" t="s">
        <v>66927</v>
      </c>
      <c r="B48746" t="s">
        <v>66928</v>
      </c>
      <c r="C48746">
        <v>0</v>
      </c>
      <c r="D48746">
        <v>0</v>
      </c>
    </row>
    <row r="48747" spans="1:4" x14ac:dyDescent="0.25">
      <c r="A48747" t="s">
        <v>66929</v>
      </c>
      <c r="B48747" t="s">
        <v>66930</v>
      </c>
      <c r="C48747">
        <v>1</v>
      </c>
      <c r="D48747">
        <v>0</v>
      </c>
    </row>
    <row r="48748" spans="1:4" x14ac:dyDescent="0.25">
      <c r="A48748" t="s">
        <v>66929</v>
      </c>
      <c r="B48748" t="s">
        <v>66931</v>
      </c>
      <c r="C48748">
        <v>1</v>
      </c>
      <c r="D48748">
        <v>0</v>
      </c>
    </row>
    <row r="48749" spans="1:4" x14ac:dyDescent="0.25">
      <c r="A48749" t="s">
        <v>66929</v>
      </c>
      <c r="B48749" t="s">
        <v>66932</v>
      </c>
      <c r="C48749">
        <v>1</v>
      </c>
      <c r="D48749">
        <v>0</v>
      </c>
    </row>
    <row r="48750" spans="1:4" x14ac:dyDescent="0.25">
      <c r="A48750" t="s">
        <v>66929</v>
      </c>
      <c r="B48750" t="s">
        <v>66933</v>
      </c>
      <c r="C48750">
        <v>1</v>
      </c>
      <c r="D48750">
        <v>0</v>
      </c>
    </row>
    <row r="48751" spans="1:4" x14ac:dyDescent="0.25">
      <c r="A48751" t="s">
        <v>66929</v>
      </c>
      <c r="B48751" t="s">
        <v>66934</v>
      </c>
      <c r="C48751">
        <v>1</v>
      </c>
      <c r="D48751">
        <v>0</v>
      </c>
    </row>
    <row r="48752" spans="1:4" x14ac:dyDescent="0.25">
      <c r="A48752" t="s">
        <v>66929</v>
      </c>
      <c r="B48752" t="s">
        <v>66935</v>
      </c>
      <c r="C48752">
        <v>1</v>
      </c>
      <c r="D48752">
        <v>0</v>
      </c>
    </row>
    <row r="48753" spans="1:4" x14ac:dyDescent="0.25">
      <c r="A48753" t="s">
        <v>66929</v>
      </c>
      <c r="B48753" t="s">
        <v>66935</v>
      </c>
      <c r="C48753">
        <v>1</v>
      </c>
      <c r="D48753">
        <v>0</v>
      </c>
    </row>
    <row r="48754" spans="1:4" x14ac:dyDescent="0.25">
      <c r="A48754" t="s">
        <v>66929</v>
      </c>
      <c r="B48754" t="s">
        <v>66936</v>
      </c>
      <c r="C48754">
        <v>0</v>
      </c>
      <c r="D48754">
        <v>0</v>
      </c>
    </row>
    <row r="48755" spans="1:4" x14ac:dyDescent="0.25">
      <c r="A48755" t="s">
        <v>66937</v>
      </c>
      <c r="B48755" t="s">
        <v>66938</v>
      </c>
      <c r="C48755">
        <v>1</v>
      </c>
      <c r="D48755">
        <v>0</v>
      </c>
    </row>
    <row r="48756" spans="1:4" x14ac:dyDescent="0.25">
      <c r="A48756" t="s">
        <v>66937</v>
      </c>
      <c r="B48756" t="s">
        <v>66939</v>
      </c>
      <c r="C48756">
        <v>1</v>
      </c>
      <c r="D48756">
        <v>0</v>
      </c>
    </row>
    <row r="48757" spans="1:4" x14ac:dyDescent="0.25">
      <c r="A48757" t="s">
        <v>66937</v>
      </c>
      <c r="B48757" t="s">
        <v>66940</v>
      </c>
      <c r="C48757">
        <v>2</v>
      </c>
      <c r="D48757">
        <v>0</v>
      </c>
    </row>
    <row r="48758" spans="1:4" x14ac:dyDescent="0.25">
      <c r="A48758" t="s">
        <v>66937</v>
      </c>
      <c r="B48758" t="s">
        <v>66941</v>
      </c>
      <c r="C48758">
        <v>2</v>
      </c>
      <c r="D48758">
        <v>0</v>
      </c>
    </row>
    <row r="48759" spans="1:4" x14ac:dyDescent="0.25">
      <c r="A48759" t="s">
        <v>66937</v>
      </c>
      <c r="B48759" t="s">
        <v>66942</v>
      </c>
      <c r="C48759">
        <v>1</v>
      </c>
      <c r="D48759">
        <v>0</v>
      </c>
    </row>
    <row r="48760" spans="1:4" x14ac:dyDescent="0.25">
      <c r="A48760" t="s">
        <v>66937</v>
      </c>
      <c r="B48760" t="s">
        <v>65394</v>
      </c>
      <c r="C48760">
        <v>1</v>
      </c>
      <c r="D48760">
        <v>0</v>
      </c>
    </row>
    <row r="48761" spans="1:4" x14ac:dyDescent="0.25">
      <c r="A48761" t="s">
        <v>66943</v>
      </c>
      <c r="B48761" t="s">
        <v>66944</v>
      </c>
      <c r="C48761">
        <v>1</v>
      </c>
      <c r="D48761">
        <v>0</v>
      </c>
    </row>
    <row r="48762" spans="1:4" x14ac:dyDescent="0.25">
      <c r="A48762" t="s">
        <v>66943</v>
      </c>
      <c r="B48762" t="s">
        <v>66945</v>
      </c>
      <c r="C48762">
        <v>0</v>
      </c>
      <c r="D48762">
        <v>0</v>
      </c>
    </row>
    <row r="48763" spans="1:4" x14ac:dyDescent="0.25">
      <c r="A48763" t="s">
        <v>66943</v>
      </c>
      <c r="B48763" t="s">
        <v>66946</v>
      </c>
      <c r="C48763">
        <v>2</v>
      </c>
      <c r="D48763">
        <v>0</v>
      </c>
    </row>
    <row r="48764" spans="1:4" x14ac:dyDescent="0.25">
      <c r="A48764" t="s">
        <v>66943</v>
      </c>
      <c r="B48764" t="s">
        <v>66947</v>
      </c>
      <c r="C48764">
        <v>0</v>
      </c>
      <c r="D48764">
        <v>0</v>
      </c>
    </row>
    <row r="48765" spans="1:4" x14ac:dyDescent="0.25">
      <c r="A48765" t="s">
        <v>66943</v>
      </c>
      <c r="B48765" t="s">
        <v>66948</v>
      </c>
      <c r="C48765">
        <v>0</v>
      </c>
      <c r="D48765">
        <v>0</v>
      </c>
    </row>
    <row r="48766" spans="1:4" x14ac:dyDescent="0.25">
      <c r="A48766" t="s">
        <v>66949</v>
      </c>
      <c r="B48766" t="s">
        <v>66950</v>
      </c>
      <c r="C48766">
        <v>0</v>
      </c>
      <c r="D48766">
        <v>0</v>
      </c>
    </row>
    <row r="48767" spans="1:4" x14ac:dyDescent="0.25">
      <c r="A48767" t="s">
        <v>66949</v>
      </c>
      <c r="B48767" t="s">
        <v>66951</v>
      </c>
      <c r="C48767">
        <v>1</v>
      </c>
      <c r="D48767">
        <v>0</v>
      </c>
    </row>
    <row r="48768" spans="1:4" x14ac:dyDescent="0.25">
      <c r="A48768" t="s">
        <v>66949</v>
      </c>
      <c r="B48768" t="s">
        <v>66952</v>
      </c>
      <c r="C48768">
        <v>0</v>
      </c>
      <c r="D48768">
        <v>0</v>
      </c>
    </row>
    <row r="48769" spans="1:4" x14ac:dyDescent="0.25">
      <c r="A48769" t="s">
        <v>66949</v>
      </c>
      <c r="B48769" t="s">
        <v>66953</v>
      </c>
      <c r="C48769">
        <v>1</v>
      </c>
      <c r="D48769">
        <v>0</v>
      </c>
    </row>
    <row r="48770" spans="1:4" x14ac:dyDescent="0.25">
      <c r="A48770" t="s">
        <v>66954</v>
      </c>
      <c r="B48770" t="s">
        <v>66955</v>
      </c>
      <c r="C48770">
        <v>1</v>
      </c>
      <c r="D48770">
        <v>0</v>
      </c>
    </row>
    <row r="48771" spans="1:4" x14ac:dyDescent="0.25">
      <c r="A48771" t="s">
        <v>66954</v>
      </c>
      <c r="B48771" t="s">
        <v>66956</v>
      </c>
      <c r="C48771">
        <v>1</v>
      </c>
      <c r="D48771">
        <v>0</v>
      </c>
    </row>
    <row r="48772" spans="1:4" x14ac:dyDescent="0.25">
      <c r="A48772" t="s">
        <v>66954</v>
      </c>
      <c r="B48772" t="s">
        <v>66957</v>
      </c>
      <c r="C48772">
        <v>1</v>
      </c>
      <c r="D48772">
        <v>0</v>
      </c>
    </row>
    <row r="48773" spans="1:4" x14ac:dyDescent="0.25">
      <c r="A48773" t="s">
        <v>66954</v>
      </c>
      <c r="B48773" t="s">
        <v>66958</v>
      </c>
      <c r="C48773">
        <v>1</v>
      </c>
      <c r="D48773">
        <v>0</v>
      </c>
    </row>
    <row r="48774" spans="1:4" x14ac:dyDescent="0.25">
      <c r="A48774" t="s">
        <v>66954</v>
      </c>
      <c r="B48774" t="s">
        <v>66959</v>
      </c>
      <c r="C48774">
        <v>0</v>
      </c>
      <c r="D48774">
        <v>0</v>
      </c>
    </row>
    <row r="48775" spans="1:4" x14ac:dyDescent="0.25">
      <c r="A48775" t="s">
        <v>66960</v>
      </c>
      <c r="B48775" t="s">
        <v>66961</v>
      </c>
      <c r="C48775">
        <v>2</v>
      </c>
      <c r="D48775">
        <v>0</v>
      </c>
    </row>
    <row r="48776" spans="1:4" x14ac:dyDescent="0.25">
      <c r="A48776" t="s">
        <v>66960</v>
      </c>
      <c r="B48776" t="s">
        <v>66962</v>
      </c>
      <c r="C48776">
        <v>1</v>
      </c>
      <c r="D48776">
        <v>0</v>
      </c>
    </row>
    <row r="48777" spans="1:4" x14ac:dyDescent="0.25">
      <c r="A48777" t="s">
        <v>66960</v>
      </c>
      <c r="B48777" t="s">
        <v>66963</v>
      </c>
      <c r="C48777">
        <v>1</v>
      </c>
      <c r="D48777">
        <v>0</v>
      </c>
    </row>
    <row r="48778" spans="1:4" x14ac:dyDescent="0.25">
      <c r="A48778" t="s">
        <v>66960</v>
      </c>
      <c r="B48778" t="s">
        <v>66964</v>
      </c>
      <c r="C48778">
        <v>1</v>
      </c>
      <c r="D48778">
        <v>0</v>
      </c>
    </row>
    <row r="48779" spans="1:4" x14ac:dyDescent="0.25">
      <c r="A48779" t="s">
        <v>66960</v>
      </c>
      <c r="B48779" t="s">
        <v>66965</v>
      </c>
      <c r="C48779">
        <v>0</v>
      </c>
      <c r="D48779">
        <v>0</v>
      </c>
    </row>
    <row r="48780" spans="1:4" x14ac:dyDescent="0.25">
      <c r="A48780" t="s">
        <v>66966</v>
      </c>
      <c r="B48780" t="s">
        <v>66967</v>
      </c>
      <c r="C48780">
        <v>2</v>
      </c>
      <c r="D48780">
        <v>0</v>
      </c>
    </row>
    <row r="48781" spans="1:4" x14ac:dyDescent="0.25">
      <c r="A48781" t="s">
        <v>66968</v>
      </c>
      <c r="B48781" t="s">
        <v>66969</v>
      </c>
      <c r="C48781">
        <v>1</v>
      </c>
      <c r="D48781">
        <v>0</v>
      </c>
    </row>
    <row r="48782" spans="1:4" x14ac:dyDescent="0.25">
      <c r="A48782" t="s">
        <v>66970</v>
      </c>
      <c r="B48782" t="s">
        <v>66971</v>
      </c>
      <c r="C48782">
        <v>2</v>
      </c>
      <c r="D48782">
        <v>0</v>
      </c>
    </row>
    <row r="48783" spans="1:4" x14ac:dyDescent="0.25">
      <c r="A48783" t="s">
        <v>66970</v>
      </c>
      <c r="B48783" t="s">
        <v>66972</v>
      </c>
      <c r="C48783">
        <v>0</v>
      </c>
      <c r="D48783">
        <v>0</v>
      </c>
    </row>
    <row r="48784" spans="1:4" x14ac:dyDescent="0.25">
      <c r="A48784" t="s">
        <v>66970</v>
      </c>
      <c r="B48784" t="s">
        <v>66973</v>
      </c>
      <c r="C48784">
        <v>2</v>
      </c>
      <c r="D48784">
        <v>0</v>
      </c>
    </row>
    <row r="48785" spans="1:4" x14ac:dyDescent="0.25">
      <c r="A48785" t="s">
        <v>66970</v>
      </c>
      <c r="B48785" t="s">
        <v>66971</v>
      </c>
      <c r="C48785">
        <v>2</v>
      </c>
      <c r="D48785">
        <v>0</v>
      </c>
    </row>
    <row r="48786" spans="1:4" x14ac:dyDescent="0.25">
      <c r="A48786" t="s">
        <v>66970</v>
      </c>
      <c r="B48786" t="s">
        <v>66974</v>
      </c>
      <c r="C48786">
        <v>1</v>
      </c>
      <c r="D48786">
        <v>0</v>
      </c>
    </row>
    <row r="48787" spans="1:4" x14ac:dyDescent="0.25">
      <c r="A48787" t="s">
        <v>66970</v>
      </c>
      <c r="B48787" t="s">
        <v>66975</v>
      </c>
      <c r="C48787">
        <v>2</v>
      </c>
      <c r="D48787">
        <v>0</v>
      </c>
    </row>
    <row r="48788" spans="1:4" x14ac:dyDescent="0.25">
      <c r="A48788" t="s">
        <v>66976</v>
      </c>
      <c r="B48788" t="s">
        <v>34390</v>
      </c>
      <c r="C48788">
        <v>1</v>
      </c>
      <c r="D48788">
        <v>0</v>
      </c>
    </row>
    <row r="48789" spans="1:4" x14ac:dyDescent="0.25">
      <c r="A48789" t="s">
        <v>66976</v>
      </c>
      <c r="B48789" t="s">
        <v>66977</v>
      </c>
      <c r="C48789">
        <v>2</v>
      </c>
      <c r="D48789">
        <v>0</v>
      </c>
    </row>
    <row r="48790" spans="1:4" x14ac:dyDescent="0.25">
      <c r="A48790" t="s">
        <v>66978</v>
      </c>
      <c r="B48790" t="s">
        <v>66979</v>
      </c>
      <c r="C48790">
        <v>0</v>
      </c>
      <c r="D48790">
        <v>0</v>
      </c>
    </row>
    <row r="48791" spans="1:4" x14ac:dyDescent="0.25">
      <c r="A48791" t="s">
        <v>66978</v>
      </c>
      <c r="B48791" t="s">
        <v>66980</v>
      </c>
      <c r="C48791">
        <v>1</v>
      </c>
      <c r="D48791">
        <v>0</v>
      </c>
    </row>
    <row r="48792" spans="1:4" x14ac:dyDescent="0.25">
      <c r="A48792" t="s">
        <v>66978</v>
      </c>
      <c r="B48792" t="s">
        <v>66981</v>
      </c>
      <c r="C48792">
        <v>1</v>
      </c>
      <c r="D48792">
        <v>0</v>
      </c>
    </row>
    <row r="48793" spans="1:4" x14ac:dyDescent="0.25">
      <c r="A48793" t="s">
        <v>66978</v>
      </c>
      <c r="B48793" t="s">
        <v>66982</v>
      </c>
      <c r="C48793">
        <v>0</v>
      </c>
      <c r="D48793">
        <v>0</v>
      </c>
    </row>
    <row r="48794" spans="1:4" x14ac:dyDescent="0.25">
      <c r="A48794" t="s">
        <v>66983</v>
      </c>
      <c r="B48794" t="s">
        <v>66984</v>
      </c>
      <c r="C48794">
        <v>1</v>
      </c>
      <c r="D48794">
        <v>0</v>
      </c>
    </row>
    <row r="48795" spans="1:4" x14ac:dyDescent="0.25">
      <c r="A48795" t="s">
        <v>66985</v>
      </c>
      <c r="B48795" t="s">
        <v>66986</v>
      </c>
      <c r="C48795">
        <v>1</v>
      </c>
      <c r="D48795">
        <v>0</v>
      </c>
    </row>
    <row r="48796" spans="1:4" x14ac:dyDescent="0.25">
      <c r="A48796" t="s">
        <v>66985</v>
      </c>
      <c r="B48796" t="s">
        <v>66987</v>
      </c>
      <c r="C48796">
        <v>1</v>
      </c>
      <c r="D48796">
        <v>0</v>
      </c>
    </row>
    <row r="48797" spans="1:4" x14ac:dyDescent="0.25">
      <c r="A48797" t="s">
        <v>66985</v>
      </c>
      <c r="B48797" t="s">
        <v>66988</v>
      </c>
      <c r="C48797">
        <v>1</v>
      </c>
      <c r="D48797">
        <v>0</v>
      </c>
    </row>
    <row r="48798" spans="1:4" x14ac:dyDescent="0.25">
      <c r="A48798" t="s">
        <v>66985</v>
      </c>
      <c r="B48798" t="s">
        <v>66989</v>
      </c>
      <c r="C48798">
        <v>1</v>
      </c>
      <c r="D48798">
        <v>0</v>
      </c>
    </row>
    <row r="48799" spans="1:4" x14ac:dyDescent="0.25">
      <c r="A48799" t="s">
        <v>66985</v>
      </c>
      <c r="B48799" t="s">
        <v>66990</v>
      </c>
      <c r="C48799">
        <v>0</v>
      </c>
      <c r="D48799">
        <v>0</v>
      </c>
    </row>
    <row r="48800" spans="1:4" x14ac:dyDescent="0.25">
      <c r="A48800" t="s">
        <v>66985</v>
      </c>
      <c r="B48800" t="s">
        <v>66991</v>
      </c>
      <c r="C48800">
        <v>1</v>
      </c>
      <c r="D48800">
        <v>0</v>
      </c>
    </row>
    <row r="48801" spans="1:4" x14ac:dyDescent="0.25">
      <c r="A48801" t="s">
        <v>66992</v>
      </c>
      <c r="B48801" t="s">
        <v>66993</v>
      </c>
      <c r="C48801">
        <v>1</v>
      </c>
      <c r="D48801">
        <v>0</v>
      </c>
    </row>
    <row r="48802" spans="1:4" x14ac:dyDescent="0.25">
      <c r="A48802" t="s">
        <v>66992</v>
      </c>
      <c r="B48802" t="s">
        <v>66994</v>
      </c>
      <c r="C48802">
        <v>2</v>
      </c>
      <c r="D48802">
        <v>0</v>
      </c>
    </row>
    <row r="48803" spans="1:4" x14ac:dyDescent="0.25">
      <c r="A48803" t="s">
        <v>66995</v>
      </c>
      <c r="B48803" t="s">
        <v>66996</v>
      </c>
      <c r="C48803">
        <v>1</v>
      </c>
      <c r="D48803">
        <v>0</v>
      </c>
    </row>
    <row r="48804" spans="1:4" x14ac:dyDescent="0.25">
      <c r="A48804" t="s">
        <v>66995</v>
      </c>
      <c r="B48804" t="s">
        <v>66997</v>
      </c>
      <c r="C48804">
        <v>1</v>
      </c>
      <c r="D48804">
        <v>0</v>
      </c>
    </row>
    <row r="48805" spans="1:4" x14ac:dyDescent="0.25">
      <c r="A48805" t="s">
        <v>66995</v>
      </c>
      <c r="B48805" t="s">
        <v>66998</v>
      </c>
      <c r="C48805">
        <v>2</v>
      </c>
      <c r="D48805">
        <v>0</v>
      </c>
    </row>
    <row r="48806" spans="1:4" x14ac:dyDescent="0.25">
      <c r="A48806" t="s">
        <v>66995</v>
      </c>
      <c r="B48806" t="s">
        <v>66999</v>
      </c>
      <c r="C48806">
        <v>1</v>
      </c>
      <c r="D48806">
        <v>0</v>
      </c>
    </row>
    <row r="48807" spans="1:4" x14ac:dyDescent="0.25">
      <c r="A48807" t="s">
        <v>67000</v>
      </c>
      <c r="B48807" t="s">
        <v>67001</v>
      </c>
      <c r="C48807">
        <v>1</v>
      </c>
      <c r="D48807">
        <v>0</v>
      </c>
    </row>
    <row r="48808" spans="1:4" x14ac:dyDescent="0.25">
      <c r="A48808" t="s">
        <v>67000</v>
      </c>
      <c r="B48808" t="s">
        <v>67002</v>
      </c>
      <c r="C48808">
        <v>2</v>
      </c>
      <c r="D48808">
        <v>0</v>
      </c>
    </row>
    <row r="48809" spans="1:4" x14ac:dyDescent="0.25">
      <c r="A48809" t="s">
        <v>67000</v>
      </c>
      <c r="B48809" t="s">
        <v>67003</v>
      </c>
      <c r="C48809">
        <v>1</v>
      </c>
      <c r="D48809">
        <v>0</v>
      </c>
    </row>
    <row r="48810" spans="1:4" x14ac:dyDescent="0.25">
      <c r="A48810" t="s">
        <v>67004</v>
      </c>
      <c r="B48810" t="s">
        <v>67005</v>
      </c>
      <c r="C48810">
        <v>1</v>
      </c>
      <c r="D48810">
        <v>0</v>
      </c>
    </row>
    <row r="48811" spans="1:4" x14ac:dyDescent="0.25">
      <c r="A48811" t="s">
        <v>67004</v>
      </c>
      <c r="B48811" t="s">
        <v>67006</v>
      </c>
      <c r="C48811">
        <v>1</v>
      </c>
      <c r="D48811">
        <v>0</v>
      </c>
    </row>
    <row r="48812" spans="1:4" x14ac:dyDescent="0.25">
      <c r="A48812" t="s">
        <v>67004</v>
      </c>
      <c r="B48812" t="s">
        <v>52502</v>
      </c>
      <c r="C48812">
        <v>1</v>
      </c>
      <c r="D48812">
        <v>0</v>
      </c>
    </row>
    <row r="48813" spans="1:4" x14ac:dyDescent="0.25">
      <c r="A48813" t="s">
        <v>67004</v>
      </c>
      <c r="B48813" t="s">
        <v>67007</v>
      </c>
      <c r="C48813">
        <v>0</v>
      </c>
      <c r="D48813">
        <v>0</v>
      </c>
    </row>
    <row r="48814" spans="1:4" x14ac:dyDescent="0.25">
      <c r="A48814" t="s">
        <v>67004</v>
      </c>
      <c r="B48814" t="s">
        <v>67008</v>
      </c>
      <c r="C48814">
        <v>1</v>
      </c>
      <c r="D48814">
        <v>0</v>
      </c>
    </row>
    <row r="48815" spans="1:4" x14ac:dyDescent="0.25">
      <c r="A48815" t="s">
        <v>67004</v>
      </c>
      <c r="B48815" t="s">
        <v>52506</v>
      </c>
      <c r="C48815">
        <v>2</v>
      </c>
      <c r="D48815">
        <v>0</v>
      </c>
    </row>
    <row r="48816" spans="1:4" x14ac:dyDescent="0.25">
      <c r="A48816" t="s">
        <v>67004</v>
      </c>
      <c r="B48816" t="s">
        <v>67009</v>
      </c>
      <c r="C48816">
        <v>1</v>
      </c>
      <c r="D48816">
        <v>0</v>
      </c>
    </row>
    <row r="48817" spans="1:4" x14ac:dyDescent="0.25">
      <c r="A48817" t="s">
        <v>67010</v>
      </c>
      <c r="B48817" t="s">
        <v>67011</v>
      </c>
      <c r="C48817">
        <v>1</v>
      </c>
      <c r="D48817">
        <v>0</v>
      </c>
    </row>
    <row r="48818" spans="1:4" x14ac:dyDescent="0.25">
      <c r="A48818" t="s">
        <v>67010</v>
      </c>
      <c r="B48818" t="s">
        <v>67012</v>
      </c>
      <c r="C48818">
        <v>1</v>
      </c>
      <c r="D48818">
        <v>0</v>
      </c>
    </row>
    <row r="48819" spans="1:4" x14ac:dyDescent="0.25">
      <c r="A48819" t="s">
        <v>67013</v>
      </c>
      <c r="B48819" t="s">
        <v>67014</v>
      </c>
      <c r="C48819">
        <v>1</v>
      </c>
      <c r="D48819">
        <v>0</v>
      </c>
    </row>
    <row r="48820" spans="1:4" x14ac:dyDescent="0.25">
      <c r="A48820" t="s">
        <v>67013</v>
      </c>
      <c r="B48820" t="s">
        <v>67015</v>
      </c>
      <c r="C48820">
        <v>1</v>
      </c>
      <c r="D48820">
        <v>0</v>
      </c>
    </row>
    <row r="48821" spans="1:4" x14ac:dyDescent="0.25">
      <c r="A48821" t="s">
        <v>67013</v>
      </c>
      <c r="B48821" t="s">
        <v>67016</v>
      </c>
      <c r="C48821">
        <v>1</v>
      </c>
      <c r="D48821">
        <v>0</v>
      </c>
    </row>
    <row r="48822" spans="1:4" x14ac:dyDescent="0.25">
      <c r="A48822" t="s">
        <v>67013</v>
      </c>
      <c r="B48822" t="s">
        <v>49794</v>
      </c>
      <c r="C48822">
        <v>1</v>
      </c>
      <c r="D48822">
        <v>0</v>
      </c>
    </row>
    <row r="48823" spans="1:4" x14ac:dyDescent="0.25">
      <c r="A48823" t="s">
        <v>67017</v>
      </c>
      <c r="B48823" t="s">
        <v>67018</v>
      </c>
      <c r="C48823">
        <v>0</v>
      </c>
      <c r="D48823">
        <v>0</v>
      </c>
    </row>
    <row r="48824" spans="1:4" x14ac:dyDescent="0.25">
      <c r="A48824" t="s">
        <v>67017</v>
      </c>
      <c r="B48824" t="s">
        <v>67019</v>
      </c>
      <c r="C48824">
        <v>0</v>
      </c>
      <c r="D48824">
        <v>0</v>
      </c>
    </row>
    <row r="48825" spans="1:4" x14ac:dyDescent="0.25">
      <c r="A48825" t="s">
        <v>67017</v>
      </c>
      <c r="B48825" t="s">
        <v>67020</v>
      </c>
      <c r="C48825">
        <v>1</v>
      </c>
      <c r="D48825">
        <v>0</v>
      </c>
    </row>
    <row r="48826" spans="1:4" x14ac:dyDescent="0.25">
      <c r="A48826" t="s">
        <v>67017</v>
      </c>
      <c r="B48826" t="s">
        <v>67021</v>
      </c>
      <c r="C48826">
        <v>1</v>
      </c>
      <c r="D48826">
        <v>0</v>
      </c>
    </row>
    <row r="48827" spans="1:4" x14ac:dyDescent="0.25">
      <c r="A48827" t="s">
        <v>67017</v>
      </c>
      <c r="B48827" t="s">
        <v>67022</v>
      </c>
      <c r="C48827">
        <v>1</v>
      </c>
      <c r="D48827">
        <v>0</v>
      </c>
    </row>
    <row r="48828" spans="1:4" x14ac:dyDescent="0.25">
      <c r="A48828" t="s">
        <v>67023</v>
      </c>
      <c r="B48828" t="s">
        <v>67024</v>
      </c>
      <c r="C48828">
        <v>1</v>
      </c>
      <c r="D48828">
        <v>0</v>
      </c>
    </row>
    <row r="48829" spans="1:4" x14ac:dyDescent="0.25">
      <c r="A48829" t="s">
        <v>67023</v>
      </c>
      <c r="B48829" t="s">
        <v>67025</v>
      </c>
      <c r="C48829">
        <v>1</v>
      </c>
      <c r="D48829">
        <v>0</v>
      </c>
    </row>
    <row r="48830" spans="1:4" x14ac:dyDescent="0.25">
      <c r="A48830" t="s">
        <v>67026</v>
      </c>
      <c r="B48830" t="s">
        <v>67027</v>
      </c>
      <c r="C48830">
        <v>1</v>
      </c>
      <c r="D48830">
        <v>0</v>
      </c>
    </row>
    <row r="48831" spans="1:4" x14ac:dyDescent="0.25">
      <c r="A48831" t="s">
        <v>67026</v>
      </c>
      <c r="B48831" t="s">
        <v>67028</v>
      </c>
      <c r="C48831">
        <v>2</v>
      </c>
      <c r="D48831">
        <v>0</v>
      </c>
    </row>
    <row r="48832" spans="1:4" x14ac:dyDescent="0.25">
      <c r="A48832" t="s">
        <v>67026</v>
      </c>
      <c r="B48832" t="s">
        <v>67029</v>
      </c>
      <c r="C48832">
        <v>1</v>
      </c>
      <c r="D48832">
        <v>0</v>
      </c>
    </row>
    <row r="48833" spans="1:4" x14ac:dyDescent="0.25">
      <c r="A48833" t="s">
        <v>67030</v>
      </c>
      <c r="B48833" t="s">
        <v>67031</v>
      </c>
      <c r="C48833">
        <v>1</v>
      </c>
      <c r="D48833">
        <v>0</v>
      </c>
    </row>
    <row r="48834" spans="1:4" x14ac:dyDescent="0.25">
      <c r="A48834" t="s">
        <v>67032</v>
      </c>
      <c r="B48834" t="s">
        <v>67033</v>
      </c>
      <c r="C48834">
        <v>1</v>
      </c>
      <c r="D48834">
        <v>0</v>
      </c>
    </row>
    <row r="48835" spans="1:4" x14ac:dyDescent="0.25">
      <c r="A48835" t="s">
        <v>67032</v>
      </c>
      <c r="B48835" t="s">
        <v>67034</v>
      </c>
      <c r="C48835">
        <v>0</v>
      </c>
      <c r="D48835">
        <v>0</v>
      </c>
    </row>
    <row r="48836" spans="1:4" x14ac:dyDescent="0.25">
      <c r="A48836" t="s">
        <v>67032</v>
      </c>
      <c r="B48836" t="s">
        <v>67035</v>
      </c>
      <c r="C48836">
        <v>1</v>
      </c>
      <c r="D48836">
        <v>0</v>
      </c>
    </row>
    <row r="48837" spans="1:4" x14ac:dyDescent="0.25">
      <c r="A48837" t="s">
        <v>67032</v>
      </c>
      <c r="B48837" t="s">
        <v>67036</v>
      </c>
      <c r="C48837">
        <v>0</v>
      </c>
      <c r="D48837">
        <v>0</v>
      </c>
    </row>
    <row r="48838" spans="1:4" x14ac:dyDescent="0.25">
      <c r="A48838" t="s">
        <v>67032</v>
      </c>
      <c r="B48838" t="s">
        <v>67037</v>
      </c>
      <c r="C48838">
        <v>1</v>
      </c>
      <c r="D48838">
        <v>0</v>
      </c>
    </row>
    <row r="48839" spans="1:4" x14ac:dyDescent="0.25">
      <c r="A48839" t="s">
        <v>67032</v>
      </c>
      <c r="B48839" t="s">
        <v>31280</v>
      </c>
      <c r="C48839">
        <v>1</v>
      </c>
      <c r="D48839">
        <v>0</v>
      </c>
    </row>
    <row r="48840" spans="1:4" x14ac:dyDescent="0.25">
      <c r="A48840" t="s">
        <v>67032</v>
      </c>
      <c r="B48840" t="s">
        <v>67038</v>
      </c>
      <c r="C48840">
        <v>1</v>
      </c>
      <c r="D48840">
        <v>0</v>
      </c>
    </row>
    <row r="48841" spans="1:4" x14ac:dyDescent="0.25">
      <c r="A48841" t="s">
        <v>67039</v>
      </c>
      <c r="B48841" t="s">
        <v>67040</v>
      </c>
      <c r="C48841">
        <v>1</v>
      </c>
      <c r="D48841">
        <v>0</v>
      </c>
    </row>
    <row r="48842" spans="1:4" x14ac:dyDescent="0.25">
      <c r="A48842" t="s">
        <v>67039</v>
      </c>
      <c r="B48842" t="s">
        <v>67041</v>
      </c>
      <c r="C48842">
        <v>2</v>
      </c>
      <c r="D48842">
        <v>0</v>
      </c>
    </row>
    <row r="48843" spans="1:4" x14ac:dyDescent="0.25">
      <c r="A48843" t="s">
        <v>67039</v>
      </c>
      <c r="B48843" t="s">
        <v>67042</v>
      </c>
      <c r="C48843">
        <v>1</v>
      </c>
      <c r="D48843">
        <v>0</v>
      </c>
    </row>
    <row r="48844" spans="1:4" x14ac:dyDescent="0.25">
      <c r="A48844" t="s">
        <v>67039</v>
      </c>
      <c r="B48844" t="s">
        <v>67043</v>
      </c>
      <c r="C48844">
        <v>2</v>
      </c>
      <c r="D48844">
        <v>0</v>
      </c>
    </row>
    <row r="48845" spans="1:4" x14ac:dyDescent="0.25">
      <c r="A48845" t="s">
        <v>67039</v>
      </c>
      <c r="B48845" t="s">
        <v>67044</v>
      </c>
      <c r="C48845">
        <v>1</v>
      </c>
      <c r="D48845">
        <v>0</v>
      </c>
    </row>
    <row r="48846" spans="1:4" x14ac:dyDescent="0.25">
      <c r="A48846" t="s">
        <v>67039</v>
      </c>
      <c r="B48846" t="s">
        <v>67043</v>
      </c>
      <c r="C48846">
        <v>2</v>
      </c>
      <c r="D48846">
        <v>0</v>
      </c>
    </row>
    <row r="48847" spans="1:4" x14ac:dyDescent="0.25">
      <c r="A48847" t="s">
        <v>67039</v>
      </c>
      <c r="B48847" t="s">
        <v>67045</v>
      </c>
      <c r="C48847">
        <v>1</v>
      </c>
      <c r="D48847">
        <v>0</v>
      </c>
    </row>
    <row r="48848" spans="1:4" x14ac:dyDescent="0.25">
      <c r="A48848" t="s">
        <v>67046</v>
      </c>
      <c r="B48848" t="s">
        <v>46335</v>
      </c>
      <c r="C48848">
        <v>0</v>
      </c>
      <c r="D48848">
        <v>0</v>
      </c>
    </row>
    <row r="48849" spans="1:4" x14ac:dyDescent="0.25">
      <c r="A48849" t="s">
        <v>67046</v>
      </c>
      <c r="B48849" t="s">
        <v>1001</v>
      </c>
      <c r="C48849">
        <v>1</v>
      </c>
      <c r="D48849">
        <v>0</v>
      </c>
    </row>
    <row r="48850" spans="1:4" x14ac:dyDescent="0.25">
      <c r="A48850" t="s">
        <v>67046</v>
      </c>
      <c r="B48850" t="s">
        <v>67047</v>
      </c>
      <c r="C48850">
        <v>0</v>
      </c>
      <c r="D48850">
        <v>0</v>
      </c>
    </row>
    <row r="48851" spans="1:4" x14ac:dyDescent="0.25">
      <c r="A48851" t="s">
        <v>67048</v>
      </c>
      <c r="B48851" t="s">
        <v>67049</v>
      </c>
      <c r="C48851">
        <v>1</v>
      </c>
      <c r="D48851">
        <v>0</v>
      </c>
    </row>
    <row r="48852" spans="1:4" x14ac:dyDescent="0.25">
      <c r="A48852" t="s">
        <v>67048</v>
      </c>
      <c r="B48852" t="s">
        <v>67050</v>
      </c>
      <c r="C48852">
        <v>0</v>
      </c>
      <c r="D48852">
        <v>0</v>
      </c>
    </row>
    <row r="48853" spans="1:4" x14ac:dyDescent="0.25">
      <c r="A48853" t="s">
        <v>67048</v>
      </c>
      <c r="B48853" t="s">
        <v>67051</v>
      </c>
      <c r="C48853">
        <v>1</v>
      </c>
      <c r="D48853">
        <v>0</v>
      </c>
    </row>
    <row r="48854" spans="1:4" x14ac:dyDescent="0.25">
      <c r="A48854" t="s">
        <v>67048</v>
      </c>
      <c r="B48854" t="s">
        <v>67052</v>
      </c>
      <c r="C48854">
        <v>1</v>
      </c>
      <c r="D48854">
        <v>0</v>
      </c>
    </row>
    <row r="48855" spans="1:4" x14ac:dyDescent="0.25">
      <c r="A48855" t="s">
        <v>67048</v>
      </c>
      <c r="B48855" t="s">
        <v>67053</v>
      </c>
      <c r="C48855">
        <v>1</v>
      </c>
      <c r="D48855">
        <v>0</v>
      </c>
    </row>
    <row r="48856" spans="1:4" x14ac:dyDescent="0.25">
      <c r="A48856" t="s">
        <v>67048</v>
      </c>
      <c r="B48856" t="s">
        <v>67054</v>
      </c>
      <c r="C48856">
        <v>1</v>
      </c>
      <c r="D48856">
        <v>0</v>
      </c>
    </row>
    <row r="48857" spans="1:4" x14ac:dyDescent="0.25">
      <c r="A48857" t="s">
        <v>67055</v>
      </c>
      <c r="B48857" t="s">
        <v>67056</v>
      </c>
      <c r="C48857">
        <v>1</v>
      </c>
      <c r="D48857">
        <v>0</v>
      </c>
    </row>
    <row r="48858" spans="1:4" x14ac:dyDescent="0.25">
      <c r="A48858" t="s">
        <v>67057</v>
      </c>
      <c r="B48858" t="s">
        <v>9783</v>
      </c>
      <c r="C48858">
        <v>0</v>
      </c>
      <c r="D48858">
        <v>0</v>
      </c>
    </row>
    <row r="48859" spans="1:4" x14ac:dyDescent="0.25">
      <c r="A48859" t="s">
        <v>67058</v>
      </c>
      <c r="B48859" t="s">
        <v>67059</v>
      </c>
      <c r="C48859">
        <v>2</v>
      </c>
      <c r="D48859">
        <v>0</v>
      </c>
    </row>
    <row r="48860" spans="1:4" x14ac:dyDescent="0.25">
      <c r="A48860" t="s">
        <v>67058</v>
      </c>
      <c r="B48860" t="s">
        <v>67060</v>
      </c>
      <c r="C48860">
        <v>1</v>
      </c>
      <c r="D48860">
        <v>0</v>
      </c>
    </row>
    <row r="48861" spans="1:4" x14ac:dyDescent="0.25">
      <c r="A48861" t="s">
        <v>67058</v>
      </c>
      <c r="B48861" t="s">
        <v>67061</v>
      </c>
      <c r="C48861">
        <v>0</v>
      </c>
      <c r="D48861">
        <v>0</v>
      </c>
    </row>
    <row r="48862" spans="1:4" x14ac:dyDescent="0.25">
      <c r="A48862" t="s">
        <v>67058</v>
      </c>
      <c r="B48862" t="s">
        <v>67062</v>
      </c>
      <c r="C48862">
        <v>1</v>
      </c>
      <c r="D48862">
        <v>0</v>
      </c>
    </row>
    <row r="48863" spans="1:4" x14ac:dyDescent="0.25">
      <c r="A48863" t="s">
        <v>67058</v>
      </c>
      <c r="B48863" t="s">
        <v>67063</v>
      </c>
      <c r="C48863">
        <v>0</v>
      </c>
      <c r="D48863">
        <v>0</v>
      </c>
    </row>
    <row r="48864" spans="1:4" x14ac:dyDescent="0.25">
      <c r="A48864" t="s">
        <v>67064</v>
      </c>
      <c r="B48864" t="s">
        <v>67065</v>
      </c>
      <c r="C48864">
        <v>1</v>
      </c>
      <c r="D48864">
        <v>0</v>
      </c>
    </row>
    <row r="48865" spans="1:4" x14ac:dyDescent="0.25">
      <c r="A48865" t="s">
        <v>67064</v>
      </c>
      <c r="B48865" t="s">
        <v>67066</v>
      </c>
      <c r="C48865">
        <v>2</v>
      </c>
      <c r="D48865">
        <v>0</v>
      </c>
    </row>
    <row r="48866" spans="1:4" x14ac:dyDescent="0.25">
      <c r="A48866" t="s">
        <v>67064</v>
      </c>
      <c r="B48866" t="s">
        <v>67067</v>
      </c>
      <c r="C48866">
        <v>1</v>
      </c>
      <c r="D48866">
        <v>0</v>
      </c>
    </row>
    <row r="48867" spans="1:4" x14ac:dyDescent="0.25">
      <c r="A48867" t="s">
        <v>67064</v>
      </c>
      <c r="B48867" t="s">
        <v>67068</v>
      </c>
      <c r="C48867">
        <v>0</v>
      </c>
      <c r="D48867">
        <v>0</v>
      </c>
    </row>
    <row r="48868" spans="1:4" x14ac:dyDescent="0.25">
      <c r="A48868" t="s">
        <v>67069</v>
      </c>
      <c r="B48868" t="s">
        <v>67070</v>
      </c>
      <c r="C48868">
        <v>1</v>
      </c>
      <c r="D48868">
        <v>0</v>
      </c>
    </row>
    <row r="48869" spans="1:4" x14ac:dyDescent="0.25">
      <c r="A48869" t="s">
        <v>67069</v>
      </c>
      <c r="B48869" t="s">
        <v>67071</v>
      </c>
      <c r="C48869">
        <v>0</v>
      </c>
      <c r="D48869">
        <v>0</v>
      </c>
    </row>
    <row r="48870" spans="1:4" x14ac:dyDescent="0.25">
      <c r="A48870" t="s">
        <v>67069</v>
      </c>
      <c r="B48870" t="s">
        <v>67072</v>
      </c>
      <c r="C48870">
        <v>0</v>
      </c>
      <c r="D48870">
        <v>0</v>
      </c>
    </row>
    <row r="48871" spans="1:4" x14ac:dyDescent="0.25">
      <c r="A48871" t="s">
        <v>67069</v>
      </c>
      <c r="B48871" t="s">
        <v>67073</v>
      </c>
      <c r="C48871">
        <v>1</v>
      </c>
      <c r="D48871">
        <v>0</v>
      </c>
    </row>
    <row r="48872" spans="1:4" x14ac:dyDescent="0.25">
      <c r="A48872" t="s">
        <v>67074</v>
      </c>
      <c r="B48872" t="s">
        <v>67075</v>
      </c>
      <c r="C48872">
        <v>1</v>
      </c>
      <c r="D48872">
        <v>0</v>
      </c>
    </row>
    <row r="48873" spans="1:4" x14ac:dyDescent="0.25">
      <c r="A48873" t="s">
        <v>67074</v>
      </c>
      <c r="B48873" t="s">
        <v>67076</v>
      </c>
      <c r="C48873">
        <v>1</v>
      </c>
      <c r="D48873">
        <v>0</v>
      </c>
    </row>
    <row r="48874" spans="1:4" x14ac:dyDescent="0.25">
      <c r="A48874" t="s">
        <v>67074</v>
      </c>
      <c r="B48874" t="s">
        <v>5713</v>
      </c>
      <c r="C48874">
        <v>1</v>
      </c>
      <c r="D48874">
        <v>0</v>
      </c>
    </row>
    <row r="48875" spans="1:4" x14ac:dyDescent="0.25">
      <c r="A48875" t="s">
        <v>67077</v>
      </c>
      <c r="B48875" t="s">
        <v>67078</v>
      </c>
      <c r="C48875">
        <v>0</v>
      </c>
      <c r="D48875">
        <v>0</v>
      </c>
    </row>
    <row r="48876" spans="1:4" x14ac:dyDescent="0.25">
      <c r="A48876" t="s">
        <v>67077</v>
      </c>
      <c r="B48876" t="s">
        <v>67079</v>
      </c>
      <c r="C48876">
        <v>0</v>
      </c>
      <c r="D48876">
        <v>0</v>
      </c>
    </row>
    <row r="48877" spans="1:4" x14ac:dyDescent="0.25">
      <c r="A48877" t="s">
        <v>67077</v>
      </c>
      <c r="B48877" t="s">
        <v>67080</v>
      </c>
      <c r="C48877">
        <v>2</v>
      </c>
      <c r="D48877">
        <v>0</v>
      </c>
    </row>
    <row r="48878" spans="1:4" x14ac:dyDescent="0.25">
      <c r="A48878" t="s">
        <v>67077</v>
      </c>
      <c r="B48878" t="s">
        <v>67081</v>
      </c>
      <c r="C48878">
        <v>1</v>
      </c>
      <c r="D48878">
        <v>0</v>
      </c>
    </row>
    <row r="48879" spans="1:4" x14ac:dyDescent="0.25">
      <c r="A48879" t="s">
        <v>67082</v>
      </c>
      <c r="B48879" t="s">
        <v>67083</v>
      </c>
      <c r="C48879">
        <v>1</v>
      </c>
      <c r="D48879">
        <v>0</v>
      </c>
    </row>
    <row r="48880" spans="1:4" x14ac:dyDescent="0.25">
      <c r="A48880" t="s">
        <v>67082</v>
      </c>
      <c r="B48880" t="s">
        <v>67084</v>
      </c>
      <c r="C48880">
        <v>1</v>
      </c>
      <c r="D48880">
        <v>0</v>
      </c>
    </row>
    <row r="48881" spans="1:4" x14ac:dyDescent="0.25">
      <c r="A48881" t="s">
        <v>67082</v>
      </c>
      <c r="B48881" t="s">
        <v>67085</v>
      </c>
      <c r="C48881">
        <v>1</v>
      </c>
      <c r="D48881">
        <v>0</v>
      </c>
    </row>
    <row r="48882" spans="1:4" x14ac:dyDescent="0.25">
      <c r="A48882" t="s">
        <v>67082</v>
      </c>
      <c r="B48882" t="s">
        <v>67086</v>
      </c>
      <c r="C48882">
        <v>0</v>
      </c>
      <c r="D48882">
        <v>0</v>
      </c>
    </row>
    <row r="48883" spans="1:4" x14ac:dyDescent="0.25">
      <c r="A48883" t="s">
        <v>67082</v>
      </c>
      <c r="B48883" t="s">
        <v>67087</v>
      </c>
      <c r="C48883">
        <v>2</v>
      </c>
      <c r="D48883">
        <v>0</v>
      </c>
    </row>
    <row r="48884" spans="1:4" x14ac:dyDescent="0.25">
      <c r="A48884" t="s">
        <v>67082</v>
      </c>
      <c r="B48884" t="s">
        <v>67088</v>
      </c>
      <c r="C48884">
        <v>1</v>
      </c>
      <c r="D48884">
        <v>0</v>
      </c>
    </row>
    <row r="48885" spans="1:4" x14ac:dyDescent="0.25">
      <c r="A48885" t="s">
        <v>67082</v>
      </c>
      <c r="B48885" t="s">
        <v>67089</v>
      </c>
      <c r="C48885">
        <v>0</v>
      </c>
      <c r="D48885">
        <v>0</v>
      </c>
    </row>
    <row r="48886" spans="1:4" x14ac:dyDescent="0.25">
      <c r="A48886" t="s">
        <v>67082</v>
      </c>
      <c r="B48886" t="s">
        <v>67090</v>
      </c>
      <c r="C48886">
        <v>1</v>
      </c>
      <c r="D48886">
        <v>0</v>
      </c>
    </row>
    <row r="48887" spans="1:4" x14ac:dyDescent="0.25">
      <c r="A48887" t="s">
        <v>67091</v>
      </c>
      <c r="B48887" t="s">
        <v>67092</v>
      </c>
      <c r="C48887">
        <v>1</v>
      </c>
      <c r="D48887">
        <v>0</v>
      </c>
    </row>
    <row r="48888" spans="1:4" x14ac:dyDescent="0.25">
      <c r="A48888" t="s">
        <v>67091</v>
      </c>
      <c r="B48888" t="s">
        <v>67093</v>
      </c>
      <c r="C48888">
        <v>2</v>
      </c>
      <c r="D48888">
        <v>0</v>
      </c>
    </row>
    <row r="48889" spans="1:4" x14ac:dyDescent="0.25">
      <c r="A48889" t="s">
        <v>67091</v>
      </c>
      <c r="B48889" t="s">
        <v>67094</v>
      </c>
      <c r="C48889">
        <v>2</v>
      </c>
      <c r="D48889">
        <v>0</v>
      </c>
    </row>
    <row r="48890" spans="1:4" x14ac:dyDescent="0.25">
      <c r="A48890" t="s">
        <v>67091</v>
      </c>
      <c r="B48890" t="s">
        <v>67095</v>
      </c>
      <c r="C48890">
        <v>2</v>
      </c>
      <c r="D48890">
        <v>0</v>
      </c>
    </row>
    <row r="48891" spans="1:4" x14ac:dyDescent="0.25">
      <c r="A48891" t="s">
        <v>67096</v>
      </c>
      <c r="B48891" t="s">
        <v>67097</v>
      </c>
      <c r="C48891">
        <v>2</v>
      </c>
      <c r="D48891">
        <v>0</v>
      </c>
    </row>
    <row r="48892" spans="1:4" x14ac:dyDescent="0.25">
      <c r="A48892" t="s">
        <v>67096</v>
      </c>
      <c r="B48892" t="s">
        <v>67098</v>
      </c>
      <c r="C48892">
        <v>2</v>
      </c>
      <c r="D48892">
        <v>0</v>
      </c>
    </row>
    <row r="48893" spans="1:4" x14ac:dyDescent="0.25">
      <c r="A48893" t="s">
        <v>67096</v>
      </c>
      <c r="B48893" t="s">
        <v>67099</v>
      </c>
      <c r="C48893">
        <v>1</v>
      </c>
      <c r="D48893">
        <v>0</v>
      </c>
    </row>
    <row r="48894" spans="1:4" x14ac:dyDescent="0.25">
      <c r="A48894" t="s">
        <v>67096</v>
      </c>
      <c r="B48894" t="s">
        <v>52711</v>
      </c>
      <c r="C48894">
        <v>1</v>
      </c>
      <c r="D48894">
        <v>0</v>
      </c>
    </row>
    <row r="48895" spans="1:4" x14ac:dyDescent="0.25">
      <c r="A48895" t="s">
        <v>67100</v>
      </c>
      <c r="B48895" t="s">
        <v>67101</v>
      </c>
      <c r="C48895">
        <v>2</v>
      </c>
      <c r="D48895">
        <v>0</v>
      </c>
    </row>
    <row r="48896" spans="1:4" x14ac:dyDescent="0.25">
      <c r="A48896" t="s">
        <v>67100</v>
      </c>
      <c r="B48896" t="s">
        <v>67102</v>
      </c>
      <c r="C48896">
        <v>1</v>
      </c>
      <c r="D48896">
        <v>0</v>
      </c>
    </row>
    <row r="48897" spans="1:4" x14ac:dyDescent="0.25">
      <c r="A48897" t="s">
        <v>67100</v>
      </c>
      <c r="B48897" t="s">
        <v>67103</v>
      </c>
      <c r="C48897">
        <v>2</v>
      </c>
      <c r="D48897">
        <v>0</v>
      </c>
    </row>
    <row r="48898" spans="1:4" x14ac:dyDescent="0.25">
      <c r="A48898" t="s">
        <v>67104</v>
      </c>
      <c r="B48898" t="s">
        <v>67105</v>
      </c>
      <c r="C48898">
        <v>0</v>
      </c>
      <c r="D48898">
        <v>0</v>
      </c>
    </row>
    <row r="48899" spans="1:4" x14ac:dyDescent="0.25">
      <c r="A48899" t="s">
        <v>67104</v>
      </c>
      <c r="B48899" t="s">
        <v>67106</v>
      </c>
      <c r="C48899">
        <v>2</v>
      </c>
      <c r="D48899">
        <v>0</v>
      </c>
    </row>
    <row r="48900" spans="1:4" x14ac:dyDescent="0.25">
      <c r="A48900" t="s">
        <v>67104</v>
      </c>
      <c r="B48900" t="s">
        <v>67107</v>
      </c>
      <c r="C48900">
        <v>0</v>
      </c>
      <c r="D48900">
        <v>0</v>
      </c>
    </row>
    <row r="48901" spans="1:4" x14ac:dyDescent="0.25">
      <c r="A48901" t="s">
        <v>67104</v>
      </c>
      <c r="B48901" t="s">
        <v>67108</v>
      </c>
      <c r="C48901">
        <v>1</v>
      </c>
      <c r="D48901">
        <v>0</v>
      </c>
    </row>
    <row r="48902" spans="1:4" x14ac:dyDescent="0.25">
      <c r="A48902" t="s">
        <v>67109</v>
      </c>
      <c r="B48902" t="s">
        <v>67110</v>
      </c>
      <c r="C48902">
        <v>1</v>
      </c>
      <c r="D48902">
        <v>0</v>
      </c>
    </row>
    <row r="48903" spans="1:4" x14ac:dyDescent="0.25">
      <c r="A48903" t="s">
        <v>67109</v>
      </c>
      <c r="B48903" t="s">
        <v>56181</v>
      </c>
      <c r="C48903">
        <v>0</v>
      </c>
      <c r="D48903">
        <v>0</v>
      </c>
    </row>
    <row r="48904" spans="1:4" x14ac:dyDescent="0.25">
      <c r="A48904" t="s">
        <v>67109</v>
      </c>
      <c r="B48904" t="s">
        <v>67111</v>
      </c>
      <c r="C48904">
        <v>1</v>
      </c>
      <c r="D48904">
        <v>0</v>
      </c>
    </row>
    <row r="48905" spans="1:4" x14ac:dyDescent="0.25">
      <c r="A48905" t="s">
        <v>67112</v>
      </c>
      <c r="B48905" t="s">
        <v>67113</v>
      </c>
      <c r="C48905">
        <v>2</v>
      </c>
      <c r="D48905">
        <v>0</v>
      </c>
    </row>
    <row r="48906" spans="1:4" x14ac:dyDescent="0.25">
      <c r="A48906" t="s">
        <v>67112</v>
      </c>
      <c r="B48906" t="s">
        <v>67114</v>
      </c>
      <c r="C48906">
        <v>1</v>
      </c>
      <c r="D48906">
        <v>0</v>
      </c>
    </row>
    <row r="48907" spans="1:4" x14ac:dyDescent="0.25">
      <c r="A48907" t="s">
        <v>67112</v>
      </c>
      <c r="B48907" t="s">
        <v>67115</v>
      </c>
      <c r="C48907">
        <v>2</v>
      </c>
      <c r="D48907">
        <v>0</v>
      </c>
    </row>
    <row r="48908" spans="1:4" x14ac:dyDescent="0.25">
      <c r="A48908" t="s">
        <v>67116</v>
      </c>
      <c r="B48908" t="s">
        <v>67117</v>
      </c>
      <c r="C48908">
        <v>1</v>
      </c>
      <c r="D48908">
        <v>0</v>
      </c>
    </row>
    <row r="48909" spans="1:4" x14ac:dyDescent="0.25">
      <c r="A48909" t="s">
        <v>67116</v>
      </c>
      <c r="B48909" t="s">
        <v>67118</v>
      </c>
      <c r="C48909">
        <v>0</v>
      </c>
      <c r="D48909">
        <v>0</v>
      </c>
    </row>
    <row r="48910" spans="1:4" x14ac:dyDescent="0.25">
      <c r="A48910" t="s">
        <v>67116</v>
      </c>
      <c r="B48910" t="s">
        <v>67119</v>
      </c>
      <c r="C48910">
        <v>0</v>
      </c>
      <c r="D48910">
        <v>0</v>
      </c>
    </row>
    <row r="48911" spans="1:4" x14ac:dyDescent="0.25">
      <c r="A48911" t="s">
        <v>67116</v>
      </c>
      <c r="B48911" t="s">
        <v>67120</v>
      </c>
      <c r="C48911">
        <v>1</v>
      </c>
      <c r="D48911">
        <v>0</v>
      </c>
    </row>
    <row r="48912" spans="1:4" x14ac:dyDescent="0.25">
      <c r="A48912" t="s">
        <v>67116</v>
      </c>
      <c r="B48912" t="s">
        <v>67121</v>
      </c>
      <c r="C48912">
        <v>0</v>
      </c>
      <c r="D48912">
        <v>0</v>
      </c>
    </row>
    <row r="48913" spans="1:4" x14ac:dyDescent="0.25">
      <c r="A48913" t="s">
        <v>67116</v>
      </c>
      <c r="B48913" t="s">
        <v>67122</v>
      </c>
      <c r="C48913">
        <v>1</v>
      </c>
      <c r="D48913">
        <v>0</v>
      </c>
    </row>
    <row r="48914" spans="1:4" x14ac:dyDescent="0.25">
      <c r="A48914" t="s">
        <v>67123</v>
      </c>
      <c r="B48914" t="s">
        <v>67124</v>
      </c>
      <c r="C48914">
        <v>2</v>
      </c>
      <c r="D48914">
        <v>0</v>
      </c>
    </row>
    <row r="48915" spans="1:4" x14ac:dyDescent="0.25">
      <c r="A48915" t="s">
        <v>67123</v>
      </c>
      <c r="B48915" t="s">
        <v>67125</v>
      </c>
      <c r="C48915">
        <v>1</v>
      </c>
      <c r="D48915">
        <v>0</v>
      </c>
    </row>
    <row r="48916" spans="1:4" x14ac:dyDescent="0.25">
      <c r="A48916" t="s">
        <v>67123</v>
      </c>
      <c r="B48916" t="s">
        <v>67126</v>
      </c>
      <c r="C48916">
        <v>1</v>
      </c>
      <c r="D48916">
        <v>0</v>
      </c>
    </row>
    <row r="48917" spans="1:4" x14ac:dyDescent="0.25">
      <c r="A48917" t="s">
        <v>67127</v>
      </c>
      <c r="B48917" t="s">
        <v>67128</v>
      </c>
      <c r="C48917">
        <v>2</v>
      </c>
      <c r="D48917">
        <v>0</v>
      </c>
    </row>
    <row r="48918" spans="1:4" x14ac:dyDescent="0.25">
      <c r="A48918" t="s">
        <v>67127</v>
      </c>
      <c r="B48918" t="s">
        <v>67129</v>
      </c>
      <c r="C48918">
        <v>1</v>
      </c>
      <c r="D48918">
        <v>0</v>
      </c>
    </row>
    <row r="48919" spans="1:4" x14ac:dyDescent="0.25">
      <c r="A48919" t="s">
        <v>67127</v>
      </c>
      <c r="B48919" t="s">
        <v>67130</v>
      </c>
      <c r="C48919">
        <v>0</v>
      </c>
      <c r="D48919">
        <v>0</v>
      </c>
    </row>
    <row r="48920" spans="1:4" x14ac:dyDescent="0.25">
      <c r="A48920" t="s">
        <v>67127</v>
      </c>
      <c r="B48920" t="s">
        <v>67131</v>
      </c>
      <c r="C48920">
        <v>1</v>
      </c>
      <c r="D48920">
        <v>0</v>
      </c>
    </row>
    <row r="48921" spans="1:4" x14ac:dyDescent="0.25">
      <c r="A48921" t="s">
        <v>67127</v>
      </c>
      <c r="B48921" t="s">
        <v>67132</v>
      </c>
      <c r="C48921">
        <v>0</v>
      </c>
      <c r="D48921">
        <v>0</v>
      </c>
    </row>
    <row r="48922" spans="1:4" x14ac:dyDescent="0.25">
      <c r="A48922" t="s">
        <v>67133</v>
      </c>
      <c r="B48922" t="s">
        <v>67134</v>
      </c>
      <c r="C48922">
        <v>1</v>
      </c>
      <c r="D48922">
        <v>0</v>
      </c>
    </row>
    <row r="48923" spans="1:4" x14ac:dyDescent="0.25">
      <c r="A48923" t="s">
        <v>67133</v>
      </c>
      <c r="B48923" t="s">
        <v>67135</v>
      </c>
      <c r="C48923">
        <v>1</v>
      </c>
      <c r="D48923">
        <v>0</v>
      </c>
    </row>
    <row r="48924" spans="1:4" x14ac:dyDescent="0.25">
      <c r="A48924" t="s">
        <v>67136</v>
      </c>
      <c r="B48924" t="s">
        <v>67137</v>
      </c>
      <c r="C48924">
        <v>1</v>
      </c>
      <c r="D48924">
        <v>0</v>
      </c>
    </row>
    <row r="48925" spans="1:4" x14ac:dyDescent="0.25">
      <c r="A48925" t="s">
        <v>67136</v>
      </c>
      <c r="B48925" t="s">
        <v>67138</v>
      </c>
      <c r="C48925">
        <v>1</v>
      </c>
      <c r="D48925">
        <v>0</v>
      </c>
    </row>
    <row r="48926" spans="1:4" x14ac:dyDescent="0.25">
      <c r="A48926" t="s">
        <v>67136</v>
      </c>
      <c r="B48926" t="s">
        <v>67139</v>
      </c>
      <c r="C48926">
        <v>0</v>
      </c>
      <c r="D48926">
        <v>0</v>
      </c>
    </row>
    <row r="48927" spans="1:4" x14ac:dyDescent="0.25">
      <c r="A48927" t="s">
        <v>67136</v>
      </c>
      <c r="B48927" t="s">
        <v>67140</v>
      </c>
      <c r="C48927">
        <v>1</v>
      </c>
      <c r="D48927">
        <v>0</v>
      </c>
    </row>
    <row r="48928" spans="1:4" x14ac:dyDescent="0.25">
      <c r="A48928" t="s">
        <v>67136</v>
      </c>
      <c r="B48928" t="s">
        <v>67141</v>
      </c>
      <c r="C48928">
        <v>1</v>
      </c>
      <c r="D48928">
        <v>0</v>
      </c>
    </row>
    <row r="48929" spans="1:4" x14ac:dyDescent="0.25">
      <c r="A48929" t="s">
        <v>67142</v>
      </c>
      <c r="B48929" t="s">
        <v>67143</v>
      </c>
      <c r="C48929">
        <v>0</v>
      </c>
      <c r="D48929">
        <v>0</v>
      </c>
    </row>
    <row r="48930" spans="1:4" x14ac:dyDescent="0.25">
      <c r="A48930" t="s">
        <v>67142</v>
      </c>
      <c r="B48930" t="s">
        <v>2938</v>
      </c>
      <c r="C48930">
        <v>2</v>
      </c>
      <c r="D48930">
        <v>0</v>
      </c>
    </row>
    <row r="48931" spans="1:4" x14ac:dyDescent="0.25">
      <c r="A48931" t="s">
        <v>67142</v>
      </c>
      <c r="B48931" t="s">
        <v>67144</v>
      </c>
      <c r="C48931">
        <v>2</v>
      </c>
      <c r="D48931">
        <v>0</v>
      </c>
    </row>
    <row r="48932" spans="1:4" x14ac:dyDescent="0.25">
      <c r="A48932" t="s">
        <v>67142</v>
      </c>
      <c r="B48932" t="s">
        <v>2938</v>
      </c>
      <c r="C48932">
        <v>2</v>
      </c>
      <c r="D48932">
        <v>0</v>
      </c>
    </row>
    <row r="48933" spans="1:4" x14ac:dyDescent="0.25">
      <c r="A48933" t="s">
        <v>67142</v>
      </c>
      <c r="B48933" t="s">
        <v>67145</v>
      </c>
      <c r="C48933">
        <v>2</v>
      </c>
      <c r="D48933">
        <v>0</v>
      </c>
    </row>
    <row r="48934" spans="1:4" x14ac:dyDescent="0.25">
      <c r="A48934" t="s">
        <v>67142</v>
      </c>
      <c r="B48934" t="s">
        <v>67146</v>
      </c>
      <c r="C48934">
        <v>2</v>
      </c>
      <c r="D48934">
        <v>0</v>
      </c>
    </row>
    <row r="48935" spans="1:4" x14ac:dyDescent="0.25">
      <c r="A48935" t="s">
        <v>67142</v>
      </c>
      <c r="B48935" t="s">
        <v>2938</v>
      </c>
      <c r="C48935">
        <v>2</v>
      </c>
      <c r="D48935">
        <v>0</v>
      </c>
    </row>
    <row r="48936" spans="1:4" x14ac:dyDescent="0.25">
      <c r="A48936" t="s">
        <v>67147</v>
      </c>
      <c r="B48936" t="s">
        <v>67148</v>
      </c>
      <c r="C48936">
        <v>1</v>
      </c>
      <c r="D48936">
        <v>0</v>
      </c>
    </row>
    <row r="48937" spans="1:4" x14ac:dyDescent="0.25">
      <c r="A48937" t="s">
        <v>67149</v>
      </c>
      <c r="B48937" t="s">
        <v>67150</v>
      </c>
      <c r="C48937">
        <v>2</v>
      </c>
      <c r="D48937">
        <v>0</v>
      </c>
    </row>
    <row r="48938" spans="1:4" x14ac:dyDescent="0.25">
      <c r="A48938" t="s">
        <v>67149</v>
      </c>
      <c r="B48938" t="s">
        <v>67151</v>
      </c>
      <c r="C48938">
        <v>1</v>
      </c>
      <c r="D48938">
        <v>0</v>
      </c>
    </row>
    <row r="48939" spans="1:4" x14ac:dyDescent="0.25">
      <c r="A48939" t="s">
        <v>67152</v>
      </c>
      <c r="B48939" t="s">
        <v>67153</v>
      </c>
      <c r="C48939">
        <v>1</v>
      </c>
      <c r="D48939">
        <v>0</v>
      </c>
    </row>
    <row r="48940" spans="1:4" x14ac:dyDescent="0.25">
      <c r="A48940" t="s">
        <v>67154</v>
      </c>
      <c r="B48940" t="s">
        <v>67155</v>
      </c>
      <c r="C48940">
        <v>1</v>
      </c>
      <c r="D48940">
        <v>0</v>
      </c>
    </row>
    <row r="48941" spans="1:4" x14ac:dyDescent="0.25">
      <c r="A48941" t="s">
        <v>67154</v>
      </c>
      <c r="B48941" t="s">
        <v>67156</v>
      </c>
      <c r="C48941">
        <v>0</v>
      </c>
      <c r="D48941">
        <v>0</v>
      </c>
    </row>
    <row r="48942" spans="1:4" x14ac:dyDescent="0.25">
      <c r="A48942" t="s">
        <v>67154</v>
      </c>
      <c r="B48942" t="s">
        <v>67157</v>
      </c>
      <c r="C48942">
        <v>0</v>
      </c>
      <c r="D48942">
        <v>0</v>
      </c>
    </row>
    <row r="48943" spans="1:4" x14ac:dyDescent="0.25">
      <c r="A48943" t="s">
        <v>67154</v>
      </c>
      <c r="B48943" t="s">
        <v>67158</v>
      </c>
      <c r="C48943">
        <v>2</v>
      </c>
      <c r="D48943">
        <v>0</v>
      </c>
    </row>
    <row r="48944" spans="1:4" x14ac:dyDescent="0.25">
      <c r="A48944" t="s">
        <v>67154</v>
      </c>
      <c r="B48944" t="s">
        <v>67159</v>
      </c>
      <c r="C48944">
        <v>2</v>
      </c>
      <c r="D48944">
        <v>0</v>
      </c>
    </row>
    <row r="48945" spans="1:4" x14ac:dyDescent="0.25">
      <c r="A48945" t="s">
        <v>67160</v>
      </c>
      <c r="B48945" t="s">
        <v>67161</v>
      </c>
      <c r="C48945">
        <v>0</v>
      </c>
      <c r="D48945">
        <v>0</v>
      </c>
    </row>
    <row r="48946" spans="1:4" x14ac:dyDescent="0.25">
      <c r="A48946" t="s">
        <v>67160</v>
      </c>
      <c r="B48946" t="s">
        <v>67162</v>
      </c>
      <c r="C48946">
        <v>0</v>
      </c>
      <c r="D48946">
        <v>0</v>
      </c>
    </row>
    <row r="48947" spans="1:4" x14ac:dyDescent="0.25">
      <c r="A48947" t="s">
        <v>67160</v>
      </c>
      <c r="B48947" t="s">
        <v>67163</v>
      </c>
      <c r="C48947">
        <v>0</v>
      </c>
      <c r="D48947">
        <v>0</v>
      </c>
    </row>
    <row r="48948" spans="1:4" x14ac:dyDescent="0.25">
      <c r="A48948" t="s">
        <v>67164</v>
      </c>
      <c r="B48948" t="s">
        <v>67165</v>
      </c>
      <c r="C48948">
        <v>1</v>
      </c>
      <c r="D48948">
        <v>0</v>
      </c>
    </row>
    <row r="48949" spans="1:4" x14ac:dyDescent="0.25">
      <c r="A48949" t="s">
        <v>67164</v>
      </c>
      <c r="B48949" t="s">
        <v>67166</v>
      </c>
      <c r="C48949">
        <v>0</v>
      </c>
      <c r="D48949">
        <v>0</v>
      </c>
    </row>
    <row r="48950" spans="1:4" x14ac:dyDescent="0.25">
      <c r="A48950" t="s">
        <v>67164</v>
      </c>
      <c r="B48950" t="s">
        <v>67167</v>
      </c>
      <c r="C48950">
        <v>1</v>
      </c>
      <c r="D48950">
        <v>0</v>
      </c>
    </row>
    <row r="48951" spans="1:4" x14ac:dyDescent="0.25">
      <c r="A48951" t="s">
        <v>67164</v>
      </c>
      <c r="B48951" t="s">
        <v>67168</v>
      </c>
      <c r="C48951">
        <v>0</v>
      </c>
      <c r="D48951">
        <v>0</v>
      </c>
    </row>
    <row r="48952" spans="1:4" x14ac:dyDescent="0.25">
      <c r="A48952" t="s">
        <v>67164</v>
      </c>
      <c r="B48952" t="s">
        <v>67169</v>
      </c>
      <c r="C48952">
        <v>1</v>
      </c>
      <c r="D48952">
        <v>0</v>
      </c>
    </row>
    <row r="48953" spans="1:4" x14ac:dyDescent="0.25">
      <c r="A48953" t="s">
        <v>67170</v>
      </c>
      <c r="B48953" t="s">
        <v>67171</v>
      </c>
      <c r="C48953">
        <v>0</v>
      </c>
      <c r="D48953">
        <v>0</v>
      </c>
    </row>
    <row r="48954" spans="1:4" x14ac:dyDescent="0.25">
      <c r="A48954" t="s">
        <v>67170</v>
      </c>
      <c r="B48954" t="s">
        <v>67172</v>
      </c>
      <c r="C48954">
        <v>0</v>
      </c>
      <c r="D48954">
        <v>0</v>
      </c>
    </row>
    <row r="48955" spans="1:4" x14ac:dyDescent="0.25">
      <c r="A48955" t="s">
        <v>67170</v>
      </c>
      <c r="B48955" t="s">
        <v>67173</v>
      </c>
      <c r="C48955">
        <v>0</v>
      </c>
      <c r="D48955">
        <v>0</v>
      </c>
    </row>
    <row r="48956" spans="1:4" x14ac:dyDescent="0.25">
      <c r="A48956" t="s">
        <v>67170</v>
      </c>
      <c r="B48956" t="s">
        <v>67174</v>
      </c>
      <c r="C48956">
        <v>1</v>
      </c>
      <c r="D48956">
        <v>0</v>
      </c>
    </row>
    <row r="48957" spans="1:4" x14ac:dyDescent="0.25">
      <c r="A48957" t="s">
        <v>67170</v>
      </c>
      <c r="B48957" t="s">
        <v>67175</v>
      </c>
      <c r="C48957">
        <v>0</v>
      </c>
      <c r="D48957">
        <v>0</v>
      </c>
    </row>
    <row r="48958" spans="1:4" x14ac:dyDescent="0.25">
      <c r="A48958" t="s">
        <v>67176</v>
      </c>
      <c r="B48958" t="s">
        <v>67177</v>
      </c>
      <c r="C48958">
        <v>0</v>
      </c>
      <c r="D48958">
        <v>0</v>
      </c>
    </row>
    <row r="48959" spans="1:4" x14ac:dyDescent="0.25">
      <c r="A48959" t="s">
        <v>67176</v>
      </c>
      <c r="B48959" t="s">
        <v>67178</v>
      </c>
      <c r="C48959">
        <v>1</v>
      </c>
      <c r="D48959">
        <v>0</v>
      </c>
    </row>
    <row r="48960" spans="1:4" x14ac:dyDescent="0.25">
      <c r="A48960" t="s">
        <v>67176</v>
      </c>
      <c r="B48960" t="s">
        <v>67179</v>
      </c>
      <c r="C48960">
        <v>2</v>
      </c>
      <c r="D48960">
        <v>0</v>
      </c>
    </row>
    <row r="48961" spans="1:4" x14ac:dyDescent="0.25">
      <c r="A48961" t="s">
        <v>67180</v>
      </c>
      <c r="B48961" t="s">
        <v>67181</v>
      </c>
      <c r="C48961">
        <v>1</v>
      </c>
      <c r="D48961">
        <v>0</v>
      </c>
    </row>
    <row r="48962" spans="1:4" x14ac:dyDescent="0.25">
      <c r="A48962" t="s">
        <v>67180</v>
      </c>
      <c r="B48962" t="s">
        <v>5713</v>
      </c>
      <c r="C48962">
        <v>1</v>
      </c>
      <c r="D48962">
        <v>0</v>
      </c>
    </row>
    <row r="48963" spans="1:4" x14ac:dyDescent="0.25">
      <c r="A48963" t="s">
        <v>67180</v>
      </c>
      <c r="B48963" t="s">
        <v>67182</v>
      </c>
      <c r="C48963">
        <v>2</v>
      </c>
      <c r="D48963">
        <v>0</v>
      </c>
    </row>
    <row r="48964" spans="1:4" x14ac:dyDescent="0.25">
      <c r="A48964" t="s">
        <v>67180</v>
      </c>
      <c r="B48964" t="s">
        <v>67183</v>
      </c>
      <c r="C48964">
        <v>1</v>
      </c>
      <c r="D48964">
        <v>0</v>
      </c>
    </row>
    <row r="48965" spans="1:4" x14ac:dyDescent="0.25">
      <c r="A48965" t="s">
        <v>67180</v>
      </c>
      <c r="B48965" t="s">
        <v>67184</v>
      </c>
      <c r="C48965">
        <v>1</v>
      </c>
      <c r="D48965">
        <v>0</v>
      </c>
    </row>
    <row r="48966" spans="1:4" x14ac:dyDescent="0.25">
      <c r="A48966" t="s">
        <v>67180</v>
      </c>
      <c r="B48966" t="s">
        <v>67185</v>
      </c>
      <c r="C48966">
        <v>2</v>
      </c>
      <c r="D48966">
        <v>0</v>
      </c>
    </row>
    <row r="48967" spans="1:4" x14ac:dyDescent="0.25">
      <c r="A48967" t="s">
        <v>67180</v>
      </c>
      <c r="B48967" t="s">
        <v>67186</v>
      </c>
      <c r="C48967">
        <v>1</v>
      </c>
      <c r="D48967">
        <v>0</v>
      </c>
    </row>
    <row r="48968" spans="1:4" x14ac:dyDescent="0.25">
      <c r="A48968" t="s">
        <v>67180</v>
      </c>
      <c r="B48968" t="s">
        <v>67187</v>
      </c>
      <c r="C48968">
        <v>1</v>
      </c>
      <c r="D48968">
        <v>0</v>
      </c>
    </row>
    <row r="48969" spans="1:4" x14ac:dyDescent="0.25">
      <c r="A48969" t="s">
        <v>67180</v>
      </c>
      <c r="B48969" t="s">
        <v>67188</v>
      </c>
      <c r="C48969">
        <v>2</v>
      </c>
      <c r="D48969">
        <v>0</v>
      </c>
    </row>
    <row r="48970" spans="1:4" x14ac:dyDescent="0.25">
      <c r="A48970" t="s">
        <v>67189</v>
      </c>
      <c r="B48970" t="s">
        <v>67190</v>
      </c>
      <c r="C48970">
        <v>1</v>
      </c>
      <c r="D48970">
        <v>0</v>
      </c>
    </row>
    <row r="48971" spans="1:4" x14ac:dyDescent="0.25">
      <c r="A48971" t="s">
        <v>67191</v>
      </c>
      <c r="B48971" t="s">
        <v>67192</v>
      </c>
      <c r="C48971">
        <v>1</v>
      </c>
      <c r="D48971">
        <v>0</v>
      </c>
    </row>
    <row r="48972" spans="1:4" x14ac:dyDescent="0.25">
      <c r="A48972" t="s">
        <v>67191</v>
      </c>
      <c r="B48972" t="s">
        <v>67193</v>
      </c>
      <c r="C48972">
        <v>1</v>
      </c>
      <c r="D48972">
        <v>0</v>
      </c>
    </row>
    <row r="48973" spans="1:4" x14ac:dyDescent="0.25">
      <c r="A48973" t="s">
        <v>67191</v>
      </c>
      <c r="B48973" t="s">
        <v>67194</v>
      </c>
      <c r="C48973">
        <v>0</v>
      </c>
      <c r="D48973">
        <v>0</v>
      </c>
    </row>
    <row r="48974" spans="1:4" x14ac:dyDescent="0.25">
      <c r="A48974" t="s">
        <v>67191</v>
      </c>
      <c r="B48974" t="s">
        <v>67195</v>
      </c>
      <c r="C48974">
        <v>2</v>
      </c>
      <c r="D48974">
        <v>0</v>
      </c>
    </row>
    <row r="48975" spans="1:4" x14ac:dyDescent="0.25">
      <c r="A48975" t="s">
        <v>67191</v>
      </c>
      <c r="B48975" t="s">
        <v>67196</v>
      </c>
      <c r="C48975">
        <v>2</v>
      </c>
      <c r="D48975">
        <v>0</v>
      </c>
    </row>
    <row r="48976" spans="1:4" x14ac:dyDescent="0.25">
      <c r="A48976" t="s">
        <v>67191</v>
      </c>
      <c r="B48976" t="s">
        <v>67197</v>
      </c>
      <c r="C48976">
        <v>1</v>
      </c>
      <c r="D48976">
        <v>0</v>
      </c>
    </row>
    <row r="48977" spans="1:4" x14ac:dyDescent="0.25">
      <c r="A48977" t="s">
        <v>67198</v>
      </c>
      <c r="B48977" t="s">
        <v>67199</v>
      </c>
      <c r="C48977">
        <v>0</v>
      </c>
      <c r="D48977">
        <v>0</v>
      </c>
    </row>
    <row r="48978" spans="1:4" x14ac:dyDescent="0.25">
      <c r="A48978" t="s">
        <v>67198</v>
      </c>
      <c r="B48978" t="s">
        <v>67200</v>
      </c>
      <c r="C48978">
        <v>1</v>
      </c>
      <c r="D48978">
        <v>0</v>
      </c>
    </row>
    <row r="48979" spans="1:4" x14ac:dyDescent="0.25">
      <c r="A48979" t="s">
        <v>67198</v>
      </c>
      <c r="B48979" t="s">
        <v>2267</v>
      </c>
      <c r="C48979">
        <v>0</v>
      </c>
      <c r="D48979">
        <v>0</v>
      </c>
    </row>
    <row r="48980" spans="1:4" x14ac:dyDescent="0.25">
      <c r="A48980" t="s">
        <v>67198</v>
      </c>
      <c r="B48980" t="s">
        <v>67201</v>
      </c>
      <c r="C48980">
        <v>1</v>
      </c>
      <c r="D48980">
        <v>0</v>
      </c>
    </row>
    <row r="48981" spans="1:4" x14ac:dyDescent="0.25">
      <c r="A48981" t="s">
        <v>67198</v>
      </c>
      <c r="B48981" t="s">
        <v>67202</v>
      </c>
      <c r="C48981">
        <v>1</v>
      </c>
      <c r="D48981">
        <v>0</v>
      </c>
    </row>
    <row r="48982" spans="1:4" x14ac:dyDescent="0.25">
      <c r="A48982" t="s">
        <v>67198</v>
      </c>
      <c r="B48982" t="s">
        <v>67203</v>
      </c>
      <c r="C48982">
        <v>1</v>
      </c>
      <c r="D48982">
        <v>0</v>
      </c>
    </row>
    <row r="48983" spans="1:4" x14ac:dyDescent="0.25">
      <c r="A48983" t="s">
        <v>67204</v>
      </c>
      <c r="B48983" t="s">
        <v>67205</v>
      </c>
      <c r="C48983">
        <v>0</v>
      </c>
      <c r="D48983">
        <v>0</v>
      </c>
    </row>
    <row r="48984" spans="1:4" x14ac:dyDescent="0.25">
      <c r="A48984" t="s">
        <v>67204</v>
      </c>
      <c r="B48984" t="s">
        <v>67206</v>
      </c>
      <c r="C48984">
        <v>2</v>
      </c>
      <c r="D48984">
        <v>0</v>
      </c>
    </row>
    <row r="48985" spans="1:4" x14ac:dyDescent="0.25">
      <c r="A48985" t="s">
        <v>67204</v>
      </c>
      <c r="B48985" t="s">
        <v>67207</v>
      </c>
      <c r="C48985">
        <v>1</v>
      </c>
      <c r="D48985">
        <v>0</v>
      </c>
    </row>
    <row r="48986" spans="1:4" x14ac:dyDescent="0.25">
      <c r="A48986" t="s">
        <v>67204</v>
      </c>
      <c r="B48986" t="s">
        <v>67208</v>
      </c>
      <c r="C48986">
        <v>1</v>
      </c>
      <c r="D48986">
        <v>0</v>
      </c>
    </row>
    <row r="48987" spans="1:4" x14ac:dyDescent="0.25">
      <c r="A48987" t="s">
        <v>67209</v>
      </c>
      <c r="B48987" t="s">
        <v>67210</v>
      </c>
      <c r="C48987">
        <v>0</v>
      </c>
      <c r="D48987">
        <v>0</v>
      </c>
    </row>
    <row r="48988" spans="1:4" x14ac:dyDescent="0.25">
      <c r="A48988" t="s">
        <v>67209</v>
      </c>
      <c r="B48988" t="s">
        <v>67211</v>
      </c>
      <c r="C48988">
        <v>0</v>
      </c>
      <c r="D48988">
        <v>0</v>
      </c>
    </row>
    <row r="48989" spans="1:4" x14ac:dyDescent="0.25">
      <c r="A48989" t="s">
        <v>67209</v>
      </c>
      <c r="B48989" t="s">
        <v>67212</v>
      </c>
      <c r="C48989">
        <v>0</v>
      </c>
      <c r="D48989">
        <v>0</v>
      </c>
    </row>
    <row r="48990" spans="1:4" x14ac:dyDescent="0.25">
      <c r="A48990" t="s">
        <v>67209</v>
      </c>
      <c r="B48990" t="s">
        <v>67213</v>
      </c>
      <c r="C48990">
        <v>0</v>
      </c>
      <c r="D48990">
        <v>0</v>
      </c>
    </row>
    <row r="48991" spans="1:4" x14ac:dyDescent="0.25">
      <c r="A48991" t="s">
        <v>67214</v>
      </c>
      <c r="B48991" t="s">
        <v>18689</v>
      </c>
      <c r="C48991">
        <v>0</v>
      </c>
      <c r="D48991">
        <v>0</v>
      </c>
    </row>
    <row r="48992" spans="1:4" x14ac:dyDescent="0.25">
      <c r="A48992" t="s">
        <v>67214</v>
      </c>
      <c r="B48992" t="s">
        <v>18689</v>
      </c>
      <c r="C48992">
        <v>0</v>
      </c>
      <c r="D48992">
        <v>0</v>
      </c>
    </row>
    <row r="48993" spans="1:4" x14ac:dyDescent="0.25">
      <c r="A48993" t="s">
        <v>67214</v>
      </c>
      <c r="B48993" t="s">
        <v>57617</v>
      </c>
      <c r="C48993">
        <v>1</v>
      </c>
      <c r="D48993">
        <v>0</v>
      </c>
    </row>
    <row r="48994" spans="1:4" x14ac:dyDescent="0.25">
      <c r="A48994" t="s">
        <v>67215</v>
      </c>
      <c r="B48994" t="s">
        <v>67216</v>
      </c>
      <c r="C48994">
        <v>1</v>
      </c>
      <c r="D48994">
        <v>0</v>
      </c>
    </row>
    <row r="48995" spans="1:4" x14ac:dyDescent="0.25">
      <c r="A48995" t="s">
        <v>67215</v>
      </c>
      <c r="B48995" t="s">
        <v>67217</v>
      </c>
      <c r="C48995">
        <v>2</v>
      </c>
      <c r="D48995">
        <v>0</v>
      </c>
    </row>
    <row r="48996" spans="1:4" x14ac:dyDescent="0.25">
      <c r="A48996" t="s">
        <v>67215</v>
      </c>
      <c r="B48996" t="s">
        <v>67218</v>
      </c>
      <c r="C48996">
        <v>1</v>
      </c>
      <c r="D48996">
        <v>0</v>
      </c>
    </row>
    <row r="48997" spans="1:4" x14ac:dyDescent="0.25">
      <c r="A48997" t="s">
        <v>67215</v>
      </c>
      <c r="B48997" t="s">
        <v>67219</v>
      </c>
      <c r="C48997">
        <v>1</v>
      </c>
      <c r="D48997">
        <v>0</v>
      </c>
    </row>
    <row r="48998" spans="1:4" x14ac:dyDescent="0.25">
      <c r="A48998" t="s">
        <v>67215</v>
      </c>
      <c r="B48998" t="s">
        <v>67220</v>
      </c>
      <c r="C48998">
        <v>1</v>
      </c>
      <c r="D48998">
        <v>0</v>
      </c>
    </row>
    <row r="48999" spans="1:4" x14ac:dyDescent="0.25">
      <c r="A48999" t="s">
        <v>67215</v>
      </c>
      <c r="B48999" t="s">
        <v>67221</v>
      </c>
      <c r="C48999">
        <v>1</v>
      </c>
      <c r="D48999">
        <v>0</v>
      </c>
    </row>
    <row r="49000" spans="1:4" x14ac:dyDescent="0.25">
      <c r="A49000" t="s">
        <v>67222</v>
      </c>
      <c r="B49000" t="s">
        <v>67223</v>
      </c>
      <c r="C49000">
        <v>0</v>
      </c>
      <c r="D49000">
        <v>0</v>
      </c>
    </row>
    <row r="49001" spans="1:4" x14ac:dyDescent="0.25">
      <c r="A49001" t="s">
        <v>67224</v>
      </c>
      <c r="B49001" t="s">
        <v>67225</v>
      </c>
      <c r="C49001">
        <v>1</v>
      </c>
      <c r="D49001">
        <v>0</v>
      </c>
    </row>
    <row r="49002" spans="1:4" x14ac:dyDescent="0.25">
      <c r="A49002" t="s">
        <v>67226</v>
      </c>
      <c r="B49002" t="s">
        <v>67227</v>
      </c>
      <c r="C49002">
        <v>2</v>
      </c>
      <c r="D49002">
        <v>0</v>
      </c>
    </row>
    <row r="49003" spans="1:4" x14ac:dyDescent="0.25">
      <c r="A49003" t="s">
        <v>67226</v>
      </c>
      <c r="B49003" t="s">
        <v>67228</v>
      </c>
      <c r="C49003">
        <v>2</v>
      </c>
      <c r="D49003">
        <v>0</v>
      </c>
    </row>
    <row r="49004" spans="1:4" x14ac:dyDescent="0.25">
      <c r="A49004" t="s">
        <v>67226</v>
      </c>
      <c r="B49004" t="s">
        <v>67229</v>
      </c>
      <c r="C49004">
        <v>2</v>
      </c>
      <c r="D49004">
        <v>0</v>
      </c>
    </row>
    <row r="49005" spans="1:4" x14ac:dyDescent="0.25">
      <c r="A49005" t="s">
        <v>67226</v>
      </c>
      <c r="B49005" t="s">
        <v>67230</v>
      </c>
      <c r="C49005">
        <v>1</v>
      </c>
      <c r="D49005">
        <v>0</v>
      </c>
    </row>
    <row r="49006" spans="1:4" x14ac:dyDescent="0.25">
      <c r="A49006" t="s">
        <v>67226</v>
      </c>
      <c r="B49006" t="s">
        <v>67231</v>
      </c>
      <c r="C49006">
        <v>1</v>
      </c>
      <c r="D49006">
        <v>0</v>
      </c>
    </row>
    <row r="49007" spans="1:4" x14ac:dyDescent="0.25">
      <c r="A49007" t="s">
        <v>67232</v>
      </c>
      <c r="B49007" t="s">
        <v>5713</v>
      </c>
      <c r="C49007">
        <v>1</v>
      </c>
      <c r="D49007">
        <v>0</v>
      </c>
    </row>
    <row r="49008" spans="1:4" x14ac:dyDescent="0.25">
      <c r="A49008" t="s">
        <v>67232</v>
      </c>
      <c r="B49008" t="s">
        <v>67233</v>
      </c>
      <c r="C49008">
        <v>1</v>
      </c>
      <c r="D49008">
        <v>0</v>
      </c>
    </row>
    <row r="49009" spans="1:4" x14ac:dyDescent="0.25">
      <c r="A49009" t="s">
        <v>67232</v>
      </c>
      <c r="B49009" t="s">
        <v>67234</v>
      </c>
      <c r="C49009">
        <v>0</v>
      </c>
      <c r="D49009">
        <v>0</v>
      </c>
    </row>
    <row r="49010" spans="1:4" x14ac:dyDescent="0.25">
      <c r="A49010" t="s">
        <v>67232</v>
      </c>
      <c r="B49010" t="s">
        <v>67235</v>
      </c>
      <c r="C49010">
        <v>0</v>
      </c>
      <c r="D49010">
        <v>0</v>
      </c>
    </row>
    <row r="49011" spans="1:4" x14ac:dyDescent="0.25">
      <c r="A49011" t="s">
        <v>67232</v>
      </c>
      <c r="B49011" t="s">
        <v>67236</v>
      </c>
      <c r="C49011">
        <v>1</v>
      </c>
      <c r="D49011">
        <v>0</v>
      </c>
    </row>
    <row r="49012" spans="1:4" x14ac:dyDescent="0.25">
      <c r="A49012" t="s">
        <v>67232</v>
      </c>
      <c r="B49012" t="s">
        <v>67237</v>
      </c>
      <c r="C49012">
        <v>1</v>
      </c>
      <c r="D49012">
        <v>0</v>
      </c>
    </row>
    <row r="49013" spans="1:4" x14ac:dyDescent="0.25">
      <c r="A49013" t="s">
        <v>67238</v>
      </c>
      <c r="B49013" t="s">
        <v>67239</v>
      </c>
      <c r="C49013">
        <v>0</v>
      </c>
      <c r="D49013">
        <v>0</v>
      </c>
    </row>
    <row r="49014" spans="1:4" x14ac:dyDescent="0.25">
      <c r="A49014" t="s">
        <v>67238</v>
      </c>
      <c r="B49014" t="s">
        <v>67240</v>
      </c>
      <c r="C49014">
        <v>1</v>
      </c>
      <c r="D49014">
        <v>0</v>
      </c>
    </row>
    <row r="49015" spans="1:4" x14ac:dyDescent="0.25">
      <c r="A49015" t="s">
        <v>67238</v>
      </c>
      <c r="B49015" t="s">
        <v>67241</v>
      </c>
      <c r="C49015">
        <v>0</v>
      </c>
      <c r="D49015">
        <v>0</v>
      </c>
    </row>
    <row r="49016" spans="1:4" x14ac:dyDescent="0.25">
      <c r="A49016" t="s">
        <v>67242</v>
      </c>
      <c r="B49016" t="s">
        <v>67243</v>
      </c>
      <c r="C49016">
        <v>1</v>
      </c>
      <c r="D49016">
        <v>0</v>
      </c>
    </row>
    <row r="49017" spans="1:4" x14ac:dyDescent="0.25">
      <c r="A49017" t="s">
        <v>67242</v>
      </c>
      <c r="B49017" t="s">
        <v>67244</v>
      </c>
      <c r="C49017">
        <v>2</v>
      </c>
      <c r="D49017">
        <v>0</v>
      </c>
    </row>
    <row r="49018" spans="1:4" x14ac:dyDescent="0.25">
      <c r="A49018" t="s">
        <v>67242</v>
      </c>
      <c r="B49018" t="s">
        <v>67245</v>
      </c>
      <c r="C49018">
        <v>1</v>
      </c>
      <c r="D49018">
        <v>0</v>
      </c>
    </row>
    <row r="49019" spans="1:4" x14ac:dyDescent="0.25">
      <c r="A49019" t="s">
        <v>67242</v>
      </c>
      <c r="B49019" t="s">
        <v>67246</v>
      </c>
      <c r="C49019">
        <v>2</v>
      </c>
      <c r="D49019">
        <v>0</v>
      </c>
    </row>
    <row r="49020" spans="1:4" x14ac:dyDescent="0.25">
      <c r="A49020" t="s">
        <v>67242</v>
      </c>
      <c r="B49020" t="s">
        <v>67247</v>
      </c>
      <c r="C49020">
        <v>1</v>
      </c>
      <c r="D49020">
        <v>0</v>
      </c>
    </row>
    <row r="49021" spans="1:4" x14ac:dyDescent="0.25">
      <c r="A49021" t="s">
        <v>67242</v>
      </c>
      <c r="B49021" t="s">
        <v>67248</v>
      </c>
      <c r="C49021">
        <v>1</v>
      </c>
      <c r="D49021">
        <v>0</v>
      </c>
    </row>
    <row r="49022" spans="1:4" x14ac:dyDescent="0.25">
      <c r="A49022" t="s">
        <v>67249</v>
      </c>
      <c r="B49022" t="s">
        <v>67250</v>
      </c>
      <c r="C49022">
        <v>2</v>
      </c>
      <c r="D49022">
        <v>0</v>
      </c>
    </row>
    <row r="49023" spans="1:4" x14ac:dyDescent="0.25">
      <c r="A49023" t="s">
        <v>67249</v>
      </c>
      <c r="B49023" t="s">
        <v>67251</v>
      </c>
      <c r="C49023">
        <v>1</v>
      </c>
      <c r="D49023">
        <v>0</v>
      </c>
    </row>
    <row r="49024" spans="1:4" x14ac:dyDescent="0.25">
      <c r="A49024" t="s">
        <v>67249</v>
      </c>
      <c r="B49024" t="s">
        <v>67252</v>
      </c>
      <c r="C49024">
        <v>2</v>
      </c>
      <c r="D49024">
        <v>0</v>
      </c>
    </row>
    <row r="49025" spans="1:4" x14ac:dyDescent="0.25">
      <c r="A49025" t="s">
        <v>67253</v>
      </c>
      <c r="B49025" t="s">
        <v>67254</v>
      </c>
      <c r="C49025">
        <v>2</v>
      </c>
      <c r="D49025">
        <v>0</v>
      </c>
    </row>
    <row r="49026" spans="1:4" x14ac:dyDescent="0.25">
      <c r="A49026" t="s">
        <v>67253</v>
      </c>
      <c r="B49026" t="s">
        <v>67255</v>
      </c>
      <c r="C49026">
        <v>1</v>
      </c>
      <c r="D49026">
        <v>0</v>
      </c>
    </row>
    <row r="49027" spans="1:4" x14ac:dyDescent="0.25">
      <c r="A49027" t="s">
        <v>67253</v>
      </c>
      <c r="B49027" t="s">
        <v>67256</v>
      </c>
      <c r="C49027">
        <v>2</v>
      </c>
      <c r="D49027">
        <v>0</v>
      </c>
    </row>
    <row r="49028" spans="1:4" x14ac:dyDescent="0.25">
      <c r="A49028" t="s">
        <v>67253</v>
      </c>
      <c r="B49028" t="s">
        <v>67257</v>
      </c>
      <c r="C49028">
        <v>1</v>
      </c>
      <c r="D49028">
        <v>0</v>
      </c>
    </row>
    <row r="49029" spans="1:4" x14ac:dyDescent="0.25">
      <c r="A49029" t="s">
        <v>67253</v>
      </c>
      <c r="B49029" t="s">
        <v>67258</v>
      </c>
      <c r="C49029">
        <v>1</v>
      </c>
      <c r="D49029">
        <v>0</v>
      </c>
    </row>
    <row r="49030" spans="1:4" x14ac:dyDescent="0.25">
      <c r="A49030" t="s">
        <v>67259</v>
      </c>
      <c r="B49030" t="s">
        <v>67260</v>
      </c>
      <c r="C49030">
        <v>1</v>
      </c>
      <c r="D49030">
        <v>0</v>
      </c>
    </row>
    <row r="49031" spans="1:4" x14ac:dyDescent="0.25">
      <c r="A49031" t="s">
        <v>67259</v>
      </c>
      <c r="B49031" t="s">
        <v>5864</v>
      </c>
      <c r="C49031">
        <v>1</v>
      </c>
      <c r="D49031">
        <v>0</v>
      </c>
    </row>
    <row r="49032" spans="1:4" x14ac:dyDescent="0.25">
      <c r="A49032" t="s">
        <v>67261</v>
      </c>
      <c r="B49032" t="s">
        <v>67262</v>
      </c>
      <c r="C49032">
        <v>1</v>
      </c>
      <c r="D49032">
        <v>0</v>
      </c>
    </row>
    <row r="49033" spans="1:4" x14ac:dyDescent="0.25">
      <c r="A49033" t="s">
        <v>67261</v>
      </c>
      <c r="B49033" t="s">
        <v>3173</v>
      </c>
      <c r="C49033">
        <v>1</v>
      </c>
      <c r="D49033">
        <v>0</v>
      </c>
    </row>
    <row r="49034" spans="1:4" x14ac:dyDescent="0.25">
      <c r="A49034" t="s">
        <v>67261</v>
      </c>
      <c r="B49034" t="s">
        <v>19747</v>
      </c>
      <c r="C49034">
        <v>0</v>
      </c>
      <c r="D49034">
        <v>0</v>
      </c>
    </row>
    <row r="49035" spans="1:4" x14ac:dyDescent="0.25">
      <c r="A49035" t="s">
        <v>67263</v>
      </c>
      <c r="B49035" t="s">
        <v>67264</v>
      </c>
      <c r="C49035">
        <v>1</v>
      </c>
      <c r="D49035">
        <v>0</v>
      </c>
    </row>
    <row r="49036" spans="1:4" x14ac:dyDescent="0.25">
      <c r="A49036" t="s">
        <v>67263</v>
      </c>
      <c r="B49036" t="s">
        <v>67265</v>
      </c>
      <c r="C49036">
        <v>2</v>
      </c>
      <c r="D49036">
        <v>0</v>
      </c>
    </row>
    <row r="49037" spans="1:4" x14ac:dyDescent="0.25">
      <c r="A49037" t="s">
        <v>67266</v>
      </c>
      <c r="B49037" t="s">
        <v>67267</v>
      </c>
      <c r="C49037">
        <v>1</v>
      </c>
      <c r="D49037">
        <v>0</v>
      </c>
    </row>
    <row r="49038" spans="1:4" x14ac:dyDescent="0.25">
      <c r="A49038" t="s">
        <v>67266</v>
      </c>
      <c r="B49038" t="s">
        <v>67268</v>
      </c>
      <c r="C49038">
        <v>2</v>
      </c>
      <c r="D49038">
        <v>0</v>
      </c>
    </row>
    <row r="49039" spans="1:4" x14ac:dyDescent="0.25">
      <c r="A49039" t="s">
        <v>67266</v>
      </c>
      <c r="B49039" t="s">
        <v>62662</v>
      </c>
      <c r="C49039">
        <v>0</v>
      </c>
      <c r="D49039">
        <v>0</v>
      </c>
    </row>
    <row r="49040" spans="1:4" x14ac:dyDescent="0.25">
      <c r="A49040" t="s">
        <v>67266</v>
      </c>
      <c r="B49040" t="s">
        <v>67269</v>
      </c>
      <c r="C49040">
        <v>2</v>
      </c>
      <c r="D49040">
        <v>0</v>
      </c>
    </row>
    <row r="49041" spans="1:4" x14ac:dyDescent="0.25">
      <c r="A49041" t="s">
        <v>67266</v>
      </c>
      <c r="B49041" t="s">
        <v>67270</v>
      </c>
      <c r="C49041">
        <v>2</v>
      </c>
      <c r="D49041">
        <v>0</v>
      </c>
    </row>
    <row r="49042" spans="1:4" x14ac:dyDescent="0.25">
      <c r="A49042" t="s">
        <v>67266</v>
      </c>
      <c r="B49042" t="s">
        <v>65665</v>
      </c>
      <c r="C49042">
        <v>2</v>
      </c>
      <c r="D49042">
        <v>0</v>
      </c>
    </row>
    <row r="49043" spans="1:4" x14ac:dyDescent="0.25">
      <c r="A49043" t="s">
        <v>67266</v>
      </c>
      <c r="B49043" t="s">
        <v>67271</v>
      </c>
      <c r="C49043">
        <v>2</v>
      </c>
      <c r="D49043">
        <v>0</v>
      </c>
    </row>
    <row r="49044" spans="1:4" x14ac:dyDescent="0.25">
      <c r="A49044" t="s">
        <v>67266</v>
      </c>
      <c r="B49044" t="s">
        <v>67272</v>
      </c>
      <c r="C49044">
        <v>2</v>
      </c>
      <c r="D49044">
        <v>0</v>
      </c>
    </row>
    <row r="49045" spans="1:4" x14ac:dyDescent="0.25">
      <c r="A49045" t="s">
        <v>67273</v>
      </c>
      <c r="B49045" t="s">
        <v>67274</v>
      </c>
      <c r="C49045">
        <v>1</v>
      </c>
      <c r="D49045">
        <v>0</v>
      </c>
    </row>
    <row r="49046" spans="1:4" x14ac:dyDescent="0.25">
      <c r="A49046" t="s">
        <v>67273</v>
      </c>
      <c r="B49046" t="s">
        <v>67275</v>
      </c>
      <c r="C49046">
        <v>1</v>
      </c>
      <c r="D49046">
        <v>0</v>
      </c>
    </row>
    <row r="49047" spans="1:4" x14ac:dyDescent="0.25">
      <c r="A49047" t="s">
        <v>67273</v>
      </c>
      <c r="B49047" t="s">
        <v>67276</v>
      </c>
      <c r="C49047">
        <v>2</v>
      </c>
      <c r="D49047">
        <v>0</v>
      </c>
    </row>
    <row r="49048" spans="1:4" x14ac:dyDescent="0.25">
      <c r="A49048" t="s">
        <v>67273</v>
      </c>
      <c r="B49048" t="s">
        <v>67277</v>
      </c>
      <c r="C49048">
        <v>1</v>
      </c>
      <c r="D49048">
        <v>0</v>
      </c>
    </row>
    <row r="49049" spans="1:4" x14ac:dyDescent="0.25">
      <c r="A49049" t="s">
        <v>67273</v>
      </c>
      <c r="B49049" t="s">
        <v>67278</v>
      </c>
      <c r="C49049">
        <v>2</v>
      </c>
      <c r="D49049">
        <v>0</v>
      </c>
    </row>
    <row r="49050" spans="1:4" x14ac:dyDescent="0.25">
      <c r="A49050" t="s">
        <v>67279</v>
      </c>
      <c r="B49050" t="s">
        <v>67280</v>
      </c>
      <c r="C49050">
        <v>1</v>
      </c>
      <c r="D49050">
        <v>0</v>
      </c>
    </row>
    <row r="49051" spans="1:4" x14ac:dyDescent="0.25">
      <c r="A49051" t="s">
        <v>67279</v>
      </c>
      <c r="B49051" t="s">
        <v>67281</v>
      </c>
      <c r="C49051">
        <v>1</v>
      </c>
      <c r="D49051">
        <v>0</v>
      </c>
    </row>
    <row r="49052" spans="1:4" x14ac:dyDescent="0.25">
      <c r="A49052" t="s">
        <v>67279</v>
      </c>
      <c r="B49052" t="s">
        <v>67282</v>
      </c>
      <c r="C49052">
        <v>1</v>
      </c>
      <c r="D49052">
        <v>0</v>
      </c>
    </row>
    <row r="49053" spans="1:4" x14ac:dyDescent="0.25">
      <c r="A49053" t="s">
        <v>67279</v>
      </c>
      <c r="B49053" t="s">
        <v>67283</v>
      </c>
      <c r="C49053">
        <v>2</v>
      </c>
      <c r="D49053">
        <v>0</v>
      </c>
    </row>
    <row r="49054" spans="1:4" x14ac:dyDescent="0.25">
      <c r="A49054" t="s">
        <v>67279</v>
      </c>
      <c r="B49054" t="s">
        <v>67284</v>
      </c>
      <c r="C49054">
        <v>0</v>
      </c>
      <c r="D49054">
        <v>0</v>
      </c>
    </row>
    <row r="49055" spans="1:4" x14ac:dyDescent="0.25">
      <c r="A49055" t="s">
        <v>67279</v>
      </c>
      <c r="B49055" t="s">
        <v>67285</v>
      </c>
      <c r="C49055">
        <v>1</v>
      </c>
      <c r="D49055">
        <v>0</v>
      </c>
    </row>
    <row r="49056" spans="1:4" x14ac:dyDescent="0.25">
      <c r="A49056" t="s">
        <v>67286</v>
      </c>
      <c r="B49056" t="s">
        <v>67287</v>
      </c>
      <c r="C49056">
        <v>0</v>
      </c>
      <c r="D49056">
        <v>0</v>
      </c>
    </row>
    <row r="49057" spans="1:4" x14ac:dyDescent="0.25">
      <c r="A49057" t="s">
        <v>67286</v>
      </c>
      <c r="B49057" t="s">
        <v>67288</v>
      </c>
      <c r="C49057">
        <v>0</v>
      </c>
      <c r="D49057">
        <v>0</v>
      </c>
    </row>
    <row r="49058" spans="1:4" x14ac:dyDescent="0.25">
      <c r="A49058" t="s">
        <v>67286</v>
      </c>
      <c r="B49058" t="s">
        <v>67289</v>
      </c>
      <c r="C49058">
        <v>2</v>
      </c>
      <c r="D49058">
        <v>0</v>
      </c>
    </row>
    <row r="49059" spans="1:4" x14ac:dyDescent="0.25">
      <c r="A49059" t="s">
        <v>67286</v>
      </c>
      <c r="B49059" t="s">
        <v>67290</v>
      </c>
      <c r="C49059">
        <v>0</v>
      </c>
      <c r="D49059">
        <v>0</v>
      </c>
    </row>
    <row r="49060" spans="1:4" x14ac:dyDescent="0.25">
      <c r="A49060" t="s">
        <v>67286</v>
      </c>
      <c r="B49060" t="s">
        <v>67291</v>
      </c>
      <c r="C49060">
        <v>0</v>
      </c>
      <c r="D49060">
        <v>0</v>
      </c>
    </row>
    <row r="49061" spans="1:4" x14ac:dyDescent="0.25">
      <c r="A49061" t="s">
        <v>67286</v>
      </c>
      <c r="B49061" t="s">
        <v>3576</v>
      </c>
      <c r="C49061">
        <v>1</v>
      </c>
      <c r="D49061">
        <v>0</v>
      </c>
    </row>
    <row r="49062" spans="1:4" x14ac:dyDescent="0.25">
      <c r="A49062" t="s">
        <v>67286</v>
      </c>
      <c r="B49062" t="s">
        <v>67292</v>
      </c>
      <c r="C49062">
        <v>2</v>
      </c>
      <c r="D49062">
        <v>0</v>
      </c>
    </row>
    <row r="49063" spans="1:4" x14ac:dyDescent="0.25">
      <c r="A49063" t="s">
        <v>67286</v>
      </c>
      <c r="B49063" t="s">
        <v>67293</v>
      </c>
      <c r="C49063">
        <v>2</v>
      </c>
      <c r="D49063">
        <v>0</v>
      </c>
    </row>
    <row r="49064" spans="1:4" x14ac:dyDescent="0.25">
      <c r="A49064" t="s">
        <v>67294</v>
      </c>
      <c r="B49064" t="s">
        <v>67295</v>
      </c>
      <c r="C49064">
        <v>0</v>
      </c>
      <c r="D49064">
        <v>0</v>
      </c>
    </row>
    <row r="49065" spans="1:4" x14ac:dyDescent="0.25">
      <c r="A49065" t="s">
        <v>67294</v>
      </c>
      <c r="B49065" t="s">
        <v>67296</v>
      </c>
      <c r="C49065">
        <v>2</v>
      </c>
      <c r="D49065">
        <v>0</v>
      </c>
    </row>
    <row r="49066" spans="1:4" x14ac:dyDescent="0.25">
      <c r="A49066" t="s">
        <v>67294</v>
      </c>
      <c r="B49066" t="s">
        <v>67297</v>
      </c>
      <c r="C49066">
        <v>2</v>
      </c>
      <c r="D49066">
        <v>0</v>
      </c>
    </row>
    <row r="49067" spans="1:4" x14ac:dyDescent="0.25">
      <c r="A49067" t="s">
        <v>67294</v>
      </c>
      <c r="B49067" t="s">
        <v>67298</v>
      </c>
      <c r="C49067">
        <v>0</v>
      </c>
      <c r="D49067">
        <v>0</v>
      </c>
    </row>
    <row r="49068" spans="1:4" x14ac:dyDescent="0.25">
      <c r="A49068" t="s">
        <v>67299</v>
      </c>
      <c r="B49068" t="s">
        <v>67300</v>
      </c>
      <c r="C49068">
        <v>2</v>
      </c>
      <c r="D49068">
        <v>0</v>
      </c>
    </row>
    <row r="49069" spans="1:4" x14ac:dyDescent="0.25">
      <c r="A49069" t="s">
        <v>67299</v>
      </c>
      <c r="B49069" t="s">
        <v>12472</v>
      </c>
      <c r="C49069">
        <v>1</v>
      </c>
      <c r="D49069">
        <v>0</v>
      </c>
    </row>
    <row r="49070" spans="1:4" x14ac:dyDescent="0.25">
      <c r="A49070" t="s">
        <v>67299</v>
      </c>
      <c r="B49070" t="s">
        <v>67301</v>
      </c>
      <c r="C49070">
        <v>2</v>
      </c>
      <c r="D49070">
        <v>0</v>
      </c>
    </row>
    <row r="49071" spans="1:4" x14ac:dyDescent="0.25">
      <c r="A49071" t="s">
        <v>67302</v>
      </c>
      <c r="B49071" t="s">
        <v>67303</v>
      </c>
      <c r="C49071">
        <v>0</v>
      </c>
      <c r="D49071">
        <v>0</v>
      </c>
    </row>
    <row r="49072" spans="1:4" x14ac:dyDescent="0.25">
      <c r="A49072" t="s">
        <v>67304</v>
      </c>
      <c r="B49072" t="s">
        <v>67305</v>
      </c>
      <c r="C49072">
        <v>2</v>
      </c>
      <c r="D49072">
        <v>0</v>
      </c>
    </row>
    <row r="49073" spans="1:4" x14ac:dyDescent="0.25">
      <c r="A49073" t="s">
        <v>67304</v>
      </c>
      <c r="B49073" t="s">
        <v>67306</v>
      </c>
      <c r="C49073">
        <v>2</v>
      </c>
      <c r="D49073">
        <v>0</v>
      </c>
    </row>
    <row r="49074" spans="1:4" x14ac:dyDescent="0.25">
      <c r="A49074" t="s">
        <v>67304</v>
      </c>
      <c r="B49074" t="s">
        <v>67307</v>
      </c>
      <c r="C49074">
        <v>2</v>
      </c>
      <c r="D49074">
        <v>0</v>
      </c>
    </row>
    <row r="49075" spans="1:4" x14ac:dyDescent="0.25">
      <c r="A49075" t="s">
        <v>67304</v>
      </c>
      <c r="B49075" t="s">
        <v>5713</v>
      </c>
      <c r="C49075">
        <v>1</v>
      </c>
      <c r="D49075">
        <v>0</v>
      </c>
    </row>
    <row r="49076" spans="1:4" x14ac:dyDescent="0.25">
      <c r="A49076" t="s">
        <v>67304</v>
      </c>
      <c r="B49076" t="s">
        <v>67308</v>
      </c>
      <c r="C49076">
        <v>2</v>
      </c>
      <c r="D49076">
        <v>0</v>
      </c>
    </row>
    <row r="49077" spans="1:4" x14ac:dyDescent="0.25">
      <c r="A49077" t="s">
        <v>67309</v>
      </c>
      <c r="B49077" t="s">
        <v>67310</v>
      </c>
      <c r="C49077">
        <v>0</v>
      </c>
      <c r="D49077">
        <v>0</v>
      </c>
    </row>
    <row r="49078" spans="1:4" x14ac:dyDescent="0.25">
      <c r="A49078" t="s">
        <v>67309</v>
      </c>
      <c r="B49078" t="s">
        <v>67311</v>
      </c>
      <c r="C49078">
        <v>0</v>
      </c>
      <c r="D49078">
        <v>0</v>
      </c>
    </row>
    <row r="49079" spans="1:4" x14ac:dyDescent="0.25">
      <c r="A49079" t="s">
        <v>67309</v>
      </c>
      <c r="B49079" t="s">
        <v>67312</v>
      </c>
      <c r="C49079">
        <v>0</v>
      </c>
      <c r="D49079">
        <v>0</v>
      </c>
    </row>
    <row r="49080" spans="1:4" x14ac:dyDescent="0.25">
      <c r="A49080" t="s">
        <v>67309</v>
      </c>
      <c r="B49080" t="s">
        <v>67313</v>
      </c>
      <c r="C49080">
        <v>0</v>
      </c>
      <c r="D49080">
        <v>0</v>
      </c>
    </row>
    <row r="49081" spans="1:4" x14ac:dyDescent="0.25">
      <c r="A49081" t="s">
        <v>67314</v>
      </c>
      <c r="B49081" t="s">
        <v>67315</v>
      </c>
      <c r="C49081">
        <v>0</v>
      </c>
      <c r="D49081">
        <v>0</v>
      </c>
    </row>
    <row r="49082" spans="1:4" x14ac:dyDescent="0.25">
      <c r="A49082" t="s">
        <v>67314</v>
      </c>
      <c r="B49082" t="s">
        <v>67316</v>
      </c>
      <c r="C49082">
        <v>2</v>
      </c>
      <c r="D49082">
        <v>0</v>
      </c>
    </row>
    <row r="49083" spans="1:4" x14ac:dyDescent="0.25">
      <c r="A49083" t="s">
        <v>67314</v>
      </c>
      <c r="B49083" t="s">
        <v>67317</v>
      </c>
      <c r="C49083">
        <v>1</v>
      </c>
      <c r="D49083">
        <v>0</v>
      </c>
    </row>
    <row r="49084" spans="1:4" x14ac:dyDescent="0.25">
      <c r="A49084" t="s">
        <v>67314</v>
      </c>
      <c r="B49084" t="s">
        <v>67318</v>
      </c>
      <c r="C49084">
        <v>0</v>
      </c>
      <c r="D49084">
        <v>0</v>
      </c>
    </row>
    <row r="49085" spans="1:4" x14ac:dyDescent="0.25">
      <c r="A49085" t="s">
        <v>67314</v>
      </c>
      <c r="B49085" t="s">
        <v>1246</v>
      </c>
      <c r="C49085">
        <v>0</v>
      </c>
      <c r="D49085">
        <v>0</v>
      </c>
    </row>
    <row r="49086" spans="1:4" x14ac:dyDescent="0.25">
      <c r="A49086" t="s">
        <v>67314</v>
      </c>
      <c r="B49086" t="s">
        <v>67319</v>
      </c>
      <c r="C49086">
        <v>1</v>
      </c>
      <c r="D49086">
        <v>0</v>
      </c>
    </row>
    <row r="49087" spans="1:4" x14ac:dyDescent="0.25">
      <c r="A49087" t="s">
        <v>67320</v>
      </c>
      <c r="B49087" t="s">
        <v>67321</v>
      </c>
      <c r="C49087">
        <v>1</v>
      </c>
      <c r="D49087">
        <v>0</v>
      </c>
    </row>
    <row r="49088" spans="1:4" x14ac:dyDescent="0.25">
      <c r="A49088" t="s">
        <v>67320</v>
      </c>
      <c r="B49088" t="s">
        <v>67322</v>
      </c>
      <c r="C49088">
        <v>1</v>
      </c>
      <c r="D49088">
        <v>0</v>
      </c>
    </row>
    <row r="49089" spans="1:4" x14ac:dyDescent="0.25">
      <c r="A49089" t="s">
        <v>67320</v>
      </c>
      <c r="B49089" t="s">
        <v>67323</v>
      </c>
      <c r="C49089">
        <v>2</v>
      </c>
      <c r="D49089">
        <v>0</v>
      </c>
    </row>
    <row r="49090" spans="1:4" x14ac:dyDescent="0.25">
      <c r="A49090" t="s">
        <v>67324</v>
      </c>
      <c r="B49090" t="s">
        <v>67325</v>
      </c>
      <c r="C49090">
        <v>0</v>
      </c>
      <c r="D49090">
        <v>0</v>
      </c>
    </row>
    <row r="49091" spans="1:4" x14ac:dyDescent="0.25">
      <c r="A49091" t="s">
        <v>67326</v>
      </c>
      <c r="B49091" t="s">
        <v>2267</v>
      </c>
      <c r="C49091">
        <v>0</v>
      </c>
      <c r="D49091">
        <v>0</v>
      </c>
    </row>
    <row r="49092" spans="1:4" x14ac:dyDescent="0.25">
      <c r="A49092" t="s">
        <v>67326</v>
      </c>
      <c r="B49092" t="s">
        <v>67327</v>
      </c>
      <c r="C49092">
        <v>2</v>
      </c>
      <c r="D49092">
        <v>0</v>
      </c>
    </row>
    <row r="49093" spans="1:4" x14ac:dyDescent="0.25">
      <c r="A49093" t="s">
        <v>67326</v>
      </c>
      <c r="B49093" t="s">
        <v>67328</v>
      </c>
      <c r="C49093">
        <v>2</v>
      </c>
      <c r="D49093">
        <v>0</v>
      </c>
    </row>
    <row r="49094" spans="1:4" x14ac:dyDescent="0.25">
      <c r="A49094" t="s">
        <v>67326</v>
      </c>
      <c r="B49094" t="s">
        <v>67329</v>
      </c>
      <c r="C49094">
        <v>2</v>
      </c>
      <c r="D49094">
        <v>0</v>
      </c>
    </row>
    <row r="49095" spans="1:4" x14ac:dyDescent="0.25">
      <c r="A49095" t="s">
        <v>67326</v>
      </c>
      <c r="B49095" t="s">
        <v>67330</v>
      </c>
      <c r="C49095">
        <v>0</v>
      </c>
      <c r="D49095">
        <v>0</v>
      </c>
    </row>
    <row r="49096" spans="1:4" x14ac:dyDescent="0.25">
      <c r="A49096" t="s">
        <v>67331</v>
      </c>
      <c r="B49096" t="s">
        <v>67332</v>
      </c>
      <c r="C49096">
        <v>1</v>
      </c>
      <c r="D49096">
        <v>0</v>
      </c>
    </row>
    <row r="49097" spans="1:4" x14ac:dyDescent="0.25">
      <c r="A49097" t="s">
        <v>67331</v>
      </c>
      <c r="B49097" t="s">
        <v>67333</v>
      </c>
      <c r="C49097">
        <v>0</v>
      </c>
      <c r="D49097">
        <v>0</v>
      </c>
    </row>
    <row r="49098" spans="1:4" x14ac:dyDescent="0.25">
      <c r="A49098" t="s">
        <v>67334</v>
      </c>
      <c r="B49098" t="s">
        <v>5047</v>
      </c>
      <c r="C49098">
        <v>0</v>
      </c>
      <c r="D49098">
        <v>0</v>
      </c>
    </row>
    <row r="49099" spans="1:4" x14ac:dyDescent="0.25">
      <c r="A49099" t="s">
        <v>67334</v>
      </c>
      <c r="B49099" t="s">
        <v>67335</v>
      </c>
      <c r="C49099">
        <v>1</v>
      </c>
      <c r="D49099">
        <v>0</v>
      </c>
    </row>
    <row r="49100" spans="1:4" x14ac:dyDescent="0.25">
      <c r="A49100" t="s">
        <v>67334</v>
      </c>
      <c r="B49100" t="s">
        <v>67336</v>
      </c>
      <c r="C49100">
        <v>1</v>
      </c>
      <c r="D49100">
        <v>0</v>
      </c>
    </row>
    <row r="49101" spans="1:4" x14ac:dyDescent="0.25">
      <c r="A49101" t="s">
        <v>67334</v>
      </c>
      <c r="B49101" t="s">
        <v>67337</v>
      </c>
      <c r="C49101">
        <v>1</v>
      </c>
      <c r="D49101">
        <v>0</v>
      </c>
    </row>
    <row r="49102" spans="1:4" x14ac:dyDescent="0.25">
      <c r="A49102" t="s">
        <v>67338</v>
      </c>
      <c r="B49102" t="s">
        <v>67339</v>
      </c>
      <c r="C49102">
        <v>0</v>
      </c>
      <c r="D49102">
        <v>0</v>
      </c>
    </row>
    <row r="49103" spans="1:4" x14ac:dyDescent="0.25">
      <c r="A49103" t="s">
        <v>67340</v>
      </c>
      <c r="B49103" t="s">
        <v>67341</v>
      </c>
      <c r="C49103">
        <v>1</v>
      </c>
      <c r="D49103">
        <v>0</v>
      </c>
    </row>
    <row r="49104" spans="1:4" x14ac:dyDescent="0.25">
      <c r="A49104" t="s">
        <v>67340</v>
      </c>
      <c r="B49104" t="s">
        <v>67342</v>
      </c>
      <c r="C49104">
        <v>2</v>
      </c>
      <c r="D49104">
        <v>0</v>
      </c>
    </row>
    <row r="49105" spans="1:4" x14ac:dyDescent="0.25">
      <c r="A49105" t="s">
        <v>67340</v>
      </c>
      <c r="B49105" t="s">
        <v>67343</v>
      </c>
      <c r="C49105">
        <v>1</v>
      </c>
      <c r="D49105">
        <v>0</v>
      </c>
    </row>
    <row r="49106" spans="1:4" x14ac:dyDescent="0.25">
      <c r="A49106" t="s">
        <v>67340</v>
      </c>
      <c r="B49106" t="s">
        <v>67344</v>
      </c>
      <c r="C49106">
        <v>1</v>
      </c>
      <c r="D49106">
        <v>0</v>
      </c>
    </row>
    <row r="49107" spans="1:4" x14ac:dyDescent="0.25">
      <c r="A49107" t="s">
        <v>67340</v>
      </c>
      <c r="B49107" t="s">
        <v>67345</v>
      </c>
      <c r="C49107">
        <v>1</v>
      </c>
      <c r="D49107">
        <v>0</v>
      </c>
    </row>
    <row r="49108" spans="1:4" x14ac:dyDescent="0.25">
      <c r="A49108" t="s">
        <v>67346</v>
      </c>
      <c r="B49108" t="s">
        <v>67347</v>
      </c>
      <c r="C49108">
        <v>1</v>
      </c>
      <c r="D49108">
        <v>0</v>
      </c>
    </row>
    <row r="49109" spans="1:4" x14ac:dyDescent="0.25">
      <c r="A49109" t="s">
        <v>67346</v>
      </c>
      <c r="B49109" t="s">
        <v>67348</v>
      </c>
      <c r="C49109">
        <v>0</v>
      </c>
      <c r="D49109">
        <v>0</v>
      </c>
    </row>
    <row r="49110" spans="1:4" x14ac:dyDescent="0.25">
      <c r="A49110" t="s">
        <v>67346</v>
      </c>
      <c r="B49110" t="s">
        <v>67349</v>
      </c>
      <c r="C49110">
        <v>1</v>
      </c>
      <c r="D49110">
        <v>0</v>
      </c>
    </row>
    <row r="49111" spans="1:4" x14ac:dyDescent="0.25">
      <c r="A49111" t="s">
        <v>67346</v>
      </c>
      <c r="B49111" t="s">
        <v>67350</v>
      </c>
      <c r="C49111">
        <v>0</v>
      </c>
      <c r="D49111">
        <v>0</v>
      </c>
    </row>
    <row r="49112" spans="1:4" x14ac:dyDescent="0.25">
      <c r="A49112" t="s">
        <v>67346</v>
      </c>
      <c r="B49112" t="s">
        <v>67351</v>
      </c>
      <c r="C49112">
        <v>0</v>
      </c>
      <c r="D49112">
        <v>0</v>
      </c>
    </row>
    <row r="49113" spans="1:4" x14ac:dyDescent="0.25">
      <c r="A49113" t="s">
        <v>67346</v>
      </c>
      <c r="B49113" t="s">
        <v>1001</v>
      </c>
      <c r="C49113">
        <v>1</v>
      </c>
      <c r="D49113">
        <v>0</v>
      </c>
    </row>
    <row r="49114" spans="1:4" x14ac:dyDescent="0.25">
      <c r="A49114" t="s">
        <v>67352</v>
      </c>
      <c r="B49114" t="s">
        <v>67353</v>
      </c>
      <c r="C49114">
        <v>0</v>
      </c>
      <c r="D49114">
        <v>0</v>
      </c>
    </row>
    <row r="49115" spans="1:4" x14ac:dyDescent="0.25">
      <c r="A49115" t="s">
        <v>67354</v>
      </c>
      <c r="B49115" t="s">
        <v>67355</v>
      </c>
      <c r="C49115">
        <v>1</v>
      </c>
      <c r="D49115">
        <v>0</v>
      </c>
    </row>
    <row r="49116" spans="1:4" x14ac:dyDescent="0.25">
      <c r="A49116" t="s">
        <v>67354</v>
      </c>
      <c r="B49116" t="s">
        <v>67356</v>
      </c>
      <c r="C49116">
        <v>0</v>
      </c>
      <c r="D49116">
        <v>0</v>
      </c>
    </row>
    <row r="49117" spans="1:4" x14ac:dyDescent="0.25">
      <c r="A49117" t="s">
        <v>67354</v>
      </c>
      <c r="B49117" t="s">
        <v>67357</v>
      </c>
      <c r="C49117">
        <v>1</v>
      </c>
      <c r="D49117">
        <v>0</v>
      </c>
    </row>
    <row r="49118" spans="1:4" x14ac:dyDescent="0.25">
      <c r="A49118" t="s">
        <v>67354</v>
      </c>
      <c r="B49118" t="s">
        <v>67358</v>
      </c>
      <c r="C49118">
        <v>1</v>
      </c>
      <c r="D49118">
        <v>0</v>
      </c>
    </row>
    <row r="49119" spans="1:4" x14ac:dyDescent="0.25">
      <c r="A49119" t="s">
        <v>67354</v>
      </c>
      <c r="B49119" t="s">
        <v>67359</v>
      </c>
      <c r="C49119">
        <v>0</v>
      </c>
      <c r="D49119">
        <v>0</v>
      </c>
    </row>
    <row r="49120" spans="1:4" x14ac:dyDescent="0.25">
      <c r="A49120" t="s">
        <v>67354</v>
      </c>
      <c r="B49120" t="s">
        <v>67360</v>
      </c>
      <c r="C49120">
        <v>1</v>
      </c>
      <c r="D49120">
        <v>0</v>
      </c>
    </row>
    <row r="49121" spans="1:4" x14ac:dyDescent="0.25">
      <c r="A49121" t="s">
        <v>67361</v>
      </c>
      <c r="B49121" t="s">
        <v>67362</v>
      </c>
      <c r="C49121">
        <v>1</v>
      </c>
      <c r="D49121">
        <v>0</v>
      </c>
    </row>
    <row r="49122" spans="1:4" x14ac:dyDescent="0.25">
      <c r="A49122" t="s">
        <v>67363</v>
      </c>
      <c r="B49122" t="s">
        <v>67364</v>
      </c>
      <c r="C49122">
        <v>0</v>
      </c>
      <c r="D49122">
        <v>0</v>
      </c>
    </row>
    <row r="49123" spans="1:4" x14ac:dyDescent="0.25">
      <c r="A49123" t="s">
        <v>67363</v>
      </c>
      <c r="B49123" t="s">
        <v>67365</v>
      </c>
      <c r="C49123">
        <v>1</v>
      </c>
      <c r="D49123">
        <v>0</v>
      </c>
    </row>
    <row r="49124" spans="1:4" x14ac:dyDescent="0.25">
      <c r="A49124" t="s">
        <v>67363</v>
      </c>
      <c r="B49124" t="s">
        <v>67366</v>
      </c>
      <c r="C49124">
        <v>2</v>
      </c>
      <c r="D49124">
        <v>0</v>
      </c>
    </row>
    <row r="49125" spans="1:4" x14ac:dyDescent="0.25">
      <c r="A49125" t="s">
        <v>67363</v>
      </c>
      <c r="B49125" t="s">
        <v>67367</v>
      </c>
      <c r="C49125">
        <v>1</v>
      </c>
      <c r="D49125">
        <v>0</v>
      </c>
    </row>
    <row r="49126" spans="1:4" x14ac:dyDescent="0.25">
      <c r="A49126" t="s">
        <v>67368</v>
      </c>
      <c r="B49126" t="s">
        <v>67369</v>
      </c>
      <c r="C49126">
        <v>1</v>
      </c>
      <c r="D49126">
        <v>0</v>
      </c>
    </row>
    <row r="49127" spans="1:4" x14ac:dyDescent="0.25">
      <c r="A49127" t="s">
        <v>67368</v>
      </c>
      <c r="B49127" t="s">
        <v>67370</v>
      </c>
      <c r="C49127">
        <v>0</v>
      </c>
      <c r="D49127">
        <v>0</v>
      </c>
    </row>
    <row r="49128" spans="1:4" x14ac:dyDescent="0.25">
      <c r="A49128" t="s">
        <v>67368</v>
      </c>
      <c r="B49128" t="s">
        <v>67371</v>
      </c>
      <c r="C49128">
        <v>2</v>
      </c>
      <c r="D49128">
        <v>0</v>
      </c>
    </row>
    <row r="49129" spans="1:4" x14ac:dyDescent="0.25">
      <c r="A49129" t="s">
        <v>67368</v>
      </c>
      <c r="B49129" t="s">
        <v>67372</v>
      </c>
      <c r="C49129">
        <v>1</v>
      </c>
      <c r="D49129">
        <v>0</v>
      </c>
    </row>
    <row r="49130" spans="1:4" x14ac:dyDescent="0.25">
      <c r="A49130" t="s">
        <v>67368</v>
      </c>
      <c r="B49130" t="s">
        <v>67373</v>
      </c>
      <c r="C49130">
        <v>0</v>
      </c>
      <c r="D49130">
        <v>0</v>
      </c>
    </row>
    <row r="49131" spans="1:4" x14ac:dyDescent="0.25">
      <c r="A49131" t="s">
        <v>67368</v>
      </c>
      <c r="B49131" t="s">
        <v>67374</v>
      </c>
      <c r="C49131">
        <v>2</v>
      </c>
      <c r="D49131">
        <v>0</v>
      </c>
    </row>
    <row r="49132" spans="1:4" x14ac:dyDescent="0.25">
      <c r="A49132" t="s">
        <v>67368</v>
      </c>
      <c r="B49132" t="s">
        <v>67375</v>
      </c>
      <c r="C49132">
        <v>2</v>
      </c>
      <c r="D49132">
        <v>0</v>
      </c>
    </row>
    <row r="49133" spans="1:4" x14ac:dyDescent="0.25">
      <c r="A49133" t="s">
        <v>67368</v>
      </c>
      <c r="B49133" t="s">
        <v>67376</v>
      </c>
      <c r="C49133">
        <v>2</v>
      </c>
      <c r="D49133">
        <v>0</v>
      </c>
    </row>
    <row r="49134" spans="1:4" x14ac:dyDescent="0.25">
      <c r="A49134" t="s">
        <v>67368</v>
      </c>
      <c r="B49134" t="s">
        <v>67377</v>
      </c>
      <c r="C49134">
        <v>1</v>
      </c>
      <c r="D49134">
        <v>0</v>
      </c>
    </row>
    <row r="49135" spans="1:4" x14ac:dyDescent="0.25">
      <c r="A49135" t="s">
        <v>67368</v>
      </c>
      <c r="B49135" t="s">
        <v>67378</v>
      </c>
      <c r="C49135">
        <v>0</v>
      </c>
      <c r="D49135">
        <v>0</v>
      </c>
    </row>
    <row r="49136" spans="1:4" x14ac:dyDescent="0.25">
      <c r="A49136" t="s">
        <v>67368</v>
      </c>
      <c r="B49136" t="s">
        <v>67379</v>
      </c>
      <c r="C49136">
        <v>2</v>
      </c>
      <c r="D49136">
        <v>0</v>
      </c>
    </row>
    <row r="49137" spans="1:4" x14ac:dyDescent="0.25">
      <c r="A49137" t="s">
        <v>67368</v>
      </c>
      <c r="B49137" t="s">
        <v>67380</v>
      </c>
      <c r="C49137">
        <v>1</v>
      </c>
      <c r="D49137">
        <v>0</v>
      </c>
    </row>
    <row r="49138" spans="1:4" x14ac:dyDescent="0.25">
      <c r="A49138" t="s">
        <v>67368</v>
      </c>
      <c r="B49138" t="s">
        <v>67381</v>
      </c>
      <c r="C49138">
        <v>1</v>
      </c>
      <c r="D49138">
        <v>0</v>
      </c>
    </row>
    <row r="49139" spans="1:4" x14ac:dyDescent="0.25">
      <c r="A49139" t="s">
        <v>67382</v>
      </c>
      <c r="B49139" t="s">
        <v>67383</v>
      </c>
      <c r="C49139">
        <v>1</v>
      </c>
      <c r="D49139">
        <v>0</v>
      </c>
    </row>
    <row r="49140" spans="1:4" x14ac:dyDescent="0.25">
      <c r="A49140" t="s">
        <v>67382</v>
      </c>
      <c r="B49140" t="s">
        <v>67384</v>
      </c>
      <c r="C49140">
        <v>1</v>
      </c>
      <c r="D49140">
        <v>0</v>
      </c>
    </row>
    <row r="49141" spans="1:4" x14ac:dyDescent="0.25">
      <c r="A49141" t="s">
        <v>67382</v>
      </c>
      <c r="B49141" t="s">
        <v>67385</v>
      </c>
      <c r="C49141">
        <v>1</v>
      </c>
      <c r="D49141">
        <v>0</v>
      </c>
    </row>
    <row r="49142" spans="1:4" x14ac:dyDescent="0.25">
      <c r="A49142" t="s">
        <v>67386</v>
      </c>
      <c r="B49142" t="s">
        <v>67387</v>
      </c>
      <c r="C49142">
        <v>1</v>
      </c>
      <c r="D49142">
        <v>0</v>
      </c>
    </row>
    <row r="49143" spans="1:4" x14ac:dyDescent="0.25">
      <c r="A49143" t="s">
        <v>67386</v>
      </c>
      <c r="B49143" t="s">
        <v>67388</v>
      </c>
      <c r="C49143">
        <v>0</v>
      </c>
      <c r="D49143">
        <v>0</v>
      </c>
    </row>
    <row r="49144" spans="1:4" x14ac:dyDescent="0.25">
      <c r="A49144" t="s">
        <v>67386</v>
      </c>
      <c r="B49144" t="s">
        <v>53427</v>
      </c>
      <c r="C49144">
        <v>0</v>
      </c>
      <c r="D49144">
        <v>0</v>
      </c>
    </row>
    <row r="49145" spans="1:4" x14ac:dyDescent="0.25">
      <c r="A49145" t="s">
        <v>67386</v>
      </c>
      <c r="B49145" t="s">
        <v>53427</v>
      </c>
      <c r="C49145">
        <v>0</v>
      </c>
      <c r="D49145">
        <v>0</v>
      </c>
    </row>
    <row r="49146" spans="1:4" x14ac:dyDescent="0.25">
      <c r="A49146" t="s">
        <v>67389</v>
      </c>
      <c r="B49146" t="s">
        <v>67390</v>
      </c>
      <c r="C49146">
        <v>1</v>
      </c>
      <c r="D49146">
        <v>0</v>
      </c>
    </row>
    <row r="49147" spans="1:4" x14ac:dyDescent="0.25">
      <c r="A49147" t="s">
        <v>67389</v>
      </c>
      <c r="B49147" t="s">
        <v>67391</v>
      </c>
      <c r="C49147">
        <v>2</v>
      </c>
      <c r="D49147">
        <v>0</v>
      </c>
    </row>
    <row r="49148" spans="1:4" x14ac:dyDescent="0.25">
      <c r="A49148" t="s">
        <v>67389</v>
      </c>
      <c r="B49148" t="s">
        <v>67392</v>
      </c>
      <c r="C49148">
        <v>0</v>
      </c>
      <c r="D49148">
        <v>0</v>
      </c>
    </row>
    <row r="49149" spans="1:4" x14ac:dyDescent="0.25">
      <c r="A49149" t="s">
        <v>67389</v>
      </c>
      <c r="B49149" t="s">
        <v>67393</v>
      </c>
      <c r="C49149">
        <v>2</v>
      </c>
      <c r="D49149">
        <v>0</v>
      </c>
    </row>
    <row r="49150" spans="1:4" x14ac:dyDescent="0.25">
      <c r="A49150" t="s">
        <v>67389</v>
      </c>
      <c r="B49150" t="s">
        <v>67394</v>
      </c>
      <c r="C49150">
        <v>1</v>
      </c>
      <c r="D49150">
        <v>0</v>
      </c>
    </row>
    <row r="49151" spans="1:4" x14ac:dyDescent="0.25">
      <c r="A49151" t="s">
        <v>67389</v>
      </c>
      <c r="B49151" t="s">
        <v>67395</v>
      </c>
      <c r="C49151">
        <v>2</v>
      </c>
      <c r="D49151">
        <v>0</v>
      </c>
    </row>
    <row r="49152" spans="1:4" x14ac:dyDescent="0.25">
      <c r="A49152" t="s">
        <v>67396</v>
      </c>
      <c r="B49152" t="s">
        <v>67397</v>
      </c>
      <c r="C49152">
        <v>1</v>
      </c>
      <c r="D49152">
        <v>0</v>
      </c>
    </row>
    <row r="49153" spans="1:4" x14ac:dyDescent="0.25">
      <c r="A49153" t="s">
        <v>67396</v>
      </c>
      <c r="B49153" t="s">
        <v>67398</v>
      </c>
      <c r="C49153">
        <v>1</v>
      </c>
      <c r="D49153">
        <v>0</v>
      </c>
    </row>
    <row r="49154" spans="1:4" x14ac:dyDescent="0.25">
      <c r="A49154" t="s">
        <v>67396</v>
      </c>
      <c r="B49154" t="s">
        <v>67399</v>
      </c>
      <c r="C49154">
        <v>1</v>
      </c>
      <c r="D49154">
        <v>0</v>
      </c>
    </row>
    <row r="49155" spans="1:4" x14ac:dyDescent="0.25">
      <c r="A49155" t="s">
        <v>67396</v>
      </c>
      <c r="B49155" t="s">
        <v>67400</v>
      </c>
      <c r="C49155">
        <v>1</v>
      </c>
      <c r="D49155">
        <v>0</v>
      </c>
    </row>
    <row r="49156" spans="1:4" x14ac:dyDescent="0.25">
      <c r="A49156" t="s">
        <v>67396</v>
      </c>
      <c r="B49156" t="s">
        <v>67401</v>
      </c>
      <c r="C49156">
        <v>1</v>
      </c>
      <c r="D49156">
        <v>0</v>
      </c>
    </row>
    <row r="49157" spans="1:4" x14ac:dyDescent="0.25">
      <c r="A49157" t="s">
        <v>67402</v>
      </c>
      <c r="B49157" t="s">
        <v>67403</v>
      </c>
      <c r="C49157">
        <v>1</v>
      </c>
      <c r="D49157">
        <v>0</v>
      </c>
    </row>
    <row r="49158" spans="1:4" x14ac:dyDescent="0.25">
      <c r="A49158" t="s">
        <v>67402</v>
      </c>
      <c r="B49158" t="s">
        <v>67404</v>
      </c>
      <c r="C49158">
        <v>2</v>
      </c>
      <c r="D49158">
        <v>0</v>
      </c>
    </row>
    <row r="49159" spans="1:4" x14ac:dyDescent="0.25">
      <c r="A49159" t="s">
        <v>67405</v>
      </c>
      <c r="B49159" t="s">
        <v>17479</v>
      </c>
      <c r="C49159">
        <v>1</v>
      </c>
      <c r="D49159">
        <v>0</v>
      </c>
    </row>
    <row r="49160" spans="1:4" x14ac:dyDescent="0.25">
      <c r="A49160" t="s">
        <v>67406</v>
      </c>
      <c r="B49160" t="s">
        <v>67407</v>
      </c>
      <c r="C49160">
        <v>1</v>
      </c>
      <c r="D49160">
        <v>0</v>
      </c>
    </row>
    <row r="49161" spans="1:4" x14ac:dyDescent="0.25">
      <c r="A49161" t="s">
        <v>67406</v>
      </c>
      <c r="B49161" t="s">
        <v>67408</v>
      </c>
      <c r="C49161">
        <v>1</v>
      </c>
      <c r="D49161">
        <v>0</v>
      </c>
    </row>
    <row r="49162" spans="1:4" x14ac:dyDescent="0.25">
      <c r="A49162" t="s">
        <v>67406</v>
      </c>
      <c r="B49162" t="s">
        <v>67409</v>
      </c>
      <c r="C49162">
        <v>2</v>
      </c>
      <c r="D49162">
        <v>0</v>
      </c>
    </row>
    <row r="49163" spans="1:4" x14ac:dyDescent="0.25">
      <c r="A49163" t="s">
        <v>67406</v>
      </c>
      <c r="B49163" t="s">
        <v>67410</v>
      </c>
      <c r="C49163">
        <v>1</v>
      </c>
      <c r="D49163">
        <v>0</v>
      </c>
    </row>
    <row r="49164" spans="1:4" x14ac:dyDescent="0.25">
      <c r="A49164" t="s">
        <v>67406</v>
      </c>
      <c r="B49164" t="s">
        <v>67411</v>
      </c>
      <c r="C49164">
        <v>2</v>
      </c>
      <c r="D49164">
        <v>0</v>
      </c>
    </row>
    <row r="49165" spans="1:4" x14ac:dyDescent="0.25">
      <c r="A49165" t="s">
        <v>67406</v>
      </c>
      <c r="B49165" t="s">
        <v>67412</v>
      </c>
      <c r="C49165">
        <v>1</v>
      </c>
      <c r="D49165">
        <v>0</v>
      </c>
    </row>
    <row r="49166" spans="1:4" x14ac:dyDescent="0.25">
      <c r="A49166" t="s">
        <v>67406</v>
      </c>
      <c r="B49166" t="s">
        <v>67413</v>
      </c>
      <c r="C49166">
        <v>1</v>
      </c>
      <c r="D49166">
        <v>0</v>
      </c>
    </row>
    <row r="49167" spans="1:4" x14ac:dyDescent="0.25">
      <c r="A49167" t="s">
        <v>67414</v>
      </c>
      <c r="B49167" t="s">
        <v>67415</v>
      </c>
      <c r="C49167">
        <v>1</v>
      </c>
      <c r="D49167">
        <v>0</v>
      </c>
    </row>
    <row r="49168" spans="1:4" x14ac:dyDescent="0.25">
      <c r="A49168" t="s">
        <v>67414</v>
      </c>
      <c r="B49168" t="s">
        <v>67416</v>
      </c>
      <c r="C49168">
        <v>2</v>
      </c>
      <c r="D49168">
        <v>0</v>
      </c>
    </row>
    <row r="49169" spans="1:4" x14ac:dyDescent="0.25">
      <c r="A49169" t="s">
        <v>67417</v>
      </c>
      <c r="B49169" t="s">
        <v>67418</v>
      </c>
      <c r="C49169">
        <v>1</v>
      </c>
      <c r="D49169">
        <v>0</v>
      </c>
    </row>
    <row r="49170" spans="1:4" x14ac:dyDescent="0.25">
      <c r="A49170" t="s">
        <v>67417</v>
      </c>
      <c r="B49170" t="s">
        <v>67419</v>
      </c>
      <c r="C49170">
        <v>2</v>
      </c>
      <c r="D49170">
        <v>0</v>
      </c>
    </row>
    <row r="49171" spans="1:4" x14ac:dyDescent="0.25">
      <c r="A49171" t="s">
        <v>67417</v>
      </c>
      <c r="B49171" t="s">
        <v>67420</v>
      </c>
      <c r="C49171">
        <v>0</v>
      </c>
      <c r="D49171">
        <v>0</v>
      </c>
    </row>
    <row r="49172" spans="1:4" x14ac:dyDescent="0.25">
      <c r="A49172" t="s">
        <v>67417</v>
      </c>
      <c r="B49172" t="s">
        <v>67421</v>
      </c>
      <c r="C49172">
        <v>0</v>
      </c>
      <c r="D49172">
        <v>0</v>
      </c>
    </row>
    <row r="49173" spans="1:4" x14ac:dyDescent="0.25">
      <c r="A49173" t="s">
        <v>67417</v>
      </c>
      <c r="B49173" t="s">
        <v>67422</v>
      </c>
      <c r="C49173">
        <v>1</v>
      </c>
      <c r="D49173">
        <v>0</v>
      </c>
    </row>
    <row r="49174" spans="1:4" x14ac:dyDescent="0.25">
      <c r="A49174" t="s">
        <v>67423</v>
      </c>
      <c r="B49174" t="s">
        <v>67424</v>
      </c>
      <c r="C49174">
        <v>1</v>
      </c>
      <c r="D49174">
        <v>0</v>
      </c>
    </row>
    <row r="49175" spans="1:4" x14ac:dyDescent="0.25">
      <c r="A49175" t="s">
        <v>67423</v>
      </c>
      <c r="B49175" t="s">
        <v>67425</v>
      </c>
      <c r="C49175">
        <v>1</v>
      </c>
      <c r="D49175">
        <v>0</v>
      </c>
    </row>
    <row r="49176" spans="1:4" x14ac:dyDescent="0.25">
      <c r="A49176" t="s">
        <v>67423</v>
      </c>
      <c r="B49176" t="s">
        <v>67426</v>
      </c>
      <c r="C49176">
        <v>1</v>
      </c>
      <c r="D49176">
        <v>0</v>
      </c>
    </row>
    <row r="49177" spans="1:4" x14ac:dyDescent="0.25">
      <c r="A49177" t="s">
        <v>67423</v>
      </c>
      <c r="B49177" t="s">
        <v>67427</v>
      </c>
      <c r="C49177">
        <v>1</v>
      </c>
      <c r="D49177">
        <v>0</v>
      </c>
    </row>
    <row r="49178" spans="1:4" x14ac:dyDescent="0.25">
      <c r="A49178" t="s">
        <v>67423</v>
      </c>
      <c r="B49178" t="s">
        <v>67428</v>
      </c>
      <c r="C49178">
        <v>1</v>
      </c>
      <c r="D49178">
        <v>0</v>
      </c>
    </row>
    <row r="49179" spans="1:4" x14ac:dyDescent="0.25">
      <c r="A49179" t="s">
        <v>67423</v>
      </c>
      <c r="B49179" t="s">
        <v>67429</v>
      </c>
      <c r="C49179">
        <v>1</v>
      </c>
      <c r="D49179">
        <v>0</v>
      </c>
    </row>
    <row r="49180" spans="1:4" x14ac:dyDescent="0.25">
      <c r="A49180" t="s">
        <v>67430</v>
      </c>
      <c r="B49180" t="s">
        <v>67431</v>
      </c>
      <c r="C49180">
        <v>0</v>
      </c>
      <c r="D49180">
        <v>0</v>
      </c>
    </row>
    <row r="49181" spans="1:4" x14ac:dyDescent="0.25">
      <c r="A49181" t="s">
        <v>67432</v>
      </c>
      <c r="B49181" t="s">
        <v>67433</v>
      </c>
      <c r="C49181">
        <v>0</v>
      </c>
      <c r="D49181">
        <v>0</v>
      </c>
    </row>
    <row r="49182" spans="1:4" x14ac:dyDescent="0.25">
      <c r="A49182" t="s">
        <v>67434</v>
      </c>
      <c r="B49182" t="s">
        <v>67435</v>
      </c>
      <c r="C49182">
        <v>2</v>
      </c>
      <c r="D49182">
        <v>0</v>
      </c>
    </row>
    <row r="49183" spans="1:4" x14ac:dyDescent="0.25">
      <c r="A49183" t="s">
        <v>67434</v>
      </c>
      <c r="B49183" t="s">
        <v>67436</v>
      </c>
      <c r="C49183">
        <v>1</v>
      </c>
      <c r="D49183">
        <v>0</v>
      </c>
    </row>
    <row r="49184" spans="1:4" x14ac:dyDescent="0.25">
      <c r="A49184" t="s">
        <v>67434</v>
      </c>
      <c r="B49184" t="s">
        <v>67437</v>
      </c>
      <c r="C49184">
        <v>0</v>
      </c>
      <c r="D49184">
        <v>0</v>
      </c>
    </row>
    <row r="49185" spans="1:4" x14ac:dyDescent="0.25">
      <c r="A49185" t="s">
        <v>67438</v>
      </c>
      <c r="B49185" t="s">
        <v>67439</v>
      </c>
      <c r="C49185">
        <v>1</v>
      </c>
      <c r="D49185">
        <v>0</v>
      </c>
    </row>
    <row r="49186" spans="1:4" x14ac:dyDescent="0.25">
      <c r="A49186" t="s">
        <v>67438</v>
      </c>
      <c r="B49186" t="s">
        <v>67440</v>
      </c>
      <c r="C49186">
        <v>1</v>
      </c>
      <c r="D49186">
        <v>0</v>
      </c>
    </row>
    <row r="49187" spans="1:4" x14ac:dyDescent="0.25">
      <c r="A49187" t="s">
        <v>67438</v>
      </c>
      <c r="B49187" t="s">
        <v>67441</v>
      </c>
      <c r="C49187">
        <v>0</v>
      </c>
      <c r="D49187">
        <v>0</v>
      </c>
    </row>
    <row r="49188" spans="1:4" x14ac:dyDescent="0.25">
      <c r="A49188" t="s">
        <v>67438</v>
      </c>
      <c r="B49188" t="s">
        <v>67442</v>
      </c>
      <c r="C49188">
        <v>1</v>
      </c>
      <c r="D49188">
        <v>0</v>
      </c>
    </row>
    <row r="49189" spans="1:4" x14ac:dyDescent="0.25">
      <c r="A49189" t="s">
        <v>67438</v>
      </c>
      <c r="B49189" t="s">
        <v>67443</v>
      </c>
      <c r="C49189">
        <v>1</v>
      </c>
      <c r="D49189">
        <v>0</v>
      </c>
    </row>
    <row r="49190" spans="1:4" x14ac:dyDescent="0.25">
      <c r="A49190" t="s">
        <v>67438</v>
      </c>
      <c r="B49190" t="s">
        <v>67444</v>
      </c>
      <c r="C49190">
        <v>1</v>
      </c>
      <c r="D49190">
        <v>0</v>
      </c>
    </row>
    <row r="49191" spans="1:4" x14ac:dyDescent="0.25">
      <c r="A49191" t="s">
        <v>67445</v>
      </c>
      <c r="B49191" t="s">
        <v>67446</v>
      </c>
      <c r="C49191">
        <v>1</v>
      </c>
      <c r="D49191">
        <v>0</v>
      </c>
    </row>
    <row r="49192" spans="1:4" x14ac:dyDescent="0.25">
      <c r="A49192" t="s">
        <v>67445</v>
      </c>
      <c r="B49192" t="s">
        <v>67447</v>
      </c>
      <c r="C49192">
        <v>1</v>
      </c>
      <c r="D49192">
        <v>0</v>
      </c>
    </row>
    <row r="49193" spans="1:4" x14ac:dyDescent="0.25">
      <c r="A49193" t="s">
        <v>67445</v>
      </c>
      <c r="B49193" t="s">
        <v>67448</v>
      </c>
      <c r="C49193">
        <v>2</v>
      </c>
      <c r="D49193">
        <v>0</v>
      </c>
    </row>
    <row r="49194" spans="1:4" x14ac:dyDescent="0.25">
      <c r="A49194" t="s">
        <v>67445</v>
      </c>
      <c r="B49194" t="s">
        <v>67449</v>
      </c>
      <c r="C49194">
        <v>2</v>
      </c>
      <c r="D49194">
        <v>0</v>
      </c>
    </row>
    <row r="49195" spans="1:4" x14ac:dyDescent="0.25">
      <c r="A49195" t="s">
        <v>67450</v>
      </c>
      <c r="B49195" t="s">
        <v>67451</v>
      </c>
      <c r="C49195">
        <v>0</v>
      </c>
      <c r="D49195">
        <v>0</v>
      </c>
    </row>
    <row r="49196" spans="1:4" x14ac:dyDescent="0.25">
      <c r="A49196" t="s">
        <v>67450</v>
      </c>
      <c r="B49196" t="s">
        <v>67452</v>
      </c>
      <c r="C49196">
        <v>0</v>
      </c>
      <c r="D49196">
        <v>0</v>
      </c>
    </row>
    <row r="49197" spans="1:4" x14ac:dyDescent="0.25">
      <c r="A49197" t="s">
        <v>67450</v>
      </c>
      <c r="B49197" t="s">
        <v>67453</v>
      </c>
      <c r="C49197">
        <v>2</v>
      </c>
      <c r="D49197">
        <v>0</v>
      </c>
    </row>
    <row r="49198" spans="1:4" x14ac:dyDescent="0.25">
      <c r="A49198" t="s">
        <v>67450</v>
      </c>
      <c r="B49198" t="s">
        <v>67454</v>
      </c>
      <c r="C49198">
        <v>0</v>
      </c>
      <c r="D49198">
        <v>0</v>
      </c>
    </row>
    <row r="49199" spans="1:4" x14ac:dyDescent="0.25">
      <c r="A49199" t="s">
        <v>67450</v>
      </c>
      <c r="B49199" t="s">
        <v>67455</v>
      </c>
      <c r="C49199">
        <v>0</v>
      </c>
      <c r="D49199">
        <v>0</v>
      </c>
    </row>
    <row r="49200" spans="1:4" x14ac:dyDescent="0.25">
      <c r="A49200" t="s">
        <v>67456</v>
      </c>
      <c r="B49200" t="s">
        <v>67457</v>
      </c>
      <c r="C49200">
        <v>1</v>
      </c>
      <c r="D49200">
        <v>0</v>
      </c>
    </row>
    <row r="49201" spans="1:4" x14ac:dyDescent="0.25">
      <c r="A49201" t="s">
        <v>67456</v>
      </c>
      <c r="B49201" t="s">
        <v>67458</v>
      </c>
      <c r="C49201">
        <v>0</v>
      </c>
      <c r="D49201">
        <v>0</v>
      </c>
    </row>
    <row r="49202" spans="1:4" x14ac:dyDescent="0.25">
      <c r="A49202" t="s">
        <v>67456</v>
      </c>
      <c r="B49202" t="s">
        <v>67459</v>
      </c>
      <c r="C49202">
        <v>0</v>
      </c>
      <c r="D49202">
        <v>0</v>
      </c>
    </row>
    <row r="49203" spans="1:4" x14ac:dyDescent="0.25">
      <c r="A49203" t="s">
        <v>67456</v>
      </c>
      <c r="B49203" t="s">
        <v>67460</v>
      </c>
      <c r="C49203">
        <v>0</v>
      </c>
      <c r="D49203">
        <v>0</v>
      </c>
    </row>
    <row r="49204" spans="1:4" x14ac:dyDescent="0.25">
      <c r="A49204" t="s">
        <v>67456</v>
      </c>
      <c r="B49204" t="s">
        <v>67461</v>
      </c>
      <c r="C49204">
        <v>1</v>
      </c>
      <c r="D49204">
        <v>0</v>
      </c>
    </row>
    <row r="49205" spans="1:4" x14ac:dyDescent="0.25">
      <c r="A49205" t="s">
        <v>67456</v>
      </c>
      <c r="B49205" t="s">
        <v>67462</v>
      </c>
      <c r="C49205">
        <v>0</v>
      </c>
      <c r="D49205">
        <v>0</v>
      </c>
    </row>
    <row r="49206" spans="1:4" x14ac:dyDescent="0.25">
      <c r="A49206" t="s">
        <v>67463</v>
      </c>
      <c r="B49206" t="s">
        <v>67464</v>
      </c>
      <c r="C49206">
        <v>1</v>
      </c>
      <c r="D49206">
        <v>0</v>
      </c>
    </row>
    <row r="49207" spans="1:4" x14ac:dyDescent="0.25">
      <c r="A49207" t="s">
        <v>67463</v>
      </c>
      <c r="B49207" t="s">
        <v>67465</v>
      </c>
      <c r="C49207">
        <v>1</v>
      </c>
      <c r="D49207">
        <v>0</v>
      </c>
    </row>
    <row r="49208" spans="1:4" x14ac:dyDescent="0.25">
      <c r="A49208" t="s">
        <v>67463</v>
      </c>
      <c r="B49208" t="s">
        <v>67466</v>
      </c>
      <c r="C49208">
        <v>2</v>
      </c>
      <c r="D49208">
        <v>0</v>
      </c>
    </row>
    <row r="49209" spans="1:4" x14ac:dyDescent="0.25">
      <c r="A49209" t="s">
        <v>67467</v>
      </c>
      <c r="B49209" t="s">
        <v>67468</v>
      </c>
      <c r="C49209">
        <v>0</v>
      </c>
      <c r="D49209">
        <v>0</v>
      </c>
    </row>
    <row r="49210" spans="1:4" x14ac:dyDescent="0.25">
      <c r="A49210" t="s">
        <v>67467</v>
      </c>
      <c r="B49210" t="s">
        <v>67469</v>
      </c>
      <c r="C49210">
        <v>1</v>
      </c>
      <c r="D49210">
        <v>0</v>
      </c>
    </row>
    <row r="49211" spans="1:4" x14ac:dyDescent="0.25">
      <c r="A49211" t="s">
        <v>67467</v>
      </c>
      <c r="B49211" t="s">
        <v>67470</v>
      </c>
      <c r="C49211">
        <v>0</v>
      </c>
      <c r="D49211">
        <v>0</v>
      </c>
    </row>
    <row r="49212" spans="1:4" x14ac:dyDescent="0.25">
      <c r="A49212" t="s">
        <v>67467</v>
      </c>
      <c r="B49212" t="s">
        <v>67471</v>
      </c>
      <c r="C49212">
        <v>1</v>
      </c>
      <c r="D49212">
        <v>0</v>
      </c>
    </row>
    <row r="49213" spans="1:4" x14ac:dyDescent="0.25">
      <c r="A49213" t="s">
        <v>67472</v>
      </c>
      <c r="B49213" t="s">
        <v>67473</v>
      </c>
      <c r="C49213">
        <v>1</v>
      </c>
      <c r="D49213">
        <v>0</v>
      </c>
    </row>
    <row r="49214" spans="1:4" x14ac:dyDescent="0.25">
      <c r="A49214" t="s">
        <v>67472</v>
      </c>
      <c r="B49214" t="s">
        <v>5713</v>
      </c>
      <c r="C49214">
        <v>1</v>
      </c>
      <c r="D49214">
        <v>0</v>
      </c>
    </row>
    <row r="49215" spans="1:4" x14ac:dyDescent="0.25">
      <c r="A49215" t="s">
        <v>67472</v>
      </c>
      <c r="B49215" t="s">
        <v>67474</v>
      </c>
      <c r="C49215">
        <v>1</v>
      </c>
      <c r="D49215">
        <v>0</v>
      </c>
    </row>
    <row r="49216" spans="1:4" x14ac:dyDescent="0.25">
      <c r="A49216" t="s">
        <v>67472</v>
      </c>
      <c r="B49216" t="s">
        <v>67475</v>
      </c>
      <c r="C49216">
        <v>1</v>
      </c>
      <c r="D49216">
        <v>0</v>
      </c>
    </row>
    <row r="49217" spans="1:4" x14ac:dyDescent="0.25">
      <c r="A49217" t="s">
        <v>67472</v>
      </c>
      <c r="B49217" t="s">
        <v>5713</v>
      </c>
      <c r="C49217">
        <v>1</v>
      </c>
      <c r="D49217">
        <v>0</v>
      </c>
    </row>
    <row r="49218" spans="1:4" x14ac:dyDescent="0.25">
      <c r="A49218" t="s">
        <v>67476</v>
      </c>
      <c r="B49218" t="s">
        <v>67477</v>
      </c>
      <c r="C49218">
        <v>0</v>
      </c>
      <c r="D49218">
        <v>0</v>
      </c>
    </row>
    <row r="49219" spans="1:4" x14ac:dyDescent="0.25">
      <c r="A49219" t="s">
        <v>67476</v>
      </c>
      <c r="B49219" t="s">
        <v>67478</v>
      </c>
      <c r="C49219">
        <v>1</v>
      </c>
      <c r="D49219">
        <v>0</v>
      </c>
    </row>
    <row r="49220" spans="1:4" x14ac:dyDescent="0.25">
      <c r="A49220" t="s">
        <v>67476</v>
      </c>
      <c r="B49220" t="s">
        <v>67479</v>
      </c>
      <c r="C49220">
        <v>1</v>
      </c>
      <c r="D49220">
        <v>0</v>
      </c>
    </row>
    <row r="49221" spans="1:4" x14ac:dyDescent="0.25">
      <c r="A49221" t="s">
        <v>67476</v>
      </c>
      <c r="B49221" t="s">
        <v>67480</v>
      </c>
      <c r="C49221">
        <v>0</v>
      </c>
      <c r="D49221">
        <v>0</v>
      </c>
    </row>
    <row r="49222" spans="1:4" x14ac:dyDescent="0.25">
      <c r="A49222" t="s">
        <v>67476</v>
      </c>
      <c r="B49222" t="s">
        <v>67481</v>
      </c>
      <c r="C49222">
        <v>1</v>
      </c>
      <c r="D49222">
        <v>0</v>
      </c>
    </row>
    <row r="49223" spans="1:4" x14ac:dyDescent="0.25">
      <c r="A49223" t="s">
        <v>67482</v>
      </c>
      <c r="B49223" t="s">
        <v>67483</v>
      </c>
      <c r="C49223">
        <v>0</v>
      </c>
      <c r="D49223">
        <v>0</v>
      </c>
    </row>
    <row r="49224" spans="1:4" x14ac:dyDescent="0.25">
      <c r="A49224" t="s">
        <v>67482</v>
      </c>
      <c r="B49224" t="s">
        <v>67484</v>
      </c>
      <c r="C49224">
        <v>0</v>
      </c>
      <c r="D49224">
        <v>0</v>
      </c>
    </row>
    <row r="49225" spans="1:4" x14ac:dyDescent="0.25">
      <c r="A49225" t="s">
        <v>67482</v>
      </c>
      <c r="B49225" t="s">
        <v>67485</v>
      </c>
      <c r="C49225">
        <v>0</v>
      </c>
      <c r="D49225">
        <v>0</v>
      </c>
    </row>
    <row r="49226" spans="1:4" x14ac:dyDescent="0.25">
      <c r="A49226" t="s">
        <v>67482</v>
      </c>
      <c r="B49226" t="s">
        <v>67486</v>
      </c>
      <c r="C49226">
        <v>1</v>
      </c>
      <c r="D49226">
        <v>0</v>
      </c>
    </row>
    <row r="49227" spans="1:4" x14ac:dyDescent="0.25">
      <c r="A49227" t="s">
        <v>67482</v>
      </c>
      <c r="B49227" t="s">
        <v>67487</v>
      </c>
      <c r="C49227">
        <v>1</v>
      </c>
      <c r="D49227">
        <v>0</v>
      </c>
    </row>
    <row r="49228" spans="1:4" x14ac:dyDescent="0.25">
      <c r="A49228" t="s">
        <v>67482</v>
      </c>
      <c r="B49228" t="s">
        <v>2865</v>
      </c>
      <c r="C49228">
        <v>0</v>
      </c>
      <c r="D49228">
        <v>0</v>
      </c>
    </row>
    <row r="49229" spans="1:4" x14ac:dyDescent="0.25">
      <c r="A49229" t="s">
        <v>67482</v>
      </c>
      <c r="B49229" t="s">
        <v>67488</v>
      </c>
      <c r="C49229">
        <v>0</v>
      </c>
      <c r="D49229">
        <v>0</v>
      </c>
    </row>
    <row r="49230" spans="1:4" x14ac:dyDescent="0.25">
      <c r="A49230" t="s">
        <v>67482</v>
      </c>
      <c r="B49230" t="s">
        <v>67489</v>
      </c>
      <c r="C49230">
        <v>0</v>
      </c>
      <c r="D49230">
        <v>0</v>
      </c>
    </row>
    <row r="49231" spans="1:4" x14ac:dyDescent="0.25">
      <c r="A49231" t="s">
        <v>67490</v>
      </c>
      <c r="B49231" t="s">
        <v>67491</v>
      </c>
      <c r="C49231">
        <v>0</v>
      </c>
      <c r="D49231">
        <v>0</v>
      </c>
    </row>
    <row r="49232" spans="1:4" x14ac:dyDescent="0.25">
      <c r="A49232" t="s">
        <v>67490</v>
      </c>
      <c r="B49232" t="s">
        <v>67492</v>
      </c>
      <c r="C49232">
        <v>2</v>
      </c>
      <c r="D49232">
        <v>0</v>
      </c>
    </row>
    <row r="49233" spans="1:4" x14ac:dyDescent="0.25">
      <c r="A49233" t="s">
        <v>67490</v>
      </c>
      <c r="B49233" t="s">
        <v>67493</v>
      </c>
      <c r="C49233">
        <v>1</v>
      </c>
      <c r="D49233">
        <v>0</v>
      </c>
    </row>
    <row r="49234" spans="1:4" x14ac:dyDescent="0.25">
      <c r="A49234" t="s">
        <v>67490</v>
      </c>
      <c r="B49234" t="s">
        <v>67494</v>
      </c>
      <c r="C49234">
        <v>1</v>
      </c>
      <c r="D49234">
        <v>0</v>
      </c>
    </row>
    <row r="49235" spans="1:4" x14ac:dyDescent="0.25">
      <c r="A49235" t="s">
        <v>67495</v>
      </c>
      <c r="B49235" t="s">
        <v>67496</v>
      </c>
      <c r="C49235">
        <v>1</v>
      </c>
      <c r="D49235">
        <v>0</v>
      </c>
    </row>
    <row r="49236" spans="1:4" x14ac:dyDescent="0.25">
      <c r="A49236" t="s">
        <v>67495</v>
      </c>
      <c r="B49236" t="s">
        <v>67497</v>
      </c>
      <c r="C49236">
        <v>0</v>
      </c>
      <c r="D49236">
        <v>0</v>
      </c>
    </row>
    <row r="49237" spans="1:4" x14ac:dyDescent="0.25">
      <c r="A49237" t="s">
        <v>67498</v>
      </c>
      <c r="B49237" t="s">
        <v>67499</v>
      </c>
      <c r="C49237">
        <v>1</v>
      </c>
      <c r="D49237">
        <v>0</v>
      </c>
    </row>
    <row r="49238" spans="1:4" x14ac:dyDescent="0.25">
      <c r="A49238" t="s">
        <v>67498</v>
      </c>
      <c r="B49238" t="s">
        <v>67500</v>
      </c>
      <c r="C49238">
        <v>0</v>
      </c>
      <c r="D49238">
        <v>0</v>
      </c>
    </row>
    <row r="49239" spans="1:4" x14ac:dyDescent="0.25">
      <c r="A49239" t="s">
        <v>67498</v>
      </c>
      <c r="B49239" t="s">
        <v>67501</v>
      </c>
      <c r="C49239">
        <v>2</v>
      </c>
      <c r="D49239">
        <v>0</v>
      </c>
    </row>
    <row r="49240" spans="1:4" x14ac:dyDescent="0.25">
      <c r="A49240" t="s">
        <v>67498</v>
      </c>
      <c r="B49240" t="s">
        <v>67502</v>
      </c>
      <c r="C49240">
        <v>1</v>
      </c>
      <c r="D49240">
        <v>0</v>
      </c>
    </row>
    <row r="49241" spans="1:4" x14ac:dyDescent="0.25">
      <c r="A49241" t="s">
        <v>67498</v>
      </c>
      <c r="B49241" t="s">
        <v>2651</v>
      </c>
      <c r="C49241">
        <v>0</v>
      </c>
      <c r="D49241">
        <v>0</v>
      </c>
    </row>
    <row r="49242" spans="1:4" x14ac:dyDescent="0.25">
      <c r="A49242" t="s">
        <v>67503</v>
      </c>
      <c r="B49242" t="s">
        <v>67504</v>
      </c>
      <c r="C49242">
        <v>1</v>
      </c>
      <c r="D49242">
        <v>0</v>
      </c>
    </row>
    <row r="49243" spans="1:4" x14ac:dyDescent="0.25">
      <c r="A49243" t="s">
        <v>67503</v>
      </c>
      <c r="B49243" t="s">
        <v>67505</v>
      </c>
      <c r="C49243">
        <v>0</v>
      </c>
      <c r="D49243">
        <v>0</v>
      </c>
    </row>
    <row r="49244" spans="1:4" x14ac:dyDescent="0.25">
      <c r="A49244" t="s">
        <v>67503</v>
      </c>
      <c r="B49244" t="s">
        <v>67506</v>
      </c>
      <c r="C49244">
        <v>0</v>
      </c>
      <c r="D49244">
        <v>0</v>
      </c>
    </row>
    <row r="49245" spans="1:4" x14ac:dyDescent="0.25">
      <c r="A49245" t="s">
        <v>67503</v>
      </c>
      <c r="B49245" t="s">
        <v>67507</v>
      </c>
      <c r="C49245">
        <v>2</v>
      </c>
      <c r="D49245">
        <v>0</v>
      </c>
    </row>
    <row r="49246" spans="1:4" x14ac:dyDescent="0.25">
      <c r="A49246" t="s">
        <v>67508</v>
      </c>
      <c r="B49246" t="s">
        <v>67509</v>
      </c>
      <c r="C49246">
        <v>1</v>
      </c>
      <c r="D49246">
        <v>0</v>
      </c>
    </row>
    <row r="49247" spans="1:4" x14ac:dyDescent="0.25">
      <c r="A49247" t="s">
        <v>67508</v>
      </c>
      <c r="B49247" t="s">
        <v>67510</v>
      </c>
      <c r="C49247">
        <v>0</v>
      </c>
      <c r="D49247">
        <v>0</v>
      </c>
    </row>
    <row r="49248" spans="1:4" x14ac:dyDescent="0.25">
      <c r="A49248" t="s">
        <v>67511</v>
      </c>
      <c r="B49248" t="s">
        <v>67512</v>
      </c>
      <c r="C49248">
        <v>1</v>
      </c>
      <c r="D49248">
        <v>0</v>
      </c>
    </row>
    <row r="49249" spans="1:4" x14ac:dyDescent="0.25">
      <c r="A49249" t="s">
        <v>67511</v>
      </c>
      <c r="B49249" t="s">
        <v>67513</v>
      </c>
      <c r="C49249">
        <v>2</v>
      </c>
      <c r="D49249">
        <v>0</v>
      </c>
    </row>
    <row r="49250" spans="1:4" x14ac:dyDescent="0.25">
      <c r="A49250" t="s">
        <v>67511</v>
      </c>
      <c r="B49250" t="s">
        <v>21395</v>
      </c>
      <c r="C49250">
        <v>1</v>
      </c>
      <c r="D49250">
        <v>0</v>
      </c>
    </row>
    <row r="49251" spans="1:4" x14ac:dyDescent="0.25">
      <c r="A49251" t="s">
        <v>67511</v>
      </c>
      <c r="B49251" t="s">
        <v>67514</v>
      </c>
      <c r="C49251">
        <v>1</v>
      </c>
      <c r="D49251">
        <v>0</v>
      </c>
    </row>
    <row r="49252" spans="1:4" x14ac:dyDescent="0.25">
      <c r="A49252" t="s">
        <v>67511</v>
      </c>
      <c r="B49252" t="s">
        <v>67515</v>
      </c>
      <c r="C49252">
        <v>1</v>
      </c>
      <c r="D49252">
        <v>0</v>
      </c>
    </row>
    <row r="49253" spans="1:4" x14ac:dyDescent="0.25">
      <c r="A49253" t="s">
        <v>67511</v>
      </c>
      <c r="B49253" t="s">
        <v>67516</v>
      </c>
      <c r="C49253">
        <v>1</v>
      </c>
      <c r="D49253">
        <v>0</v>
      </c>
    </row>
    <row r="49254" spans="1:4" x14ac:dyDescent="0.25">
      <c r="A49254" t="s">
        <v>67517</v>
      </c>
      <c r="B49254" t="s">
        <v>67518</v>
      </c>
      <c r="C49254">
        <v>0</v>
      </c>
      <c r="D49254">
        <v>0</v>
      </c>
    </row>
    <row r="49255" spans="1:4" x14ac:dyDescent="0.25">
      <c r="A49255" t="s">
        <v>67517</v>
      </c>
      <c r="B49255" t="s">
        <v>67519</v>
      </c>
      <c r="C49255">
        <v>0</v>
      </c>
      <c r="D49255">
        <v>0</v>
      </c>
    </row>
    <row r="49256" spans="1:4" x14ac:dyDescent="0.25">
      <c r="A49256" t="s">
        <v>67517</v>
      </c>
      <c r="B49256" t="s">
        <v>57022</v>
      </c>
      <c r="C49256">
        <v>1</v>
      </c>
      <c r="D49256">
        <v>0</v>
      </c>
    </row>
    <row r="49257" spans="1:4" x14ac:dyDescent="0.25">
      <c r="A49257" t="s">
        <v>67517</v>
      </c>
      <c r="B49257" t="s">
        <v>67520</v>
      </c>
      <c r="C49257">
        <v>0</v>
      </c>
      <c r="D49257">
        <v>0</v>
      </c>
    </row>
    <row r="49258" spans="1:4" x14ac:dyDescent="0.25">
      <c r="A49258" t="s">
        <v>67517</v>
      </c>
      <c r="B49258" t="s">
        <v>67521</v>
      </c>
      <c r="C49258">
        <v>1</v>
      </c>
      <c r="D49258">
        <v>0</v>
      </c>
    </row>
    <row r="49259" spans="1:4" x14ac:dyDescent="0.25">
      <c r="A49259" t="s">
        <v>67522</v>
      </c>
      <c r="B49259" t="s">
        <v>37351</v>
      </c>
      <c r="C49259">
        <v>1</v>
      </c>
      <c r="D49259">
        <v>0</v>
      </c>
    </row>
    <row r="49260" spans="1:4" x14ac:dyDescent="0.25">
      <c r="A49260" t="s">
        <v>67522</v>
      </c>
      <c r="B49260" t="s">
        <v>67523</v>
      </c>
      <c r="C49260">
        <v>0</v>
      </c>
      <c r="D49260">
        <v>0</v>
      </c>
    </row>
    <row r="49261" spans="1:4" x14ac:dyDescent="0.25">
      <c r="A49261" t="s">
        <v>67522</v>
      </c>
      <c r="B49261" t="s">
        <v>67524</v>
      </c>
      <c r="C49261">
        <v>1</v>
      </c>
      <c r="D49261">
        <v>0</v>
      </c>
    </row>
    <row r="49262" spans="1:4" x14ac:dyDescent="0.25">
      <c r="A49262" t="s">
        <v>67522</v>
      </c>
      <c r="B49262" t="s">
        <v>67525</v>
      </c>
      <c r="C49262">
        <v>1</v>
      </c>
      <c r="D49262">
        <v>0</v>
      </c>
    </row>
    <row r="49263" spans="1:4" x14ac:dyDescent="0.25">
      <c r="A49263" t="s">
        <v>67522</v>
      </c>
      <c r="B49263" t="s">
        <v>67526</v>
      </c>
      <c r="C49263">
        <v>1</v>
      </c>
      <c r="D49263">
        <v>0</v>
      </c>
    </row>
    <row r="49264" spans="1:4" x14ac:dyDescent="0.25">
      <c r="A49264" t="s">
        <v>67527</v>
      </c>
      <c r="B49264" t="s">
        <v>67528</v>
      </c>
      <c r="C49264">
        <v>1</v>
      </c>
      <c r="D49264">
        <v>0</v>
      </c>
    </row>
    <row r="49265" spans="1:4" x14ac:dyDescent="0.25">
      <c r="A49265" t="s">
        <v>67527</v>
      </c>
      <c r="B49265" t="s">
        <v>67529</v>
      </c>
      <c r="C49265">
        <v>1</v>
      </c>
      <c r="D49265">
        <v>0</v>
      </c>
    </row>
    <row r="49266" spans="1:4" x14ac:dyDescent="0.25">
      <c r="A49266" t="s">
        <v>67527</v>
      </c>
      <c r="B49266" t="s">
        <v>67530</v>
      </c>
      <c r="C49266">
        <v>1</v>
      </c>
      <c r="D49266">
        <v>0</v>
      </c>
    </row>
    <row r="49267" spans="1:4" x14ac:dyDescent="0.25">
      <c r="A49267" t="s">
        <v>67527</v>
      </c>
      <c r="B49267" t="s">
        <v>67531</v>
      </c>
      <c r="C49267">
        <v>0</v>
      </c>
      <c r="D49267">
        <v>0</v>
      </c>
    </row>
    <row r="49268" spans="1:4" x14ac:dyDescent="0.25">
      <c r="A49268" t="s">
        <v>67532</v>
      </c>
      <c r="B49268" t="s">
        <v>67533</v>
      </c>
      <c r="C49268">
        <v>0</v>
      </c>
      <c r="D49268">
        <v>0</v>
      </c>
    </row>
    <row r="49269" spans="1:4" x14ac:dyDescent="0.25">
      <c r="A49269" t="s">
        <v>67532</v>
      </c>
      <c r="B49269" t="s">
        <v>56597</v>
      </c>
      <c r="C49269">
        <v>0</v>
      </c>
      <c r="D49269">
        <v>0</v>
      </c>
    </row>
    <row r="49270" spans="1:4" x14ac:dyDescent="0.25">
      <c r="A49270" t="s">
        <v>67532</v>
      </c>
      <c r="B49270" t="s">
        <v>67534</v>
      </c>
      <c r="C49270">
        <v>1</v>
      </c>
      <c r="D49270">
        <v>0</v>
      </c>
    </row>
    <row r="49271" spans="1:4" x14ac:dyDescent="0.25">
      <c r="A49271" t="s">
        <v>67535</v>
      </c>
      <c r="B49271" t="s">
        <v>67536</v>
      </c>
      <c r="C49271">
        <v>0</v>
      </c>
      <c r="D49271">
        <v>0</v>
      </c>
    </row>
    <row r="49272" spans="1:4" x14ac:dyDescent="0.25">
      <c r="A49272" t="s">
        <v>67535</v>
      </c>
      <c r="B49272" t="s">
        <v>67537</v>
      </c>
      <c r="C49272">
        <v>0</v>
      </c>
      <c r="D49272">
        <v>0</v>
      </c>
    </row>
    <row r="49273" spans="1:4" x14ac:dyDescent="0.25">
      <c r="A49273" t="s">
        <v>67535</v>
      </c>
      <c r="B49273" t="s">
        <v>67538</v>
      </c>
      <c r="C49273">
        <v>2</v>
      </c>
      <c r="D49273">
        <v>0</v>
      </c>
    </row>
    <row r="49274" spans="1:4" x14ac:dyDescent="0.25">
      <c r="A49274" t="s">
        <v>67539</v>
      </c>
      <c r="B49274" t="s">
        <v>67540</v>
      </c>
      <c r="C49274">
        <v>1</v>
      </c>
      <c r="D49274">
        <v>0</v>
      </c>
    </row>
    <row r="49275" spans="1:4" x14ac:dyDescent="0.25">
      <c r="A49275" t="s">
        <v>67539</v>
      </c>
      <c r="B49275" t="s">
        <v>67541</v>
      </c>
      <c r="C49275">
        <v>1</v>
      </c>
      <c r="D49275">
        <v>0</v>
      </c>
    </row>
    <row r="49276" spans="1:4" x14ac:dyDescent="0.25">
      <c r="A49276" t="s">
        <v>67539</v>
      </c>
      <c r="B49276" t="s">
        <v>67542</v>
      </c>
      <c r="C49276">
        <v>1</v>
      </c>
      <c r="D49276">
        <v>0</v>
      </c>
    </row>
    <row r="49277" spans="1:4" x14ac:dyDescent="0.25">
      <c r="A49277" t="s">
        <v>67539</v>
      </c>
      <c r="B49277" t="s">
        <v>67543</v>
      </c>
      <c r="C49277">
        <v>0</v>
      </c>
      <c r="D49277">
        <v>0</v>
      </c>
    </row>
    <row r="49278" spans="1:4" x14ac:dyDescent="0.25">
      <c r="A49278" t="s">
        <v>67539</v>
      </c>
      <c r="B49278" t="s">
        <v>67544</v>
      </c>
      <c r="C49278">
        <v>1</v>
      </c>
      <c r="D49278">
        <v>0</v>
      </c>
    </row>
    <row r="49279" spans="1:4" x14ac:dyDescent="0.25">
      <c r="A49279" t="s">
        <v>67539</v>
      </c>
      <c r="B49279" t="s">
        <v>46090</v>
      </c>
      <c r="C49279">
        <v>0</v>
      </c>
      <c r="D49279">
        <v>0</v>
      </c>
    </row>
    <row r="49280" spans="1:4" x14ac:dyDescent="0.25">
      <c r="A49280" t="s">
        <v>67539</v>
      </c>
      <c r="B49280" t="s">
        <v>67545</v>
      </c>
      <c r="C49280">
        <v>1</v>
      </c>
      <c r="D49280">
        <v>0</v>
      </c>
    </row>
    <row r="49281" spans="1:4" x14ac:dyDescent="0.25">
      <c r="A49281" t="s">
        <v>67539</v>
      </c>
      <c r="B49281" t="s">
        <v>67546</v>
      </c>
      <c r="C49281">
        <v>0</v>
      </c>
      <c r="D49281">
        <v>0</v>
      </c>
    </row>
    <row r="49282" spans="1:4" x14ac:dyDescent="0.25">
      <c r="A49282" t="s">
        <v>67539</v>
      </c>
      <c r="B49282" t="s">
        <v>67547</v>
      </c>
      <c r="C49282">
        <v>2</v>
      </c>
      <c r="D49282">
        <v>0</v>
      </c>
    </row>
    <row r="49283" spans="1:4" x14ac:dyDescent="0.25">
      <c r="A49283" t="s">
        <v>67548</v>
      </c>
      <c r="B49283" t="s">
        <v>67549</v>
      </c>
      <c r="C49283">
        <v>1</v>
      </c>
      <c r="D49283">
        <v>0</v>
      </c>
    </row>
    <row r="49284" spans="1:4" x14ac:dyDescent="0.25">
      <c r="A49284" t="s">
        <v>67550</v>
      </c>
      <c r="B49284" t="s">
        <v>67551</v>
      </c>
      <c r="C49284">
        <v>2</v>
      </c>
      <c r="D49284">
        <v>0</v>
      </c>
    </row>
    <row r="49285" spans="1:4" x14ac:dyDescent="0.25">
      <c r="A49285" t="s">
        <v>67550</v>
      </c>
      <c r="B49285" t="s">
        <v>2651</v>
      </c>
      <c r="C49285">
        <v>0</v>
      </c>
      <c r="D49285">
        <v>0</v>
      </c>
    </row>
    <row r="49286" spans="1:4" x14ac:dyDescent="0.25">
      <c r="A49286" t="s">
        <v>67550</v>
      </c>
      <c r="B49286" t="s">
        <v>67552</v>
      </c>
      <c r="C49286">
        <v>1</v>
      </c>
      <c r="D49286">
        <v>0</v>
      </c>
    </row>
    <row r="49287" spans="1:4" x14ac:dyDescent="0.25">
      <c r="A49287" t="s">
        <v>67553</v>
      </c>
      <c r="B49287" t="s">
        <v>67554</v>
      </c>
      <c r="C49287">
        <v>1</v>
      </c>
      <c r="D49287">
        <v>0</v>
      </c>
    </row>
    <row r="49288" spans="1:4" x14ac:dyDescent="0.25">
      <c r="A49288" t="s">
        <v>67553</v>
      </c>
      <c r="B49288" t="s">
        <v>67555</v>
      </c>
      <c r="C49288">
        <v>1</v>
      </c>
      <c r="D49288">
        <v>0</v>
      </c>
    </row>
    <row r="49289" spans="1:4" x14ac:dyDescent="0.25">
      <c r="A49289" t="s">
        <v>67553</v>
      </c>
      <c r="B49289" t="s">
        <v>67556</v>
      </c>
      <c r="C49289">
        <v>1</v>
      </c>
      <c r="D49289">
        <v>0</v>
      </c>
    </row>
    <row r="49290" spans="1:4" x14ac:dyDescent="0.25">
      <c r="A49290" t="s">
        <v>67553</v>
      </c>
      <c r="B49290" t="s">
        <v>67557</v>
      </c>
      <c r="C49290">
        <v>1</v>
      </c>
      <c r="D49290">
        <v>0</v>
      </c>
    </row>
    <row r="49291" spans="1:4" x14ac:dyDescent="0.25">
      <c r="A49291" t="s">
        <v>67558</v>
      </c>
      <c r="B49291" t="s">
        <v>67559</v>
      </c>
      <c r="C49291">
        <v>1</v>
      </c>
      <c r="D49291">
        <v>0</v>
      </c>
    </row>
    <row r="49292" spans="1:4" x14ac:dyDescent="0.25">
      <c r="A49292" t="s">
        <v>67558</v>
      </c>
      <c r="B49292" t="s">
        <v>67560</v>
      </c>
      <c r="C49292">
        <v>1</v>
      </c>
      <c r="D49292">
        <v>0</v>
      </c>
    </row>
    <row r="49293" spans="1:4" x14ac:dyDescent="0.25">
      <c r="A49293" t="s">
        <v>67558</v>
      </c>
      <c r="B49293" t="s">
        <v>67561</v>
      </c>
      <c r="C49293">
        <v>2</v>
      </c>
      <c r="D49293">
        <v>0</v>
      </c>
    </row>
    <row r="49294" spans="1:4" x14ac:dyDescent="0.25">
      <c r="A49294" t="s">
        <v>67558</v>
      </c>
      <c r="B49294" t="s">
        <v>67562</v>
      </c>
      <c r="C49294">
        <v>1</v>
      </c>
      <c r="D49294">
        <v>0</v>
      </c>
    </row>
    <row r="49295" spans="1:4" x14ac:dyDescent="0.25">
      <c r="A49295" t="s">
        <v>67563</v>
      </c>
      <c r="B49295" t="s">
        <v>67564</v>
      </c>
      <c r="C49295">
        <v>1</v>
      </c>
      <c r="D49295">
        <v>0</v>
      </c>
    </row>
    <row r="49296" spans="1:4" x14ac:dyDescent="0.25">
      <c r="A49296" t="s">
        <v>67565</v>
      </c>
      <c r="B49296" t="s">
        <v>67566</v>
      </c>
      <c r="C49296">
        <v>1</v>
      </c>
      <c r="D49296">
        <v>0</v>
      </c>
    </row>
    <row r="49297" spans="1:4" x14ac:dyDescent="0.25">
      <c r="A49297" t="s">
        <v>67565</v>
      </c>
      <c r="B49297" t="s">
        <v>67567</v>
      </c>
      <c r="C49297">
        <v>0</v>
      </c>
      <c r="D49297">
        <v>0</v>
      </c>
    </row>
    <row r="49298" spans="1:4" x14ac:dyDescent="0.25">
      <c r="A49298" t="s">
        <v>67565</v>
      </c>
      <c r="B49298" t="s">
        <v>67568</v>
      </c>
      <c r="C49298">
        <v>2</v>
      </c>
      <c r="D49298">
        <v>0</v>
      </c>
    </row>
    <row r="49299" spans="1:4" x14ac:dyDescent="0.25">
      <c r="A49299" t="s">
        <v>67569</v>
      </c>
      <c r="B49299" t="s">
        <v>4929</v>
      </c>
      <c r="C49299">
        <v>0</v>
      </c>
      <c r="D49299">
        <v>0</v>
      </c>
    </row>
    <row r="49300" spans="1:4" x14ac:dyDescent="0.25">
      <c r="A49300" t="s">
        <v>67569</v>
      </c>
      <c r="B49300" t="s">
        <v>67570</v>
      </c>
      <c r="C49300">
        <v>2</v>
      </c>
      <c r="D49300">
        <v>0</v>
      </c>
    </row>
    <row r="49301" spans="1:4" x14ac:dyDescent="0.25">
      <c r="A49301" t="s">
        <v>67569</v>
      </c>
      <c r="B49301" t="s">
        <v>67571</v>
      </c>
      <c r="C49301">
        <v>2</v>
      </c>
      <c r="D49301">
        <v>0</v>
      </c>
    </row>
    <row r="49302" spans="1:4" x14ac:dyDescent="0.25">
      <c r="A49302" t="s">
        <v>67569</v>
      </c>
      <c r="B49302" t="s">
        <v>67572</v>
      </c>
      <c r="C49302">
        <v>2</v>
      </c>
      <c r="D49302">
        <v>0</v>
      </c>
    </row>
    <row r="49303" spans="1:4" x14ac:dyDescent="0.25">
      <c r="A49303" t="s">
        <v>67573</v>
      </c>
      <c r="B49303" t="s">
        <v>67574</v>
      </c>
      <c r="C49303">
        <v>2</v>
      </c>
      <c r="D49303">
        <v>0</v>
      </c>
    </row>
    <row r="49304" spans="1:4" x14ac:dyDescent="0.25">
      <c r="A49304" t="s">
        <v>67573</v>
      </c>
      <c r="B49304" t="s">
        <v>67575</v>
      </c>
      <c r="C49304">
        <v>1</v>
      </c>
      <c r="D49304">
        <v>0</v>
      </c>
    </row>
    <row r="49305" spans="1:4" x14ac:dyDescent="0.25">
      <c r="A49305" t="s">
        <v>67573</v>
      </c>
      <c r="B49305" t="s">
        <v>67576</v>
      </c>
      <c r="C49305">
        <v>0</v>
      </c>
      <c r="D49305">
        <v>0</v>
      </c>
    </row>
    <row r="49306" spans="1:4" x14ac:dyDescent="0.25">
      <c r="A49306" t="s">
        <v>67573</v>
      </c>
      <c r="B49306" t="s">
        <v>67577</v>
      </c>
      <c r="C49306">
        <v>0</v>
      </c>
      <c r="D49306">
        <v>0</v>
      </c>
    </row>
    <row r="49307" spans="1:4" x14ac:dyDescent="0.25">
      <c r="A49307" t="s">
        <v>67578</v>
      </c>
      <c r="B49307" t="s">
        <v>67579</v>
      </c>
      <c r="C49307">
        <v>1</v>
      </c>
      <c r="D49307">
        <v>0</v>
      </c>
    </row>
    <row r="49308" spans="1:4" x14ac:dyDescent="0.25">
      <c r="A49308" t="s">
        <v>67578</v>
      </c>
      <c r="B49308" t="s">
        <v>67580</v>
      </c>
      <c r="C49308">
        <v>1</v>
      </c>
      <c r="D49308">
        <v>0</v>
      </c>
    </row>
    <row r="49309" spans="1:4" x14ac:dyDescent="0.25">
      <c r="A49309" t="s">
        <v>67578</v>
      </c>
      <c r="B49309" t="s">
        <v>67581</v>
      </c>
      <c r="C49309">
        <v>0</v>
      </c>
      <c r="D49309">
        <v>0</v>
      </c>
    </row>
    <row r="49310" spans="1:4" x14ac:dyDescent="0.25">
      <c r="A49310" t="s">
        <v>67578</v>
      </c>
      <c r="B49310" t="s">
        <v>67582</v>
      </c>
      <c r="C49310">
        <v>2</v>
      </c>
      <c r="D49310">
        <v>0</v>
      </c>
    </row>
    <row r="49311" spans="1:4" x14ac:dyDescent="0.25">
      <c r="A49311" t="s">
        <v>67583</v>
      </c>
      <c r="B49311" t="s">
        <v>67584</v>
      </c>
      <c r="C49311">
        <v>2</v>
      </c>
      <c r="D49311">
        <v>0</v>
      </c>
    </row>
    <row r="49312" spans="1:4" x14ac:dyDescent="0.25">
      <c r="A49312" t="s">
        <v>67583</v>
      </c>
      <c r="B49312" t="s">
        <v>67585</v>
      </c>
      <c r="C49312">
        <v>1</v>
      </c>
      <c r="D49312">
        <v>0</v>
      </c>
    </row>
    <row r="49313" spans="1:4" x14ac:dyDescent="0.25">
      <c r="A49313" t="s">
        <v>67583</v>
      </c>
      <c r="B49313" t="s">
        <v>67586</v>
      </c>
      <c r="C49313">
        <v>1</v>
      </c>
      <c r="D49313">
        <v>0</v>
      </c>
    </row>
    <row r="49314" spans="1:4" x14ac:dyDescent="0.25">
      <c r="A49314" t="s">
        <v>67583</v>
      </c>
      <c r="B49314" t="s">
        <v>67587</v>
      </c>
      <c r="C49314">
        <v>1</v>
      </c>
      <c r="D49314">
        <v>0</v>
      </c>
    </row>
    <row r="49315" spans="1:4" x14ac:dyDescent="0.25">
      <c r="A49315" t="s">
        <v>67588</v>
      </c>
      <c r="B49315" t="s">
        <v>67589</v>
      </c>
      <c r="C49315">
        <v>1</v>
      </c>
      <c r="D49315">
        <v>0</v>
      </c>
    </row>
    <row r="49316" spans="1:4" x14ac:dyDescent="0.25">
      <c r="A49316" t="s">
        <v>67588</v>
      </c>
      <c r="B49316" t="s">
        <v>67590</v>
      </c>
      <c r="C49316">
        <v>1</v>
      </c>
      <c r="D49316">
        <v>0</v>
      </c>
    </row>
    <row r="49317" spans="1:4" x14ac:dyDescent="0.25">
      <c r="A49317" t="s">
        <v>67588</v>
      </c>
      <c r="B49317" t="s">
        <v>67591</v>
      </c>
      <c r="C49317">
        <v>1</v>
      </c>
      <c r="D49317">
        <v>0</v>
      </c>
    </row>
    <row r="49318" spans="1:4" x14ac:dyDescent="0.25">
      <c r="A49318" t="s">
        <v>67588</v>
      </c>
      <c r="B49318" t="s">
        <v>67592</v>
      </c>
      <c r="C49318">
        <v>1</v>
      </c>
      <c r="D49318">
        <v>0</v>
      </c>
    </row>
    <row r="49319" spans="1:4" x14ac:dyDescent="0.25">
      <c r="A49319" t="s">
        <v>67588</v>
      </c>
      <c r="B49319" t="s">
        <v>67593</v>
      </c>
      <c r="C49319">
        <v>1</v>
      </c>
      <c r="D49319">
        <v>0</v>
      </c>
    </row>
    <row r="49320" spans="1:4" x14ac:dyDescent="0.25">
      <c r="A49320" t="s">
        <v>67594</v>
      </c>
      <c r="B49320" t="s">
        <v>67595</v>
      </c>
      <c r="C49320">
        <v>1</v>
      </c>
      <c r="D49320">
        <v>0</v>
      </c>
    </row>
    <row r="49321" spans="1:4" x14ac:dyDescent="0.25">
      <c r="A49321" t="s">
        <v>67594</v>
      </c>
      <c r="B49321" t="s">
        <v>67596</v>
      </c>
      <c r="C49321">
        <v>1</v>
      </c>
      <c r="D49321">
        <v>0</v>
      </c>
    </row>
    <row r="49322" spans="1:4" x14ac:dyDescent="0.25">
      <c r="A49322" t="s">
        <v>67594</v>
      </c>
      <c r="B49322" t="s">
        <v>67597</v>
      </c>
      <c r="C49322">
        <v>1</v>
      </c>
      <c r="D49322">
        <v>0</v>
      </c>
    </row>
    <row r="49323" spans="1:4" x14ac:dyDescent="0.25">
      <c r="A49323" t="s">
        <v>67594</v>
      </c>
      <c r="B49323" t="s">
        <v>67598</v>
      </c>
      <c r="C49323">
        <v>2</v>
      </c>
      <c r="D49323">
        <v>0</v>
      </c>
    </row>
    <row r="49324" spans="1:4" x14ac:dyDescent="0.25">
      <c r="A49324" t="s">
        <v>67594</v>
      </c>
      <c r="B49324" t="s">
        <v>67599</v>
      </c>
      <c r="C49324">
        <v>1</v>
      </c>
      <c r="D49324">
        <v>0</v>
      </c>
    </row>
    <row r="49325" spans="1:4" x14ac:dyDescent="0.25">
      <c r="A49325" t="s">
        <v>67594</v>
      </c>
      <c r="B49325" t="s">
        <v>67600</v>
      </c>
      <c r="C49325">
        <v>1</v>
      </c>
      <c r="D49325">
        <v>0</v>
      </c>
    </row>
    <row r="49326" spans="1:4" x14ac:dyDescent="0.25">
      <c r="A49326" t="s">
        <v>67601</v>
      </c>
      <c r="B49326" t="s">
        <v>67602</v>
      </c>
      <c r="C49326">
        <v>0</v>
      </c>
      <c r="D49326">
        <v>0</v>
      </c>
    </row>
    <row r="49327" spans="1:4" x14ac:dyDescent="0.25">
      <c r="A49327" t="s">
        <v>67603</v>
      </c>
      <c r="B49327" t="s">
        <v>67604</v>
      </c>
      <c r="C49327">
        <v>0</v>
      </c>
      <c r="D49327">
        <v>0</v>
      </c>
    </row>
    <row r="49328" spans="1:4" x14ac:dyDescent="0.25">
      <c r="A49328" t="s">
        <v>67603</v>
      </c>
      <c r="B49328" t="s">
        <v>67605</v>
      </c>
      <c r="C49328">
        <v>0</v>
      </c>
      <c r="D49328">
        <v>0</v>
      </c>
    </row>
    <row r="49329" spans="1:4" x14ac:dyDescent="0.25">
      <c r="A49329" t="s">
        <v>67603</v>
      </c>
      <c r="B49329" t="s">
        <v>67606</v>
      </c>
      <c r="C49329">
        <v>1</v>
      </c>
      <c r="D49329">
        <v>0</v>
      </c>
    </row>
    <row r="49330" spans="1:4" x14ac:dyDescent="0.25">
      <c r="A49330" t="s">
        <v>67603</v>
      </c>
      <c r="B49330" t="s">
        <v>67607</v>
      </c>
      <c r="C49330">
        <v>1</v>
      </c>
      <c r="D49330">
        <v>0</v>
      </c>
    </row>
    <row r="49331" spans="1:4" x14ac:dyDescent="0.25">
      <c r="A49331" t="s">
        <v>67603</v>
      </c>
      <c r="B49331" t="s">
        <v>67608</v>
      </c>
      <c r="C49331">
        <v>0</v>
      </c>
      <c r="D49331">
        <v>0</v>
      </c>
    </row>
    <row r="49332" spans="1:4" x14ac:dyDescent="0.25">
      <c r="A49332" t="s">
        <v>67603</v>
      </c>
      <c r="B49332" t="s">
        <v>67609</v>
      </c>
      <c r="C49332">
        <v>1</v>
      </c>
      <c r="D49332">
        <v>0</v>
      </c>
    </row>
    <row r="49333" spans="1:4" x14ac:dyDescent="0.25">
      <c r="A49333" t="s">
        <v>67610</v>
      </c>
      <c r="B49333" t="s">
        <v>67611</v>
      </c>
      <c r="C49333">
        <v>1</v>
      </c>
      <c r="D49333">
        <v>0</v>
      </c>
    </row>
    <row r="49334" spans="1:4" x14ac:dyDescent="0.25">
      <c r="A49334" t="s">
        <v>67610</v>
      </c>
      <c r="B49334" t="s">
        <v>67612</v>
      </c>
      <c r="C49334">
        <v>0</v>
      </c>
      <c r="D49334">
        <v>0</v>
      </c>
    </row>
    <row r="49335" spans="1:4" x14ac:dyDescent="0.25">
      <c r="A49335" t="s">
        <v>67610</v>
      </c>
      <c r="B49335" t="s">
        <v>67613</v>
      </c>
      <c r="C49335">
        <v>2</v>
      </c>
      <c r="D49335">
        <v>0</v>
      </c>
    </row>
    <row r="49336" spans="1:4" x14ac:dyDescent="0.25">
      <c r="A49336" t="s">
        <v>67614</v>
      </c>
      <c r="B49336" t="s">
        <v>67615</v>
      </c>
      <c r="C49336">
        <v>1</v>
      </c>
      <c r="D49336">
        <v>0</v>
      </c>
    </row>
    <row r="49337" spans="1:4" x14ac:dyDescent="0.25">
      <c r="A49337" t="s">
        <v>67616</v>
      </c>
      <c r="B49337" t="s">
        <v>46484</v>
      </c>
      <c r="C49337">
        <v>1</v>
      </c>
      <c r="D49337">
        <v>0</v>
      </c>
    </row>
    <row r="49338" spans="1:4" x14ac:dyDescent="0.25">
      <c r="A49338" t="s">
        <v>67616</v>
      </c>
      <c r="B49338" t="s">
        <v>67617</v>
      </c>
      <c r="C49338">
        <v>0</v>
      </c>
      <c r="D49338">
        <v>0</v>
      </c>
    </row>
    <row r="49339" spans="1:4" x14ac:dyDescent="0.25">
      <c r="A49339" t="s">
        <v>67616</v>
      </c>
      <c r="B49339" t="s">
        <v>67618</v>
      </c>
      <c r="C49339">
        <v>0</v>
      </c>
      <c r="D49339">
        <v>0</v>
      </c>
    </row>
    <row r="49340" spans="1:4" x14ac:dyDescent="0.25">
      <c r="A49340" t="s">
        <v>67616</v>
      </c>
      <c r="B49340" t="s">
        <v>24359</v>
      </c>
      <c r="C49340">
        <v>1</v>
      </c>
      <c r="D49340">
        <v>0</v>
      </c>
    </row>
    <row r="49341" spans="1:4" x14ac:dyDescent="0.25">
      <c r="A49341" t="s">
        <v>67616</v>
      </c>
      <c r="B49341" t="s">
        <v>67619</v>
      </c>
      <c r="C49341">
        <v>1</v>
      </c>
      <c r="D49341">
        <v>0</v>
      </c>
    </row>
    <row r="49342" spans="1:4" x14ac:dyDescent="0.25">
      <c r="A49342" t="s">
        <v>67620</v>
      </c>
      <c r="B49342" t="s">
        <v>67621</v>
      </c>
      <c r="C49342">
        <v>0</v>
      </c>
      <c r="D49342">
        <v>0</v>
      </c>
    </row>
    <row r="49343" spans="1:4" x14ac:dyDescent="0.25">
      <c r="A49343" t="s">
        <v>67620</v>
      </c>
      <c r="B49343" t="s">
        <v>67622</v>
      </c>
      <c r="C49343">
        <v>0</v>
      </c>
      <c r="D49343">
        <v>0</v>
      </c>
    </row>
    <row r="49344" spans="1:4" x14ac:dyDescent="0.25">
      <c r="A49344" t="s">
        <v>67620</v>
      </c>
      <c r="B49344" t="s">
        <v>67623</v>
      </c>
      <c r="C49344">
        <v>1</v>
      </c>
      <c r="D49344">
        <v>0</v>
      </c>
    </row>
    <row r="49345" spans="1:4" x14ac:dyDescent="0.25">
      <c r="A49345" t="s">
        <v>67624</v>
      </c>
      <c r="B49345" t="s">
        <v>67625</v>
      </c>
      <c r="C49345">
        <v>1</v>
      </c>
      <c r="D49345">
        <v>0</v>
      </c>
    </row>
    <row r="49346" spans="1:4" x14ac:dyDescent="0.25">
      <c r="A49346" t="s">
        <v>67624</v>
      </c>
      <c r="B49346" t="s">
        <v>67626</v>
      </c>
      <c r="C49346">
        <v>1</v>
      </c>
      <c r="D49346">
        <v>0</v>
      </c>
    </row>
    <row r="49347" spans="1:4" x14ac:dyDescent="0.25">
      <c r="A49347" t="s">
        <v>67624</v>
      </c>
      <c r="B49347" t="s">
        <v>5713</v>
      </c>
      <c r="C49347">
        <v>1</v>
      </c>
      <c r="D49347">
        <v>0</v>
      </c>
    </row>
    <row r="49348" spans="1:4" x14ac:dyDescent="0.25">
      <c r="A49348" t="s">
        <v>67624</v>
      </c>
      <c r="B49348" t="s">
        <v>63157</v>
      </c>
      <c r="C49348">
        <v>0</v>
      </c>
      <c r="D49348">
        <v>0</v>
      </c>
    </row>
    <row r="49349" spans="1:4" x14ac:dyDescent="0.25">
      <c r="A49349" t="s">
        <v>67624</v>
      </c>
      <c r="B49349" t="s">
        <v>67627</v>
      </c>
      <c r="C49349">
        <v>2</v>
      </c>
      <c r="D49349">
        <v>0</v>
      </c>
    </row>
    <row r="49350" spans="1:4" x14ac:dyDescent="0.25">
      <c r="A49350" t="s">
        <v>67624</v>
      </c>
      <c r="B49350" t="s">
        <v>67628</v>
      </c>
      <c r="C49350">
        <v>1</v>
      </c>
      <c r="D49350">
        <v>0</v>
      </c>
    </row>
    <row r="49351" spans="1:4" x14ac:dyDescent="0.25">
      <c r="A49351" t="s">
        <v>67624</v>
      </c>
      <c r="B49351" t="s">
        <v>67629</v>
      </c>
      <c r="C49351">
        <v>1</v>
      </c>
      <c r="D49351">
        <v>0</v>
      </c>
    </row>
    <row r="49352" spans="1:4" x14ac:dyDescent="0.25">
      <c r="A49352" t="s">
        <v>67630</v>
      </c>
      <c r="B49352" t="s">
        <v>67631</v>
      </c>
      <c r="C49352">
        <v>2</v>
      </c>
      <c r="D49352">
        <v>0</v>
      </c>
    </row>
    <row r="49353" spans="1:4" x14ac:dyDescent="0.25">
      <c r="A49353" t="s">
        <v>67630</v>
      </c>
      <c r="B49353" t="s">
        <v>67632</v>
      </c>
      <c r="C49353">
        <v>1</v>
      </c>
      <c r="D49353">
        <v>0</v>
      </c>
    </row>
    <row r="49354" spans="1:4" x14ac:dyDescent="0.25">
      <c r="A49354" t="s">
        <v>67630</v>
      </c>
      <c r="B49354" t="s">
        <v>67633</v>
      </c>
      <c r="C49354">
        <v>1</v>
      </c>
      <c r="D49354">
        <v>0</v>
      </c>
    </row>
    <row r="49355" spans="1:4" x14ac:dyDescent="0.25">
      <c r="A49355" t="s">
        <v>67630</v>
      </c>
      <c r="B49355" t="s">
        <v>67634</v>
      </c>
      <c r="C49355">
        <v>1</v>
      </c>
      <c r="D49355">
        <v>0</v>
      </c>
    </row>
    <row r="49356" spans="1:4" x14ac:dyDescent="0.25">
      <c r="A49356" t="s">
        <v>67635</v>
      </c>
      <c r="B49356" t="s">
        <v>67636</v>
      </c>
      <c r="C49356">
        <v>2</v>
      </c>
      <c r="D49356">
        <v>0</v>
      </c>
    </row>
    <row r="49357" spans="1:4" x14ac:dyDescent="0.25">
      <c r="A49357" t="s">
        <v>67635</v>
      </c>
      <c r="B49357" t="s">
        <v>67637</v>
      </c>
      <c r="C49357">
        <v>2</v>
      </c>
      <c r="D49357">
        <v>0</v>
      </c>
    </row>
    <row r="49358" spans="1:4" x14ac:dyDescent="0.25">
      <c r="A49358" t="s">
        <v>67638</v>
      </c>
      <c r="B49358" t="s">
        <v>67639</v>
      </c>
      <c r="C49358">
        <v>1</v>
      </c>
      <c r="D49358">
        <v>0</v>
      </c>
    </row>
    <row r="49359" spans="1:4" x14ac:dyDescent="0.25">
      <c r="A49359" t="s">
        <v>67638</v>
      </c>
      <c r="B49359" t="s">
        <v>67640</v>
      </c>
      <c r="C49359">
        <v>2</v>
      </c>
      <c r="D49359">
        <v>0</v>
      </c>
    </row>
    <row r="49360" spans="1:4" x14ac:dyDescent="0.25">
      <c r="A49360" t="s">
        <v>67638</v>
      </c>
      <c r="B49360" t="s">
        <v>67641</v>
      </c>
      <c r="C49360">
        <v>1</v>
      </c>
      <c r="D49360">
        <v>0</v>
      </c>
    </row>
    <row r="49361" spans="1:4" x14ac:dyDescent="0.25">
      <c r="A49361" t="s">
        <v>67638</v>
      </c>
      <c r="B49361" t="s">
        <v>67642</v>
      </c>
      <c r="C49361">
        <v>1</v>
      </c>
      <c r="D49361">
        <v>0</v>
      </c>
    </row>
    <row r="49362" spans="1:4" x14ac:dyDescent="0.25">
      <c r="A49362" t="s">
        <v>67643</v>
      </c>
      <c r="B49362" t="s">
        <v>67644</v>
      </c>
      <c r="C49362">
        <v>1</v>
      </c>
      <c r="D49362">
        <v>0</v>
      </c>
    </row>
    <row r="49363" spans="1:4" x14ac:dyDescent="0.25">
      <c r="A49363" t="s">
        <v>67643</v>
      </c>
      <c r="B49363" t="s">
        <v>67645</v>
      </c>
      <c r="C49363">
        <v>1</v>
      </c>
      <c r="D49363">
        <v>0</v>
      </c>
    </row>
    <row r="49364" spans="1:4" x14ac:dyDescent="0.25">
      <c r="A49364" t="s">
        <v>67646</v>
      </c>
      <c r="B49364" t="s">
        <v>67647</v>
      </c>
      <c r="C49364">
        <v>1</v>
      </c>
      <c r="D49364">
        <v>0</v>
      </c>
    </row>
    <row r="49365" spans="1:4" x14ac:dyDescent="0.25">
      <c r="A49365" t="s">
        <v>67646</v>
      </c>
      <c r="B49365" t="s">
        <v>67648</v>
      </c>
      <c r="C49365">
        <v>1</v>
      </c>
      <c r="D49365">
        <v>0</v>
      </c>
    </row>
    <row r="49366" spans="1:4" x14ac:dyDescent="0.25">
      <c r="A49366" t="s">
        <v>67646</v>
      </c>
      <c r="B49366" t="s">
        <v>67649</v>
      </c>
      <c r="C49366">
        <v>1</v>
      </c>
      <c r="D49366">
        <v>0</v>
      </c>
    </row>
    <row r="49367" spans="1:4" x14ac:dyDescent="0.25">
      <c r="A49367" t="s">
        <v>67646</v>
      </c>
      <c r="B49367" t="s">
        <v>48863</v>
      </c>
      <c r="C49367">
        <v>1</v>
      </c>
      <c r="D49367">
        <v>0</v>
      </c>
    </row>
    <row r="49368" spans="1:4" x14ac:dyDescent="0.25">
      <c r="A49368" t="s">
        <v>67646</v>
      </c>
      <c r="B49368" t="s">
        <v>67650</v>
      </c>
      <c r="C49368">
        <v>2</v>
      </c>
      <c r="D49368">
        <v>0</v>
      </c>
    </row>
    <row r="49369" spans="1:4" x14ac:dyDescent="0.25">
      <c r="A49369" t="s">
        <v>67646</v>
      </c>
      <c r="B49369" t="s">
        <v>5713</v>
      </c>
      <c r="C49369">
        <v>1</v>
      </c>
      <c r="D49369">
        <v>0</v>
      </c>
    </row>
    <row r="49370" spans="1:4" x14ac:dyDescent="0.25">
      <c r="A49370" t="s">
        <v>67646</v>
      </c>
      <c r="B49370" t="s">
        <v>67651</v>
      </c>
      <c r="C49370">
        <v>1</v>
      </c>
      <c r="D49370">
        <v>0</v>
      </c>
    </row>
    <row r="49371" spans="1:4" x14ac:dyDescent="0.25">
      <c r="A49371" t="s">
        <v>67646</v>
      </c>
      <c r="B49371" t="s">
        <v>67652</v>
      </c>
      <c r="C49371">
        <v>2</v>
      </c>
      <c r="D49371">
        <v>0</v>
      </c>
    </row>
    <row r="49372" spans="1:4" x14ac:dyDescent="0.25">
      <c r="A49372" t="s">
        <v>67653</v>
      </c>
      <c r="B49372" t="s">
        <v>67654</v>
      </c>
      <c r="C49372">
        <v>1</v>
      </c>
      <c r="D49372">
        <v>0</v>
      </c>
    </row>
    <row r="49373" spans="1:4" x14ac:dyDescent="0.25">
      <c r="A49373" t="s">
        <v>67653</v>
      </c>
      <c r="B49373" t="s">
        <v>67655</v>
      </c>
      <c r="C49373">
        <v>0</v>
      </c>
      <c r="D49373">
        <v>0</v>
      </c>
    </row>
    <row r="49374" spans="1:4" x14ac:dyDescent="0.25">
      <c r="A49374" t="s">
        <v>67653</v>
      </c>
      <c r="B49374" t="s">
        <v>67656</v>
      </c>
      <c r="C49374">
        <v>1</v>
      </c>
      <c r="D49374">
        <v>0</v>
      </c>
    </row>
    <row r="49375" spans="1:4" x14ac:dyDescent="0.25">
      <c r="A49375" t="s">
        <v>67653</v>
      </c>
      <c r="B49375" t="s">
        <v>67657</v>
      </c>
      <c r="C49375">
        <v>1</v>
      </c>
      <c r="D49375">
        <v>0</v>
      </c>
    </row>
    <row r="49376" spans="1:4" x14ac:dyDescent="0.25">
      <c r="A49376" t="s">
        <v>67658</v>
      </c>
      <c r="B49376" t="s">
        <v>67659</v>
      </c>
      <c r="C49376">
        <v>0</v>
      </c>
      <c r="D49376">
        <v>0</v>
      </c>
    </row>
    <row r="49377" spans="1:4" x14ac:dyDescent="0.25">
      <c r="A49377" t="s">
        <v>67658</v>
      </c>
      <c r="B49377" t="s">
        <v>67660</v>
      </c>
      <c r="C49377">
        <v>1</v>
      </c>
      <c r="D49377">
        <v>0</v>
      </c>
    </row>
    <row r="49378" spans="1:4" x14ac:dyDescent="0.25">
      <c r="A49378" t="s">
        <v>67658</v>
      </c>
      <c r="B49378" t="s">
        <v>67661</v>
      </c>
      <c r="C49378">
        <v>0</v>
      </c>
      <c r="D49378">
        <v>0</v>
      </c>
    </row>
    <row r="49379" spans="1:4" x14ac:dyDescent="0.25">
      <c r="A49379" t="s">
        <v>67662</v>
      </c>
      <c r="B49379" t="s">
        <v>67663</v>
      </c>
      <c r="C49379">
        <v>0</v>
      </c>
      <c r="D49379">
        <v>0</v>
      </c>
    </row>
    <row r="49380" spans="1:4" x14ac:dyDescent="0.25">
      <c r="A49380" t="s">
        <v>67662</v>
      </c>
      <c r="B49380" t="s">
        <v>67664</v>
      </c>
      <c r="C49380">
        <v>0</v>
      </c>
      <c r="D49380">
        <v>0</v>
      </c>
    </row>
    <row r="49381" spans="1:4" x14ac:dyDescent="0.25">
      <c r="A49381" t="s">
        <v>67662</v>
      </c>
      <c r="B49381" t="s">
        <v>67665</v>
      </c>
      <c r="C49381">
        <v>0</v>
      </c>
      <c r="D49381">
        <v>0</v>
      </c>
    </row>
    <row r="49382" spans="1:4" x14ac:dyDescent="0.25">
      <c r="A49382" t="s">
        <v>67662</v>
      </c>
      <c r="B49382" t="s">
        <v>67666</v>
      </c>
      <c r="C49382">
        <v>0</v>
      </c>
      <c r="D49382">
        <v>0</v>
      </c>
    </row>
    <row r="49383" spans="1:4" x14ac:dyDescent="0.25">
      <c r="A49383" t="s">
        <v>67662</v>
      </c>
      <c r="B49383" t="s">
        <v>67667</v>
      </c>
      <c r="C49383">
        <v>0</v>
      </c>
      <c r="D49383">
        <v>0</v>
      </c>
    </row>
    <row r="49384" spans="1:4" x14ac:dyDescent="0.25">
      <c r="A49384" t="s">
        <v>67662</v>
      </c>
      <c r="B49384" t="s">
        <v>67668</v>
      </c>
      <c r="C49384">
        <v>0</v>
      </c>
      <c r="D49384">
        <v>0</v>
      </c>
    </row>
    <row r="49385" spans="1:4" x14ac:dyDescent="0.25">
      <c r="A49385" t="s">
        <v>67662</v>
      </c>
      <c r="B49385" t="s">
        <v>67669</v>
      </c>
      <c r="C49385">
        <v>1</v>
      </c>
      <c r="D49385">
        <v>0</v>
      </c>
    </row>
    <row r="49386" spans="1:4" x14ac:dyDescent="0.25">
      <c r="A49386" t="s">
        <v>67662</v>
      </c>
      <c r="B49386" t="s">
        <v>67670</v>
      </c>
      <c r="C49386">
        <v>0</v>
      </c>
      <c r="D49386">
        <v>0</v>
      </c>
    </row>
    <row r="49387" spans="1:4" x14ac:dyDescent="0.25">
      <c r="A49387" t="s">
        <v>67671</v>
      </c>
      <c r="B49387" t="s">
        <v>67672</v>
      </c>
      <c r="C49387">
        <v>1</v>
      </c>
      <c r="D49387">
        <v>0</v>
      </c>
    </row>
    <row r="49388" spans="1:4" x14ac:dyDescent="0.25">
      <c r="A49388" t="s">
        <v>67671</v>
      </c>
      <c r="B49388" t="s">
        <v>67673</v>
      </c>
      <c r="C49388">
        <v>0</v>
      </c>
      <c r="D49388">
        <v>0</v>
      </c>
    </row>
    <row r="49389" spans="1:4" x14ac:dyDescent="0.25">
      <c r="A49389" t="s">
        <v>67671</v>
      </c>
      <c r="B49389" t="s">
        <v>67674</v>
      </c>
      <c r="C49389">
        <v>2</v>
      </c>
      <c r="D49389">
        <v>0</v>
      </c>
    </row>
    <row r="49390" spans="1:4" x14ac:dyDescent="0.25">
      <c r="A49390" t="s">
        <v>67671</v>
      </c>
      <c r="B49390" t="s">
        <v>67675</v>
      </c>
      <c r="C49390">
        <v>1</v>
      </c>
      <c r="D49390">
        <v>0</v>
      </c>
    </row>
    <row r="49391" spans="1:4" x14ac:dyDescent="0.25">
      <c r="A49391" t="s">
        <v>67671</v>
      </c>
      <c r="B49391" t="s">
        <v>67676</v>
      </c>
      <c r="C49391">
        <v>0</v>
      </c>
      <c r="D49391">
        <v>0</v>
      </c>
    </row>
    <row r="49392" spans="1:4" x14ac:dyDescent="0.25">
      <c r="A49392" t="s">
        <v>67671</v>
      </c>
      <c r="B49392" t="s">
        <v>67677</v>
      </c>
      <c r="C49392">
        <v>1</v>
      </c>
      <c r="D49392">
        <v>0</v>
      </c>
    </row>
    <row r="49393" spans="1:4" x14ac:dyDescent="0.25">
      <c r="A49393" t="s">
        <v>67671</v>
      </c>
      <c r="B49393" t="s">
        <v>67678</v>
      </c>
      <c r="C49393">
        <v>2</v>
      </c>
      <c r="D49393">
        <v>0</v>
      </c>
    </row>
    <row r="49394" spans="1:4" x14ac:dyDescent="0.25">
      <c r="A49394" t="s">
        <v>67679</v>
      </c>
      <c r="B49394" t="s">
        <v>22326</v>
      </c>
      <c r="C49394">
        <v>1</v>
      </c>
      <c r="D49394">
        <v>0</v>
      </c>
    </row>
    <row r="49395" spans="1:4" x14ac:dyDescent="0.25">
      <c r="A49395" t="s">
        <v>67679</v>
      </c>
      <c r="B49395" t="s">
        <v>67680</v>
      </c>
      <c r="C49395">
        <v>1</v>
      </c>
      <c r="D49395">
        <v>0</v>
      </c>
    </row>
    <row r="49396" spans="1:4" x14ac:dyDescent="0.25">
      <c r="A49396" t="s">
        <v>67679</v>
      </c>
      <c r="B49396" t="s">
        <v>67681</v>
      </c>
      <c r="C49396">
        <v>1</v>
      </c>
      <c r="D49396">
        <v>0</v>
      </c>
    </row>
    <row r="49397" spans="1:4" x14ac:dyDescent="0.25">
      <c r="A49397" t="s">
        <v>67679</v>
      </c>
      <c r="B49397" t="s">
        <v>67682</v>
      </c>
      <c r="C49397">
        <v>1</v>
      </c>
      <c r="D49397">
        <v>0</v>
      </c>
    </row>
    <row r="49398" spans="1:4" x14ac:dyDescent="0.25">
      <c r="A49398" t="s">
        <v>67679</v>
      </c>
      <c r="B49398" t="s">
        <v>67683</v>
      </c>
      <c r="C49398">
        <v>0</v>
      </c>
      <c r="D49398">
        <v>0</v>
      </c>
    </row>
    <row r="49399" spans="1:4" x14ac:dyDescent="0.25">
      <c r="A49399" t="s">
        <v>67679</v>
      </c>
      <c r="B49399" t="s">
        <v>67684</v>
      </c>
      <c r="C49399">
        <v>1</v>
      </c>
      <c r="D49399">
        <v>0</v>
      </c>
    </row>
    <row r="49400" spans="1:4" x14ac:dyDescent="0.25">
      <c r="A49400" t="s">
        <v>67685</v>
      </c>
      <c r="B49400" t="s">
        <v>67686</v>
      </c>
      <c r="C49400">
        <v>2</v>
      </c>
      <c r="D49400">
        <v>0</v>
      </c>
    </row>
    <row r="49401" spans="1:4" x14ac:dyDescent="0.25">
      <c r="A49401" t="s">
        <v>67685</v>
      </c>
      <c r="B49401" t="s">
        <v>49794</v>
      </c>
      <c r="C49401">
        <v>1</v>
      </c>
      <c r="D49401">
        <v>0</v>
      </c>
    </row>
    <row r="49402" spans="1:4" x14ac:dyDescent="0.25">
      <c r="A49402" t="s">
        <v>67685</v>
      </c>
      <c r="B49402" t="s">
        <v>67687</v>
      </c>
      <c r="C49402">
        <v>0</v>
      </c>
      <c r="D49402">
        <v>0</v>
      </c>
    </row>
    <row r="49403" spans="1:4" x14ac:dyDescent="0.25">
      <c r="A49403" t="s">
        <v>67685</v>
      </c>
      <c r="B49403" t="s">
        <v>67688</v>
      </c>
      <c r="C49403">
        <v>0</v>
      </c>
      <c r="D49403">
        <v>0</v>
      </c>
    </row>
    <row r="49404" spans="1:4" x14ac:dyDescent="0.25">
      <c r="A49404" t="s">
        <v>67685</v>
      </c>
      <c r="B49404" t="s">
        <v>67689</v>
      </c>
      <c r="C49404">
        <v>0</v>
      </c>
      <c r="D49404">
        <v>0</v>
      </c>
    </row>
    <row r="49405" spans="1:4" x14ac:dyDescent="0.25">
      <c r="A49405" t="s">
        <v>67685</v>
      </c>
      <c r="B49405" t="s">
        <v>67690</v>
      </c>
      <c r="C49405">
        <v>1</v>
      </c>
      <c r="D49405">
        <v>0</v>
      </c>
    </row>
    <row r="49406" spans="1:4" x14ac:dyDescent="0.25">
      <c r="A49406" t="s">
        <v>67691</v>
      </c>
      <c r="B49406" t="s">
        <v>67692</v>
      </c>
      <c r="C49406">
        <v>1</v>
      </c>
      <c r="D49406">
        <v>0</v>
      </c>
    </row>
    <row r="49407" spans="1:4" x14ac:dyDescent="0.25">
      <c r="A49407" t="s">
        <v>67691</v>
      </c>
      <c r="B49407" t="s">
        <v>67693</v>
      </c>
      <c r="C49407">
        <v>1</v>
      </c>
      <c r="D49407">
        <v>0</v>
      </c>
    </row>
    <row r="49408" spans="1:4" x14ac:dyDescent="0.25">
      <c r="A49408" t="s">
        <v>67691</v>
      </c>
      <c r="B49408" t="s">
        <v>67694</v>
      </c>
      <c r="C49408">
        <v>0</v>
      </c>
      <c r="D49408">
        <v>0</v>
      </c>
    </row>
    <row r="49409" spans="1:4" x14ac:dyDescent="0.25">
      <c r="A49409" t="s">
        <v>67691</v>
      </c>
      <c r="B49409" t="s">
        <v>67695</v>
      </c>
      <c r="C49409">
        <v>0</v>
      </c>
      <c r="D49409">
        <v>0</v>
      </c>
    </row>
    <row r="49410" spans="1:4" x14ac:dyDescent="0.25">
      <c r="A49410" t="s">
        <v>67691</v>
      </c>
      <c r="B49410" t="s">
        <v>67696</v>
      </c>
      <c r="C49410">
        <v>0</v>
      </c>
      <c r="D49410">
        <v>0</v>
      </c>
    </row>
    <row r="49411" spans="1:4" x14ac:dyDescent="0.25">
      <c r="A49411" t="s">
        <v>67697</v>
      </c>
      <c r="B49411" t="s">
        <v>67698</v>
      </c>
      <c r="C49411">
        <v>2</v>
      </c>
      <c r="D49411">
        <v>0</v>
      </c>
    </row>
    <row r="49412" spans="1:4" x14ac:dyDescent="0.25">
      <c r="A49412" t="s">
        <v>67697</v>
      </c>
      <c r="B49412" t="s">
        <v>67699</v>
      </c>
      <c r="C49412">
        <v>2</v>
      </c>
      <c r="D49412">
        <v>0</v>
      </c>
    </row>
    <row r="49413" spans="1:4" x14ac:dyDescent="0.25">
      <c r="A49413" t="s">
        <v>67697</v>
      </c>
      <c r="B49413" t="s">
        <v>67700</v>
      </c>
      <c r="C49413">
        <v>1</v>
      </c>
      <c r="D49413">
        <v>0</v>
      </c>
    </row>
    <row r="49414" spans="1:4" x14ac:dyDescent="0.25">
      <c r="A49414" t="s">
        <v>67697</v>
      </c>
      <c r="B49414" t="s">
        <v>67701</v>
      </c>
      <c r="C49414">
        <v>2</v>
      </c>
      <c r="D49414">
        <v>0</v>
      </c>
    </row>
    <row r="49415" spans="1:4" x14ac:dyDescent="0.25">
      <c r="A49415" t="s">
        <v>67702</v>
      </c>
      <c r="B49415" t="s">
        <v>67703</v>
      </c>
      <c r="C49415">
        <v>1</v>
      </c>
      <c r="D49415">
        <v>0</v>
      </c>
    </row>
    <row r="49416" spans="1:4" x14ac:dyDescent="0.25">
      <c r="A49416" t="s">
        <v>67702</v>
      </c>
      <c r="B49416" t="s">
        <v>67704</v>
      </c>
      <c r="C49416">
        <v>0</v>
      </c>
      <c r="D49416">
        <v>0</v>
      </c>
    </row>
    <row r="49417" spans="1:4" x14ac:dyDescent="0.25">
      <c r="A49417" t="s">
        <v>67702</v>
      </c>
      <c r="B49417" t="s">
        <v>67705</v>
      </c>
      <c r="C49417">
        <v>1</v>
      </c>
      <c r="D49417">
        <v>0</v>
      </c>
    </row>
    <row r="49418" spans="1:4" x14ac:dyDescent="0.25">
      <c r="A49418" t="s">
        <v>67702</v>
      </c>
      <c r="B49418" t="s">
        <v>67706</v>
      </c>
      <c r="C49418">
        <v>0</v>
      </c>
      <c r="D49418">
        <v>0</v>
      </c>
    </row>
    <row r="49419" spans="1:4" x14ac:dyDescent="0.25">
      <c r="A49419" t="s">
        <v>67707</v>
      </c>
      <c r="B49419" t="s">
        <v>67708</v>
      </c>
      <c r="C49419">
        <v>0</v>
      </c>
      <c r="D49419">
        <v>0</v>
      </c>
    </row>
    <row r="49420" spans="1:4" x14ac:dyDescent="0.25">
      <c r="A49420" t="s">
        <v>67707</v>
      </c>
      <c r="B49420" t="s">
        <v>67709</v>
      </c>
      <c r="C49420">
        <v>0</v>
      </c>
      <c r="D49420">
        <v>0</v>
      </c>
    </row>
    <row r="49421" spans="1:4" x14ac:dyDescent="0.25">
      <c r="A49421" t="s">
        <v>67710</v>
      </c>
      <c r="B49421" t="s">
        <v>67711</v>
      </c>
      <c r="C49421">
        <v>0</v>
      </c>
      <c r="D49421">
        <v>0</v>
      </c>
    </row>
    <row r="49422" spans="1:4" x14ac:dyDescent="0.25">
      <c r="A49422" t="s">
        <v>67710</v>
      </c>
      <c r="B49422" t="s">
        <v>67712</v>
      </c>
      <c r="C49422">
        <v>0</v>
      </c>
      <c r="D49422">
        <v>0</v>
      </c>
    </row>
    <row r="49423" spans="1:4" x14ac:dyDescent="0.25">
      <c r="A49423" t="s">
        <v>67710</v>
      </c>
      <c r="B49423" t="s">
        <v>67713</v>
      </c>
      <c r="C49423">
        <v>1</v>
      </c>
      <c r="D49423">
        <v>0</v>
      </c>
    </row>
    <row r="49424" spans="1:4" x14ac:dyDescent="0.25">
      <c r="A49424" t="s">
        <v>67710</v>
      </c>
      <c r="B49424" t="s">
        <v>67714</v>
      </c>
      <c r="C49424">
        <v>0</v>
      </c>
      <c r="D49424">
        <v>0</v>
      </c>
    </row>
    <row r="49425" spans="1:4" x14ac:dyDescent="0.25">
      <c r="A49425" t="s">
        <v>67710</v>
      </c>
      <c r="B49425" t="s">
        <v>67715</v>
      </c>
      <c r="C49425">
        <v>0</v>
      </c>
      <c r="D49425">
        <v>0</v>
      </c>
    </row>
    <row r="49426" spans="1:4" x14ac:dyDescent="0.25">
      <c r="A49426" t="s">
        <v>67716</v>
      </c>
      <c r="B49426" t="s">
        <v>6420</v>
      </c>
      <c r="C49426">
        <v>1</v>
      </c>
      <c r="D49426">
        <v>0</v>
      </c>
    </row>
    <row r="49427" spans="1:4" x14ac:dyDescent="0.25">
      <c r="A49427" t="s">
        <v>67716</v>
      </c>
      <c r="B49427" t="s">
        <v>67717</v>
      </c>
      <c r="C49427">
        <v>1</v>
      </c>
      <c r="D49427">
        <v>0</v>
      </c>
    </row>
    <row r="49428" spans="1:4" x14ac:dyDescent="0.25">
      <c r="A49428" t="s">
        <v>67716</v>
      </c>
      <c r="B49428" t="s">
        <v>8120</v>
      </c>
      <c r="C49428">
        <v>1</v>
      </c>
      <c r="D49428">
        <v>0</v>
      </c>
    </row>
    <row r="49429" spans="1:4" x14ac:dyDescent="0.25">
      <c r="A49429" t="s">
        <v>67716</v>
      </c>
      <c r="B49429" t="s">
        <v>67718</v>
      </c>
      <c r="C49429">
        <v>2</v>
      </c>
      <c r="D49429">
        <v>0</v>
      </c>
    </row>
    <row r="49430" spans="1:4" x14ac:dyDescent="0.25">
      <c r="A49430" t="s">
        <v>67716</v>
      </c>
      <c r="B49430" t="s">
        <v>67719</v>
      </c>
      <c r="C49430">
        <v>2</v>
      </c>
      <c r="D49430">
        <v>0</v>
      </c>
    </row>
    <row r="49431" spans="1:4" x14ac:dyDescent="0.25">
      <c r="A49431" t="s">
        <v>67720</v>
      </c>
      <c r="B49431" t="s">
        <v>67721</v>
      </c>
      <c r="C49431">
        <v>1</v>
      </c>
      <c r="D49431">
        <v>0</v>
      </c>
    </row>
    <row r="49432" spans="1:4" x14ac:dyDescent="0.25">
      <c r="A49432" t="s">
        <v>67720</v>
      </c>
      <c r="B49432" t="s">
        <v>56012</v>
      </c>
      <c r="C49432">
        <v>2</v>
      </c>
      <c r="D49432">
        <v>0</v>
      </c>
    </row>
    <row r="49433" spans="1:4" x14ac:dyDescent="0.25">
      <c r="A49433" t="s">
        <v>67720</v>
      </c>
      <c r="B49433" t="s">
        <v>67722</v>
      </c>
      <c r="C49433">
        <v>1</v>
      </c>
      <c r="D49433">
        <v>0</v>
      </c>
    </row>
    <row r="49434" spans="1:4" x14ac:dyDescent="0.25">
      <c r="A49434" t="s">
        <v>67720</v>
      </c>
      <c r="B49434" t="s">
        <v>2865</v>
      </c>
      <c r="C49434">
        <v>0</v>
      </c>
      <c r="D49434">
        <v>0</v>
      </c>
    </row>
    <row r="49435" spans="1:4" x14ac:dyDescent="0.25">
      <c r="A49435" t="s">
        <v>67720</v>
      </c>
      <c r="B49435" t="s">
        <v>67723</v>
      </c>
      <c r="C49435">
        <v>0</v>
      </c>
      <c r="D49435">
        <v>0</v>
      </c>
    </row>
    <row r="49436" spans="1:4" x14ac:dyDescent="0.25">
      <c r="A49436" t="s">
        <v>67724</v>
      </c>
      <c r="B49436" t="s">
        <v>67725</v>
      </c>
      <c r="C49436">
        <v>2</v>
      </c>
      <c r="D49436">
        <v>0</v>
      </c>
    </row>
    <row r="49437" spans="1:4" x14ac:dyDescent="0.25">
      <c r="A49437" t="s">
        <v>67724</v>
      </c>
      <c r="B49437" t="s">
        <v>67726</v>
      </c>
      <c r="C49437">
        <v>1</v>
      </c>
      <c r="D49437">
        <v>0</v>
      </c>
    </row>
    <row r="49438" spans="1:4" x14ac:dyDescent="0.25">
      <c r="A49438" t="s">
        <v>67724</v>
      </c>
      <c r="B49438" t="s">
        <v>5713</v>
      </c>
      <c r="C49438">
        <v>1</v>
      </c>
      <c r="D49438">
        <v>0</v>
      </c>
    </row>
    <row r="49439" spans="1:4" x14ac:dyDescent="0.25">
      <c r="A49439" t="s">
        <v>67724</v>
      </c>
      <c r="B49439" t="s">
        <v>67727</v>
      </c>
      <c r="C49439">
        <v>1</v>
      </c>
      <c r="D49439">
        <v>0</v>
      </c>
    </row>
    <row r="49440" spans="1:4" x14ac:dyDescent="0.25">
      <c r="A49440" t="s">
        <v>67728</v>
      </c>
      <c r="B49440" t="s">
        <v>67729</v>
      </c>
      <c r="C49440">
        <v>1</v>
      </c>
      <c r="D49440">
        <v>0</v>
      </c>
    </row>
    <row r="49441" spans="1:4" x14ac:dyDescent="0.25">
      <c r="A49441" t="s">
        <v>67728</v>
      </c>
      <c r="B49441" t="s">
        <v>67730</v>
      </c>
      <c r="C49441">
        <v>1</v>
      </c>
      <c r="D49441">
        <v>0</v>
      </c>
    </row>
    <row r="49442" spans="1:4" x14ac:dyDescent="0.25">
      <c r="A49442" t="s">
        <v>67728</v>
      </c>
      <c r="B49442" t="s">
        <v>62234</v>
      </c>
      <c r="C49442">
        <v>1</v>
      </c>
      <c r="D49442">
        <v>0</v>
      </c>
    </row>
    <row r="49443" spans="1:4" x14ac:dyDescent="0.25">
      <c r="A49443" t="s">
        <v>67728</v>
      </c>
      <c r="B49443" t="s">
        <v>67731</v>
      </c>
      <c r="C49443">
        <v>1</v>
      </c>
      <c r="D49443">
        <v>0</v>
      </c>
    </row>
    <row r="49444" spans="1:4" x14ac:dyDescent="0.25">
      <c r="A49444" t="s">
        <v>67728</v>
      </c>
      <c r="B49444" t="s">
        <v>67732</v>
      </c>
      <c r="C49444">
        <v>1</v>
      </c>
      <c r="D49444">
        <v>0</v>
      </c>
    </row>
    <row r="49445" spans="1:4" x14ac:dyDescent="0.25">
      <c r="A49445" t="s">
        <v>67733</v>
      </c>
      <c r="B49445" t="s">
        <v>67734</v>
      </c>
      <c r="C49445">
        <v>2</v>
      </c>
      <c r="D49445">
        <v>0</v>
      </c>
    </row>
    <row r="49446" spans="1:4" x14ac:dyDescent="0.25">
      <c r="A49446" t="s">
        <v>67733</v>
      </c>
      <c r="B49446" t="s">
        <v>67735</v>
      </c>
      <c r="C49446">
        <v>0</v>
      </c>
      <c r="D49446">
        <v>0</v>
      </c>
    </row>
    <row r="49447" spans="1:4" x14ac:dyDescent="0.25">
      <c r="A49447" t="s">
        <v>67736</v>
      </c>
      <c r="B49447" t="s">
        <v>67737</v>
      </c>
      <c r="C49447">
        <v>2</v>
      </c>
      <c r="D49447">
        <v>0</v>
      </c>
    </row>
    <row r="49448" spans="1:4" x14ac:dyDescent="0.25">
      <c r="A49448" t="s">
        <v>67736</v>
      </c>
      <c r="B49448" t="s">
        <v>67738</v>
      </c>
      <c r="C49448">
        <v>0</v>
      </c>
      <c r="D49448">
        <v>0</v>
      </c>
    </row>
    <row r="49449" spans="1:4" x14ac:dyDescent="0.25">
      <c r="A49449" t="s">
        <v>67736</v>
      </c>
      <c r="B49449" t="s">
        <v>67739</v>
      </c>
      <c r="C49449">
        <v>0</v>
      </c>
      <c r="D49449">
        <v>0</v>
      </c>
    </row>
    <row r="49450" spans="1:4" x14ac:dyDescent="0.25">
      <c r="A49450" t="s">
        <v>67736</v>
      </c>
      <c r="B49450" t="s">
        <v>67740</v>
      </c>
      <c r="C49450">
        <v>2</v>
      </c>
      <c r="D49450">
        <v>0</v>
      </c>
    </row>
    <row r="49451" spans="1:4" x14ac:dyDescent="0.25">
      <c r="A49451" t="s">
        <v>67736</v>
      </c>
      <c r="B49451" t="s">
        <v>67741</v>
      </c>
      <c r="C49451">
        <v>2</v>
      </c>
      <c r="D49451">
        <v>0</v>
      </c>
    </row>
    <row r="49452" spans="1:4" x14ac:dyDescent="0.25">
      <c r="A49452" t="s">
        <v>67742</v>
      </c>
      <c r="B49452" t="s">
        <v>67743</v>
      </c>
      <c r="C49452">
        <v>0</v>
      </c>
      <c r="D49452">
        <v>0</v>
      </c>
    </row>
    <row r="49453" spans="1:4" x14ac:dyDescent="0.25">
      <c r="A49453" t="s">
        <v>67742</v>
      </c>
      <c r="B49453" t="s">
        <v>67744</v>
      </c>
      <c r="C49453">
        <v>0</v>
      </c>
      <c r="D49453">
        <v>0</v>
      </c>
    </row>
    <row r="49454" spans="1:4" x14ac:dyDescent="0.25">
      <c r="A49454" t="s">
        <v>67742</v>
      </c>
      <c r="B49454" t="s">
        <v>67745</v>
      </c>
      <c r="C49454">
        <v>2</v>
      </c>
      <c r="D49454">
        <v>0</v>
      </c>
    </row>
    <row r="49455" spans="1:4" x14ac:dyDescent="0.25">
      <c r="A49455" t="s">
        <v>67742</v>
      </c>
      <c r="B49455" t="s">
        <v>67746</v>
      </c>
      <c r="C49455">
        <v>0</v>
      </c>
      <c r="D49455">
        <v>0</v>
      </c>
    </row>
    <row r="49456" spans="1:4" x14ac:dyDescent="0.25">
      <c r="A49456" t="s">
        <v>67747</v>
      </c>
      <c r="B49456" t="s">
        <v>67748</v>
      </c>
      <c r="C49456">
        <v>0</v>
      </c>
      <c r="D49456">
        <v>0</v>
      </c>
    </row>
    <row r="49457" spans="1:4" x14ac:dyDescent="0.25">
      <c r="A49457" t="s">
        <v>67747</v>
      </c>
      <c r="B49457" t="s">
        <v>67749</v>
      </c>
      <c r="C49457">
        <v>0</v>
      </c>
      <c r="D49457">
        <v>0</v>
      </c>
    </row>
    <row r="49458" spans="1:4" x14ac:dyDescent="0.25">
      <c r="A49458" t="s">
        <v>67747</v>
      </c>
      <c r="B49458" t="s">
        <v>67750</v>
      </c>
      <c r="C49458">
        <v>1</v>
      </c>
      <c r="D49458">
        <v>0</v>
      </c>
    </row>
    <row r="49459" spans="1:4" x14ac:dyDescent="0.25">
      <c r="A49459" t="s">
        <v>67747</v>
      </c>
      <c r="B49459" t="s">
        <v>67751</v>
      </c>
      <c r="C49459">
        <v>1</v>
      </c>
      <c r="D49459">
        <v>0</v>
      </c>
    </row>
    <row r="49460" spans="1:4" x14ac:dyDescent="0.25">
      <c r="A49460" t="s">
        <v>67752</v>
      </c>
      <c r="B49460" t="s">
        <v>67753</v>
      </c>
      <c r="C49460">
        <v>2</v>
      </c>
      <c r="D49460">
        <v>0</v>
      </c>
    </row>
    <row r="49461" spans="1:4" x14ac:dyDescent="0.25">
      <c r="A49461" t="s">
        <v>67752</v>
      </c>
      <c r="B49461" t="s">
        <v>67754</v>
      </c>
      <c r="C49461">
        <v>1</v>
      </c>
      <c r="D49461">
        <v>0</v>
      </c>
    </row>
    <row r="49462" spans="1:4" x14ac:dyDescent="0.25">
      <c r="A49462" t="s">
        <v>67752</v>
      </c>
      <c r="B49462" t="s">
        <v>67755</v>
      </c>
      <c r="C49462">
        <v>1</v>
      </c>
      <c r="D49462">
        <v>0</v>
      </c>
    </row>
    <row r="49463" spans="1:4" x14ac:dyDescent="0.25">
      <c r="A49463" t="s">
        <v>67756</v>
      </c>
      <c r="B49463" t="s">
        <v>67757</v>
      </c>
      <c r="C49463">
        <v>0</v>
      </c>
      <c r="D49463">
        <v>0</v>
      </c>
    </row>
    <row r="49464" spans="1:4" x14ac:dyDescent="0.25">
      <c r="A49464" t="s">
        <v>67756</v>
      </c>
      <c r="B49464" t="s">
        <v>67758</v>
      </c>
      <c r="C49464">
        <v>0</v>
      </c>
      <c r="D49464">
        <v>0</v>
      </c>
    </row>
    <row r="49465" spans="1:4" x14ac:dyDescent="0.25">
      <c r="A49465" t="s">
        <v>67756</v>
      </c>
      <c r="B49465" t="s">
        <v>67759</v>
      </c>
      <c r="C49465">
        <v>0</v>
      </c>
      <c r="D49465">
        <v>0</v>
      </c>
    </row>
    <row r="49466" spans="1:4" x14ac:dyDescent="0.25">
      <c r="A49466" t="s">
        <v>67756</v>
      </c>
      <c r="B49466" t="s">
        <v>67760</v>
      </c>
      <c r="C49466">
        <v>1</v>
      </c>
      <c r="D49466">
        <v>0</v>
      </c>
    </row>
    <row r="49467" spans="1:4" x14ac:dyDescent="0.25">
      <c r="A49467" t="s">
        <v>67761</v>
      </c>
      <c r="B49467" t="s">
        <v>67762</v>
      </c>
      <c r="C49467">
        <v>1</v>
      </c>
      <c r="D49467">
        <v>0</v>
      </c>
    </row>
    <row r="49468" spans="1:4" x14ac:dyDescent="0.25">
      <c r="A49468" t="s">
        <v>67761</v>
      </c>
      <c r="B49468" t="s">
        <v>67763</v>
      </c>
      <c r="C49468">
        <v>2</v>
      </c>
      <c r="D49468">
        <v>0</v>
      </c>
    </row>
    <row r="49469" spans="1:4" x14ac:dyDescent="0.25">
      <c r="A49469" t="s">
        <v>67761</v>
      </c>
      <c r="B49469" t="s">
        <v>67764</v>
      </c>
      <c r="C49469">
        <v>2</v>
      </c>
      <c r="D49469">
        <v>0</v>
      </c>
    </row>
    <row r="49470" spans="1:4" x14ac:dyDescent="0.25">
      <c r="A49470" t="s">
        <v>67761</v>
      </c>
      <c r="B49470" t="s">
        <v>67765</v>
      </c>
      <c r="C49470">
        <v>2</v>
      </c>
      <c r="D49470">
        <v>0</v>
      </c>
    </row>
    <row r="49471" spans="1:4" x14ac:dyDescent="0.25">
      <c r="A49471" t="s">
        <v>67761</v>
      </c>
      <c r="B49471" t="s">
        <v>67766</v>
      </c>
      <c r="C49471">
        <v>1</v>
      </c>
      <c r="D49471">
        <v>0</v>
      </c>
    </row>
    <row r="49472" spans="1:4" x14ac:dyDescent="0.25">
      <c r="A49472" t="s">
        <v>67761</v>
      </c>
      <c r="B49472" t="s">
        <v>67767</v>
      </c>
      <c r="C49472">
        <v>1</v>
      </c>
      <c r="D49472">
        <v>0</v>
      </c>
    </row>
    <row r="49473" spans="1:4" x14ac:dyDescent="0.25">
      <c r="A49473" t="s">
        <v>67761</v>
      </c>
      <c r="B49473" t="s">
        <v>5713</v>
      </c>
      <c r="C49473">
        <v>1</v>
      </c>
      <c r="D49473">
        <v>0</v>
      </c>
    </row>
    <row r="49474" spans="1:4" x14ac:dyDescent="0.25">
      <c r="A49474" t="s">
        <v>67761</v>
      </c>
      <c r="B49474" t="s">
        <v>67768</v>
      </c>
      <c r="C49474">
        <v>1</v>
      </c>
      <c r="D49474">
        <v>0</v>
      </c>
    </row>
    <row r="49475" spans="1:4" x14ac:dyDescent="0.25">
      <c r="A49475" t="s">
        <v>67769</v>
      </c>
      <c r="B49475" t="s">
        <v>67770</v>
      </c>
      <c r="C49475">
        <v>0</v>
      </c>
      <c r="D49475">
        <v>0</v>
      </c>
    </row>
    <row r="49476" spans="1:4" x14ac:dyDescent="0.25">
      <c r="A49476" t="s">
        <v>67769</v>
      </c>
      <c r="B49476" t="s">
        <v>67771</v>
      </c>
      <c r="C49476">
        <v>0</v>
      </c>
      <c r="D49476">
        <v>0</v>
      </c>
    </row>
    <row r="49477" spans="1:4" x14ac:dyDescent="0.25">
      <c r="A49477" t="s">
        <v>67769</v>
      </c>
      <c r="B49477" t="s">
        <v>67772</v>
      </c>
      <c r="C49477">
        <v>2</v>
      </c>
      <c r="D49477">
        <v>0</v>
      </c>
    </row>
    <row r="49478" spans="1:4" x14ac:dyDescent="0.25">
      <c r="A49478" t="s">
        <v>67769</v>
      </c>
      <c r="B49478" t="s">
        <v>67773</v>
      </c>
      <c r="C49478">
        <v>0</v>
      </c>
      <c r="D49478">
        <v>0</v>
      </c>
    </row>
    <row r="49479" spans="1:4" x14ac:dyDescent="0.25">
      <c r="A49479" t="s">
        <v>67769</v>
      </c>
      <c r="B49479" t="s">
        <v>67774</v>
      </c>
      <c r="C49479">
        <v>1</v>
      </c>
      <c r="D49479">
        <v>0</v>
      </c>
    </row>
    <row r="49480" spans="1:4" x14ac:dyDescent="0.25">
      <c r="A49480" t="s">
        <v>67769</v>
      </c>
      <c r="B49480" t="s">
        <v>67775</v>
      </c>
      <c r="C49480">
        <v>0</v>
      </c>
      <c r="D49480">
        <v>0</v>
      </c>
    </row>
    <row r="49481" spans="1:4" x14ac:dyDescent="0.25">
      <c r="A49481" t="s">
        <v>67769</v>
      </c>
      <c r="B49481" t="s">
        <v>67776</v>
      </c>
      <c r="C49481">
        <v>2</v>
      </c>
      <c r="D49481">
        <v>0</v>
      </c>
    </row>
    <row r="49482" spans="1:4" x14ac:dyDescent="0.25">
      <c r="A49482" t="s">
        <v>67777</v>
      </c>
      <c r="B49482" t="s">
        <v>67778</v>
      </c>
      <c r="C49482">
        <v>0</v>
      </c>
      <c r="D49482">
        <v>0</v>
      </c>
    </row>
    <row r="49483" spans="1:4" x14ac:dyDescent="0.25">
      <c r="A49483" t="s">
        <v>67777</v>
      </c>
      <c r="B49483" t="s">
        <v>67779</v>
      </c>
      <c r="C49483">
        <v>2</v>
      </c>
      <c r="D49483">
        <v>0</v>
      </c>
    </row>
    <row r="49484" spans="1:4" x14ac:dyDescent="0.25">
      <c r="A49484" t="s">
        <v>67777</v>
      </c>
      <c r="B49484" t="s">
        <v>67780</v>
      </c>
      <c r="C49484">
        <v>0</v>
      </c>
      <c r="D49484">
        <v>0</v>
      </c>
    </row>
    <row r="49485" spans="1:4" x14ac:dyDescent="0.25">
      <c r="A49485" t="s">
        <v>67781</v>
      </c>
      <c r="B49485" t="s">
        <v>67782</v>
      </c>
      <c r="C49485">
        <v>0</v>
      </c>
      <c r="D49485">
        <v>0</v>
      </c>
    </row>
    <row r="49486" spans="1:4" x14ac:dyDescent="0.25">
      <c r="A49486" t="s">
        <v>67781</v>
      </c>
      <c r="B49486" t="s">
        <v>67783</v>
      </c>
      <c r="C49486">
        <v>2</v>
      </c>
      <c r="D49486">
        <v>0</v>
      </c>
    </row>
    <row r="49487" spans="1:4" x14ac:dyDescent="0.25">
      <c r="A49487" t="s">
        <v>67781</v>
      </c>
      <c r="B49487" t="s">
        <v>67784</v>
      </c>
      <c r="C49487">
        <v>2</v>
      </c>
      <c r="D49487">
        <v>0</v>
      </c>
    </row>
    <row r="49488" spans="1:4" x14ac:dyDescent="0.25">
      <c r="A49488" t="s">
        <v>67785</v>
      </c>
      <c r="B49488" t="s">
        <v>67786</v>
      </c>
      <c r="C49488">
        <v>1</v>
      </c>
      <c r="D49488">
        <v>0</v>
      </c>
    </row>
    <row r="49489" spans="1:4" x14ac:dyDescent="0.25">
      <c r="A49489" t="s">
        <v>67785</v>
      </c>
      <c r="B49489" t="s">
        <v>67787</v>
      </c>
      <c r="C49489">
        <v>1</v>
      </c>
      <c r="D49489">
        <v>0</v>
      </c>
    </row>
    <row r="49490" spans="1:4" x14ac:dyDescent="0.25">
      <c r="A49490" t="s">
        <v>67788</v>
      </c>
      <c r="B49490" t="s">
        <v>67789</v>
      </c>
      <c r="C49490">
        <v>1</v>
      </c>
      <c r="D49490">
        <v>0</v>
      </c>
    </row>
    <row r="49491" spans="1:4" x14ac:dyDescent="0.25">
      <c r="A49491" t="s">
        <v>67788</v>
      </c>
      <c r="B49491" t="s">
        <v>67790</v>
      </c>
      <c r="C49491">
        <v>1</v>
      </c>
      <c r="D49491">
        <v>0</v>
      </c>
    </row>
    <row r="49492" spans="1:4" x14ac:dyDescent="0.25">
      <c r="A49492" t="s">
        <v>67788</v>
      </c>
      <c r="B49492" t="s">
        <v>1499</v>
      </c>
      <c r="C49492">
        <v>1</v>
      </c>
      <c r="D49492">
        <v>0</v>
      </c>
    </row>
    <row r="49493" spans="1:4" x14ac:dyDescent="0.25">
      <c r="A49493" t="s">
        <v>67788</v>
      </c>
      <c r="B49493" t="s">
        <v>67791</v>
      </c>
      <c r="C49493">
        <v>1</v>
      </c>
      <c r="D49493">
        <v>0</v>
      </c>
    </row>
    <row r="49494" spans="1:4" x14ac:dyDescent="0.25">
      <c r="A49494" t="s">
        <v>67788</v>
      </c>
      <c r="B49494" t="s">
        <v>67792</v>
      </c>
      <c r="C49494">
        <v>1</v>
      </c>
      <c r="D49494">
        <v>0</v>
      </c>
    </row>
    <row r="49495" spans="1:4" x14ac:dyDescent="0.25">
      <c r="A49495" t="s">
        <v>67793</v>
      </c>
      <c r="B49495" t="s">
        <v>11948</v>
      </c>
      <c r="C49495">
        <v>1</v>
      </c>
      <c r="D49495">
        <v>0</v>
      </c>
    </row>
    <row r="49496" spans="1:4" x14ac:dyDescent="0.25">
      <c r="A49496" t="s">
        <v>67794</v>
      </c>
      <c r="B49496" t="s">
        <v>67795</v>
      </c>
      <c r="C49496">
        <v>1</v>
      </c>
      <c r="D49496">
        <v>0</v>
      </c>
    </row>
    <row r="49497" spans="1:4" x14ac:dyDescent="0.25">
      <c r="A49497" t="s">
        <v>67794</v>
      </c>
      <c r="B49497" t="s">
        <v>67796</v>
      </c>
      <c r="C49497">
        <v>0</v>
      </c>
      <c r="D49497">
        <v>0</v>
      </c>
    </row>
    <row r="49498" spans="1:4" x14ac:dyDescent="0.25">
      <c r="A49498" t="s">
        <v>67794</v>
      </c>
      <c r="B49498" t="s">
        <v>67797</v>
      </c>
      <c r="C49498">
        <v>2</v>
      </c>
      <c r="D49498">
        <v>0</v>
      </c>
    </row>
    <row r="49499" spans="1:4" x14ac:dyDescent="0.25">
      <c r="A49499" t="s">
        <v>67794</v>
      </c>
      <c r="B49499" t="s">
        <v>67798</v>
      </c>
      <c r="C49499">
        <v>0</v>
      </c>
      <c r="D49499">
        <v>0</v>
      </c>
    </row>
    <row r="49500" spans="1:4" x14ac:dyDescent="0.25">
      <c r="A49500" t="s">
        <v>67794</v>
      </c>
      <c r="B49500" t="s">
        <v>67799</v>
      </c>
      <c r="C49500">
        <v>2</v>
      </c>
      <c r="D49500">
        <v>0</v>
      </c>
    </row>
    <row r="49501" spans="1:4" x14ac:dyDescent="0.25">
      <c r="A49501" t="s">
        <v>67800</v>
      </c>
      <c r="B49501" t="s">
        <v>67801</v>
      </c>
      <c r="C49501">
        <v>1</v>
      </c>
      <c r="D49501">
        <v>0</v>
      </c>
    </row>
    <row r="49502" spans="1:4" x14ac:dyDescent="0.25">
      <c r="A49502" t="s">
        <v>67800</v>
      </c>
      <c r="B49502" t="s">
        <v>67802</v>
      </c>
      <c r="C49502">
        <v>1</v>
      </c>
      <c r="D49502">
        <v>0</v>
      </c>
    </row>
    <row r="49503" spans="1:4" x14ac:dyDescent="0.25">
      <c r="A49503" t="s">
        <v>67800</v>
      </c>
      <c r="B49503" t="s">
        <v>67803</v>
      </c>
      <c r="C49503">
        <v>1</v>
      </c>
      <c r="D49503">
        <v>0</v>
      </c>
    </row>
    <row r="49504" spans="1:4" x14ac:dyDescent="0.25">
      <c r="A49504" t="s">
        <v>67800</v>
      </c>
      <c r="B49504" t="s">
        <v>67804</v>
      </c>
      <c r="C49504">
        <v>2</v>
      </c>
      <c r="D49504">
        <v>0</v>
      </c>
    </row>
    <row r="49505" spans="1:4" x14ac:dyDescent="0.25">
      <c r="A49505" t="s">
        <v>67805</v>
      </c>
      <c r="B49505" t="s">
        <v>67806</v>
      </c>
      <c r="C49505">
        <v>1</v>
      </c>
      <c r="D49505">
        <v>0</v>
      </c>
    </row>
    <row r="49506" spans="1:4" x14ac:dyDescent="0.25">
      <c r="A49506" t="s">
        <v>67805</v>
      </c>
      <c r="B49506" t="s">
        <v>67807</v>
      </c>
      <c r="C49506">
        <v>1</v>
      </c>
      <c r="D49506">
        <v>0</v>
      </c>
    </row>
    <row r="49507" spans="1:4" x14ac:dyDescent="0.25">
      <c r="A49507" t="s">
        <v>67805</v>
      </c>
      <c r="B49507" t="s">
        <v>67808</v>
      </c>
      <c r="C49507">
        <v>1</v>
      </c>
      <c r="D49507">
        <v>0</v>
      </c>
    </row>
    <row r="49508" spans="1:4" x14ac:dyDescent="0.25">
      <c r="A49508" t="s">
        <v>67805</v>
      </c>
      <c r="B49508" t="s">
        <v>67809</v>
      </c>
      <c r="C49508">
        <v>2</v>
      </c>
      <c r="D49508">
        <v>0</v>
      </c>
    </row>
    <row r="49509" spans="1:4" x14ac:dyDescent="0.25">
      <c r="A49509" t="s">
        <v>67810</v>
      </c>
      <c r="B49509" t="s">
        <v>67811</v>
      </c>
      <c r="C49509">
        <v>1</v>
      </c>
      <c r="D49509">
        <v>0</v>
      </c>
    </row>
    <row r="49510" spans="1:4" x14ac:dyDescent="0.25">
      <c r="A49510" t="s">
        <v>67810</v>
      </c>
      <c r="B49510" t="s">
        <v>67812</v>
      </c>
      <c r="C49510">
        <v>1</v>
      </c>
      <c r="D49510">
        <v>0</v>
      </c>
    </row>
    <row r="49511" spans="1:4" x14ac:dyDescent="0.25">
      <c r="A49511" t="s">
        <v>67810</v>
      </c>
      <c r="B49511" t="s">
        <v>67813</v>
      </c>
      <c r="C49511">
        <v>1</v>
      </c>
      <c r="D49511">
        <v>0</v>
      </c>
    </row>
    <row r="49512" spans="1:4" x14ac:dyDescent="0.25">
      <c r="A49512" t="s">
        <v>67810</v>
      </c>
      <c r="B49512" t="s">
        <v>67814</v>
      </c>
      <c r="C49512">
        <v>2</v>
      </c>
      <c r="D49512">
        <v>0</v>
      </c>
    </row>
    <row r="49513" spans="1:4" x14ac:dyDescent="0.25">
      <c r="A49513" t="s">
        <v>67810</v>
      </c>
      <c r="B49513" t="s">
        <v>67815</v>
      </c>
      <c r="C49513">
        <v>2</v>
      </c>
      <c r="D49513">
        <v>0</v>
      </c>
    </row>
    <row r="49514" spans="1:4" x14ac:dyDescent="0.25">
      <c r="A49514" t="s">
        <v>67810</v>
      </c>
      <c r="B49514" t="s">
        <v>67816</v>
      </c>
      <c r="C49514">
        <v>2</v>
      </c>
      <c r="D49514">
        <v>0</v>
      </c>
    </row>
    <row r="49515" spans="1:4" x14ac:dyDescent="0.25">
      <c r="A49515" t="s">
        <v>67810</v>
      </c>
      <c r="B49515" t="s">
        <v>67817</v>
      </c>
      <c r="C49515">
        <v>1</v>
      </c>
      <c r="D49515">
        <v>0</v>
      </c>
    </row>
    <row r="49516" spans="1:4" x14ac:dyDescent="0.25">
      <c r="A49516" t="s">
        <v>67810</v>
      </c>
      <c r="B49516" t="s">
        <v>67818</v>
      </c>
      <c r="C49516">
        <v>0</v>
      </c>
      <c r="D49516">
        <v>0</v>
      </c>
    </row>
    <row r="49517" spans="1:4" x14ac:dyDescent="0.25">
      <c r="A49517" t="s">
        <v>67819</v>
      </c>
      <c r="B49517" t="s">
        <v>67820</v>
      </c>
      <c r="C49517">
        <v>1</v>
      </c>
      <c r="D49517">
        <v>0</v>
      </c>
    </row>
    <row r="49518" spans="1:4" x14ac:dyDescent="0.25">
      <c r="A49518" t="s">
        <v>67819</v>
      </c>
      <c r="B49518" t="s">
        <v>67821</v>
      </c>
      <c r="C49518">
        <v>0</v>
      </c>
      <c r="D49518">
        <v>0</v>
      </c>
    </row>
    <row r="49519" spans="1:4" x14ac:dyDescent="0.25">
      <c r="A49519" t="s">
        <v>67819</v>
      </c>
      <c r="B49519" t="s">
        <v>67822</v>
      </c>
      <c r="C49519">
        <v>1</v>
      </c>
      <c r="D49519">
        <v>0</v>
      </c>
    </row>
    <row r="49520" spans="1:4" x14ac:dyDescent="0.25">
      <c r="A49520" t="s">
        <v>67823</v>
      </c>
      <c r="B49520" t="s">
        <v>67824</v>
      </c>
      <c r="C49520">
        <v>0</v>
      </c>
      <c r="D49520">
        <v>0</v>
      </c>
    </row>
    <row r="49521" spans="1:4" x14ac:dyDescent="0.25">
      <c r="A49521" t="s">
        <v>67823</v>
      </c>
      <c r="B49521" t="s">
        <v>67825</v>
      </c>
      <c r="C49521">
        <v>1</v>
      </c>
      <c r="D49521">
        <v>0</v>
      </c>
    </row>
    <row r="49522" spans="1:4" x14ac:dyDescent="0.25">
      <c r="A49522" t="s">
        <v>67823</v>
      </c>
      <c r="B49522" t="s">
        <v>67826</v>
      </c>
      <c r="C49522">
        <v>1</v>
      </c>
      <c r="D49522">
        <v>0</v>
      </c>
    </row>
    <row r="49523" spans="1:4" x14ac:dyDescent="0.25">
      <c r="A49523" t="s">
        <v>67827</v>
      </c>
      <c r="B49523" t="s">
        <v>67828</v>
      </c>
      <c r="C49523">
        <v>1</v>
      </c>
      <c r="D49523">
        <v>0</v>
      </c>
    </row>
    <row r="49524" spans="1:4" x14ac:dyDescent="0.25">
      <c r="A49524" t="s">
        <v>67827</v>
      </c>
      <c r="B49524" t="s">
        <v>5713</v>
      </c>
      <c r="C49524">
        <v>1</v>
      </c>
      <c r="D49524">
        <v>0</v>
      </c>
    </row>
    <row r="49525" spans="1:4" x14ac:dyDescent="0.25">
      <c r="A49525" t="s">
        <v>67827</v>
      </c>
      <c r="B49525" t="s">
        <v>50109</v>
      </c>
      <c r="C49525">
        <v>0</v>
      </c>
      <c r="D49525">
        <v>0</v>
      </c>
    </row>
    <row r="49526" spans="1:4" x14ac:dyDescent="0.25">
      <c r="A49526" t="s">
        <v>67827</v>
      </c>
      <c r="B49526" t="s">
        <v>67829</v>
      </c>
      <c r="C49526">
        <v>0</v>
      </c>
      <c r="D49526">
        <v>0</v>
      </c>
    </row>
    <row r="49527" spans="1:4" x14ac:dyDescent="0.25">
      <c r="A49527" t="s">
        <v>67827</v>
      </c>
      <c r="B49527" t="s">
        <v>67830</v>
      </c>
      <c r="C49527">
        <v>1</v>
      </c>
      <c r="D49527">
        <v>0</v>
      </c>
    </row>
    <row r="49528" spans="1:4" x14ac:dyDescent="0.25">
      <c r="A49528" t="s">
        <v>67831</v>
      </c>
      <c r="B49528" t="s">
        <v>67832</v>
      </c>
      <c r="C49528">
        <v>1</v>
      </c>
      <c r="D49528">
        <v>0</v>
      </c>
    </row>
    <row r="49529" spans="1:4" x14ac:dyDescent="0.25">
      <c r="A49529" t="s">
        <v>67831</v>
      </c>
      <c r="B49529" t="s">
        <v>67833</v>
      </c>
      <c r="C49529">
        <v>2</v>
      </c>
      <c r="D49529">
        <v>0</v>
      </c>
    </row>
    <row r="49530" spans="1:4" x14ac:dyDescent="0.25">
      <c r="A49530" t="s">
        <v>67831</v>
      </c>
      <c r="B49530" t="s">
        <v>67834</v>
      </c>
      <c r="C49530">
        <v>1</v>
      </c>
      <c r="D49530">
        <v>0</v>
      </c>
    </row>
    <row r="49531" spans="1:4" x14ac:dyDescent="0.25">
      <c r="A49531" t="s">
        <v>67831</v>
      </c>
      <c r="B49531" t="s">
        <v>67835</v>
      </c>
      <c r="C49531">
        <v>1</v>
      </c>
      <c r="D49531">
        <v>0</v>
      </c>
    </row>
    <row r="49532" spans="1:4" x14ac:dyDescent="0.25">
      <c r="A49532" t="s">
        <v>67831</v>
      </c>
      <c r="B49532" t="s">
        <v>67836</v>
      </c>
      <c r="C49532">
        <v>1</v>
      </c>
      <c r="D49532">
        <v>0</v>
      </c>
    </row>
    <row r="49533" spans="1:4" x14ac:dyDescent="0.25">
      <c r="A49533" t="s">
        <v>67831</v>
      </c>
      <c r="B49533" t="s">
        <v>67837</v>
      </c>
      <c r="C49533">
        <v>1</v>
      </c>
      <c r="D49533">
        <v>0</v>
      </c>
    </row>
    <row r="49534" spans="1:4" x14ac:dyDescent="0.25">
      <c r="A49534" t="s">
        <v>67831</v>
      </c>
      <c r="B49534" t="s">
        <v>67838</v>
      </c>
      <c r="C49534">
        <v>0</v>
      </c>
      <c r="D49534">
        <v>0</v>
      </c>
    </row>
    <row r="49535" spans="1:4" x14ac:dyDescent="0.25">
      <c r="A49535" t="s">
        <v>67839</v>
      </c>
      <c r="B49535" t="s">
        <v>67840</v>
      </c>
      <c r="C49535">
        <v>0</v>
      </c>
      <c r="D49535">
        <v>0</v>
      </c>
    </row>
    <row r="49536" spans="1:4" x14ac:dyDescent="0.25">
      <c r="A49536" t="s">
        <v>67839</v>
      </c>
      <c r="B49536" t="s">
        <v>67841</v>
      </c>
      <c r="C49536">
        <v>0</v>
      </c>
      <c r="D49536">
        <v>0</v>
      </c>
    </row>
    <row r="49537" spans="1:4" x14ac:dyDescent="0.25">
      <c r="A49537" t="s">
        <v>67839</v>
      </c>
      <c r="B49537" t="s">
        <v>67842</v>
      </c>
      <c r="C49537">
        <v>0</v>
      </c>
      <c r="D49537">
        <v>0</v>
      </c>
    </row>
    <row r="49538" spans="1:4" x14ac:dyDescent="0.25">
      <c r="A49538" t="s">
        <v>67839</v>
      </c>
      <c r="B49538" t="s">
        <v>67843</v>
      </c>
      <c r="C49538">
        <v>1</v>
      </c>
      <c r="D49538">
        <v>0</v>
      </c>
    </row>
    <row r="49539" spans="1:4" x14ac:dyDescent="0.25">
      <c r="A49539" t="s">
        <v>67839</v>
      </c>
      <c r="B49539" t="s">
        <v>67844</v>
      </c>
      <c r="C49539">
        <v>0</v>
      </c>
      <c r="D49539">
        <v>0</v>
      </c>
    </row>
    <row r="49540" spans="1:4" x14ac:dyDescent="0.25">
      <c r="A49540" t="s">
        <v>67845</v>
      </c>
      <c r="B49540" t="s">
        <v>47198</v>
      </c>
      <c r="C49540">
        <v>1</v>
      </c>
      <c r="D49540">
        <v>0</v>
      </c>
    </row>
    <row r="49541" spans="1:4" x14ac:dyDescent="0.25">
      <c r="A49541" t="s">
        <v>67845</v>
      </c>
      <c r="B49541" t="s">
        <v>67846</v>
      </c>
      <c r="C49541">
        <v>1</v>
      </c>
      <c r="D49541">
        <v>0</v>
      </c>
    </row>
    <row r="49542" spans="1:4" x14ac:dyDescent="0.25">
      <c r="A49542" t="s">
        <v>67845</v>
      </c>
      <c r="B49542" t="s">
        <v>67847</v>
      </c>
      <c r="C49542">
        <v>1</v>
      </c>
      <c r="D49542">
        <v>0</v>
      </c>
    </row>
    <row r="49543" spans="1:4" x14ac:dyDescent="0.25">
      <c r="A49543" t="s">
        <v>67845</v>
      </c>
      <c r="B49543" t="s">
        <v>67848</v>
      </c>
      <c r="C49543">
        <v>1</v>
      </c>
      <c r="D49543">
        <v>0</v>
      </c>
    </row>
    <row r="49544" spans="1:4" x14ac:dyDescent="0.25">
      <c r="A49544" t="s">
        <v>67845</v>
      </c>
      <c r="B49544" t="s">
        <v>56077</v>
      </c>
      <c r="C49544">
        <v>0</v>
      </c>
      <c r="D49544">
        <v>0</v>
      </c>
    </row>
    <row r="49545" spans="1:4" x14ac:dyDescent="0.25">
      <c r="A49545" t="s">
        <v>67849</v>
      </c>
      <c r="B49545" t="s">
        <v>67850</v>
      </c>
      <c r="C49545">
        <v>1</v>
      </c>
      <c r="D49545">
        <v>0</v>
      </c>
    </row>
    <row r="49546" spans="1:4" x14ac:dyDescent="0.25">
      <c r="A49546" t="s">
        <v>67849</v>
      </c>
      <c r="B49546" t="s">
        <v>67851</v>
      </c>
      <c r="C49546">
        <v>1</v>
      </c>
      <c r="D49546">
        <v>0</v>
      </c>
    </row>
    <row r="49547" spans="1:4" x14ac:dyDescent="0.25">
      <c r="A49547" t="s">
        <v>67849</v>
      </c>
      <c r="B49547" t="s">
        <v>67852</v>
      </c>
      <c r="C49547">
        <v>1</v>
      </c>
      <c r="D49547">
        <v>0</v>
      </c>
    </row>
    <row r="49548" spans="1:4" x14ac:dyDescent="0.25">
      <c r="A49548" t="s">
        <v>67849</v>
      </c>
      <c r="B49548" t="s">
        <v>67853</v>
      </c>
      <c r="C49548">
        <v>1</v>
      </c>
      <c r="D49548">
        <v>0</v>
      </c>
    </row>
    <row r="49549" spans="1:4" x14ac:dyDescent="0.25">
      <c r="A49549" t="s">
        <v>67854</v>
      </c>
      <c r="B49549" t="s">
        <v>67855</v>
      </c>
      <c r="C49549">
        <v>0</v>
      </c>
      <c r="D49549">
        <v>0</v>
      </c>
    </row>
    <row r="49550" spans="1:4" x14ac:dyDescent="0.25">
      <c r="A49550" t="s">
        <v>67856</v>
      </c>
      <c r="B49550" t="s">
        <v>67857</v>
      </c>
      <c r="C49550">
        <v>0</v>
      </c>
      <c r="D49550">
        <v>0</v>
      </c>
    </row>
    <row r="49551" spans="1:4" x14ac:dyDescent="0.25">
      <c r="A49551" t="s">
        <v>67858</v>
      </c>
      <c r="B49551" t="s">
        <v>67859</v>
      </c>
      <c r="C49551">
        <v>1</v>
      </c>
      <c r="D49551">
        <v>0</v>
      </c>
    </row>
    <row r="49552" spans="1:4" x14ac:dyDescent="0.25">
      <c r="A49552" t="s">
        <v>67858</v>
      </c>
      <c r="B49552" t="s">
        <v>67860</v>
      </c>
      <c r="C49552">
        <v>1</v>
      </c>
      <c r="D49552">
        <v>0</v>
      </c>
    </row>
    <row r="49553" spans="1:4" x14ac:dyDescent="0.25">
      <c r="A49553" t="s">
        <v>67861</v>
      </c>
      <c r="B49553" t="s">
        <v>67862</v>
      </c>
      <c r="C49553">
        <v>0</v>
      </c>
      <c r="D49553">
        <v>0</v>
      </c>
    </row>
    <row r="49554" spans="1:4" x14ac:dyDescent="0.25">
      <c r="A49554" t="s">
        <v>67861</v>
      </c>
      <c r="B49554" t="s">
        <v>67863</v>
      </c>
      <c r="C49554">
        <v>0</v>
      </c>
      <c r="D49554">
        <v>0</v>
      </c>
    </row>
    <row r="49555" spans="1:4" x14ac:dyDescent="0.25">
      <c r="A49555" t="s">
        <v>67864</v>
      </c>
      <c r="B49555" t="s">
        <v>67865</v>
      </c>
      <c r="C49555">
        <v>2</v>
      </c>
      <c r="D49555">
        <v>0</v>
      </c>
    </row>
    <row r="49556" spans="1:4" x14ac:dyDescent="0.25">
      <c r="A49556" t="s">
        <v>67866</v>
      </c>
      <c r="B49556" t="s">
        <v>67867</v>
      </c>
      <c r="C49556">
        <v>0</v>
      </c>
      <c r="D49556">
        <v>0</v>
      </c>
    </row>
    <row r="49557" spans="1:4" x14ac:dyDescent="0.25">
      <c r="A49557" t="s">
        <v>67866</v>
      </c>
      <c r="B49557" t="s">
        <v>67868</v>
      </c>
      <c r="C49557">
        <v>1</v>
      </c>
      <c r="D49557">
        <v>0</v>
      </c>
    </row>
    <row r="49558" spans="1:4" x14ac:dyDescent="0.25">
      <c r="A49558" t="s">
        <v>67866</v>
      </c>
      <c r="B49558" t="s">
        <v>67869</v>
      </c>
      <c r="C49558">
        <v>1</v>
      </c>
      <c r="D49558">
        <v>0</v>
      </c>
    </row>
    <row r="49559" spans="1:4" x14ac:dyDescent="0.25">
      <c r="A49559" t="s">
        <v>67866</v>
      </c>
      <c r="B49559" t="s">
        <v>67870</v>
      </c>
      <c r="C49559">
        <v>1</v>
      </c>
      <c r="D49559">
        <v>0</v>
      </c>
    </row>
    <row r="49560" spans="1:4" x14ac:dyDescent="0.25">
      <c r="A49560" t="s">
        <v>67866</v>
      </c>
      <c r="B49560" t="s">
        <v>67871</v>
      </c>
      <c r="C49560">
        <v>0</v>
      </c>
      <c r="D49560">
        <v>0</v>
      </c>
    </row>
    <row r="49561" spans="1:4" x14ac:dyDescent="0.25">
      <c r="A49561" t="s">
        <v>67866</v>
      </c>
      <c r="B49561" t="s">
        <v>67872</v>
      </c>
      <c r="C49561">
        <v>1</v>
      </c>
      <c r="D49561">
        <v>0</v>
      </c>
    </row>
    <row r="49562" spans="1:4" x14ac:dyDescent="0.25">
      <c r="A49562" t="s">
        <v>67866</v>
      </c>
      <c r="B49562" t="s">
        <v>67873</v>
      </c>
      <c r="C49562">
        <v>0</v>
      </c>
      <c r="D49562">
        <v>0</v>
      </c>
    </row>
    <row r="49563" spans="1:4" x14ac:dyDescent="0.25">
      <c r="A49563" t="s">
        <v>67874</v>
      </c>
      <c r="B49563" t="s">
        <v>67875</v>
      </c>
      <c r="C49563">
        <v>1</v>
      </c>
      <c r="D49563">
        <v>0</v>
      </c>
    </row>
    <row r="49564" spans="1:4" x14ac:dyDescent="0.25">
      <c r="A49564" t="s">
        <v>67876</v>
      </c>
      <c r="B49564" t="s">
        <v>67877</v>
      </c>
      <c r="C49564">
        <v>2</v>
      </c>
      <c r="D49564">
        <v>0</v>
      </c>
    </row>
    <row r="49565" spans="1:4" x14ac:dyDescent="0.25">
      <c r="A49565" t="s">
        <v>67876</v>
      </c>
      <c r="B49565" t="s">
        <v>67878</v>
      </c>
      <c r="C49565">
        <v>1</v>
      </c>
      <c r="D49565">
        <v>0</v>
      </c>
    </row>
    <row r="49566" spans="1:4" x14ac:dyDescent="0.25">
      <c r="A49566" t="s">
        <v>67876</v>
      </c>
      <c r="B49566" t="s">
        <v>67879</v>
      </c>
      <c r="C49566">
        <v>1</v>
      </c>
      <c r="D49566">
        <v>0</v>
      </c>
    </row>
    <row r="49567" spans="1:4" x14ac:dyDescent="0.25">
      <c r="A49567" t="s">
        <v>67876</v>
      </c>
      <c r="B49567" t="s">
        <v>67880</v>
      </c>
      <c r="C49567">
        <v>1</v>
      </c>
      <c r="D49567">
        <v>0</v>
      </c>
    </row>
    <row r="49568" spans="1:4" x14ac:dyDescent="0.25">
      <c r="A49568" t="s">
        <v>67876</v>
      </c>
      <c r="B49568" t="s">
        <v>67881</v>
      </c>
      <c r="C49568">
        <v>1</v>
      </c>
      <c r="D49568">
        <v>0</v>
      </c>
    </row>
    <row r="49569" spans="1:4" x14ac:dyDescent="0.25">
      <c r="A49569" t="s">
        <v>67882</v>
      </c>
      <c r="B49569" t="s">
        <v>67883</v>
      </c>
      <c r="C49569">
        <v>0</v>
      </c>
      <c r="D49569">
        <v>0</v>
      </c>
    </row>
    <row r="49570" spans="1:4" x14ac:dyDescent="0.25">
      <c r="A49570" t="s">
        <v>67882</v>
      </c>
      <c r="B49570" t="s">
        <v>67884</v>
      </c>
      <c r="C49570">
        <v>0</v>
      </c>
      <c r="D49570">
        <v>0</v>
      </c>
    </row>
    <row r="49571" spans="1:4" x14ac:dyDescent="0.25">
      <c r="A49571" t="s">
        <v>67882</v>
      </c>
      <c r="B49571" t="s">
        <v>67885</v>
      </c>
      <c r="C49571">
        <v>2</v>
      </c>
      <c r="D49571">
        <v>0</v>
      </c>
    </row>
    <row r="49572" spans="1:4" x14ac:dyDescent="0.25">
      <c r="A49572" t="s">
        <v>67882</v>
      </c>
      <c r="B49572" t="s">
        <v>67886</v>
      </c>
      <c r="C49572">
        <v>0</v>
      </c>
      <c r="D49572">
        <v>0</v>
      </c>
    </row>
    <row r="49573" spans="1:4" x14ac:dyDescent="0.25">
      <c r="A49573" t="s">
        <v>67887</v>
      </c>
      <c r="B49573" t="s">
        <v>67888</v>
      </c>
      <c r="C49573">
        <v>1</v>
      </c>
      <c r="D49573">
        <v>0</v>
      </c>
    </row>
    <row r="49574" spans="1:4" x14ac:dyDescent="0.25">
      <c r="A49574" t="s">
        <v>67887</v>
      </c>
      <c r="B49574" t="s">
        <v>67889</v>
      </c>
      <c r="C49574">
        <v>1</v>
      </c>
      <c r="D49574">
        <v>0</v>
      </c>
    </row>
    <row r="49575" spans="1:4" x14ac:dyDescent="0.25">
      <c r="A49575" t="s">
        <v>67887</v>
      </c>
      <c r="B49575" t="s">
        <v>67890</v>
      </c>
      <c r="C49575">
        <v>1</v>
      </c>
      <c r="D49575">
        <v>0</v>
      </c>
    </row>
    <row r="49576" spans="1:4" x14ac:dyDescent="0.25">
      <c r="A49576" t="s">
        <v>67887</v>
      </c>
      <c r="B49576" t="s">
        <v>38221</v>
      </c>
      <c r="C49576">
        <v>0</v>
      </c>
      <c r="D49576">
        <v>0</v>
      </c>
    </row>
    <row r="49577" spans="1:4" x14ac:dyDescent="0.25">
      <c r="A49577" t="s">
        <v>67891</v>
      </c>
      <c r="B49577" t="s">
        <v>67892</v>
      </c>
      <c r="C49577">
        <v>1</v>
      </c>
      <c r="D49577">
        <v>0</v>
      </c>
    </row>
    <row r="49578" spans="1:4" x14ac:dyDescent="0.25">
      <c r="A49578" t="s">
        <v>67891</v>
      </c>
      <c r="B49578" t="s">
        <v>41865</v>
      </c>
      <c r="C49578">
        <v>0</v>
      </c>
      <c r="D49578">
        <v>0</v>
      </c>
    </row>
    <row r="49579" spans="1:4" x14ac:dyDescent="0.25">
      <c r="A49579" t="s">
        <v>67891</v>
      </c>
      <c r="B49579" t="s">
        <v>67893</v>
      </c>
      <c r="C49579">
        <v>1</v>
      </c>
      <c r="D49579">
        <v>0</v>
      </c>
    </row>
    <row r="49580" spans="1:4" x14ac:dyDescent="0.25">
      <c r="A49580" t="s">
        <v>67891</v>
      </c>
      <c r="B49580" t="s">
        <v>67894</v>
      </c>
      <c r="C49580">
        <v>1</v>
      </c>
      <c r="D49580">
        <v>0</v>
      </c>
    </row>
    <row r="49581" spans="1:4" x14ac:dyDescent="0.25">
      <c r="A49581" t="s">
        <v>67891</v>
      </c>
      <c r="B49581" t="s">
        <v>67895</v>
      </c>
      <c r="C49581">
        <v>1</v>
      </c>
      <c r="D49581">
        <v>0</v>
      </c>
    </row>
    <row r="49582" spans="1:4" x14ac:dyDescent="0.25">
      <c r="A49582" t="s">
        <v>67896</v>
      </c>
      <c r="B49582" t="s">
        <v>67897</v>
      </c>
      <c r="C49582">
        <v>1</v>
      </c>
      <c r="D49582">
        <v>0</v>
      </c>
    </row>
    <row r="49583" spans="1:4" x14ac:dyDescent="0.25">
      <c r="A49583" t="s">
        <v>67896</v>
      </c>
      <c r="B49583" t="s">
        <v>67898</v>
      </c>
      <c r="C49583">
        <v>1</v>
      </c>
      <c r="D49583">
        <v>0</v>
      </c>
    </row>
    <row r="49584" spans="1:4" x14ac:dyDescent="0.25">
      <c r="A49584" t="s">
        <v>67896</v>
      </c>
      <c r="B49584" t="s">
        <v>67899</v>
      </c>
      <c r="C49584">
        <v>1</v>
      </c>
      <c r="D49584">
        <v>0</v>
      </c>
    </row>
    <row r="49585" spans="1:4" x14ac:dyDescent="0.25">
      <c r="A49585" t="s">
        <v>67896</v>
      </c>
      <c r="B49585" t="s">
        <v>67900</v>
      </c>
      <c r="C49585">
        <v>0</v>
      </c>
      <c r="D49585">
        <v>0</v>
      </c>
    </row>
    <row r="49586" spans="1:4" x14ac:dyDescent="0.25">
      <c r="A49586" t="s">
        <v>67901</v>
      </c>
      <c r="B49586" t="s">
        <v>67902</v>
      </c>
      <c r="C49586">
        <v>1</v>
      </c>
      <c r="D49586">
        <v>0</v>
      </c>
    </row>
    <row r="49587" spans="1:4" x14ac:dyDescent="0.25">
      <c r="A49587" t="s">
        <v>67901</v>
      </c>
      <c r="B49587" t="s">
        <v>5713</v>
      </c>
      <c r="C49587">
        <v>1</v>
      </c>
      <c r="D49587">
        <v>0</v>
      </c>
    </row>
    <row r="49588" spans="1:4" x14ac:dyDescent="0.25">
      <c r="A49588" t="s">
        <v>67903</v>
      </c>
      <c r="B49588" t="s">
        <v>67904</v>
      </c>
      <c r="C49588">
        <v>1</v>
      </c>
      <c r="D49588">
        <v>0</v>
      </c>
    </row>
    <row r="49589" spans="1:4" x14ac:dyDescent="0.25">
      <c r="A49589" t="s">
        <v>67903</v>
      </c>
      <c r="B49589" t="s">
        <v>67905</v>
      </c>
      <c r="C49589">
        <v>1</v>
      </c>
      <c r="D49589">
        <v>0</v>
      </c>
    </row>
    <row r="49590" spans="1:4" x14ac:dyDescent="0.25">
      <c r="A49590" t="s">
        <v>67903</v>
      </c>
      <c r="B49590" t="s">
        <v>48504</v>
      </c>
      <c r="C49590">
        <v>1</v>
      </c>
      <c r="D49590">
        <v>0</v>
      </c>
    </row>
    <row r="49591" spans="1:4" x14ac:dyDescent="0.25">
      <c r="A49591" t="s">
        <v>67903</v>
      </c>
      <c r="B49591" t="s">
        <v>67906</v>
      </c>
      <c r="C49591">
        <v>2</v>
      </c>
      <c r="D49591">
        <v>0</v>
      </c>
    </row>
    <row r="49592" spans="1:4" x14ac:dyDescent="0.25">
      <c r="A49592" t="s">
        <v>67903</v>
      </c>
      <c r="B49592" t="s">
        <v>67907</v>
      </c>
      <c r="C49592">
        <v>1</v>
      </c>
      <c r="D49592">
        <v>0</v>
      </c>
    </row>
    <row r="49593" spans="1:4" x14ac:dyDescent="0.25">
      <c r="A49593" t="s">
        <v>67908</v>
      </c>
      <c r="B49593" t="s">
        <v>67909</v>
      </c>
      <c r="C49593">
        <v>2</v>
      </c>
      <c r="D49593">
        <v>0</v>
      </c>
    </row>
    <row r="49594" spans="1:4" x14ac:dyDescent="0.25">
      <c r="A49594" t="s">
        <v>67910</v>
      </c>
      <c r="B49594" t="s">
        <v>67911</v>
      </c>
      <c r="C49594">
        <v>0</v>
      </c>
      <c r="D49594">
        <v>0</v>
      </c>
    </row>
    <row r="49595" spans="1:4" x14ac:dyDescent="0.25">
      <c r="A49595" t="s">
        <v>67910</v>
      </c>
      <c r="B49595" t="s">
        <v>67912</v>
      </c>
      <c r="C49595">
        <v>1</v>
      </c>
      <c r="D49595">
        <v>0</v>
      </c>
    </row>
    <row r="49596" spans="1:4" x14ac:dyDescent="0.25">
      <c r="A49596" t="s">
        <v>67910</v>
      </c>
      <c r="B49596" t="s">
        <v>67913</v>
      </c>
      <c r="C49596">
        <v>1</v>
      </c>
      <c r="D49596">
        <v>0</v>
      </c>
    </row>
    <row r="49597" spans="1:4" x14ac:dyDescent="0.25">
      <c r="A49597" t="s">
        <v>67910</v>
      </c>
      <c r="B49597" t="s">
        <v>67914</v>
      </c>
      <c r="C49597">
        <v>0</v>
      </c>
      <c r="D49597">
        <v>0</v>
      </c>
    </row>
    <row r="49598" spans="1:4" x14ac:dyDescent="0.25">
      <c r="A49598" t="s">
        <v>67910</v>
      </c>
      <c r="B49598" t="s">
        <v>19309</v>
      </c>
      <c r="C49598">
        <v>0</v>
      </c>
      <c r="D49598">
        <v>0</v>
      </c>
    </row>
    <row r="49599" spans="1:4" x14ac:dyDescent="0.25">
      <c r="A49599" t="s">
        <v>67910</v>
      </c>
      <c r="B49599" t="s">
        <v>67915</v>
      </c>
      <c r="C49599">
        <v>0</v>
      </c>
      <c r="D49599">
        <v>0</v>
      </c>
    </row>
    <row r="49600" spans="1:4" x14ac:dyDescent="0.25">
      <c r="A49600" t="s">
        <v>67916</v>
      </c>
      <c r="B49600" t="s">
        <v>67917</v>
      </c>
      <c r="C49600">
        <v>0</v>
      </c>
      <c r="D49600">
        <v>0</v>
      </c>
    </row>
    <row r="49601" spans="1:4" x14ac:dyDescent="0.25">
      <c r="A49601" t="s">
        <v>67916</v>
      </c>
      <c r="B49601" t="s">
        <v>67918</v>
      </c>
      <c r="C49601">
        <v>1</v>
      </c>
      <c r="D49601">
        <v>0</v>
      </c>
    </row>
    <row r="49602" spans="1:4" x14ac:dyDescent="0.25">
      <c r="A49602" t="s">
        <v>67916</v>
      </c>
      <c r="B49602" t="s">
        <v>67919</v>
      </c>
      <c r="C49602">
        <v>0</v>
      </c>
      <c r="D49602">
        <v>0</v>
      </c>
    </row>
    <row r="49603" spans="1:4" x14ac:dyDescent="0.25">
      <c r="A49603" t="s">
        <v>67916</v>
      </c>
      <c r="B49603" t="s">
        <v>67920</v>
      </c>
      <c r="C49603">
        <v>0</v>
      </c>
      <c r="D49603">
        <v>0</v>
      </c>
    </row>
    <row r="49604" spans="1:4" x14ac:dyDescent="0.25">
      <c r="A49604" t="s">
        <v>67916</v>
      </c>
      <c r="B49604" t="s">
        <v>67921</v>
      </c>
      <c r="C49604">
        <v>0</v>
      </c>
      <c r="D49604">
        <v>0</v>
      </c>
    </row>
    <row r="49605" spans="1:4" x14ac:dyDescent="0.25">
      <c r="A49605" t="s">
        <v>67922</v>
      </c>
      <c r="B49605" t="s">
        <v>67923</v>
      </c>
      <c r="C49605">
        <v>1</v>
      </c>
      <c r="D49605">
        <v>0</v>
      </c>
    </row>
    <row r="49606" spans="1:4" x14ac:dyDescent="0.25">
      <c r="A49606" t="s">
        <v>67922</v>
      </c>
      <c r="B49606" t="s">
        <v>67924</v>
      </c>
      <c r="C49606">
        <v>1</v>
      </c>
      <c r="D49606">
        <v>0</v>
      </c>
    </row>
    <row r="49607" spans="1:4" x14ac:dyDescent="0.25">
      <c r="A49607" t="s">
        <v>67925</v>
      </c>
      <c r="B49607" t="s">
        <v>61958</v>
      </c>
      <c r="C49607">
        <v>1</v>
      </c>
      <c r="D49607">
        <v>0</v>
      </c>
    </row>
    <row r="49608" spans="1:4" x14ac:dyDescent="0.25">
      <c r="A49608" t="s">
        <v>67925</v>
      </c>
      <c r="B49608" t="s">
        <v>67926</v>
      </c>
      <c r="C49608">
        <v>2</v>
      </c>
      <c r="D49608">
        <v>0</v>
      </c>
    </row>
    <row r="49609" spans="1:4" x14ac:dyDescent="0.25">
      <c r="A49609" t="s">
        <v>67925</v>
      </c>
      <c r="B49609" t="s">
        <v>67926</v>
      </c>
      <c r="C49609">
        <v>2</v>
      </c>
      <c r="D49609">
        <v>0</v>
      </c>
    </row>
    <row r="49610" spans="1:4" x14ac:dyDescent="0.25">
      <c r="A49610" t="s">
        <v>67927</v>
      </c>
      <c r="B49610" t="s">
        <v>67928</v>
      </c>
      <c r="C49610">
        <v>0</v>
      </c>
      <c r="D49610">
        <v>0</v>
      </c>
    </row>
    <row r="49611" spans="1:4" x14ac:dyDescent="0.25">
      <c r="A49611" t="s">
        <v>67927</v>
      </c>
      <c r="B49611" t="s">
        <v>67929</v>
      </c>
      <c r="C49611">
        <v>2</v>
      </c>
      <c r="D49611">
        <v>0</v>
      </c>
    </row>
    <row r="49612" spans="1:4" x14ac:dyDescent="0.25">
      <c r="A49612" t="s">
        <v>67927</v>
      </c>
      <c r="B49612" t="s">
        <v>67930</v>
      </c>
      <c r="C49612">
        <v>0</v>
      </c>
      <c r="D49612">
        <v>0</v>
      </c>
    </row>
    <row r="49613" spans="1:4" x14ac:dyDescent="0.25">
      <c r="A49613" t="s">
        <v>67927</v>
      </c>
      <c r="B49613" t="s">
        <v>67931</v>
      </c>
      <c r="C49613">
        <v>0</v>
      </c>
      <c r="D49613">
        <v>0</v>
      </c>
    </row>
    <row r="49614" spans="1:4" x14ac:dyDescent="0.25">
      <c r="A49614" t="s">
        <v>67927</v>
      </c>
      <c r="B49614" t="s">
        <v>67932</v>
      </c>
      <c r="C49614">
        <v>1</v>
      </c>
      <c r="D49614">
        <v>0</v>
      </c>
    </row>
    <row r="49615" spans="1:4" x14ac:dyDescent="0.25">
      <c r="A49615" t="s">
        <v>67927</v>
      </c>
      <c r="B49615" t="s">
        <v>67933</v>
      </c>
      <c r="C49615">
        <v>0</v>
      </c>
      <c r="D49615">
        <v>0</v>
      </c>
    </row>
    <row r="49616" spans="1:4" x14ac:dyDescent="0.25">
      <c r="A49616" t="s">
        <v>67934</v>
      </c>
      <c r="B49616" t="s">
        <v>67935</v>
      </c>
      <c r="C49616">
        <v>2</v>
      </c>
      <c r="D49616">
        <v>0</v>
      </c>
    </row>
    <row r="49617" spans="1:4" x14ac:dyDescent="0.25">
      <c r="A49617" t="s">
        <v>67934</v>
      </c>
      <c r="B49617" t="s">
        <v>67936</v>
      </c>
      <c r="C49617">
        <v>1</v>
      </c>
      <c r="D49617">
        <v>0</v>
      </c>
    </row>
    <row r="49618" spans="1:4" x14ac:dyDescent="0.25">
      <c r="A49618" t="s">
        <v>67934</v>
      </c>
      <c r="B49618" t="s">
        <v>67937</v>
      </c>
      <c r="C49618">
        <v>0</v>
      </c>
      <c r="D49618">
        <v>0</v>
      </c>
    </row>
    <row r="49619" spans="1:4" x14ac:dyDescent="0.25">
      <c r="A49619" t="s">
        <v>67934</v>
      </c>
      <c r="B49619" t="s">
        <v>67938</v>
      </c>
      <c r="C49619">
        <v>0</v>
      </c>
      <c r="D49619">
        <v>0</v>
      </c>
    </row>
    <row r="49620" spans="1:4" x14ac:dyDescent="0.25">
      <c r="A49620" t="s">
        <v>67939</v>
      </c>
      <c r="B49620" t="s">
        <v>67940</v>
      </c>
      <c r="C49620">
        <v>1</v>
      </c>
      <c r="D49620">
        <v>0</v>
      </c>
    </row>
    <row r="49621" spans="1:4" x14ac:dyDescent="0.25">
      <c r="A49621" t="s">
        <v>67939</v>
      </c>
      <c r="B49621" t="s">
        <v>14661</v>
      </c>
      <c r="C49621">
        <v>0</v>
      </c>
      <c r="D49621">
        <v>0</v>
      </c>
    </row>
    <row r="49622" spans="1:4" x14ac:dyDescent="0.25">
      <c r="A49622" t="s">
        <v>67939</v>
      </c>
      <c r="B49622" t="s">
        <v>67941</v>
      </c>
      <c r="C49622">
        <v>2</v>
      </c>
      <c r="D49622">
        <v>0</v>
      </c>
    </row>
    <row r="49623" spans="1:4" x14ac:dyDescent="0.25">
      <c r="A49623" t="s">
        <v>67939</v>
      </c>
      <c r="B49623" t="s">
        <v>67942</v>
      </c>
      <c r="C49623">
        <v>1</v>
      </c>
      <c r="D49623">
        <v>0</v>
      </c>
    </row>
    <row r="49624" spans="1:4" x14ac:dyDescent="0.25">
      <c r="A49624" t="s">
        <v>67939</v>
      </c>
      <c r="B49624" t="s">
        <v>67943</v>
      </c>
      <c r="C49624">
        <v>1</v>
      </c>
      <c r="D49624">
        <v>0</v>
      </c>
    </row>
    <row r="49625" spans="1:4" x14ac:dyDescent="0.25">
      <c r="A49625" t="s">
        <v>67939</v>
      </c>
      <c r="B49625" t="s">
        <v>67944</v>
      </c>
      <c r="C49625">
        <v>1</v>
      </c>
      <c r="D49625">
        <v>0</v>
      </c>
    </row>
    <row r="49626" spans="1:4" x14ac:dyDescent="0.25">
      <c r="A49626" t="s">
        <v>67939</v>
      </c>
      <c r="B49626" t="s">
        <v>67945</v>
      </c>
      <c r="C49626">
        <v>0</v>
      </c>
      <c r="D49626">
        <v>0</v>
      </c>
    </row>
    <row r="49627" spans="1:4" x14ac:dyDescent="0.25">
      <c r="A49627" t="s">
        <v>67939</v>
      </c>
      <c r="B49627" t="s">
        <v>67946</v>
      </c>
      <c r="C49627">
        <v>1</v>
      </c>
      <c r="D49627">
        <v>0</v>
      </c>
    </row>
    <row r="49628" spans="1:4" x14ac:dyDescent="0.25">
      <c r="A49628" t="s">
        <v>67947</v>
      </c>
      <c r="B49628" t="s">
        <v>67948</v>
      </c>
      <c r="C49628">
        <v>1</v>
      </c>
      <c r="D49628">
        <v>0</v>
      </c>
    </row>
    <row r="49629" spans="1:4" x14ac:dyDescent="0.25">
      <c r="A49629" t="s">
        <v>67947</v>
      </c>
      <c r="B49629" t="s">
        <v>67949</v>
      </c>
      <c r="C49629">
        <v>1</v>
      </c>
      <c r="D49629">
        <v>0</v>
      </c>
    </row>
    <row r="49630" spans="1:4" x14ac:dyDescent="0.25">
      <c r="A49630" t="s">
        <v>67947</v>
      </c>
      <c r="B49630" t="s">
        <v>67950</v>
      </c>
      <c r="C49630">
        <v>0</v>
      </c>
      <c r="D49630">
        <v>0</v>
      </c>
    </row>
    <row r="49631" spans="1:4" x14ac:dyDescent="0.25">
      <c r="A49631" t="s">
        <v>67947</v>
      </c>
      <c r="B49631" t="s">
        <v>67951</v>
      </c>
      <c r="C49631">
        <v>0</v>
      </c>
      <c r="D49631">
        <v>0</v>
      </c>
    </row>
    <row r="49632" spans="1:4" x14ac:dyDescent="0.25">
      <c r="A49632" t="s">
        <v>67947</v>
      </c>
      <c r="B49632" t="s">
        <v>67952</v>
      </c>
      <c r="C49632">
        <v>1</v>
      </c>
      <c r="D49632">
        <v>0</v>
      </c>
    </row>
    <row r="49633" spans="1:4" x14ac:dyDescent="0.25">
      <c r="A49633" t="s">
        <v>67947</v>
      </c>
      <c r="B49633" t="s">
        <v>67953</v>
      </c>
      <c r="C49633">
        <v>2</v>
      </c>
      <c r="D49633">
        <v>0</v>
      </c>
    </row>
    <row r="49634" spans="1:4" x14ac:dyDescent="0.25">
      <c r="A49634" t="s">
        <v>67954</v>
      </c>
      <c r="B49634" t="s">
        <v>67955</v>
      </c>
      <c r="C49634">
        <v>1</v>
      </c>
      <c r="D49634">
        <v>0</v>
      </c>
    </row>
    <row r="49635" spans="1:4" x14ac:dyDescent="0.25">
      <c r="A49635" t="s">
        <v>67956</v>
      </c>
      <c r="B49635" t="s">
        <v>67957</v>
      </c>
      <c r="C49635">
        <v>0</v>
      </c>
      <c r="D49635">
        <v>0</v>
      </c>
    </row>
    <row r="49636" spans="1:4" x14ac:dyDescent="0.25">
      <c r="A49636" t="s">
        <v>67956</v>
      </c>
      <c r="B49636" t="s">
        <v>67958</v>
      </c>
      <c r="C49636">
        <v>2</v>
      </c>
      <c r="D49636">
        <v>0</v>
      </c>
    </row>
    <row r="49637" spans="1:4" x14ac:dyDescent="0.25">
      <c r="A49637" t="s">
        <v>67956</v>
      </c>
      <c r="B49637" t="s">
        <v>67959</v>
      </c>
      <c r="C49637">
        <v>2</v>
      </c>
      <c r="D49637">
        <v>0</v>
      </c>
    </row>
    <row r="49638" spans="1:4" x14ac:dyDescent="0.25">
      <c r="A49638" t="s">
        <v>67956</v>
      </c>
      <c r="B49638" t="s">
        <v>67960</v>
      </c>
      <c r="C49638">
        <v>1</v>
      </c>
      <c r="D49638">
        <v>0</v>
      </c>
    </row>
    <row r="49639" spans="1:4" x14ac:dyDescent="0.25">
      <c r="A49639" t="s">
        <v>67956</v>
      </c>
      <c r="B49639" t="s">
        <v>67961</v>
      </c>
      <c r="C49639">
        <v>0</v>
      </c>
      <c r="D49639">
        <v>0</v>
      </c>
    </row>
    <row r="49640" spans="1:4" x14ac:dyDescent="0.25">
      <c r="A49640" t="s">
        <v>67962</v>
      </c>
      <c r="B49640" t="s">
        <v>67963</v>
      </c>
      <c r="C49640">
        <v>0</v>
      </c>
      <c r="D49640">
        <v>0</v>
      </c>
    </row>
    <row r="49641" spans="1:4" x14ac:dyDescent="0.25">
      <c r="A49641" t="s">
        <v>67962</v>
      </c>
      <c r="B49641" t="s">
        <v>67964</v>
      </c>
      <c r="C49641">
        <v>1</v>
      </c>
      <c r="D49641">
        <v>0</v>
      </c>
    </row>
    <row r="49642" spans="1:4" x14ac:dyDescent="0.25">
      <c r="A49642" t="s">
        <v>67962</v>
      </c>
      <c r="B49642" t="s">
        <v>67965</v>
      </c>
      <c r="C49642">
        <v>0</v>
      </c>
      <c r="D49642">
        <v>0</v>
      </c>
    </row>
    <row r="49643" spans="1:4" x14ac:dyDescent="0.25">
      <c r="A49643" t="s">
        <v>67966</v>
      </c>
      <c r="B49643" t="s">
        <v>67967</v>
      </c>
      <c r="C49643">
        <v>1</v>
      </c>
      <c r="D49643">
        <v>0</v>
      </c>
    </row>
    <row r="49644" spans="1:4" x14ac:dyDescent="0.25">
      <c r="A49644" t="s">
        <v>67966</v>
      </c>
      <c r="B49644" t="s">
        <v>3173</v>
      </c>
      <c r="C49644">
        <v>1</v>
      </c>
      <c r="D49644">
        <v>0</v>
      </c>
    </row>
    <row r="49645" spans="1:4" x14ac:dyDescent="0.25">
      <c r="A49645" t="s">
        <v>67966</v>
      </c>
      <c r="B49645" t="s">
        <v>67968</v>
      </c>
      <c r="C49645">
        <v>1</v>
      </c>
      <c r="D49645">
        <v>0</v>
      </c>
    </row>
    <row r="49646" spans="1:4" x14ac:dyDescent="0.25">
      <c r="A49646" t="s">
        <v>67966</v>
      </c>
      <c r="B49646" t="s">
        <v>67969</v>
      </c>
      <c r="C49646">
        <v>1</v>
      </c>
      <c r="D49646">
        <v>0</v>
      </c>
    </row>
    <row r="49647" spans="1:4" x14ac:dyDescent="0.25">
      <c r="A49647" t="s">
        <v>67970</v>
      </c>
      <c r="B49647" t="s">
        <v>67971</v>
      </c>
      <c r="C49647">
        <v>1</v>
      </c>
      <c r="D49647">
        <v>0</v>
      </c>
    </row>
    <row r="49648" spans="1:4" x14ac:dyDescent="0.25">
      <c r="A49648" t="s">
        <v>67970</v>
      </c>
      <c r="B49648" t="s">
        <v>67972</v>
      </c>
      <c r="C49648">
        <v>1</v>
      </c>
      <c r="D49648">
        <v>0</v>
      </c>
    </row>
    <row r="49649" spans="1:4" x14ac:dyDescent="0.25">
      <c r="A49649" t="s">
        <v>67973</v>
      </c>
      <c r="B49649" t="s">
        <v>67974</v>
      </c>
      <c r="C49649">
        <v>1</v>
      </c>
      <c r="D49649">
        <v>0</v>
      </c>
    </row>
    <row r="49650" spans="1:4" x14ac:dyDescent="0.25">
      <c r="A49650" t="s">
        <v>67973</v>
      </c>
      <c r="B49650" t="s">
        <v>67975</v>
      </c>
      <c r="C49650">
        <v>0</v>
      </c>
      <c r="D49650">
        <v>0</v>
      </c>
    </row>
    <row r="49651" spans="1:4" x14ac:dyDescent="0.25">
      <c r="A49651" t="s">
        <v>67973</v>
      </c>
      <c r="B49651" t="s">
        <v>67976</v>
      </c>
      <c r="C49651">
        <v>1</v>
      </c>
      <c r="D49651">
        <v>0</v>
      </c>
    </row>
    <row r="49652" spans="1:4" x14ac:dyDescent="0.25">
      <c r="A49652" t="s">
        <v>67973</v>
      </c>
      <c r="B49652" t="s">
        <v>67977</v>
      </c>
      <c r="C49652">
        <v>0</v>
      </c>
      <c r="D49652">
        <v>0</v>
      </c>
    </row>
    <row r="49653" spans="1:4" x14ac:dyDescent="0.25">
      <c r="A49653" t="s">
        <v>67973</v>
      </c>
      <c r="B49653" t="s">
        <v>2865</v>
      </c>
      <c r="C49653">
        <v>0</v>
      </c>
      <c r="D49653">
        <v>0</v>
      </c>
    </row>
    <row r="49654" spans="1:4" x14ac:dyDescent="0.25">
      <c r="A49654" t="s">
        <v>67978</v>
      </c>
      <c r="B49654" t="s">
        <v>67979</v>
      </c>
      <c r="C49654">
        <v>2</v>
      </c>
      <c r="D49654">
        <v>0</v>
      </c>
    </row>
    <row r="49655" spans="1:4" x14ac:dyDescent="0.25">
      <c r="A49655" t="s">
        <v>67978</v>
      </c>
      <c r="B49655" t="s">
        <v>67980</v>
      </c>
      <c r="C49655">
        <v>2</v>
      </c>
      <c r="D49655">
        <v>0</v>
      </c>
    </row>
    <row r="49656" spans="1:4" x14ac:dyDescent="0.25">
      <c r="A49656" t="s">
        <v>67978</v>
      </c>
      <c r="B49656" t="s">
        <v>67981</v>
      </c>
      <c r="C49656">
        <v>2</v>
      </c>
      <c r="D49656">
        <v>0</v>
      </c>
    </row>
    <row r="49657" spans="1:4" x14ac:dyDescent="0.25">
      <c r="A49657" t="s">
        <v>67982</v>
      </c>
      <c r="B49657" t="s">
        <v>67983</v>
      </c>
      <c r="C49657">
        <v>1</v>
      </c>
      <c r="D49657">
        <v>0</v>
      </c>
    </row>
    <row r="49658" spans="1:4" x14ac:dyDescent="0.25">
      <c r="A49658" t="s">
        <v>67982</v>
      </c>
      <c r="B49658" t="s">
        <v>17479</v>
      </c>
      <c r="C49658">
        <v>0</v>
      </c>
      <c r="D49658">
        <v>0</v>
      </c>
    </row>
    <row r="49659" spans="1:4" x14ac:dyDescent="0.25">
      <c r="A49659" t="s">
        <v>67984</v>
      </c>
      <c r="B49659" t="s">
        <v>67985</v>
      </c>
      <c r="C49659">
        <v>1</v>
      </c>
      <c r="D49659">
        <v>0</v>
      </c>
    </row>
    <row r="49660" spans="1:4" x14ac:dyDescent="0.25">
      <c r="A49660" t="s">
        <v>67984</v>
      </c>
      <c r="B49660" t="s">
        <v>67986</v>
      </c>
      <c r="C49660">
        <v>0</v>
      </c>
      <c r="D49660">
        <v>0</v>
      </c>
    </row>
    <row r="49661" spans="1:4" x14ac:dyDescent="0.25">
      <c r="A49661" t="s">
        <v>67984</v>
      </c>
      <c r="B49661" t="s">
        <v>67987</v>
      </c>
      <c r="C49661">
        <v>0</v>
      </c>
      <c r="D49661">
        <v>0</v>
      </c>
    </row>
    <row r="49662" spans="1:4" x14ac:dyDescent="0.25">
      <c r="A49662" t="s">
        <v>67984</v>
      </c>
      <c r="B49662" t="s">
        <v>67988</v>
      </c>
      <c r="C49662">
        <v>0</v>
      </c>
      <c r="D49662">
        <v>0</v>
      </c>
    </row>
    <row r="49663" spans="1:4" x14ac:dyDescent="0.25">
      <c r="A49663" t="s">
        <v>67984</v>
      </c>
      <c r="B49663" t="s">
        <v>67989</v>
      </c>
      <c r="C49663">
        <v>0</v>
      </c>
      <c r="D49663">
        <v>0</v>
      </c>
    </row>
    <row r="49664" spans="1:4" x14ac:dyDescent="0.25">
      <c r="A49664" t="s">
        <v>67984</v>
      </c>
      <c r="B49664" t="s">
        <v>67990</v>
      </c>
      <c r="C49664">
        <v>1</v>
      </c>
      <c r="D49664">
        <v>0</v>
      </c>
    </row>
    <row r="49665" spans="1:4" x14ac:dyDescent="0.25">
      <c r="A49665" t="s">
        <v>67984</v>
      </c>
      <c r="B49665" t="s">
        <v>67991</v>
      </c>
      <c r="C49665">
        <v>0</v>
      </c>
      <c r="D49665">
        <v>0</v>
      </c>
    </row>
    <row r="49666" spans="1:4" x14ac:dyDescent="0.25">
      <c r="A49666" t="s">
        <v>67984</v>
      </c>
      <c r="B49666" t="s">
        <v>67992</v>
      </c>
      <c r="C49666">
        <v>1</v>
      </c>
      <c r="D49666">
        <v>0</v>
      </c>
    </row>
    <row r="49667" spans="1:4" x14ac:dyDescent="0.25">
      <c r="A49667" t="s">
        <v>67993</v>
      </c>
      <c r="B49667" t="s">
        <v>67994</v>
      </c>
      <c r="C49667">
        <v>1</v>
      </c>
      <c r="D49667">
        <v>0</v>
      </c>
    </row>
    <row r="49668" spans="1:4" x14ac:dyDescent="0.25">
      <c r="A49668" t="s">
        <v>67993</v>
      </c>
      <c r="B49668" t="s">
        <v>67995</v>
      </c>
      <c r="C49668">
        <v>1</v>
      </c>
      <c r="D49668">
        <v>0</v>
      </c>
    </row>
    <row r="49669" spans="1:4" x14ac:dyDescent="0.25">
      <c r="A49669" t="s">
        <v>67993</v>
      </c>
      <c r="B49669" t="s">
        <v>67996</v>
      </c>
      <c r="C49669">
        <v>0</v>
      </c>
      <c r="D49669">
        <v>0</v>
      </c>
    </row>
    <row r="49670" spans="1:4" x14ac:dyDescent="0.25">
      <c r="A49670" t="s">
        <v>67993</v>
      </c>
      <c r="B49670" t="s">
        <v>67997</v>
      </c>
      <c r="C49670">
        <v>1</v>
      </c>
      <c r="D49670">
        <v>0</v>
      </c>
    </row>
    <row r="49671" spans="1:4" x14ac:dyDescent="0.25">
      <c r="A49671" t="s">
        <v>67993</v>
      </c>
      <c r="B49671" t="s">
        <v>67998</v>
      </c>
      <c r="C49671">
        <v>1</v>
      </c>
      <c r="D49671">
        <v>0</v>
      </c>
    </row>
    <row r="49672" spans="1:4" x14ac:dyDescent="0.25">
      <c r="A49672" t="s">
        <v>67993</v>
      </c>
      <c r="B49672" t="s">
        <v>67999</v>
      </c>
      <c r="C49672">
        <v>2</v>
      </c>
      <c r="D49672">
        <v>0</v>
      </c>
    </row>
    <row r="49673" spans="1:4" x14ac:dyDescent="0.25">
      <c r="A49673" t="s">
        <v>67993</v>
      </c>
      <c r="B49673" t="s">
        <v>68000</v>
      </c>
      <c r="C49673">
        <v>0</v>
      </c>
      <c r="D49673">
        <v>0</v>
      </c>
    </row>
    <row r="49674" spans="1:4" x14ac:dyDescent="0.25">
      <c r="A49674" t="s">
        <v>68001</v>
      </c>
      <c r="B49674" t="s">
        <v>68002</v>
      </c>
      <c r="C49674">
        <v>1</v>
      </c>
      <c r="D49674">
        <v>0</v>
      </c>
    </row>
    <row r="49675" spans="1:4" x14ac:dyDescent="0.25">
      <c r="A49675" t="s">
        <v>68001</v>
      </c>
      <c r="B49675" t="s">
        <v>68003</v>
      </c>
      <c r="C49675">
        <v>1</v>
      </c>
      <c r="D49675">
        <v>0</v>
      </c>
    </row>
    <row r="49676" spans="1:4" x14ac:dyDescent="0.25">
      <c r="A49676" t="s">
        <v>68001</v>
      </c>
      <c r="B49676" t="s">
        <v>20393</v>
      </c>
      <c r="C49676">
        <v>1</v>
      </c>
      <c r="D49676">
        <v>0</v>
      </c>
    </row>
    <row r="49677" spans="1:4" x14ac:dyDescent="0.25">
      <c r="A49677" t="s">
        <v>68001</v>
      </c>
      <c r="B49677" t="s">
        <v>68004</v>
      </c>
      <c r="C49677">
        <v>1</v>
      </c>
      <c r="D49677">
        <v>0</v>
      </c>
    </row>
    <row r="49678" spans="1:4" x14ac:dyDescent="0.25">
      <c r="A49678" t="s">
        <v>68005</v>
      </c>
      <c r="B49678" t="s">
        <v>68006</v>
      </c>
      <c r="C49678">
        <v>1</v>
      </c>
      <c r="D49678">
        <v>0</v>
      </c>
    </row>
    <row r="49679" spans="1:4" x14ac:dyDescent="0.25">
      <c r="A49679" t="s">
        <v>68005</v>
      </c>
      <c r="B49679" t="s">
        <v>68007</v>
      </c>
      <c r="C49679">
        <v>1</v>
      </c>
      <c r="D49679">
        <v>0</v>
      </c>
    </row>
    <row r="49680" spans="1:4" x14ac:dyDescent="0.25">
      <c r="A49680" t="s">
        <v>68005</v>
      </c>
      <c r="B49680" t="s">
        <v>68008</v>
      </c>
      <c r="C49680">
        <v>1</v>
      </c>
      <c r="D49680">
        <v>0</v>
      </c>
    </row>
    <row r="49681" spans="1:4" x14ac:dyDescent="0.25">
      <c r="A49681" t="s">
        <v>68005</v>
      </c>
      <c r="B49681" t="s">
        <v>68009</v>
      </c>
      <c r="C49681">
        <v>1</v>
      </c>
      <c r="D49681">
        <v>0</v>
      </c>
    </row>
    <row r="49682" spans="1:4" x14ac:dyDescent="0.25">
      <c r="A49682" t="s">
        <v>68010</v>
      </c>
      <c r="B49682" t="s">
        <v>68011</v>
      </c>
      <c r="C49682">
        <v>2</v>
      </c>
      <c r="D49682">
        <v>0</v>
      </c>
    </row>
    <row r="49683" spans="1:4" x14ac:dyDescent="0.25">
      <c r="A49683" t="s">
        <v>68010</v>
      </c>
      <c r="B49683" t="s">
        <v>68012</v>
      </c>
      <c r="C49683">
        <v>0</v>
      </c>
      <c r="D49683">
        <v>0</v>
      </c>
    </row>
    <row r="49684" spans="1:4" x14ac:dyDescent="0.25">
      <c r="A49684" t="s">
        <v>68010</v>
      </c>
      <c r="B49684" t="s">
        <v>68013</v>
      </c>
      <c r="C49684">
        <v>1</v>
      </c>
      <c r="D49684">
        <v>0</v>
      </c>
    </row>
    <row r="49685" spans="1:4" x14ac:dyDescent="0.25">
      <c r="A49685" t="s">
        <v>68010</v>
      </c>
      <c r="B49685" t="s">
        <v>68014</v>
      </c>
      <c r="C49685">
        <v>2</v>
      </c>
      <c r="D49685">
        <v>0</v>
      </c>
    </row>
    <row r="49686" spans="1:4" x14ac:dyDescent="0.25">
      <c r="A49686" t="s">
        <v>68015</v>
      </c>
      <c r="B49686" t="s">
        <v>68016</v>
      </c>
      <c r="C49686">
        <v>1</v>
      </c>
      <c r="D49686">
        <v>0</v>
      </c>
    </row>
    <row r="49687" spans="1:4" x14ac:dyDescent="0.25">
      <c r="A49687" t="s">
        <v>68015</v>
      </c>
      <c r="B49687" t="s">
        <v>68017</v>
      </c>
      <c r="C49687">
        <v>0</v>
      </c>
      <c r="D49687">
        <v>0</v>
      </c>
    </row>
    <row r="49688" spans="1:4" x14ac:dyDescent="0.25">
      <c r="A49688" t="s">
        <v>68015</v>
      </c>
      <c r="B49688" t="s">
        <v>68018</v>
      </c>
      <c r="C49688">
        <v>1</v>
      </c>
      <c r="D49688">
        <v>0</v>
      </c>
    </row>
    <row r="49689" spans="1:4" x14ac:dyDescent="0.25">
      <c r="A49689" t="s">
        <v>68015</v>
      </c>
      <c r="B49689" t="s">
        <v>68019</v>
      </c>
      <c r="C49689">
        <v>1</v>
      </c>
      <c r="D49689">
        <v>0</v>
      </c>
    </row>
    <row r="49690" spans="1:4" x14ac:dyDescent="0.25">
      <c r="A49690" t="s">
        <v>68020</v>
      </c>
      <c r="B49690" t="s">
        <v>68021</v>
      </c>
      <c r="C49690">
        <v>1</v>
      </c>
      <c r="D49690">
        <v>0</v>
      </c>
    </row>
    <row r="49691" spans="1:4" x14ac:dyDescent="0.25">
      <c r="A49691" t="s">
        <v>68020</v>
      </c>
      <c r="B49691" t="s">
        <v>68022</v>
      </c>
      <c r="C49691">
        <v>1</v>
      </c>
      <c r="D49691">
        <v>0</v>
      </c>
    </row>
    <row r="49692" spans="1:4" x14ac:dyDescent="0.25">
      <c r="A49692" t="s">
        <v>68020</v>
      </c>
      <c r="B49692" t="s">
        <v>5713</v>
      </c>
      <c r="C49692">
        <v>1</v>
      </c>
      <c r="D49692">
        <v>0</v>
      </c>
    </row>
    <row r="49693" spans="1:4" x14ac:dyDescent="0.25">
      <c r="A49693" t="s">
        <v>68020</v>
      </c>
      <c r="B49693" t="s">
        <v>68023</v>
      </c>
      <c r="C49693">
        <v>1</v>
      </c>
      <c r="D49693">
        <v>0</v>
      </c>
    </row>
    <row r="49694" spans="1:4" x14ac:dyDescent="0.25">
      <c r="A49694" t="s">
        <v>68020</v>
      </c>
      <c r="B49694" t="s">
        <v>68024</v>
      </c>
      <c r="C49694">
        <v>1</v>
      </c>
      <c r="D49694">
        <v>0</v>
      </c>
    </row>
    <row r="49695" spans="1:4" x14ac:dyDescent="0.25">
      <c r="A49695" t="s">
        <v>68025</v>
      </c>
      <c r="B49695" t="s">
        <v>68026</v>
      </c>
      <c r="C49695">
        <v>1</v>
      </c>
      <c r="D49695">
        <v>0</v>
      </c>
    </row>
    <row r="49696" spans="1:4" x14ac:dyDescent="0.25">
      <c r="A49696" t="s">
        <v>68025</v>
      </c>
      <c r="B49696" t="s">
        <v>68027</v>
      </c>
      <c r="C49696">
        <v>1</v>
      </c>
      <c r="D49696">
        <v>0</v>
      </c>
    </row>
    <row r="49697" spans="1:4" x14ac:dyDescent="0.25">
      <c r="A49697" t="s">
        <v>68028</v>
      </c>
      <c r="B49697" t="s">
        <v>49794</v>
      </c>
      <c r="C49697">
        <v>1</v>
      </c>
      <c r="D49697">
        <v>0</v>
      </c>
    </row>
    <row r="49698" spans="1:4" x14ac:dyDescent="0.25">
      <c r="A49698" t="s">
        <v>68028</v>
      </c>
      <c r="B49698" t="s">
        <v>53208</v>
      </c>
      <c r="C49698">
        <v>0</v>
      </c>
      <c r="D49698">
        <v>0</v>
      </c>
    </row>
    <row r="49699" spans="1:4" x14ac:dyDescent="0.25">
      <c r="A49699" t="s">
        <v>68028</v>
      </c>
      <c r="B49699" t="s">
        <v>19309</v>
      </c>
      <c r="C49699">
        <v>0</v>
      </c>
      <c r="D49699">
        <v>0</v>
      </c>
    </row>
    <row r="49700" spans="1:4" x14ac:dyDescent="0.25">
      <c r="A49700" t="s">
        <v>68028</v>
      </c>
      <c r="B49700" t="s">
        <v>49794</v>
      </c>
      <c r="C49700">
        <v>1</v>
      </c>
      <c r="D49700">
        <v>0</v>
      </c>
    </row>
    <row r="49701" spans="1:4" x14ac:dyDescent="0.25">
      <c r="A49701" t="s">
        <v>68029</v>
      </c>
      <c r="B49701" t="s">
        <v>68030</v>
      </c>
      <c r="C49701">
        <v>0</v>
      </c>
      <c r="D49701">
        <v>0</v>
      </c>
    </row>
    <row r="49702" spans="1:4" x14ac:dyDescent="0.25">
      <c r="A49702" t="s">
        <v>68029</v>
      </c>
      <c r="B49702" t="s">
        <v>68031</v>
      </c>
      <c r="C49702">
        <v>0</v>
      </c>
      <c r="D49702">
        <v>0</v>
      </c>
    </row>
    <row r="49703" spans="1:4" x14ac:dyDescent="0.25">
      <c r="A49703" t="s">
        <v>68029</v>
      </c>
      <c r="B49703" t="s">
        <v>68032</v>
      </c>
      <c r="C49703">
        <v>0</v>
      </c>
      <c r="D49703">
        <v>0</v>
      </c>
    </row>
    <row r="49704" spans="1:4" x14ac:dyDescent="0.25">
      <c r="A49704" t="s">
        <v>68029</v>
      </c>
      <c r="B49704" t="s">
        <v>68033</v>
      </c>
      <c r="C49704">
        <v>2</v>
      </c>
      <c r="D49704">
        <v>0</v>
      </c>
    </row>
    <row r="49705" spans="1:4" x14ac:dyDescent="0.25">
      <c r="A49705" t="s">
        <v>68029</v>
      </c>
      <c r="B49705" t="s">
        <v>68034</v>
      </c>
      <c r="C49705">
        <v>2</v>
      </c>
      <c r="D49705">
        <v>0</v>
      </c>
    </row>
    <row r="49706" spans="1:4" x14ac:dyDescent="0.25">
      <c r="A49706" t="s">
        <v>68029</v>
      </c>
      <c r="B49706" t="s">
        <v>68035</v>
      </c>
      <c r="C49706">
        <v>0</v>
      </c>
      <c r="D49706">
        <v>0</v>
      </c>
    </row>
    <row r="49707" spans="1:4" x14ac:dyDescent="0.25">
      <c r="A49707" t="s">
        <v>68029</v>
      </c>
      <c r="B49707" t="s">
        <v>68036</v>
      </c>
      <c r="C49707">
        <v>0</v>
      </c>
      <c r="D49707">
        <v>0</v>
      </c>
    </row>
    <row r="49708" spans="1:4" x14ac:dyDescent="0.25">
      <c r="A49708" t="s">
        <v>68037</v>
      </c>
      <c r="B49708" t="s">
        <v>68038</v>
      </c>
      <c r="C49708">
        <v>2</v>
      </c>
      <c r="D49708">
        <v>0</v>
      </c>
    </row>
    <row r="49709" spans="1:4" x14ac:dyDescent="0.25">
      <c r="A49709" t="s">
        <v>68037</v>
      </c>
      <c r="B49709" t="s">
        <v>68039</v>
      </c>
      <c r="C49709">
        <v>1</v>
      </c>
      <c r="D49709">
        <v>0</v>
      </c>
    </row>
    <row r="49710" spans="1:4" x14ac:dyDescent="0.25">
      <c r="A49710" t="s">
        <v>68037</v>
      </c>
      <c r="B49710" t="s">
        <v>68040</v>
      </c>
      <c r="C49710">
        <v>1</v>
      </c>
      <c r="D49710">
        <v>0</v>
      </c>
    </row>
    <row r="49711" spans="1:4" x14ac:dyDescent="0.25">
      <c r="A49711" t="s">
        <v>68037</v>
      </c>
      <c r="B49711" t="s">
        <v>68041</v>
      </c>
      <c r="C49711">
        <v>0</v>
      </c>
      <c r="D49711">
        <v>0</v>
      </c>
    </row>
    <row r="49712" spans="1:4" x14ac:dyDescent="0.25">
      <c r="A49712" t="s">
        <v>68037</v>
      </c>
      <c r="B49712" t="s">
        <v>68042</v>
      </c>
      <c r="C49712">
        <v>1</v>
      </c>
      <c r="D49712">
        <v>0</v>
      </c>
    </row>
    <row r="49713" spans="1:4" x14ac:dyDescent="0.25">
      <c r="A49713" t="s">
        <v>68037</v>
      </c>
      <c r="B49713" t="s">
        <v>65933</v>
      </c>
      <c r="C49713">
        <v>1</v>
      </c>
      <c r="D49713">
        <v>0</v>
      </c>
    </row>
    <row r="49714" spans="1:4" x14ac:dyDescent="0.25">
      <c r="A49714" t="s">
        <v>68037</v>
      </c>
      <c r="B49714" t="s">
        <v>68043</v>
      </c>
      <c r="C49714">
        <v>2</v>
      </c>
      <c r="D49714">
        <v>0</v>
      </c>
    </row>
    <row r="49715" spans="1:4" x14ac:dyDescent="0.25">
      <c r="A49715" t="s">
        <v>68037</v>
      </c>
      <c r="B49715" t="s">
        <v>68044</v>
      </c>
      <c r="C49715">
        <v>1</v>
      </c>
      <c r="D49715">
        <v>0</v>
      </c>
    </row>
    <row r="49716" spans="1:4" x14ac:dyDescent="0.25">
      <c r="A49716" t="s">
        <v>68037</v>
      </c>
      <c r="B49716" t="s">
        <v>68045</v>
      </c>
      <c r="C49716">
        <v>2</v>
      </c>
      <c r="D49716">
        <v>0</v>
      </c>
    </row>
    <row r="49717" spans="1:4" x14ac:dyDescent="0.25">
      <c r="A49717" t="s">
        <v>68046</v>
      </c>
      <c r="B49717" t="s">
        <v>68047</v>
      </c>
      <c r="C49717">
        <v>0</v>
      </c>
      <c r="D49717">
        <v>0</v>
      </c>
    </row>
    <row r="49718" spans="1:4" x14ac:dyDescent="0.25">
      <c r="A49718" t="s">
        <v>68048</v>
      </c>
      <c r="B49718" t="s">
        <v>68049</v>
      </c>
      <c r="C49718">
        <v>1</v>
      </c>
      <c r="D49718">
        <v>0</v>
      </c>
    </row>
    <row r="49719" spans="1:4" x14ac:dyDescent="0.25">
      <c r="A49719" t="s">
        <v>68050</v>
      </c>
      <c r="B49719" t="s">
        <v>68051</v>
      </c>
      <c r="C49719">
        <v>1</v>
      </c>
      <c r="D49719">
        <v>0</v>
      </c>
    </row>
    <row r="49720" spans="1:4" x14ac:dyDescent="0.25">
      <c r="A49720" t="s">
        <v>68050</v>
      </c>
      <c r="B49720" t="s">
        <v>68052</v>
      </c>
      <c r="C49720">
        <v>0</v>
      </c>
      <c r="D49720">
        <v>0</v>
      </c>
    </row>
    <row r="49721" spans="1:4" x14ac:dyDescent="0.25">
      <c r="A49721" t="s">
        <v>68050</v>
      </c>
      <c r="B49721" t="s">
        <v>68051</v>
      </c>
      <c r="C49721">
        <v>1</v>
      </c>
      <c r="D49721">
        <v>0</v>
      </c>
    </row>
    <row r="49722" spans="1:4" x14ac:dyDescent="0.25">
      <c r="A49722" t="s">
        <v>68050</v>
      </c>
      <c r="B49722" t="s">
        <v>2651</v>
      </c>
      <c r="C49722">
        <v>0</v>
      </c>
      <c r="D49722">
        <v>0</v>
      </c>
    </row>
    <row r="49723" spans="1:4" x14ac:dyDescent="0.25">
      <c r="A49723" t="s">
        <v>68053</v>
      </c>
      <c r="B49723" t="s">
        <v>68054</v>
      </c>
      <c r="C49723">
        <v>0</v>
      </c>
      <c r="D49723">
        <v>0</v>
      </c>
    </row>
    <row r="49724" spans="1:4" x14ac:dyDescent="0.25">
      <c r="A49724" t="s">
        <v>68053</v>
      </c>
      <c r="B49724" t="s">
        <v>68055</v>
      </c>
      <c r="C49724">
        <v>0</v>
      </c>
      <c r="D49724">
        <v>0</v>
      </c>
    </row>
    <row r="49725" spans="1:4" x14ac:dyDescent="0.25">
      <c r="A49725" t="s">
        <v>68056</v>
      </c>
      <c r="B49725" t="s">
        <v>68057</v>
      </c>
      <c r="C49725">
        <v>0</v>
      </c>
      <c r="D49725">
        <v>0</v>
      </c>
    </row>
    <row r="49726" spans="1:4" x14ac:dyDescent="0.25">
      <c r="A49726" t="s">
        <v>68056</v>
      </c>
      <c r="B49726" t="s">
        <v>68058</v>
      </c>
      <c r="C49726">
        <v>1</v>
      </c>
      <c r="D49726">
        <v>0</v>
      </c>
    </row>
    <row r="49727" spans="1:4" x14ac:dyDescent="0.25">
      <c r="A49727" t="s">
        <v>68056</v>
      </c>
      <c r="B49727" t="s">
        <v>68059</v>
      </c>
      <c r="C49727">
        <v>2</v>
      </c>
      <c r="D49727">
        <v>0</v>
      </c>
    </row>
    <row r="49728" spans="1:4" x14ac:dyDescent="0.25">
      <c r="A49728" t="s">
        <v>68056</v>
      </c>
      <c r="B49728" t="s">
        <v>68060</v>
      </c>
      <c r="C49728">
        <v>2</v>
      </c>
      <c r="D49728">
        <v>0</v>
      </c>
    </row>
    <row r="49729" spans="1:4" x14ac:dyDescent="0.25">
      <c r="A49729" t="s">
        <v>68061</v>
      </c>
      <c r="B49729" t="s">
        <v>68062</v>
      </c>
      <c r="C49729">
        <v>1</v>
      </c>
      <c r="D49729">
        <v>0</v>
      </c>
    </row>
    <row r="49730" spans="1:4" x14ac:dyDescent="0.25">
      <c r="A49730" t="s">
        <v>68061</v>
      </c>
      <c r="B49730" t="s">
        <v>68063</v>
      </c>
      <c r="C49730">
        <v>0</v>
      </c>
      <c r="D49730">
        <v>0</v>
      </c>
    </row>
    <row r="49731" spans="1:4" x14ac:dyDescent="0.25">
      <c r="A49731" t="s">
        <v>68061</v>
      </c>
      <c r="B49731" t="s">
        <v>68064</v>
      </c>
      <c r="C49731">
        <v>1</v>
      </c>
      <c r="D49731">
        <v>0</v>
      </c>
    </row>
    <row r="49732" spans="1:4" x14ac:dyDescent="0.25">
      <c r="A49732" t="s">
        <v>68061</v>
      </c>
      <c r="B49732" t="s">
        <v>68065</v>
      </c>
      <c r="C49732">
        <v>0</v>
      </c>
      <c r="D49732">
        <v>0</v>
      </c>
    </row>
    <row r="49733" spans="1:4" x14ac:dyDescent="0.25">
      <c r="A49733" t="s">
        <v>68061</v>
      </c>
      <c r="B49733" t="s">
        <v>68066</v>
      </c>
      <c r="C49733">
        <v>1</v>
      </c>
      <c r="D49733">
        <v>0</v>
      </c>
    </row>
    <row r="49734" spans="1:4" x14ac:dyDescent="0.25">
      <c r="A49734" t="s">
        <v>68061</v>
      </c>
      <c r="B49734" t="s">
        <v>68067</v>
      </c>
      <c r="C49734">
        <v>2</v>
      </c>
      <c r="D49734">
        <v>0</v>
      </c>
    </row>
    <row r="49735" spans="1:4" x14ac:dyDescent="0.25">
      <c r="A49735" t="s">
        <v>68068</v>
      </c>
      <c r="B49735" t="s">
        <v>68069</v>
      </c>
      <c r="C49735">
        <v>0</v>
      </c>
      <c r="D49735">
        <v>0</v>
      </c>
    </row>
    <row r="49736" spans="1:4" x14ac:dyDescent="0.25">
      <c r="A49736" t="s">
        <v>68068</v>
      </c>
      <c r="B49736" t="s">
        <v>68070</v>
      </c>
      <c r="C49736">
        <v>1</v>
      </c>
      <c r="D49736">
        <v>0</v>
      </c>
    </row>
    <row r="49737" spans="1:4" x14ac:dyDescent="0.25">
      <c r="A49737" t="s">
        <v>68068</v>
      </c>
      <c r="B49737" t="s">
        <v>68071</v>
      </c>
      <c r="C49737">
        <v>0</v>
      </c>
      <c r="D49737">
        <v>0</v>
      </c>
    </row>
    <row r="49738" spans="1:4" x14ac:dyDescent="0.25">
      <c r="A49738" t="s">
        <v>68068</v>
      </c>
      <c r="B49738" t="s">
        <v>68072</v>
      </c>
      <c r="C49738">
        <v>1</v>
      </c>
      <c r="D49738">
        <v>0</v>
      </c>
    </row>
    <row r="49739" spans="1:4" x14ac:dyDescent="0.25">
      <c r="A49739" t="s">
        <v>68068</v>
      </c>
      <c r="B49739" t="s">
        <v>68073</v>
      </c>
      <c r="C49739">
        <v>0</v>
      </c>
      <c r="D49739">
        <v>0</v>
      </c>
    </row>
    <row r="49740" spans="1:4" x14ac:dyDescent="0.25">
      <c r="A49740" t="s">
        <v>68068</v>
      </c>
      <c r="B49740" t="s">
        <v>68074</v>
      </c>
      <c r="C49740">
        <v>1</v>
      </c>
      <c r="D49740">
        <v>0</v>
      </c>
    </row>
    <row r="49741" spans="1:4" x14ac:dyDescent="0.25">
      <c r="A49741" t="s">
        <v>68075</v>
      </c>
      <c r="B49741" t="s">
        <v>68076</v>
      </c>
      <c r="C49741">
        <v>1</v>
      </c>
      <c r="D49741">
        <v>0</v>
      </c>
    </row>
    <row r="49742" spans="1:4" x14ac:dyDescent="0.25">
      <c r="A49742" t="s">
        <v>68075</v>
      </c>
      <c r="B49742" t="s">
        <v>11075</v>
      </c>
      <c r="C49742">
        <v>1</v>
      </c>
      <c r="D49742">
        <v>0</v>
      </c>
    </row>
    <row r="49743" spans="1:4" x14ac:dyDescent="0.25">
      <c r="A49743" t="s">
        <v>68075</v>
      </c>
      <c r="B49743" t="s">
        <v>2651</v>
      </c>
      <c r="C49743">
        <v>0</v>
      </c>
      <c r="D49743">
        <v>0</v>
      </c>
    </row>
    <row r="49744" spans="1:4" x14ac:dyDescent="0.25">
      <c r="A49744" t="s">
        <v>68077</v>
      </c>
      <c r="B49744" t="s">
        <v>68078</v>
      </c>
      <c r="C49744">
        <v>1</v>
      </c>
      <c r="D49744">
        <v>0</v>
      </c>
    </row>
    <row r="49745" spans="1:4" x14ac:dyDescent="0.25">
      <c r="A49745" t="s">
        <v>68077</v>
      </c>
      <c r="B49745" t="s">
        <v>68079</v>
      </c>
      <c r="C49745">
        <v>1</v>
      </c>
      <c r="D49745">
        <v>0</v>
      </c>
    </row>
    <row r="49746" spans="1:4" x14ac:dyDescent="0.25">
      <c r="A49746" t="s">
        <v>68077</v>
      </c>
      <c r="B49746" t="s">
        <v>68080</v>
      </c>
      <c r="C49746">
        <v>2</v>
      </c>
      <c r="D49746">
        <v>0</v>
      </c>
    </row>
    <row r="49747" spans="1:4" x14ac:dyDescent="0.25">
      <c r="A49747" t="s">
        <v>68077</v>
      </c>
      <c r="B49747" t="s">
        <v>68081</v>
      </c>
      <c r="C49747">
        <v>1</v>
      </c>
      <c r="D49747">
        <v>0</v>
      </c>
    </row>
    <row r="49748" spans="1:4" x14ac:dyDescent="0.25">
      <c r="A49748" t="s">
        <v>68077</v>
      </c>
      <c r="B49748" t="s">
        <v>68082</v>
      </c>
      <c r="C49748">
        <v>1</v>
      </c>
      <c r="D49748">
        <v>0</v>
      </c>
    </row>
    <row r="49749" spans="1:4" x14ac:dyDescent="0.25">
      <c r="A49749" t="s">
        <v>68077</v>
      </c>
      <c r="B49749" t="s">
        <v>68083</v>
      </c>
      <c r="C49749">
        <v>0</v>
      </c>
      <c r="D49749">
        <v>0</v>
      </c>
    </row>
    <row r="49750" spans="1:4" x14ac:dyDescent="0.25">
      <c r="A49750" t="s">
        <v>68084</v>
      </c>
      <c r="B49750" t="s">
        <v>68085</v>
      </c>
      <c r="C49750">
        <v>0</v>
      </c>
      <c r="D49750">
        <v>0</v>
      </c>
    </row>
    <row r="49751" spans="1:4" x14ac:dyDescent="0.25">
      <c r="A49751" t="s">
        <v>68084</v>
      </c>
      <c r="B49751" t="s">
        <v>68086</v>
      </c>
      <c r="C49751">
        <v>0</v>
      </c>
      <c r="D49751">
        <v>0</v>
      </c>
    </row>
    <row r="49752" spans="1:4" x14ac:dyDescent="0.25">
      <c r="A49752" t="s">
        <v>68084</v>
      </c>
      <c r="B49752" t="s">
        <v>68087</v>
      </c>
      <c r="C49752">
        <v>0</v>
      </c>
      <c r="D49752">
        <v>0</v>
      </c>
    </row>
    <row r="49753" spans="1:4" x14ac:dyDescent="0.25">
      <c r="A49753" t="s">
        <v>68084</v>
      </c>
      <c r="B49753" t="s">
        <v>68088</v>
      </c>
      <c r="C49753">
        <v>0</v>
      </c>
      <c r="D49753">
        <v>0</v>
      </c>
    </row>
    <row r="49754" spans="1:4" x14ac:dyDescent="0.25">
      <c r="A49754" t="s">
        <v>68084</v>
      </c>
      <c r="B49754" t="s">
        <v>68089</v>
      </c>
      <c r="C49754">
        <v>0</v>
      </c>
      <c r="D49754">
        <v>0</v>
      </c>
    </row>
    <row r="49755" spans="1:4" x14ac:dyDescent="0.25">
      <c r="A49755" t="s">
        <v>68084</v>
      </c>
      <c r="B49755" t="s">
        <v>68090</v>
      </c>
      <c r="C49755">
        <v>0</v>
      </c>
      <c r="D49755">
        <v>0</v>
      </c>
    </row>
    <row r="49756" spans="1:4" x14ac:dyDescent="0.25">
      <c r="A49756" t="s">
        <v>68091</v>
      </c>
      <c r="B49756" t="s">
        <v>68092</v>
      </c>
      <c r="C49756">
        <v>2</v>
      </c>
      <c r="D49756">
        <v>0</v>
      </c>
    </row>
    <row r="49757" spans="1:4" x14ac:dyDescent="0.25">
      <c r="A49757" t="s">
        <v>68091</v>
      </c>
      <c r="B49757" t="s">
        <v>68093</v>
      </c>
      <c r="C49757">
        <v>1</v>
      </c>
      <c r="D49757">
        <v>0</v>
      </c>
    </row>
    <row r="49758" spans="1:4" x14ac:dyDescent="0.25">
      <c r="A49758" t="s">
        <v>68091</v>
      </c>
      <c r="B49758" t="s">
        <v>68094</v>
      </c>
      <c r="C49758">
        <v>1</v>
      </c>
      <c r="D49758">
        <v>0</v>
      </c>
    </row>
    <row r="49759" spans="1:4" x14ac:dyDescent="0.25">
      <c r="A49759" t="s">
        <v>68091</v>
      </c>
      <c r="B49759" t="s">
        <v>68095</v>
      </c>
      <c r="C49759">
        <v>1</v>
      </c>
      <c r="D49759">
        <v>0</v>
      </c>
    </row>
    <row r="49760" spans="1:4" x14ac:dyDescent="0.25">
      <c r="A49760" t="s">
        <v>68096</v>
      </c>
      <c r="B49760" t="s">
        <v>68097</v>
      </c>
      <c r="C49760">
        <v>1</v>
      </c>
      <c r="D49760">
        <v>0</v>
      </c>
    </row>
    <row r="49761" spans="1:4" x14ac:dyDescent="0.25">
      <c r="A49761" t="s">
        <v>68096</v>
      </c>
      <c r="B49761" t="s">
        <v>68098</v>
      </c>
      <c r="C49761">
        <v>0</v>
      </c>
      <c r="D49761">
        <v>0</v>
      </c>
    </row>
    <row r="49762" spans="1:4" x14ac:dyDescent="0.25">
      <c r="A49762" t="s">
        <v>68096</v>
      </c>
      <c r="B49762" t="s">
        <v>68099</v>
      </c>
      <c r="C49762">
        <v>0</v>
      </c>
      <c r="D49762">
        <v>0</v>
      </c>
    </row>
    <row r="49763" spans="1:4" x14ac:dyDescent="0.25">
      <c r="A49763" t="s">
        <v>68096</v>
      </c>
      <c r="B49763" t="s">
        <v>11948</v>
      </c>
      <c r="C49763">
        <v>0</v>
      </c>
      <c r="D49763">
        <v>0</v>
      </c>
    </row>
    <row r="49764" spans="1:4" x14ac:dyDescent="0.25">
      <c r="A49764" t="s">
        <v>68096</v>
      </c>
      <c r="B49764" t="s">
        <v>68100</v>
      </c>
      <c r="C49764">
        <v>0</v>
      </c>
      <c r="D49764">
        <v>0</v>
      </c>
    </row>
    <row r="49765" spans="1:4" x14ac:dyDescent="0.25">
      <c r="A49765" t="s">
        <v>68101</v>
      </c>
      <c r="B49765" t="s">
        <v>68102</v>
      </c>
      <c r="C49765">
        <v>0</v>
      </c>
      <c r="D49765">
        <v>0</v>
      </c>
    </row>
    <row r="49766" spans="1:4" x14ac:dyDescent="0.25">
      <c r="A49766" t="s">
        <v>68101</v>
      </c>
      <c r="B49766" t="s">
        <v>68103</v>
      </c>
      <c r="C49766">
        <v>2</v>
      </c>
      <c r="D49766">
        <v>0</v>
      </c>
    </row>
    <row r="49767" spans="1:4" x14ac:dyDescent="0.25">
      <c r="A49767" t="s">
        <v>68104</v>
      </c>
      <c r="B49767" t="s">
        <v>68105</v>
      </c>
      <c r="C49767">
        <v>1</v>
      </c>
      <c r="D49767">
        <v>0</v>
      </c>
    </row>
    <row r="49768" spans="1:4" x14ac:dyDescent="0.25">
      <c r="A49768" t="s">
        <v>68106</v>
      </c>
      <c r="B49768" t="s">
        <v>68107</v>
      </c>
      <c r="C49768">
        <v>1</v>
      </c>
      <c r="D49768">
        <v>0</v>
      </c>
    </row>
    <row r="49769" spans="1:4" x14ac:dyDescent="0.25">
      <c r="A49769" t="s">
        <v>68106</v>
      </c>
      <c r="B49769" t="s">
        <v>68108</v>
      </c>
      <c r="C49769">
        <v>1</v>
      </c>
      <c r="D49769">
        <v>0</v>
      </c>
    </row>
    <row r="49770" spans="1:4" x14ac:dyDescent="0.25">
      <c r="A49770" t="s">
        <v>68106</v>
      </c>
      <c r="B49770" t="s">
        <v>68109</v>
      </c>
      <c r="C49770">
        <v>1</v>
      </c>
      <c r="D49770">
        <v>0</v>
      </c>
    </row>
    <row r="49771" spans="1:4" x14ac:dyDescent="0.25">
      <c r="A49771" t="s">
        <v>68106</v>
      </c>
      <c r="B49771" t="s">
        <v>68110</v>
      </c>
      <c r="C49771">
        <v>1</v>
      </c>
      <c r="D49771">
        <v>0</v>
      </c>
    </row>
    <row r="49772" spans="1:4" x14ac:dyDescent="0.25">
      <c r="A49772" t="s">
        <v>68106</v>
      </c>
      <c r="B49772" t="s">
        <v>68111</v>
      </c>
      <c r="C49772">
        <v>1</v>
      </c>
      <c r="D49772">
        <v>0</v>
      </c>
    </row>
    <row r="49773" spans="1:4" x14ac:dyDescent="0.25">
      <c r="A49773" t="s">
        <v>68112</v>
      </c>
      <c r="B49773" t="s">
        <v>68113</v>
      </c>
      <c r="C49773">
        <v>1</v>
      </c>
      <c r="D49773">
        <v>0</v>
      </c>
    </row>
    <row r="49774" spans="1:4" x14ac:dyDescent="0.25">
      <c r="A49774" t="s">
        <v>68112</v>
      </c>
      <c r="B49774" t="s">
        <v>68114</v>
      </c>
      <c r="C49774">
        <v>1</v>
      </c>
      <c r="D49774">
        <v>0</v>
      </c>
    </row>
    <row r="49775" spans="1:4" x14ac:dyDescent="0.25">
      <c r="A49775" t="s">
        <v>68112</v>
      </c>
      <c r="B49775" t="s">
        <v>68115</v>
      </c>
      <c r="C49775">
        <v>1</v>
      </c>
      <c r="D49775">
        <v>0</v>
      </c>
    </row>
    <row r="49776" spans="1:4" x14ac:dyDescent="0.25">
      <c r="A49776" t="s">
        <v>68112</v>
      </c>
      <c r="B49776" t="s">
        <v>68116</v>
      </c>
      <c r="C49776">
        <v>1</v>
      </c>
      <c r="D49776">
        <v>0</v>
      </c>
    </row>
    <row r="49777" spans="1:4" x14ac:dyDescent="0.25">
      <c r="A49777" t="s">
        <v>68112</v>
      </c>
      <c r="B49777" t="s">
        <v>68117</v>
      </c>
      <c r="C49777">
        <v>1</v>
      </c>
      <c r="D49777">
        <v>0</v>
      </c>
    </row>
    <row r="49778" spans="1:4" x14ac:dyDescent="0.25">
      <c r="A49778" t="s">
        <v>68118</v>
      </c>
      <c r="B49778" t="s">
        <v>68119</v>
      </c>
      <c r="C49778">
        <v>0</v>
      </c>
      <c r="D49778">
        <v>0</v>
      </c>
    </row>
    <row r="49779" spans="1:4" x14ac:dyDescent="0.25">
      <c r="A49779" t="s">
        <v>68118</v>
      </c>
      <c r="B49779" t="s">
        <v>68120</v>
      </c>
      <c r="C49779">
        <v>1</v>
      </c>
      <c r="D49779">
        <v>0</v>
      </c>
    </row>
    <row r="49780" spans="1:4" x14ac:dyDescent="0.25">
      <c r="A49780" t="s">
        <v>68118</v>
      </c>
      <c r="B49780" t="s">
        <v>68121</v>
      </c>
      <c r="C49780">
        <v>1</v>
      </c>
      <c r="D49780">
        <v>0</v>
      </c>
    </row>
    <row r="49781" spans="1:4" x14ac:dyDescent="0.25">
      <c r="A49781" t="s">
        <v>68118</v>
      </c>
      <c r="B49781" t="s">
        <v>68122</v>
      </c>
      <c r="C49781">
        <v>0</v>
      </c>
      <c r="D49781">
        <v>0</v>
      </c>
    </row>
    <row r="49782" spans="1:4" x14ac:dyDescent="0.25">
      <c r="A49782" t="s">
        <v>68123</v>
      </c>
      <c r="B49782" t="s">
        <v>68124</v>
      </c>
      <c r="C49782">
        <v>1</v>
      </c>
      <c r="D49782">
        <v>0</v>
      </c>
    </row>
    <row r="49783" spans="1:4" x14ac:dyDescent="0.25">
      <c r="A49783" t="s">
        <v>68123</v>
      </c>
      <c r="B49783" t="s">
        <v>68125</v>
      </c>
      <c r="C49783">
        <v>0</v>
      </c>
      <c r="D49783">
        <v>0</v>
      </c>
    </row>
    <row r="49784" spans="1:4" x14ac:dyDescent="0.25">
      <c r="A49784" t="s">
        <v>68123</v>
      </c>
      <c r="B49784" t="s">
        <v>68126</v>
      </c>
      <c r="C49784">
        <v>0</v>
      </c>
      <c r="D49784">
        <v>0</v>
      </c>
    </row>
    <row r="49785" spans="1:4" x14ac:dyDescent="0.25">
      <c r="A49785" t="s">
        <v>68123</v>
      </c>
      <c r="B49785" t="s">
        <v>68127</v>
      </c>
      <c r="C49785">
        <v>1</v>
      </c>
      <c r="D49785">
        <v>0</v>
      </c>
    </row>
    <row r="49786" spans="1:4" x14ac:dyDescent="0.25">
      <c r="A49786" t="s">
        <v>68123</v>
      </c>
      <c r="B49786" t="s">
        <v>68128</v>
      </c>
      <c r="C49786">
        <v>1</v>
      </c>
      <c r="D49786">
        <v>0</v>
      </c>
    </row>
    <row r="49787" spans="1:4" x14ac:dyDescent="0.25">
      <c r="A49787" t="s">
        <v>68123</v>
      </c>
      <c r="B49787" t="s">
        <v>68129</v>
      </c>
      <c r="C49787">
        <v>1</v>
      </c>
      <c r="D49787">
        <v>0</v>
      </c>
    </row>
    <row r="49788" spans="1:4" x14ac:dyDescent="0.25">
      <c r="A49788" t="s">
        <v>68123</v>
      </c>
      <c r="B49788" t="s">
        <v>68130</v>
      </c>
      <c r="C49788">
        <v>0</v>
      </c>
      <c r="D49788">
        <v>0</v>
      </c>
    </row>
    <row r="49789" spans="1:4" x14ac:dyDescent="0.25">
      <c r="A49789" t="s">
        <v>68131</v>
      </c>
      <c r="B49789" t="s">
        <v>68132</v>
      </c>
      <c r="C49789">
        <v>0</v>
      </c>
      <c r="D49789">
        <v>0</v>
      </c>
    </row>
    <row r="49790" spans="1:4" x14ac:dyDescent="0.25">
      <c r="A49790" t="s">
        <v>68133</v>
      </c>
      <c r="B49790" t="s">
        <v>68134</v>
      </c>
      <c r="C49790">
        <v>1</v>
      </c>
      <c r="D49790">
        <v>0</v>
      </c>
    </row>
    <row r="49791" spans="1:4" x14ac:dyDescent="0.25">
      <c r="A49791" t="s">
        <v>68133</v>
      </c>
      <c r="B49791" t="s">
        <v>11948</v>
      </c>
      <c r="C49791">
        <v>0</v>
      </c>
      <c r="D49791">
        <v>0</v>
      </c>
    </row>
    <row r="49792" spans="1:4" x14ac:dyDescent="0.25">
      <c r="A49792" t="s">
        <v>68133</v>
      </c>
      <c r="B49792" t="s">
        <v>68135</v>
      </c>
      <c r="C49792">
        <v>1</v>
      </c>
      <c r="D49792">
        <v>0</v>
      </c>
    </row>
    <row r="49793" spans="1:4" x14ac:dyDescent="0.25">
      <c r="A49793" t="s">
        <v>68133</v>
      </c>
      <c r="B49793" t="s">
        <v>68136</v>
      </c>
      <c r="C49793">
        <v>1</v>
      </c>
      <c r="D49793">
        <v>0</v>
      </c>
    </row>
    <row r="49794" spans="1:4" x14ac:dyDescent="0.25">
      <c r="A49794" t="s">
        <v>68133</v>
      </c>
      <c r="B49794" t="s">
        <v>5864</v>
      </c>
      <c r="C49794">
        <v>1</v>
      </c>
      <c r="D49794">
        <v>0</v>
      </c>
    </row>
    <row r="49795" spans="1:4" x14ac:dyDescent="0.25">
      <c r="A49795" t="s">
        <v>68133</v>
      </c>
      <c r="B49795" t="s">
        <v>68137</v>
      </c>
      <c r="C49795">
        <v>1</v>
      </c>
      <c r="D49795">
        <v>0</v>
      </c>
    </row>
    <row r="49796" spans="1:4" x14ac:dyDescent="0.25">
      <c r="A49796" t="s">
        <v>68133</v>
      </c>
      <c r="B49796" t="s">
        <v>68138</v>
      </c>
      <c r="C49796">
        <v>1</v>
      </c>
      <c r="D49796">
        <v>0</v>
      </c>
    </row>
    <row r="49797" spans="1:4" x14ac:dyDescent="0.25">
      <c r="A49797" t="s">
        <v>68133</v>
      </c>
      <c r="B49797" t="s">
        <v>68139</v>
      </c>
      <c r="C49797">
        <v>1</v>
      </c>
      <c r="D49797">
        <v>0</v>
      </c>
    </row>
    <row r="49798" spans="1:4" x14ac:dyDescent="0.25">
      <c r="A49798" t="s">
        <v>68140</v>
      </c>
      <c r="B49798" t="s">
        <v>68141</v>
      </c>
      <c r="C49798">
        <v>1</v>
      </c>
      <c r="D49798">
        <v>0</v>
      </c>
    </row>
    <row r="49799" spans="1:4" x14ac:dyDescent="0.25">
      <c r="A49799" t="s">
        <v>68142</v>
      </c>
      <c r="B49799" t="s">
        <v>5434</v>
      </c>
      <c r="C49799">
        <v>1</v>
      </c>
      <c r="D49799">
        <v>0</v>
      </c>
    </row>
    <row r="49800" spans="1:4" x14ac:dyDescent="0.25">
      <c r="A49800" t="s">
        <v>68143</v>
      </c>
      <c r="B49800" t="s">
        <v>6837</v>
      </c>
      <c r="C49800">
        <v>1</v>
      </c>
      <c r="D49800">
        <v>0</v>
      </c>
    </row>
    <row r="49801" spans="1:4" x14ac:dyDescent="0.25">
      <c r="A49801" t="s">
        <v>68143</v>
      </c>
      <c r="B49801" t="s">
        <v>68144</v>
      </c>
      <c r="C49801">
        <v>0</v>
      </c>
      <c r="D49801">
        <v>0</v>
      </c>
    </row>
    <row r="49802" spans="1:4" x14ac:dyDescent="0.25">
      <c r="A49802" t="s">
        <v>68143</v>
      </c>
      <c r="B49802" t="s">
        <v>5047</v>
      </c>
      <c r="C49802">
        <v>1</v>
      </c>
      <c r="D49802">
        <v>0</v>
      </c>
    </row>
    <row r="49803" spans="1:4" x14ac:dyDescent="0.25">
      <c r="A49803" t="s">
        <v>68143</v>
      </c>
      <c r="B49803" t="s">
        <v>6837</v>
      </c>
      <c r="C49803">
        <v>0</v>
      </c>
      <c r="D49803">
        <v>0</v>
      </c>
    </row>
    <row r="49804" spans="1:4" x14ac:dyDescent="0.25">
      <c r="A49804" t="s">
        <v>68143</v>
      </c>
      <c r="B49804" t="s">
        <v>46710</v>
      </c>
      <c r="C49804">
        <v>0</v>
      </c>
      <c r="D49804">
        <v>0</v>
      </c>
    </row>
    <row r="49805" spans="1:4" x14ac:dyDescent="0.25">
      <c r="A49805" t="s">
        <v>68145</v>
      </c>
      <c r="B49805" t="s">
        <v>68146</v>
      </c>
      <c r="C49805">
        <v>1</v>
      </c>
      <c r="D49805">
        <v>0</v>
      </c>
    </row>
    <row r="49806" spans="1:4" x14ac:dyDescent="0.25">
      <c r="A49806" t="s">
        <v>68145</v>
      </c>
      <c r="B49806" t="s">
        <v>68147</v>
      </c>
      <c r="C49806">
        <v>2</v>
      </c>
      <c r="D49806">
        <v>0</v>
      </c>
    </row>
    <row r="49807" spans="1:4" x14ac:dyDescent="0.25">
      <c r="A49807" t="s">
        <v>68145</v>
      </c>
      <c r="B49807" t="s">
        <v>68148</v>
      </c>
      <c r="C49807">
        <v>1</v>
      </c>
      <c r="D49807">
        <v>0</v>
      </c>
    </row>
    <row r="49808" spans="1:4" x14ac:dyDescent="0.25">
      <c r="A49808" t="s">
        <v>68145</v>
      </c>
      <c r="B49808" t="s">
        <v>68149</v>
      </c>
      <c r="C49808">
        <v>1</v>
      </c>
      <c r="D49808">
        <v>0</v>
      </c>
    </row>
    <row r="49809" spans="1:4" x14ac:dyDescent="0.25">
      <c r="A49809" t="s">
        <v>68150</v>
      </c>
      <c r="B49809" t="s">
        <v>68151</v>
      </c>
      <c r="C49809">
        <v>2</v>
      </c>
      <c r="D49809">
        <v>0</v>
      </c>
    </row>
    <row r="49810" spans="1:4" x14ac:dyDescent="0.25">
      <c r="A49810" t="s">
        <v>68150</v>
      </c>
      <c r="B49810" t="s">
        <v>68152</v>
      </c>
      <c r="C49810">
        <v>2</v>
      </c>
      <c r="D49810">
        <v>0</v>
      </c>
    </row>
    <row r="49811" spans="1:4" x14ac:dyDescent="0.25">
      <c r="A49811" t="s">
        <v>68150</v>
      </c>
      <c r="B49811" t="s">
        <v>68153</v>
      </c>
      <c r="C49811">
        <v>1</v>
      </c>
      <c r="D49811">
        <v>0</v>
      </c>
    </row>
    <row r="49812" spans="1:4" x14ac:dyDescent="0.25">
      <c r="A49812" t="s">
        <v>68150</v>
      </c>
      <c r="B49812" t="s">
        <v>68154</v>
      </c>
      <c r="C49812">
        <v>1</v>
      </c>
      <c r="D49812">
        <v>0</v>
      </c>
    </row>
    <row r="49813" spans="1:4" x14ac:dyDescent="0.25">
      <c r="A49813" t="s">
        <v>68155</v>
      </c>
      <c r="B49813" t="s">
        <v>68156</v>
      </c>
      <c r="C49813">
        <v>0</v>
      </c>
      <c r="D49813">
        <v>0</v>
      </c>
    </row>
    <row r="49814" spans="1:4" x14ac:dyDescent="0.25">
      <c r="A49814" t="s">
        <v>68155</v>
      </c>
      <c r="B49814" t="s">
        <v>68157</v>
      </c>
      <c r="C49814">
        <v>1</v>
      </c>
      <c r="D49814">
        <v>0</v>
      </c>
    </row>
    <row r="49815" spans="1:4" x14ac:dyDescent="0.25">
      <c r="A49815" t="s">
        <v>68155</v>
      </c>
      <c r="B49815" t="s">
        <v>68158</v>
      </c>
      <c r="C49815">
        <v>0</v>
      </c>
      <c r="D49815">
        <v>0</v>
      </c>
    </row>
    <row r="49816" spans="1:4" x14ac:dyDescent="0.25">
      <c r="A49816" t="s">
        <v>68155</v>
      </c>
      <c r="B49816" t="s">
        <v>68159</v>
      </c>
      <c r="C49816">
        <v>0</v>
      </c>
      <c r="D49816">
        <v>0</v>
      </c>
    </row>
    <row r="49817" spans="1:4" x14ac:dyDescent="0.25">
      <c r="A49817" t="s">
        <v>68160</v>
      </c>
      <c r="B49817" t="s">
        <v>68161</v>
      </c>
      <c r="C49817">
        <v>0</v>
      </c>
      <c r="D49817">
        <v>0</v>
      </c>
    </row>
    <row r="49818" spans="1:4" x14ac:dyDescent="0.25">
      <c r="A49818" t="s">
        <v>68160</v>
      </c>
      <c r="B49818" t="s">
        <v>68162</v>
      </c>
      <c r="C49818">
        <v>2</v>
      </c>
      <c r="D49818">
        <v>0</v>
      </c>
    </row>
    <row r="49819" spans="1:4" x14ac:dyDescent="0.25">
      <c r="A49819" t="s">
        <v>68160</v>
      </c>
      <c r="B49819" t="s">
        <v>68163</v>
      </c>
      <c r="C49819">
        <v>0</v>
      </c>
      <c r="D49819">
        <v>0</v>
      </c>
    </row>
    <row r="49820" spans="1:4" x14ac:dyDescent="0.25">
      <c r="A49820" t="s">
        <v>68160</v>
      </c>
      <c r="B49820" t="s">
        <v>68164</v>
      </c>
      <c r="C49820">
        <v>0</v>
      </c>
      <c r="D49820">
        <v>0</v>
      </c>
    </row>
    <row r="49821" spans="1:4" x14ac:dyDescent="0.25">
      <c r="A49821" t="s">
        <v>68160</v>
      </c>
      <c r="B49821" t="s">
        <v>68165</v>
      </c>
      <c r="C49821">
        <v>0</v>
      </c>
      <c r="D49821">
        <v>0</v>
      </c>
    </row>
    <row r="49822" spans="1:4" x14ac:dyDescent="0.25">
      <c r="A49822" t="s">
        <v>68160</v>
      </c>
      <c r="B49822" t="s">
        <v>68166</v>
      </c>
      <c r="C49822">
        <v>0</v>
      </c>
      <c r="D49822">
        <v>0</v>
      </c>
    </row>
    <row r="49823" spans="1:4" x14ac:dyDescent="0.25">
      <c r="A49823" t="s">
        <v>68167</v>
      </c>
      <c r="B49823" t="s">
        <v>68168</v>
      </c>
      <c r="C49823">
        <v>1</v>
      </c>
      <c r="D49823">
        <v>0</v>
      </c>
    </row>
    <row r="49824" spans="1:4" x14ac:dyDescent="0.25">
      <c r="A49824" t="s">
        <v>68167</v>
      </c>
      <c r="B49824" t="s">
        <v>68169</v>
      </c>
      <c r="C49824">
        <v>1</v>
      </c>
      <c r="D49824">
        <v>0</v>
      </c>
    </row>
    <row r="49825" spans="1:4" x14ac:dyDescent="0.25">
      <c r="A49825" t="s">
        <v>68167</v>
      </c>
      <c r="B49825" t="s">
        <v>68170</v>
      </c>
      <c r="C49825">
        <v>1</v>
      </c>
      <c r="D49825">
        <v>0</v>
      </c>
    </row>
    <row r="49826" spans="1:4" x14ac:dyDescent="0.25">
      <c r="A49826" t="s">
        <v>68171</v>
      </c>
      <c r="B49826" t="s">
        <v>68172</v>
      </c>
      <c r="C49826">
        <v>1</v>
      </c>
      <c r="D49826">
        <v>0</v>
      </c>
    </row>
    <row r="49827" spans="1:4" x14ac:dyDescent="0.25">
      <c r="A49827" t="s">
        <v>68171</v>
      </c>
      <c r="B49827" t="s">
        <v>68173</v>
      </c>
      <c r="C49827">
        <v>0</v>
      </c>
      <c r="D49827">
        <v>0</v>
      </c>
    </row>
    <row r="49828" spans="1:4" x14ac:dyDescent="0.25">
      <c r="A49828" t="s">
        <v>68171</v>
      </c>
      <c r="B49828" t="s">
        <v>68174</v>
      </c>
      <c r="C49828">
        <v>1</v>
      </c>
      <c r="D49828">
        <v>0</v>
      </c>
    </row>
    <row r="49829" spans="1:4" x14ac:dyDescent="0.25">
      <c r="A49829" t="s">
        <v>68171</v>
      </c>
      <c r="B49829" t="s">
        <v>68175</v>
      </c>
      <c r="C49829">
        <v>1</v>
      </c>
      <c r="D49829">
        <v>0</v>
      </c>
    </row>
    <row r="49830" spans="1:4" x14ac:dyDescent="0.25">
      <c r="A49830" t="s">
        <v>68176</v>
      </c>
      <c r="B49830" t="s">
        <v>68177</v>
      </c>
      <c r="C49830">
        <v>1</v>
      </c>
      <c r="D49830">
        <v>0</v>
      </c>
    </row>
    <row r="49831" spans="1:4" x14ac:dyDescent="0.25">
      <c r="A49831" t="s">
        <v>68176</v>
      </c>
      <c r="B49831" t="s">
        <v>68178</v>
      </c>
      <c r="C49831">
        <v>2</v>
      </c>
      <c r="D49831">
        <v>0</v>
      </c>
    </row>
    <row r="49832" spans="1:4" x14ac:dyDescent="0.25">
      <c r="A49832" t="s">
        <v>68176</v>
      </c>
      <c r="B49832" t="s">
        <v>68179</v>
      </c>
      <c r="C49832">
        <v>1</v>
      </c>
      <c r="D49832">
        <v>0</v>
      </c>
    </row>
    <row r="49833" spans="1:4" x14ac:dyDescent="0.25">
      <c r="A49833" t="s">
        <v>68176</v>
      </c>
      <c r="B49833" t="s">
        <v>68180</v>
      </c>
      <c r="C49833">
        <v>2</v>
      </c>
      <c r="D49833">
        <v>0</v>
      </c>
    </row>
    <row r="49834" spans="1:4" x14ac:dyDescent="0.25">
      <c r="A49834" t="s">
        <v>68181</v>
      </c>
      <c r="B49834" t="s">
        <v>68182</v>
      </c>
      <c r="C49834">
        <v>1</v>
      </c>
      <c r="D49834">
        <v>0</v>
      </c>
    </row>
    <row r="49835" spans="1:4" x14ac:dyDescent="0.25">
      <c r="A49835" t="s">
        <v>68181</v>
      </c>
      <c r="B49835" t="s">
        <v>68183</v>
      </c>
      <c r="C49835">
        <v>1</v>
      </c>
      <c r="D49835">
        <v>0</v>
      </c>
    </row>
    <row r="49836" spans="1:4" x14ac:dyDescent="0.25">
      <c r="A49836" t="s">
        <v>68181</v>
      </c>
      <c r="B49836" t="s">
        <v>68184</v>
      </c>
      <c r="C49836">
        <v>1</v>
      </c>
      <c r="D49836">
        <v>0</v>
      </c>
    </row>
    <row r="49837" spans="1:4" x14ac:dyDescent="0.25">
      <c r="A49837" t="s">
        <v>68181</v>
      </c>
      <c r="B49837" t="s">
        <v>68185</v>
      </c>
      <c r="C49837">
        <v>1</v>
      </c>
      <c r="D49837">
        <v>0</v>
      </c>
    </row>
    <row r="49838" spans="1:4" x14ac:dyDescent="0.25">
      <c r="A49838" t="s">
        <v>68186</v>
      </c>
      <c r="B49838" t="s">
        <v>68187</v>
      </c>
      <c r="C49838">
        <v>1</v>
      </c>
      <c r="D49838">
        <v>0</v>
      </c>
    </row>
    <row r="49839" spans="1:4" x14ac:dyDescent="0.25">
      <c r="A49839" t="s">
        <v>68188</v>
      </c>
      <c r="B49839" t="s">
        <v>68189</v>
      </c>
      <c r="C49839">
        <v>0</v>
      </c>
      <c r="D49839">
        <v>0</v>
      </c>
    </row>
    <row r="49840" spans="1:4" x14ac:dyDescent="0.25">
      <c r="A49840" t="s">
        <v>68188</v>
      </c>
      <c r="B49840" t="s">
        <v>68190</v>
      </c>
      <c r="C49840">
        <v>0</v>
      </c>
      <c r="D49840">
        <v>0</v>
      </c>
    </row>
    <row r="49841" spans="1:4" x14ac:dyDescent="0.25">
      <c r="A49841" t="s">
        <v>68191</v>
      </c>
      <c r="B49841" t="s">
        <v>68192</v>
      </c>
      <c r="C49841">
        <v>1</v>
      </c>
      <c r="D49841">
        <v>0</v>
      </c>
    </row>
    <row r="49842" spans="1:4" x14ac:dyDescent="0.25">
      <c r="A49842" t="s">
        <v>68191</v>
      </c>
      <c r="B49842" t="s">
        <v>68193</v>
      </c>
      <c r="C49842">
        <v>2</v>
      </c>
      <c r="D49842">
        <v>0</v>
      </c>
    </row>
    <row r="49843" spans="1:4" x14ac:dyDescent="0.25">
      <c r="A49843" t="s">
        <v>68191</v>
      </c>
      <c r="B49843" t="s">
        <v>68194</v>
      </c>
      <c r="C49843">
        <v>1</v>
      </c>
      <c r="D49843">
        <v>0</v>
      </c>
    </row>
    <row r="49844" spans="1:4" x14ac:dyDescent="0.25">
      <c r="A49844" t="s">
        <v>68191</v>
      </c>
      <c r="B49844" t="s">
        <v>68195</v>
      </c>
      <c r="C49844">
        <v>2</v>
      </c>
      <c r="D49844">
        <v>0</v>
      </c>
    </row>
    <row r="49845" spans="1:4" x14ac:dyDescent="0.25">
      <c r="A49845" t="s">
        <v>68191</v>
      </c>
      <c r="B49845" t="s">
        <v>68196</v>
      </c>
      <c r="C49845">
        <v>1</v>
      </c>
      <c r="D49845">
        <v>0</v>
      </c>
    </row>
    <row r="49846" spans="1:4" x14ac:dyDescent="0.25">
      <c r="A49846" t="s">
        <v>68191</v>
      </c>
      <c r="B49846" t="s">
        <v>68197</v>
      </c>
      <c r="C49846">
        <v>2</v>
      </c>
      <c r="D49846">
        <v>0</v>
      </c>
    </row>
    <row r="49847" spans="1:4" x14ac:dyDescent="0.25">
      <c r="A49847" t="s">
        <v>68191</v>
      </c>
      <c r="B49847" t="s">
        <v>68198</v>
      </c>
      <c r="C49847">
        <v>2</v>
      </c>
      <c r="D49847">
        <v>0</v>
      </c>
    </row>
    <row r="49848" spans="1:4" x14ac:dyDescent="0.25">
      <c r="A49848" t="s">
        <v>68191</v>
      </c>
      <c r="B49848" t="s">
        <v>68199</v>
      </c>
      <c r="C49848">
        <v>2</v>
      </c>
      <c r="D49848">
        <v>0</v>
      </c>
    </row>
    <row r="49849" spans="1:4" x14ac:dyDescent="0.25">
      <c r="A49849" t="s">
        <v>68200</v>
      </c>
      <c r="B49849" t="s">
        <v>18039</v>
      </c>
      <c r="C49849">
        <v>1</v>
      </c>
      <c r="D49849">
        <v>0</v>
      </c>
    </row>
    <row r="49850" spans="1:4" x14ac:dyDescent="0.25">
      <c r="A49850" t="s">
        <v>68200</v>
      </c>
      <c r="B49850" t="s">
        <v>68201</v>
      </c>
      <c r="C49850">
        <v>2</v>
      </c>
      <c r="D49850">
        <v>0</v>
      </c>
    </row>
    <row r="49851" spans="1:4" x14ac:dyDescent="0.25">
      <c r="A49851" t="s">
        <v>68200</v>
      </c>
      <c r="B49851" t="s">
        <v>68202</v>
      </c>
      <c r="C49851">
        <v>0</v>
      </c>
      <c r="D49851">
        <v>0</v>
      </c>
    </row>
    <row r="49852" spans="1:4" x14ac:dyDescent="0.25">
      <c r="A49852" t="s">
        <v>68200</v>
      </c>
      <c r="B49852" t="s">
        <v>68203</v>
      </c>
      <c r="C49852">
        <v>1</v>
      </c>
      <c r="D49852">
        <v>0</v>
      </c>
    </row>
    <row r="49853" spans="1:4" x14ac:dyDescent="0.25">
      <c r="A49853" t="s">
        <v>68200</v>
      </c>
      <c r="B49853" t="s">
        <v>68204</v>
      </c>
      <c r="C49853">
        <v>1</v>
      </c>
      <c r="D49853">
        <v>0</v>
      </c>
    </row>
    <row r="49854" spans="1:4" x14ac:dyDescent="0.25">
      <c r="A49854" t="s">
        <v>68205</v>
      </c>
      <c r="B49854" t="s">
        <v>68206</v>
      </c>
      <c r="C49854">
        <v>1</v>
      </c>
      <c r="D49854">
        <v>0</v>
      </c>
    </row>
    <row r="49855" spans="1:4" x14ac:dyDescent="0.25">
      <c r="A49855" t="s">
        <v>68205</v>
      </c>
      <c r="B49855" t="s">
        <v>68207</v>
      </c>
      <c r="C49855">
        <v>2</v>
      </c>
      <c r="D49855">
        <v>0</v>
      </c>
    </row>
    <row r="49856" spans="1:4" x14ac:dyDescent="0.25">
      <c r="A49856" t="s">
        <v>68205</v>
      </c>
      <c r="B49856" t="s">
        <v>68208</v>
      </c>
      <c r="C49856">
        <v>1</v>
      </c>
      <c r="D49856">
        <v>0</v>
      </c>
    </row>
    <row r="49857" spans="1:4" x14ac:dyDescent="0.25">
      <c r="A49857" t="s">
        <v>68205</v>
      </c>
      <c r="B49857" t="s">
        <v>68209</v>
      </c>
      <c r="C49857">
        <v>2</v>
      </c>
      <c r="D49857">
        <v>0</v>
      </c>
    </row>
    <row r="49858" spans="1:4" x14ac:dyDescent="0.25">
      <c r="A49858" t="s">
        <v>68205</v>
      </c>
      <c r="B49858" t="s">
        <v>68210</v>
      </c>
      <c r="C49858">
        <v>0</v>
      </c>
      <c r="D49858">
        <v>0</v>
      </c>
    </row>
    <row r="49859" spans="1:4" x14ac:dyDescent="0.25">
      <c r="A49859" t="s">
        <v>68211</v>
      </c>
      <c r="B49859" t="s">
        <v>68212</v>
      </c>
      <c r="C49859">
        <v>1</v>
      </c>
      <c r="D49859">
        <v>0</v>
      </c>
    </row>
    <row r="49860" spans="1:4" x14ac:dyDescent="0.25">
      <c r="A49860" t="s">
        <v>68211</v>
      </c>
      <c r="B49860" t="s">
        <v>68213</v>
      </c>
      <c r="C49860">
        <v>2</v>
      </c>
      <c r="D49860">
        <v>0</v>
      </c>
    </row>
    <row r="49861" spans="1:4" x14ac:dyDescent="0.25">
      <c r="A49861" t="s">
        <v>68211</v>
      </c>
      <c r="B49861" t="s">
        <v>68214</v>
      </c>
      <c r="C49861">
        <v>1</v>
      </c>
      <c r="D49861">
        <v>0</v>
      </c>
    </row>
    <row r="49862" spans="1:4" x14ac:dyDescent="0.25">
      <c r="A49862" t="s">
        <v>68211</v>
      </c>
      <c r="B49862" t="s">
        <v>68215</v>
      </c>
      <c r="C49862">
        <v>1</v>
      </c>
      <c r="D49862">
        <v>0</v>
      </c>
    </row>
    <row r="49863" spans="1:4" x14ac:dyDescent="0.25">
      <c r="A49863" t="s">
        <v>68211</v>
      </c>
      <c r="B49863" t="s">
        <v>68216</v>
      </c>
      <c r="C49863">
        <v>1</v>
      </c>
      <c r="D49863">
        <v>0</v>
      </c>
    </row>
    <row r="49864" spans="1:4" x14ac:dyDescent="0.25">
      <c r="A49864" t="s">
        <v>68217</v>
      </c>
      <c r="B49864" t="s">
        <v>35545</v>
      </c>
      <c r="C49864">
        <v>1</v>
      </c>
      <c r="D49864">
        <v>0</v>
      </c>
    </row>
    <row r="49865" spans="1:4" x14ac:dyDescent="0.25">
      <c r="A49865" t="s">
        <v>68217</v>
      </c>
      <c r="B49865" t="s">
        <v>19309</v>
      </c>
      <c r="C49865">
        <v>0</v>
      </c>
      <c r="D49865">
        <v>0</v>
      </c>
    </row>
    <row r="49866" spans="1:4" x14ac:dyDescent="0.25">
      <c r="A49866" t="s">
        <v>68217</v>
      </c>
      <c r="B49866" t="s">
        <v>68218</v>
      </c>
      <c r="C49866">
        <v>0</v>
      </c>
      <c r="D49866">
        <v>0</v>
      </c>
    </row>
    <row r="49867" spans="1:4" x14ac:dyDescent="0.25">
      <c r="A49867" t="s">
        <v>68217</v>
      </c>
      <c r="B49867" t="s">
        <v>68219</v>
      </c>
      <c r="C49867">
        <v>1</v>
      </c>
      <c r="D49867">
        <v>0</v>
      </c>
    </row>
    <row r="49868" spans="1:4" x14ac:dyDescent="0.25">
      <c r="A49868" t="s">
        <v>68217</v>
      </c>
      <c r="B49868" t="s">
        <v>68220</v>
      </c>
      <c r="C49868">
        <v>1</v>
      </c>
      <c r="D49868">
        <v>0</v>
      </c>
    </row>
    <row r="49869" spans="1:4" x14ac:dyDescent="0.25">
      <c r="A49869" t="s">
        <v>68217</v>
      </c>
      <c r="B49869" t="s">
        <v>68221</v>
      </c>
      <c r="C49869">
        <v>0</v>
      </c>
      <c r="D49869">
        <v>0</v>
      </c>
    </row>
    <row r="49870" spans="1:4" x14ac:dyDescent="0.25">
      <c r="A49870" t="s">
        <v>68222</v>
      </c>
      <c r="B49870" t="s">
        <v>68223</v>
      </c>
      <c r="C49870">
        <v>2</v>
      </c>
      <c r="D49870">
        <v>0</v>
      </c>
    </row>
    <row r="49871" spans="1:4" x14ac:dyDescent="0.25">
      <c r="A49871" t="s">
        <v>68224</v>
      </c>
      <c r="B49871" t="s">
        <v>68225</v>
      </c>
      <c r="C49871">
        <v>0</v>
      </c>
      <c r="D49871">
        <v>0</v>
      </c>
    </row>
    <row r="49872" spans="1:4" x14ac:dyDescent="0.25">
      <c r="A49872" t="s">
        <v>68224</v>
      </c>
      <c r="B49872" t="s">
        <v>68226</v>
      </c>
      <c r="C49872">
        <v>1</v>
      </c>
      <c r="D49872">
        <v>0</v>
      </c>
    </row>
    <row r="49873" spans="1:4" x14ac:dyDescent="0.25">
      <c r="A49873" t="s">
        <v>68224</v>
      </c>
      <c r="B49873" t="s">
        <v>68227</v>
      </c>
      <c r="C49873">
        <v>1</v>
      </c>
      <c r="D49873">
        <v>0</v>
      </c>
    </row>
    <row r="49874" spans="1:4" x14ac:dyDescent="0.25">
      <c r="A49874" t="s">
        <v>68228</v>
      </c>
      <c r="B49874" t="s">
        <v>68229</v>
      </c>
      <c r="C49874">
        <v>1</v>
      </c>
      <c r="D49874">
        <v>0</v>
      </c>
    </row>
    <row r="49875" spans="1:4" x14ac:dyDescent="0.25">
      <c r="A49875" t="s">
        <v>68228</v>
      </c>
      <c r="B49875" t="s">
        <v>68230</v>
      </c>
      <c r="C49875">
        <v>2</v>
      </c>
      <c r="D49875">
        <v>0</v>
      </c>
    </row>
    <row r="49876" spans="1:4" x14ac:dyDescent="0.25">
      <c r="A49876" t="s">
        <v>68228</v>
      </c>
      <c r="B49876" t="s">
        <v>68231</v>
      </c>
      <c r="C49876">
        <v>1</v>
      </c>
      <c r="D49876">
        <v>0</v>
      </c>
    </row>
    <row r="49877" spans="1:4" x14ac:dyDescent="0.25">
      <c r="A49877" t="s">
        <v>68228</v>
      </c>
      <c r="B49877" t="s">
        <v>68232</v>
      </c>
      <c r="C49877">
        <v>1</v>
      </c>
      <c r="D49877">
        <v>0</v>
      </c>
    </row>
    <row r="49878" spans="1:4" x14ac:dyDescent="0.25">
      <c r="A49878" t="s">
        <v>68233</v>
      </c>
      <c r="B49878" t="s">
        <v>68234</v>
      </c>
      <c r="C49878">
        <v>0</v>
      </c>
      <c r="D49878">
        <v>0</v>
      </c>
    </row>
    <row r="49879" spans="1:4" x14ac:dyDescent="0.25">
      <c r="A49879" t="s">
        <v>68233</v>
      </c>
      <c r="B49879" t="s">
        <v>68235</v>
      </c>
      <c r="C49879">
        <v>0</v>
      </c>
      <c r="D49879">
        <v>0</v>
      </c>
    </row>
    <row r="49880" spans="1:4" x14ac:dyDescent="0.25">
      <c r="A49880" t="s">
        <v>68233</v>
      </c>
      <c r="B49880" t="s">
        <v>68236</v>
      </c>
      <c r="C49880">
        <v>1</v>
      </c>
      <c r="D49880">
        <v>0</v>
      </c>
    </row>
    <row r="49881" spans="1:4" x14ac:dyDescent="0.25">
      <c r="A49881" t="s">
        <v>68233</v>
      </c>
      <c r="B49881" t="s">
        <v>68237</v>
      </c>
      <c r="C49881">
        <v>0</v>
      </c>
      <c r="D49881">
        <v>0</v>
      </c>
    </row>
    <row r="49882" spans="1:4" x14ac:dyDescent="0.25">
      <c r="A49882" t="s">
        <v>68233</v>
      </c>
      <c r="B49882" t="s">
        <v>68238</v>
      </c>
      <c r="C49882">
        <v>1</v>
      </c>
      <c r="D49882">
        <v>0</v>
      </c>
    </row>
    <row r="49883" spans="1:4" x14ac:dyDescent="0.25">
      <c r="A49883" t="s">
        <v>68239</v>
      </c>
      <c r="B49883" t="s">
        <v>68240</v>
      </c>
      <c r="C49883">
        <v>1</v>
      </c>
      <c r="D49883">
        <v>0</v>
      </c>
    </row>
    <row r="49884" spans="1:4" x14ac:dyDescent="0.25">
      <c r="A49884" t="s">
        <v>68239</v>
      </c>
      <c r="B49884" t="s">
        <v>68241</v>
      </c>
      <c r="C49884">
        <v>1</v>
      </c>
      <c r="D49884">
        <v>0</v>
      </c>
    </row>
    <row r="49885" spans="1:4" x14ac:dyDescent="0.25">
      <c r="A49885" t="s">
        <v>68239</v>
      </c>
      <c r="B49885" t="s">
        <v>68242</v>
      </c>
      <c r="C49885">
        <v>1</v>
      </c>
      <c r="D49885">
        <v>0</v>
      </c>
    </row>
    <row r="49886" spans="1:4" x14ac:dyDescent="0.25">
      <c r="A49886" t="s">
        <v>68239</v>
      </c>
      <c r="B49886" t="s">
        <v>48809</v>
      </c>
      <c r="C49886">
        <v>1</v>
      </c>
      <c r="D49886">
        <v>0</v>
      </c>
    </row>
    <row r="49887" spans="1:4" x14ac:dyDescent="0.25">
      <c r="A49887" t="s">
        <v>68239</v>
      </c>
      <c r="B49887" t="s">
        <v>68243</v>
      </c>
      <c r="C49887">
        <v>1</v>
      </c>
      <c r="D49887">
        <v>0</v>
      </c>
    </row>
    <row r="49888" spans="1:4" x14ac:dyDescent="0.25">
      <c r="A49888" t="s">
        <v>68239</v>
      </c>
      <c r="B49888" t="s">
        <v>61221</v>
      </c>
      <c r="C49888">
        <v>1</v>
      </c>
      <c r="D49888">
        <v>0</v>
      </c>
    </row>
    <row r="49889" spans="1:4" x14ac:dyDescent="0.25">
      <c r="A49889" t="s">
        <v>68239</v>
      </c>
      <c r="B49889" t="s">
        <v>5537</v>
      </c>
      <c r="C49889">
        <v>1</v>
      </c>
      <c r="D49889">
        <v>0</v>
      </c>
    </row>
    <row r="49890" spans="1:4" x14ac:dyDescent="0.25">
      <c r="A49890" t="s">
        <v>68239</v>
      </c>
      <c r="B49890" t="s">
        <v>68244</v>
      </c>
      <c r="C49890">
        <v>0</v>
      </c>
      <c r="D49890">
        <v>0</v>
      </c>
    </row>
    <row r="49891" spans="1:4" x14ac:dyDescent="0.25">
      <c r="A49891" t="s">
        <v>68245</v>
      </c>
      <c r="B49891" t="s">
        <v>68246</v>
      </c>
      <c r="C49891">
        <v>2</v>
      </c>
      <c r="D49891">
        <v>0</v>
      </c>
    </row>
    <row r="49892" spans="1:4" x14ac:dyDescent="0.25">
      <c r="A49892" t="s">
        <v>68245</v>
      </c>
      <c r="B49892" t="s">
        <v>68247</v>
      </c>
      <c r="C49892">
        <v>1</v>
      </c>
      <c r="D49892">
        <v>0</v>
      </c>
    </row>
    <row r="49893" spans="1:4" x14ac:dyDescent="0.25">
      <c r="A49893" t="s">
        <v>68245</v>
      </c>
      <c r="B49893" t="s">
        <v>68248</v>
      </c>
      <c r="C49893">
        <v>2</v>
      </c>
      <c r="D49893">
        <v>0</v>
      </c>
    </row>
    <row r="49894" spans="1:4" x14ac:dyDescent="0.25">
      <c r="A49894" t="s">
        <v>68245</v>
      </c>
      <c r="B49894" t="s">
        <v>68249</v>
      </c>
      <c r="C49894">
        <v>1</v>
      </c>
      <c r="D49894">
        <v>0</v>
      </c>
    </row>
    <row r="49895" spans="1:4" x14ac:dyDescent="0.25">
      <c r="A49895" t="s">
        <v>68250</v>
      </c>
      <c r="B49895" t="s">
        <v>68251</v>
      </c>
      <c r="C49895">
        <v>1</v>
      </c>
      <c r="D49895">
        <v>0</v>
      </c>
    </row>
    <row r="49896" spans="1:4" x14ac:dyDescent="0.25">
      <c r="A49896" t="s">
        <v>68250</v>
      </c>
      <c r="B49896" t="s">
        <v>68252</v>
      </c>
      <c r="C49896">
        <v>0</v>
      </c>
      <c r="D49896">
        <v>0</v>
      </c>
    </row>
    <row r="49897" spans="1:4" x14ac:dyDescent="0.25">
      <c r="A49897" t="s">
        <v>68253</v>
      </c>
      <c r="B49897" t="s">
        <v>68254</v>
      </c>
      <c r="C49897">
        <v>1</v>
      </c>
      <c r="D49897">
        <v>0</v>
      </c>
    </row>
    <row r="49898" spans="1:4" x14ac:dyDescent="0.25">
      <c r="A49898" t="s">
        <v>68253</v>
      </c>
      <c r="B49898" t="s">
        <v>68255</v>
      </c>
      <c r="C49898">
        <v>0</v>
      </c>
      <c r="D49898">
        <v>0</v>
      </c>
    </row>
    <row r="49899" spans="1:4" x14ac:dyDescent="0.25">
      <c r="A49899" t="s">
        <v>68253</v>
      </c>
      <c r="B49899" t="s">
        <v>68256</v>
      </c>
      <c r="C49899">
        <v>1</v>
      </c>
      <c r="D49899">
        <v>0</v>
      </c>
    </row>
    <row r="49900" spans="1:4" x14ac:dyDescent="0.25">
      <c r="A49900" t="s">
        <v>68253</v>
      </c>
      <c r="B49900" t="s">
        <v>68257</v>
      </c>
      <c r="C49900">
        <v>1</v>
      </c>
      <c r="D49900">
        <v>0</v>
      </c>
    </row>
    <row r="49901" spans="1:4" x14ac:dyDescent="0.25">
      <c r="A49901" t="s">
        <v>68253</v>
      </c>
      <c r="B49901" t="s">
        <v>68258</v>
      </c>
      <c r="C49901">
        <v>1</v>
      </c>
      <c r="D49901">
        <v>0</v>
      </c>
    </row>
    <row r="49902" spans="1:4" x14ac:dyDescent="0.25">
      <c r="A49902" t="s">
        <v>68259</v>
      </c>
      <c r="B49902" t="s">
        <v>68260</v>
      </c>
      <c r="C49902">
        <v>0</v>
      </c>
      <c r="D49902">
        <v>0</v>
      </c>
    </row>
    <row r="49903" spans="1:4" x14ac:dyDescent="0.25">
      <c r="A49903" t="s">
        <v>68259</v>
      </c>
      <c r="B49903" t="s">
        <v>5713</v>
      </c>
      <c r="C49903">
        <v>1</v>
      </c>
      <c r="D49903">
        <v>0</v>
      </c>
    </row>
    <row r="49904" spans="1:4" x14ac:dyDescent="0.25">
      <c r="A49904" t="s">
        <v>68259</v>
      </c>
      <c r="B49904" t="s">
        <v>68261</v>
      </c>
      <c r="C49904">
        <v>1</v>
      </c>
      <c r="D49904">
        <v>0</v>
      </c>
    </row>
    <row r="49905" spans="1:4" x14ac:dyDescent="0.25">
      <c r="A49905" t="s">
        <v>68259</v>
      </c>
      <c r="B49905" t="s">
        <v>68262</v>
      </c>
      <c r="C49905">
        <v>1</v>
      </c>
      <c r="D49905">
        <v>0</v>
      </c>
    </row>
    <row r="49906" spans="1:4" x14ac:dyDescent="0.25">
      <c r="A49906" t="s">
        <v>68259</v>
      </c>
      <c r="B49906" t="s">
        <v>68263</v>
      </c>
      <c r="C49906">
        <v>0</v>
      </c>
      <c r="D49906">
        <v>0</v>
      </c>
    </row>
    <row r="49907" spans="1:4" x14ac:dyDescent="0.25">
      <c r="A49907" t="s">
        <v>68264</v>
      </c>
      <c r="B49907" t="s">
        <v>68265</v>
      </c>
      <c r="C49907">
        <v>0</v>
      </c>
      <c r="D49907">
        <v>0</v>
      </c>
    </row>
    <row r="49908" spans="1:4" x14ac:dyDescent="0.25">
      <c r="A49908" t="s">
        <v>68266</v>
      </c>
      <c r="B49908" t="s">
        <v>68267</v>
      </c>
      <c r="C49908">
        <v>1</v>
      </c>
      <c r="D49908">
        <v>0</v>
      </c>
    </row>
    <row r="49909" spans="1:4" x14ac:dyDescent="0.25">
      <c r="A49909" t="s">
        <v>68266</v>
      </c>
      <c r="B49909" t="s">
        <v>68268</v>
      </c>
      <c r="C49909">
        <v>1</v>
      </c>
      <c r="D49909">
        <v>0</v>
      </c>
    </row>
    <row r="49910" spans="1:4" x14ac:dyDescent="0.25">
      <c r="A49910" t="s">
        <v>68266</v>
      </c>
      <c r="B49910" t="s">
        <v>68269</v>
      </c>
      <c r="C49910">
        <v>1</v>
      </c>
      <c r="D49910">
        <v>0</v>
      </c>
    </row>
    <row r="49911" spans="1:4" x14ac:dyDescent="0.25">
      <c r="A49911" t="s">
        <v>68266</v>
      </c>
      <c r="B49911" t="s">
        <v>68270</v>
      </c>
      <c r="C49911">
        <v>1</v>
      </c>
      <c r="D49911">
        <v>0</v>
      </c>
    </row>
    <row r="49912" spans="1:4" x14ac:dyDescent="0.25">
      <c r="A49912" t="s">
        <v>68266</v>
      </c>
      <c r="B49912" t="s">
        <v>68271</v>
      </c>
      <c r="C49912">
        <v>1</v>
      </c>
      <c r="D49912">
        <v>0</v>
      </c>
    </row>
    <row r="49913" spans="1:4" x14ac:dyDescent="0.25">
      <c r="A49913" t="s">
        <v>68266</v>
      </c>
      <c r="B49913" t="s">
        <v>68272</v>
      </c>
      <c r="C49913">
        <v>1</v>
      </c>
      <c r="D49913">
        <v>0</v>
      </c>
    </row>
    <row r="49914" spans="1:4" x14ac:dyDescent="0.25">
      <c r="A49914" t="s">
        <v>68266</v>
      </c>
      <c r="B49914" t="s">
        <v>68273</v>
      </c>
      <c r="C49914">
        <v>1</v>
      </c>
      <c r="D49914">
        <v>0</v>
      </c>
    </row>
    <row r="49915" spans="1:4" x14ac:dyDescent="0.25">
      <c r="A49915" t="s">
        <v>68266</v>
      </c>
      <c r="B49915" t="s">
        <v>68274</v>
      </c>
      <c r="C49915">
        <v>1</v>
      </c>
      <c r="D49915">
        <v>0</v>
      </c>
    </row>
    <row r="49916" spans="1:4" x14ac:dyDescent="0.25">
      <c r="A49916" t="s">
        <v>68275</v>
      </c>
      <c r="B49916" t="s">
        <v>68276</v>
      </c>
      <c r="C49916">
        <v>1</v>
      </c>
      <c r="D49916">
        <v>0</v>
      </c>
    </row>
    <row r="49917" spans="1:4" x14ac:dyDescent="0.25">
      <c r="A49917" t="s">
        <v>68275</v>
      </c>
      <c r="B49917" t="s">
        <v>68277</v>
      </c>
      <c r="C49917">
        <v>1</v>
      </c>
      <c r="D49917">
        <v>0</v>
      </c>
    </row>
    <row r="49918" spans="1:4" x14ac:dyDescent="0.25">
      <c r="A49918" t="s">
        <v>68275</v>
      </c>
      <c r="B49918" t="s">
        <v>68278</v>
      </c>
      <c r="C49918">
        <v>0</v>
      </c>
      <c r="D49918">
        <v>0</v>
      </c>
    </row>
    <row r="49919" spans="1:4" x14ac:dyDescent="0.25">
      <c r="A49919" t="s">
        <v>68275</v>
      </c>
      <c r="B49919" t="s">
        <v>68279</v>
      </c>
      <c r="C49919">
        <v>1</v>
      </c>
      <c r="D49919">
        <v>0</v>
      </c>
    </row>
    <row r="49920" spans="1:4" x14ac:dyDescent="0.25">
      <c r="A49920" t="s">
        <v>68275</v>
      </c>
      <c r="B49920" t="s">
        <v>68280</v>
      </c>
      <c r="C49920">
        <v>1</v>
      </c>
      <c r="D49920">
        <v>0</v>
      </c>
    </row>
    <row r="49921" spans="1:4" x14ac:dyDescent="0.25">
      <c r="A49921" t="s">
        <v>68281</v>
      </c>
      <c r="B49921" t="s">
        <v>68282</v>
      </c>
      <c r="C49921">
        <v>1</v>
      </c>
      <c r="D49921">
        <v>0</v>
      </c>
    </row>
    <row r="49922" spans="1:4" x14ac:dyDescent="0.25">
      <c r="A49922" t="s">
        <v>68281</v>
      </c>
      <c r="B49922" t="s">
        <v>68283</v>
      </c>
      <c r="C49922">
        <v>1</v>
      </c>
      <c r="D49922">
        <v>0</v>
      </c>
    </row>
    <row r="49923" spans="1:4" x14ac:dyDescent="0.25">
      <c r="A49923" t="s">
        <v>68281</v>
      </c>
      <c r="B49923" t="s">
        <v>68284</v>
      </c>
      <c r="C49923">
        <v>2</v>
      </c>
      <c r="D49923">
        <v>0</v>
      </c>
    </row>
    <row r="49924" spans="1:4" x14ac:dyDescent="0.25">
      <c r="A49924" t="s">
        <v>68281</v>
      </c>
      <c r="B49924" t="s">
        <v>68285</v>
      </c>
      <c r="C49924">
        <v>1</v>
      </c>
      <c r="D49924">
        <v>0</v>
      </c>
    </row>
    <row r="49925" spans="1:4" x14ac:dyDescent="0.25">
      <c r="A49925" t="s">
        <v>68281</v>
      </c>
      <c r="B49925" t="s">
        <v>68286</v>
      </c>
      <c r="C49925">
        <v>2</v>
      </c>
      <c r="D49925">
        <v>0</v>
      </c>
    </row>
    <row r="49926" spans="1:4" x14ac:dyDescent="0.25">
      <c r="A49926" t="s">
        <v>68287</v>
      </c>
      <c r="B49926" t="s">
        <v>68288</v>
      </c>
      <c r="C49926">
        <v>1</v>
      </c>
      <c r="D49926">
        <v>0</v>
      </c>
    </row>
    <row r="49927" spans="1:4" x14ac:dyDescent="0.25">
      <c r="A49927" t="s">
        <v>68287</v>
      </c>
      <c r="B49927" t="s">
        <v>68289</v>
      </c>
      <c r="C49927">
        <v>1</v>
      </c>
      <c r="D49927">
        <v>0</v>
      </c>
    </row>
    <row r="49928" spans="1:4" x14ac:dyDescent="0.25">
      <c r="A49928" t="s">
        <v>68287</v>
      </c>
      <c r="B49928" t="s">
        <v>68290</v>
      </c>
      <c r="C49928">
        <v>2</v>
      </c>
      <c r="D49928">
        <v>0</v>
      </c>
    </row>
    <row r="49929" spans="1:4" x14ac:dyDescent="0.25">
      <c r="A49929" t="s">
        <v>68287</v>
      </c>
      <c r="B49929" t="s">
        <v>68291</v>
      </c>
      <c r="C49929">
        <v>1</v>
      </c>
      <c r="D49929">
        <v>0</v>
      </c>
    </row>
    <row r="49930" spans="1:4" x14ac:dyDescent="0.25">
      <c r="A49930" t="s">
        <v>68292</v>
      </c>
      <c r="B49930" t="s">
        <v>68293</v>
      </c>
      <c r="C49930">
        <v>2</v>
      </c>
      <c r="D49930">
        <v>0</v>
      </c>
    </row>
    <row r="49931" spans="1:4" x14ac:dyDescent="0.25">
      <c r="A49931" t="s">
        <v>68292</v>
      </c>
      <c r="B49931" t="s">
        <v>57847</v>
      </c>
      <c r="C49931">
        <v>1</v>
      </c>
      <c r="D49931">
        <v>0</v>
      </c>
    </row>
    <row r="49932" spans="1:4" x14ac:dyDescent="0.25">
      <c r="A49932" t="s">
        <v>68292</v>
      </c>
      <c r="B49932" t="s">
        <v>68294</v>
      </c>
      <c r="C49932">
        <v>1</v>
      </c>
      <c r="D49932">
        <v>0</v>
      </c>
    </row>
    <row r="49933" spans="1:4" x14ac:dyDescent="0.25">
      <c r="A49933" t="s">
        <v>68292</v>
      </c>
      <c r="B49933" t="s">
        <v>68295</v>
      </c>
      <c r="C49933">
        <v>0</v>
      </c>
      <c r="D49933">
        <v>0</v>
      </c>
    </row>
    <row r="49934" spans="1:4" x14ac:dyDescent="0.25">
      <c r="A49934" t="s">
        <v>68296</v>
      </c>
      <c r="B49934" t="s">
        <v>68297</v>
      </c>
      <c r="C49934">
        <v>1</v>
      </c>
      <c r="D49934">
        <v>0</v>
      </c>
    </row>
    <row r="49935" spans="1:4" x14ac:dyDescent="0.25">
      <c r="A49935" t="s">
        <v>68296</v>
      </c>
      <c r="B49935" t="s">
        <v>68298</v>
      </c>
      <c r="C49935">
        <v>2</v>
      </c>
      <c r="D49935">
        <v>0</v>
      </c>
    </row>
    <row r="49936" spans="1:4" x14ac:dyDescent="0.25">
      <c r="A49936" t="s">
        <v>68296</v>
      </c>
      <c r="B49936" t="s">
        <v>68299</v>
      </c>
      <c r="C49936">
        <v>1</v>
      </c>
      <c r="D49936">
        <v>0</v>
      </c>
    </row>
    <row r="49937" spans="1:4" x14ac:dyDescent="0.25">
      <c r="A49937" t="s">
        <v>68300</v>
      </c>
      <c r="B49937" t="s">
        <v>68301</v>
      </c>
      <c r="C49937">
        <v>0</v>
      </c>
      <c r="D49937">
        <v>0</v>
      </c>
    </row>
    <row r="49938" spans="1:4" x14ac:dyDescent="0.25">
      <c r="A49938" t="s">
        <v>68300</v>
      </c>
      <c r="B49938" t="s">
        <v>68302</v>
      </c>
      <c r="C49938">
        <v>0</v>
      </c>
      <c r="D49938">
        <v>0</v>
      </c>
    </row>
    <row r="49939" spans="1:4" x14ac:dyDescent="0.25">
      <c r="A49939" t="s">
        <v>68300</v>
      </c>
      <c r="B49939" t="s">
        <v>68303</v>
      </c>
      <c r="C49939">
        <v>0</v>
      </c>
      <c r="D49939">
        <v>0</v>
      </c>
    </row>
    <row r="49940" spans="1:4" x14ac:dyDescent="0.25">
      <c r="A49940" t="s">
        <v>68300</v>
      </c>
      <c r="B49940" t="s">
        <v>68304</v>
      </c>
      <c r="C49940">
        <v>0</v>
      </c>
      <c r="D49940">
        <v>0</v>
      </c>
    </row>
    <row r="49941" spans="1:4" x14ac:dyDescent="0.25">
      <c r="A49941" t="s">
        <v>68300</v>
      </c>
      <c r="B49941" t="s">
        <v>68305</v>
      </c>
      <c r="C49941">
        <v>0</v>
      </c>
      <c r="D49941">
        <v>0</v>
      </c>
    </row>
    <row r="49942" spans="1:4" x14ac:dyDescent="0.25">
      <c r="A49942" t="s">
        <v>68306</v>
      </c>
      <c r="B49942" t="s">
        <v>68307</v>
      </c>
      <c r="C49942">
        <v>1</v>
      </c>
      <c r="D49942">
        <v>0</v>
      </c>
    </row>
    <row r="49943" spans="1:4" x14ac:dyDescent="0.25">
      <c r="A49943" t="s">
        <v>68306</v>
      </c>
      <c r="B49943" t="s">
        <v>68308</v>
      </c>
      <c r="C49943">
        <v>1</v>
      </c>
      <c r="D49943">
        <v>0</v>
      </c>
    </row>
    <row r="49944" spans="1:4" x14ac:dyDescent="0.25">
      <c r="A49944" t="s">
        <v>68306</v>
      </c>
      <c r="B49944" t="s">
        <v>68309</v>
      </c>
      <c r="C49944">
        <v>2</v>
      </c>
      <c r="D49944">
        <v>0</v>
      </c>
    </row>
    <row r="49945" spans="1:4" x14ac:dyDescent="0.25">
      <c r="A49945" t="s">
        <v>68306</v>
      </c>
      <c r="B49945" t="s">
        <v>68310</v>
      </c>
      <c r="C49945">
        <v>1</v>
      </c>
      <c r="D49945">
        <v>0</v>
      </c>
    </row>
    <row r="49946" spans="1:4" x14ac:dyDescent="0.25">
      <c r="A49946" t="s">
        <v>68306</v>
      </c>
      <c r="B49946" t="s">
        <v>68311</v>
      </c>
      <c r="C49946">
        <v>2</v>
      </c>
      <c r="D49946">
        <v>0</v>
      </c>
    </row>
    <row r="49947" spans="1:4" x14ac:dyDescent="0.25">
      <c r="A49947" t="s">
        <v>68312</v>
      </c>
      <c r="B49947" t="s">
        <v>68313</v>
      </c>
      <c r="C49947">
        <v>0</v>
      </c>
      <c r="D49947">
        <v>0</v>
      </c>
    </row>
    <row r="49948" spans="1:4" x14ac:dyDescent="0.25">
      <c r="A49948" t="s">
        <v>68312</v>
      </c>
      <c r="B49948" t="s">
        <v>68314</v>
      </c>
      <c r="C49948">
        <v>1</v>
      </c>
      <c r="D49948">
        <v>0</v>
      </c>
    </row>
    <row r="49949" spans="1:4" x14ac:dyDescent="0.25">
      <c r="A49949" t="s">
        <v>68312</v>
      </c>
      <c r="B49949" t="s">
        <v>68315</v>
      </c>
      <c r="C49949">
        <v>1</v>
      </c>
      <c r="D49949">
        <v>0</v>
      </c>
    </row>
    <row r="49950" spans="1:4" x14ac:dyDescent="0.25">
      <c r="A49950" t="s">
        <v>68312</v>
      </c>
      <c r="B49950" t="s">
        <v>68316</v>
      </c>
      <c r="C49950">
        <v>2</v>
      </c>
      <c r="D49950">
        <v>0</v>
      </c>
    </row>
    <row r="49951" spans="1:4" x14ac:dyDescent="0.25">
      <c r="A49951" t="s">
        <v>68312</v>
      </c>
      <c r="B49951" t="s">
        <v>68317</v>
      </c>
      <c r="C49951">
        <v>2</v>
      </c>
      <c r="D49951">
        <v>0</v>
      </c>
    </row>
    <row r="49952" spans="1:4" x14ac:dyDescent="0.25">
      <c r="A49952" t="s">
        <v>68318</v>
      </c>
      <c r="B49952" t="s">
        <v>68319</v>
      </c>
      <c r="C49952">
        <v>0</v>
      </c>
      <c r="D49952">
        <v>0</v>
      </c>
    </row>
    <row r="49953" spans="1:4" x14ac:dyDescent="0.25">
      <c r="A49953" t="s">
        <v>68318</v>
      </c>
      <c r="B49953" t="s">
        <v>68320</v>
      </c>
      <c r="C49953">
        <v>0</v>
      </c>
      <c r="D49953">
        <v>0</v>
      </c>
    </row>
    <row r="49954" spans="1:4" x14ac:dyDescent="0.25">
      <c r="A49954" t="s">
        <v>68318</v>
      </c>
      <c r="B49954" t="s">
        <v>38459</v>
      </c>
      <c r="C49954">
        <v>0</v>
      </c>
      <c r="D49954">
        <v>0</v>
      </c>
    </row>
    <row r="49955" spans="1:4" x14ac:dyDescent="0.25">
      <c r="A49955" t="s">
        <v>68318</v>
      </c>
      <c r="B49955" t="s">
        <v>68321</v>
      </c>
      <c r="C49955">
        <v>2</v>
      </c>
      <c r="D49955">
        <v>0</v>
      </c>
    </row>
    <row r="49956" spans="1:4" x14ac:dyDescent="0.25">
      <c r="A49956" t="s">
        <v>68318</v>
      </c>
      <c r="B49956" t="s">
        <v>68322</v>
      </c>
      <c r="C49956">
        <v>1</v>
      </c>
      <c r="D49956">
        <v>0</v>
      </c>
    </row>
    <row r="49957" spans="1:4" x14ac:dyDescent="0.25">
      <c r="A49957" t="s">
        <v>68318</v>
      </c>
      <c r="B49957" t="s">
        <v>68323</v>
      </c>
      <c r="C49957">
        <v>1</v>
      </c>
      <c r="D49957">
        <v>0</v>
      </c>
    </row>
    <row r="49958" spans="1:4" x14ac:dyDescent="0.25">
      <c r="A49958" t="s">
        <v>68318</v>
      </c>
      <c r="B49958" t="s">
        <v>68324</v>
      </c>
      <c r="C49958">
        <v>2</v>
      </c>
      <c r="D49958">
        <v>0</v>
      </c>
    </row>
    <row r="49959" spans="1:4" x14ac:dyDescent="0.25">
      <c r="A49959" t="s">
        <v>68325</v>
      </c>
      <c r="B49959" t="s">
        <v>68326</v>
      </c>
      <c r="C49959">
        <v>2</v>
      </c>
      <c r="D49959">
        <v>0</v>
      </c>
    </row>
    <row r="49960" spans="1:4" x14ac:dyDescent="0.25">
      <c r="A49960" t="s">
        <v>68325</v>
      </c>
      <c r="B49960" t="s">
        <v>68327</v>
      </c>
      <c r="C49960">
        <v>2</v>
      </c>
      <c r="D49960">
        <v>0</v>
      </c>
    </row>
    <row r="49961" spans="1:4" x14ac:dyDescent="0.25">
      <c r="A49961" t="s">
        <v>68325</v>
      </c>
      <c r="B49961" t="s">
        <v>68328</v>
      </c>
      <c r="C49961">
        <v>2</v>
      </c>
      <c r="D49961">
        <v>0</v>
      </c>
    </row>
    <row r="49962" spans="1:4" x14ac:dyDescent="0.25">
      <c r="A49962" t="s">
        <v>68325</v>
      </c>
      <c r="B49962" t="s">
        <v>68329</v>
      </c>
      <c r="C49962">
        <v>2</v>
      </c>
      <c r="D49962">
        <v>0</v>
      </c>
    </row>
    <row r="49963" spans="1:4" x14ac:dyDescent="0.25">
      <c r="A49963" t="s">
        <v>68325</v>
      </c>
      <c r="B49963" t="s">
        <v>68330</v>
      </c>
      <c r="C49963">
        <v>0</v>
      </c>
      <c r="D49963">
        <v>0</v>
      </c>
    </row>
    <row r="49964" spans="1:4" x14ac:dyDescent="0.25">
      <c r="A49964" t="s">
        <v>68325</v>
      </c>
      <c r="B49964" t="s">
        <v>68331</v>
      </c>
      <c r="C49964">
        <v>2</v>
      </c>
      <c r="D49964">
        <v>0</v>
      </c>
    </row>
    <row r="49965" spans="1:4" x14ac:dyDescent="0.25">
      <c r="A49965" t="s">
        <v>68332</v>
      </c>
      <c r="B49965" t="s">
        <v>68333</v>
      </c>
      <c r="C49965">
        <v>1</v>
      </c>
      <c r="D49965">
        <v>0</v>
      </c>
    </row>
    <row r="49966" spans="1:4" x14ac:dyDescent="0.25">
      <c r="A49966" t="s">
        <v>68332</v>
      </c>
      <c r="B49966" t="s">
        <v>68334</v>
      </c>
      <c r="C49966">
        <v>1</v>
      </c>
      <c r="D49966">
        <v>0</v>
      </c>
    </row>
    <row r="49967" spans="1:4" x14ac:dyDescent="0.25">
      <c r="A49967" t="s">
        <v>68332</v>
      </c>
      <c r="B49967" t="s">
        <v>27699</v>
      </c>
      <c r="C49967">
        <v>0</v>
      </c>
      <c r="D49967">
        <v>0</v>
      </c>
    </row>
    <row r="49968" spans="1:4" x14ac:dyDescent="0.25">
      <c r="A49968" t="s">
        <v>68332</v>
      </c>
      <c r="B49968" t="s">
        <v>19309</v>
      </c>
      <c r="C49968">
        <v>0</v>
      </c>
      <c r="D49968">
        <v>0</v>
      </c>
    </row>
    <row r="49969" spans="1:4" x14ac:dyDescent="0.25">
      <c r="A49969" t="s">
        <v>68332</v>
      </c>
      <c r="B49969" t="s">
        <v>68335</v>
      </c>
      <c r="C49969">
        <v>1</v>
      </c>
      <c r="D49969">
        <v>0</v>
      </c>
    </row>
    <row r="49970" spans="1:4" x14ac:dyDescent="0.25">
      <c r="A49970" t="s">
        <v>68332</v>
      </c>
      <c r="B49970" t="s">
        <v>68336</v>
      </c>
      <c r="C49970">
        <v>0</v>
      </c>
      <c r="D49970">
        <v>0</v>
      </c>
    </row>
    <row r="49971" spans="1:4" x14ac:dyDescent="0.25">
      <c r="A49971" t="s">
        <v>68337</v>
      </c>
      <c r="B49971" t="s">
        <v>68338</v>
      </c>
      <c r="C49971">
        <v>2</v>
      </c>
      <c r="D49971">
        <v>0</v>
      </c>
    </row>
    <row r="49972" spans="1:4" x14ac:dyDescent="0.25">
      <c r="A49972" t="s">
        <v>68337</v>
      </c>
      <c r="B49972" t="s">
        <v>68339</v>
      </c>
      <c r="C49972">
        <v>1</v>
      </c>
      <c r="D49972">
        <v>0</v>
      </c>
    </row>
    <row r="49973" spans="1:4" x14ac:dyDescent="0.25">
      <c r="A49973" t="s">
        <v>68337</v>
      </c>
      <c r="B49973" t="s">
        <v>68340</v>
      </c>
      <c r="C49973">
        <v>1</v>
      </c>
      <c r="D49973">
        <v>0</v>
      </c>
    </row>
    <row r="49974" spans="1:4" x14ac:dyDescent="0.25">
      <c r="A49974" t="s">
        <v>68337</v>
      </c>
      <c r="B49974" t="s">
        <v>68341</v>
      </c>
      <c r="C49974">
        <v>0</v>
      </c>
      <c r="D49974">
        <v>0</v>
      </c>
    </row>
    <row r="49975" spans="1:4" x14ac:dyDescent="0.25">
      <c r="A49975" t="s">
        <v>68342</v>
      </c>
      <c r="B49975" t="s">
        <v>68343</v>
      </c>
      <c r="C49975">
        <v>1</v>
      </c>
      <c r="D49975">
        <v>0</v>
      </c>
    </row>
    <row r="49976" spans="1:4" x14ac:dyDescent="0.25">
      <c r="A49976" t="s">
        <v>68342</v>
      </c>
      <c r="B49976" t="s">
        <v>68344</v>
      </c>
      <c r="C49976">
        <v>1</v>
      </c>
      <c r="D49976">
        <v>0</v>
      </c>
    </row>
    <row r="49977" spans="1:4" x14ac:dyDescent="0.25">
      <c r="A49977" t="s">
        <v>68342</v>
      </c>
      <c r="B49977" t="s">
        <v>68345</v>
      </c>
      <c r="C49977">
        <v>0</v>
      </c>
      <c r="D49977">
        <v>0</v>
      </c>
    </row>
    <row r="49978" spans="1:4" x14ac:dyDescent="0.25">
      <c r="A49978" t="s">
        <v>68342</v>
      </c>
      <c r="B49978" t="s">
        <v>68346</v>
      </c>
      <c r="C49978">
        <v>1</v>
      </c>
      <c r="D49978">
        <v>0</v>
      </c>
    </row>
    <row r="49979" spans="1:4" x14ac:dyDescent="0.25">
      <c r="A49979" t="s">
        <v>68347</v>
      </c>
      <c r="B49979" t="s">
        <v>68348</v>
      </c>
      <c r="C49979">
        <v>2</v>
      </c>
      <c r="D49979">
        <v>0</v>
      </c>
    </row>
    <row r="49980" spans="1:4" x14ac:dyDescent="0.25">
      <c r="A49980" t="s">
        <v>68347</v>
      </c>
      <c r="B49980" t="s">
        <v>68349</v>
      </c>
      <c r="C49980">
        <v>0</v>
      </c>
      <c r="D49980">
        <v>0</v>
      </c>
    </row>
    <row r="49981" spans="1:4" x14ac:dyDescent="0.25">
      <c r="A49981" t="s">
        <v>68347</v>
      </c>
      <c r="B49981" t="s">
        <v>68350</v>
      </c>
      <c r="C49981">
        <v>0</v>
      </c>
      <c r="D49981">
        <v>0</v>
      </c>
    </row>
    <row r="49982" spans="1:4" x14ac:dyDescent="0.25">
      <c r="A49982" t="s">
        <v>68347</v>
      </c>
      <c r="B49982" t="s">
        <v>68351</v>
      </c>
      <c r="C49982">
        <v>1</v>
      </c>
      <c r="D49982">
        <v>0</v>
      </c>
    </row>
    <row r="49983" spans="1:4" x14ac:dyDescent="0.25">
      <c r="A49983" t="s">
        <v>68352</v>
      </c>
      <c r="B49983" t="s">
        <v>68353</v>
      </c>
      <c r="C49983">
        <v>1</v>
      </c>
      <c r="D49983">
        <v>0</v>
      </c>
    </row>
    <row r="49984" spans="1:4" x14ac:dyDescent="0.25">
      <c r="A49984" t="s">
        <v>68352</v>
      </c>
      <c r="B49984" t="s">
        <v>68354</v>
      </c>
      <c r="C49984">
        <v>2</v>
      </c>
      <c r="D49984">
        <v>0</v>
      </c>
    </row>
    <row r="49985" spans="1:4" x14ac:dyDescent="0.25">
      <c r="A49985" t="s">
        <v>68352</v>
      </c>
      <c r="B49985" t="s">
        <v>68355</v>
      </c>
      <c r="C49985">
        <v>1</v>
      </c>
      <c r="D49985">
        <v>0</v>
      </c>
    </row>
    <row r="49986" spans="1:4" x14ac:dyDescent="0.25">
      <c r="A49986" t="s">
        <v>68356</v>
      </c>
      <c r="B49986" t="s">
        <v>68357</v>
      </c>
      <c r="C49986">
        <v>2</v>
      </c>
      <c r="D49986">
        <v>0</v>
      </c>
    </row>
    <row r="49987" spans="1:4" x14ac:dyDescent="0.25">
      <c r="A49987" t="s">
        <v>68356</v>
      </c>
      <c r="B49987" t="s">
        <v>68358</v>
      </c>
      <c r="C49987">
        <v>2</v>
      </c>
      <c r="D49987">
        <v>0</v>
      </c>
    </row>
    <row r="49988" spans="1:4" x14ac:dyDescent="0.25">
      <c r="A49988" t="s">
        <v>68356</v>
      </c>
      <c r="B49988" t="s">
        <v>68359</v>
      </c>
      <c r="C49988">
        <v>1</v>
      </c>
      <c r="D49988">
        <v>0</v>
      </c>
    </row>
    <row r="49989" spans="1:4" x14ac:dyDescent="0.25">
      <c r="A49989" t="s">
        <v>68356</v>
      </c>
      <c r="B49989" t="s">
        <v>68360</v>
      </c>
      <c r="C49989">
        <v>1</v>
      </c>
      <c r="D49989">
        <v>0</v>
      </c>
    </row>
    <row r="49990" spans="1:4" x14ac:dyDescent="0.25">
      <c r="A49990" t="s">
        <v>68356</v>
      </c>
      <c r="B49990" t="s">
        <v>2953</v>
      </c>
      <c r="C49990">
        <v>0</v>
      </c>
      <c r="D49990">
        <v>0</v>
      </c>
    </row>
    <row r="49991" spans="1:4" x14ac:dyDescent="0.25">
      <c r="A49991" t="s">
        <v>68361</v>
      </c>
      <c r="B49991" t="s">
        <v>68362</v>
      </c>
      <c r="C49991">
        <v>1</v>
      </c>
      <c r="D49991">
        <v>0</v>
      </c>
    </row>
    <row r="49992" spans="1:4" x14ac:dyDescent="0.25">
      <c r="A49992" t="s">
        <v>68361</v>
      </c>
      <c r="B49992" t="s">
        <v>68363</v>
      </c>
      <c r="C49992">
        <v>1</v>
      </c>
      <c r="D49992">
        <v>0</v>
      </c>
    </row>
    <row r="49993" spans="1:4" x14ac:dyDescent="0.25">
      <c r="A49993" t="s">
        <v>68361</v>
      </c>
      <c r="B49993" t="s">
        <v>398</v>
      </c>
      <c r="C49993">
        <v>0</v>
      </c>
      <c r="D49993">
        <v>0</v>
      </c>
    </row>
    <row r="49994" spans="1:4" x14ac:dyDescent="0.25">
      <c r="A49994" t="s">
        <v>68361</v>
      </c>
      <c r="B49994" t="s">
        <v>68364</v>
      </c>
      <c r="C49994">
        <v>1</v>
      </c>
      <c r="D49994">
        <v>0</v>
      </c>
    </row>
    <row r="49995" spans="1:4" x14ac:dyDescent="0.25">
      <c r="A49995" t="s">
        <v>68365</v>
      </c>
      <c r="B49995" t="s">
        <v>68366</v>
      </c>
      <c r="C49995">
        <v>2</v>
      </c>
      <c r="D49995">
        <v>0</v>
      </c>
    </row>
    <row r="49996" spans="1:4" x14ac:dyDescent="0.25">
      <c r="A49996" t="s">
        <v>68365</v>
      </c>
      <c r="B49996" t="s">
        <v>68367</v>
      </c>
      <c r="C49996">
        <v>1</v>
      </c>
      <c r="D49996">
        <v>0</v>
      </c>
    </row>
    <row r="49997" spans="1:4" x14ac:dyDescent="0.25">
      <c r="A49997" t="s">
        <v>68365</v>
      </c>
      <c r="B49997" t="s">
        <v>68368</v>
      </c>
      <c r="C49997">
        <v>1</v>
      </c>
      <c r="D49997">
        <v>0</v>
      </c>
    </row>
    <row r="49998" spans="1:4" x14ac:dyDescent="0.25">
      <c r="A49998" t="s">
        <v>68365</v>
      </c>
      <c r="B49998" t="s">
        <v>68369</v>
      </c>
      <c r="C49998">
        <v>1</v>
      </c>
      <c r="D49998">
        <v>0</v>
      </c>
    </row>
    <row r="49999" spans="1:4" x14ac:dyDescent="0.25">
      <c r="A49999" t="s">
        <v>68365</v>
      </c>
      <c r="B49999" t="s">
        <v>34669</v>
      </c>
      <c r="C49999">
        <v>0</v>
      </c>
      <c r="D49999">
        <v>0</v>
      </c>
    </row>
    <row r="50000" spans="1:4" x14ac:dyDescent="0.25">
      <c r="A50000" t="s">
        <v>68365</v>
      </c>
      <c r="B50000" t="s">
        <v>68370</v>
      </c>
      <c r="C50000">
        <v>2</v>
      </c>
      <c r="D50000">
        <v>0</v>
      </c>
    </row>
    <row r="50001" spans="1:4" x14ac:dyDescent="0.25">
      <c r="A50001" t="s">
        <v>68371</v>
      </c>
      <c r="B50001" t="s">
        <v>68372</v>
      </c>
      <c r="C50001">
        <v>1</v>
      </c>
      <c r="D50001">
        <v>0</v>
      </c>
    </row>
    <row r="50002" spans="1:4" x14ac:dyDescent="0.25">
      <c r="A50002" t="s">
        <v>68371</v>
      </c>
      <c r="B50002" t="s">
        <v>68373</v>
      </c>
      <c r="C50002">
        <v>1</v>
      </c>
      <c r="D50002">
        <v>0</v>
      </c>
    </row>
    <row r="50003" spans="1:4" x14ac:dyDescent="0.25">
      <c r="A50003" t="s">
        <v>68371</v>
      </c>
      <c r="B50003" t="s">
        <v>68374</v>
      </c>
      <c r="C50003">
        <v>1</v>
      </c>
      <c r="D50003">
        <v>0</v>
      </c>
    </row>
    <row r="50004" spans="1:4" x14ac:dyDescent="0.25">
      <c r="A50004" t="s">
        <v>68375</v>
      </c>
      <c r="B50004" t="s">
        <v>68376</v>
      </c>
      <c r="C50004">
        <v>1</v>
      </c>
      <c r="D50004">
        <v>0</v>
      </c>
    </row>
    <row r="50005" spans="1:4" x14ac:dyDescent="0.25">
      <c r="A50005" t="s">
        <v>68375</v>
      </c>
      <c r="B50005" t="s">
        <v>68377</v>
      </c>
      <c r="C50005">
        <v>2</v>
      </c>
      <c r="D50005">
        <v>0</v>
      </c>
    </row>
    <row r="50006" spans="1:4" x14ac:dyDescent="0.25">
      <c r="A50006" t="s">
        <v>68375</v>
      </c>
      <c r="B50006" t="s">
        <v>68378</v>
      </c>
      <c r="C50006">
        <v>1</v>
      </c>
      <c r="D50006">
        <v>0</v>
      </c>
    </row>
    <row r="50007" spans="1:4" x14ac:dyDescent="0.25">
      <c r="A50007" t="s">
        <v>68375</v>
      </c>
      <c r="B50007" t="s">
        <v>68379</v>
      </c>
      <c r="C50007">
        <v>1</v>
      </c>
      <c r="D50007">
        <v>0</v>
      </c>
    </row>
    <row r="50008" spans="1:4" x14ac:dyDescent="0.25">
      <c r="A50008" t="s">
        <v>68375</v>
      </c>
      <c r="B50008" t="s">
        <v>68380</v>
      </c>
      <c r="C50008">
        <v>0</v>
      </c>
      <c r="D50008">
        <v>0</v>
      </c>
    </row>
    <row r="50009" spans="1:4" x14ac:dyDescent="0.25">
      <c r="A50009" t="s">
        <v>68375</v>
      </c>
      <c r="B50009" t="s">
        <v>68381</v>
      </c>
      <c r="C50009">
        <v>0</v>
      </c>
      <c r="D50009">
        <v>0</v>
      </c>
    </row>
    <row r="50010" spans="1:4" x14ac:dyDescent="0.25">
      <c r="A50010" t="s">
        <v>68382</v>
      </c>
      <c r="B50010" t="s">
        <v>68383</v>
      </c>
      <c r="C50010">
        <v>0</v>
      </c>
      <c r="D50010">
        <v>0</v>
      </c>
    </row>
    <row r="50011" spans="1:4" x14ac:dyDescent="0.25">
      <c r="A50011" t="s">
        <v>68382</v>
      </c>
      <c r="B50011" t="s">
        <v>68384</v>
      </c>
      <c r="C50011">
        <v>0</v>
      </c>
      <c r="D50011">
        <v>0</v>
      </c>
    </row>
    <row r="50012" spans="1:4" x14ac:dyDescent="0.25">
      <c r="A50012" t="s">
        <v>68382</v>
      </c>
      <c r="B50012" t="s">
        <v>68385</v>
      </c>
      <c r="C50012">
        <v>0</v>
      </c>
      <c r="D50012">
        <v>0</v>
      </c>
    </row>
    <row r="50013" spans="1:4" x14ac:dyDescent="0.25">
      <c r="A50013" t="s">
        <v>68382</v>
      </c>
      <c r="B50013" t="s">
        <v>68386</v>
      </c>
      <c r="C50013">
        <v>2</v>
      </c>
      <c r="D50013">
        <v>0</v>
      </c>
    </row>
    <row r="50014" spans="1:4" x14ac:dyDescent="0.25">
      <c r="A50014" t="s">
        <v>68382</v>
      </c>
      <c r="B50014" t="s">
        <v>35707</v>
      </c>
      <c r="C50014">
        <v>0</v>
      </c>
      <c r="D50014">
        <v>0</v>
      </c>
    </row>
    <row r="50015" spans="1:4" x14ac:dyDescent="0.25">
      <c r="A50015" t="s">
        <v>68382</v>
      </c>
      <c r="B50015" t="s">
        <v>68387</v>
      </c>
      <c r="C50015">
        <v>0</v>
      </c>
      <c r="D50015">
        <v>0</v>
      </c>
    </row>
    <row r="50016" spans="1:4" x14ac:dyDescent="0.25">
      <c r="A50016" t="s">
        <v>68382</v>
      </c>
      <c r="B50016" t="s">
        <v>68388</v>
      </c>
      <c r="C50016">
        <v>2</v>
      </c>
      <c r="D50016">
        <v>0</v>
      </c>
    </row>
    <row r="50017" spans="1:4" x14ac:dyDescent="0.25">
      <c r="A50017" t="s">
        <v>68389</v>
      </c>
      <c r="B50017" t="s">
        <v>2651</v>
      </c>
      <c r="C50017">
        <v>0</v>
      </c>
      <c r="D50017">
        <v>0</v>
      </c>
    </row>
    <row r="50018" spans="1:4" x14ac:dyDescent="0.25">
      <c r="A50018" t="s">
        <v>68389</v>
      </c>
      <c r="B50018" t="s">
        <v>68390</v>
      </c>
      <c r="C50018">
        <v>1</v>
      </c>
      <c r="D50018">
        <v>0</v>
      </c>
    </row>
    <row r="50019" spans="1:4" x14ac:dyDescent="0.25">
      <c r="A50019" t="s">
        <v>68389</v>
      </c>
      <c r="B50019" t="s">
        <v>68391</v>
      </c>
      <c r="C50019">
        <v>1</v>
      </c>
      <c r="D50019">
        <v>0</v>
      </c>
    </row>
    <row r="50020" spans="1:4" x14ac:dyDescent="0.25">
      <c r="A50020" t="s">
        <v>68389</v>
      </c>
      <c r="B50020" t="s">
        <v>68392</v>
      </c>
      <c r="C50020">
        <v>1</v>
      </c>
      <c r="D50020">
        <v>0</v>
      </c>
    </row>
    <row r="50021" spans="1:4" x14ac:dyDescent="0.25">
      <c r="A50021" t="s">
        <v>68389</v>
      </c>
      <c r="B50021" t="s">
        <v>5434</v>
      </c>
      <c r="C50021">
        <v>1</v>
      </c>
      <c r="D50021">
        <v>0</v>
      </c>
    </row>
    <row r="50022" spans="1:4" x14ac:dyDescent="0.25">
      <c r="A50022" t="s">
        <v>68389</v>
      </c>
      <c r="B50022" t="s">
        <v>68393</v>
      </c>
      <c r="C50022">
        <v>1</v>
      </c>
      <c r="D50022">
        <v>0</v>
      </c>
    </row>
    <row r="50023" spans="1:4" x14ac:dyDescent="0.25">
      <c r="A50023" t="s">
        <v>68394</v>
      </c>
      <c r="B50023" t="s">
        <v>68395</v>
      </c>
      <c r="C50023">
        <v>1</v>
      </c>
      <c r="D50023">
        <v>0</v>
      </c>
    </row>
    <row r="50024" spans="1:4" x14ac:dyDescent="0.25">
      <c r="A50024" t="s">
        <v>68394</v>
      </c>
      <c r="B50024" t="s">
        <v>68396</v>
      </c>
      <c r="C50024">
        <v>1</v>
      </c>
      <c r="D50024">
        <v>0</v>
      </c>
    </row>
    <row r="50025" spans="1:4" x14ac:dyDescent="0.25">
      <c r="A50025" t="s">
        <v>68394</v>
      </c>
      <c r="B50025" t="s">
        <v>68397</v>
      </c>
      <c r="C50025">
        <v>1</v>
      </c>
      <c r="D50025">
        <v>0</v>
      </c>
    </row>
    <row r="50026" spans="1:4" x14ac:dyDescent="0.25">
      <c r="A50026" t="s">
        <v>68394</v>
      </c>
      <c r="B50026" t="s">
        <v>68398</v>
      </c>
      <c r="C50026">
        <v>1</v>
      </c>
      <c r="D50026">
        <v>0</v>
      </c>
    </row>
    <row r="50027" spans="1:4" x14ac:dyDescent="0.25">
      <c r="A50027" t="s">
        <v>68399</v>
      </c>
      <c r="B50027" t="s">
        <v>68400</v>
      </c>
      <c r="C50027">
        <v>1</v>
      </c>
      <c r="D50027">
        <v>0</v>
      </c>
    </row>
    <row r="50028" spans="1:4" x14ac:dyDescent="0.25">
      <c r="A50028" t="s">
        <v>68399</v>
      </c>
      <c r="B50028" t="s">
        <v>68401</v>
      </c>
      <c r="C50028">
        <v>1</v>
      </c>
      <c r="D50028">
        <v>0</v>
      </c>
    </row>
    <row r="50029" spans="1:4" x14ac:dyDescent="0.25">
      <c r="A50029" t="s">
        <v>68399</v>
      </c>
      <c r="B50029" t="s">
        <v>68402</v>
      </c>
      <c r="C50029">
        <v>2</v>
      </c>
      <c r="D50029">
        <v>0</v>
      </c>
    </row>
    <row r="50030" spans="1:4" x14ac:dyDescent="0.25">
      <c r="A50030" t="s">
        <v>68399</v>
      </c>
      <c r="B50030" t="s">
        <v>68403</v>
      </c>
      <c r="C50030">
        <v>2</v>
      </c>
      <c r="D50030">
        <v>0</v>
      </c>
    </row>
    <row r="50031" spans="1:4" x14ac:dyDescent="0.25">
      <c r="A50031" t="s">
        <v>68399</v>
      </c>
      <c r="B50031" t="s">
        <v>68404</v>
      </c>
      <c r="C50031">
        <v>1</v>
      </c>
      <c r="D50031">
        <v>0</v>
      </c>
    </row>
    <row r="50032" spans="1:4" x14ac:dyDescent="0.25">
      <c r="A50032" t="s">
        <v>68399</v>
      </c>
      <c r="B50032" t="s">
        <v>68405</v>
      </c>
      <c r="C50032">
        <v>0</v>
      </c>
      <c r="D50032">
        <v>0</v>
      </c>
    </row>
    <row r="50033" spans="1:4" x14ac:dyDescent="0.25">
      <c r="A50033" t="s">
        <v>68399</v>
      </c>
      <c r="B50033" t="s">
        <v>68406</v>
      </c>
      <c r="C50033">
        <v>1</v>
      </c>
      <c r="D50033">
        <v>0</v>
      </c>
    </row>
    <row r="50034" spans="1:4" x14ac:dyDescent="0.25">
      <c r="A50034" t="s">
        <v>68399</v>
      </c>
      <c r="B50034" t="s">
        <v>68407</v>
      </c>
      <c r="C50034">
        <v>2</v>
      </c>
      <c r="D50034">
        <v>0</v>
      </c>
    </row>
    <row r="50035" spans="1:4" x14ac:dyDescent="0.25">
      <c r="A50035" t="s">
        <v>68408</v>
      </c>
      <c r="B50035" t="s">
        <v>68409</v>
      </c>
      <c r="C50035">
        <v>1</v>
      </c>
      <c r="D50035">
        <v>0</v>
      </c>
    </row>
    <row r="50036" spans="1:4" x14ac:dyDescent="0.25">
      <c r="A50036" t="s">
        <v>68408</v>
      </c>
      <c r="B50036" t="s">
        <v>68410</v>
      </c>
      <c r="C50036">
        <v>1</v>
      </c>
      <c r="D50036">
        <v>0</v>
      </c>
    </row>
    <row r="50037" spans="1:4" x14ac:dyDescent="0.25">
      <c r="A50037" t="s">
        <v>68408</v>
      </c>
      <c r="B50037" t="s">
        <v>68411</v>
      </c>
      <c r="C50037">
        <v>1</v>
      </c>
      <c r="D50037">
        <v>0</v>
      </c>
    </row>
    <row r="50038" spans="1:4" x14ac:dyDescent="0.25">
      <c r="A50038" t="s">
        <v>68408</v>
      </c>
      <c r="B50038" t="s">
        <v>68412</v>
      </c>
      <c r="C50038">
        <v>1</v>
      </c>
      <c r="D50038">
        <v>0</v>
      </c>
    </row>
    <row r="50039" spans="1:4" x14ac:dyDescent="0.25">
      <c r="A50039" t="s">
        <v>68408</v>
      </c>
      <c r="B50039" t="s">
        <v>68413</v>
      </c>
      <c r="C50039">
        <v>1</v>
      </c>
      <c r="D50039">
        <v>0</v>
      </c>
    </row>
    <row r="50040" spans="1:4" x14ac:dyDescent="0.25">
      <c r="A50040" t="s">
        <v>68414</v>
      </c>
      <c r="B50040" t="s">
        <v>68415</v>
      </c>
      <c r="C50040">
        <v>0</v>
      </c>
      <c r="D50040">
        <v>0</v>
      </c>
    </row>
    <row r="50041" spans="1:4" x14ac:dyDescent="0.25">
      <c r="A50041" t="s">
        <v>68414</v>
      </c>
      <c r="B50041" t="s">
        <v>68416</v>
      </c>
      <c r="C50041">
        <v>2</v>
      </c>
      <c r="D50041">
        <v>0</v>
      </c>
    </row>
    <row r="50042" spans="1:4" x14ac:dyDescent="0.25">
      <c r="A50042" t="s">
        <v>68414</v>
      </c>
      <c r="B50042" t="s">
        <v>68417</v>
      </c>
      <c r="C50042">
        <v>1</v>
      </c>
      <c r="D50042">
        <v>0</v>
      </c>
    </row>
    <row r="50043" spans="1:4" x14ac:dyDescent="0.25">
      <c r="A50043" t="s">
        <v>68414</v>
      </c>
      <c r="B50043" t="s">
        <v>68418</v>
      </c>
      <c r="C50043">
        <v>1</v>
      </c>
      <c r="D50043">
        <v>0</v>
      </c>
    </row>
    <row r="50044" spans="1:4" x14ac:dyDescent="0.25">
      <c r="A50044" t="s">
        <v>68414</v>
      </c>
      <c r="B50044" t="s">
        <v>68419</v>
      </c>
      <c r="C50044">
        <v>1</v>
      </c>
      <c r="D50044">
        <v>0</v>
      </c>
    </row>
    <row r="50045" spans="1:4" x14ac:dyDescent="0.25">
      <c r="A50045" t="s">
        <v>68420</v>
      </c>
      <c r="B50045" t="s">
        <v>68421</v>
      </c>
      <c r="C50045">
        <v>1</v>
      </c>
      <c r="D50045">
        <v>0</v>
      </c>
    </row>
    <row r="50046" spans="1:4" x14ac:dyDescent="0.25">
      <c r="A50046" t="s">
        <v>68420</v>
      </c>
      <c r="B50046" t="s">
        <v>68422</v>
      </c>
      <c r="C50046">
        <v>1</v>
      </c>
      <c r="D50046">
        <v>0</v>
      </c>
    </row>
    <row r="50047" spans="1:4" x14ac:dyDescent="0.25">
      <c r="A50047" t="s">
        <v>68420</v>
      </c>
      <c r="B50047" t="s">
        <v>68423</v>
      </c>
      <c r="C50047">
        <v>1</v>
      </c>
      <c r="D50047">
        <v>0</v>
      </c>
    </row>
    <row r="50048" spans="1:4" x14ac:dyDescent="0.25">
      <c r="A50048" t="s">
        <v>68424</v>
      </c>
      <c r="B50048" t="s">
        <v>68425</v>
      </c>
      <c r="C50048">
        <v>1</v>
      </c>
      <c r="D50048">
        <v>0</v>
      </c>
    </row>
    <row r="50049" spans="1:4" x14ac:dyDescent="0.25">
      <c r="A50049" t="s">
        <v>68424</v>
      </c>
      <c r="B50049" t="s">
        <v>68426</v>
      </c>
      <c r="C50049">
        <v>0</v>
      </c>
      <c r="D50049">
        <v>0</v>
      </c>
    </row>
    <row r="50050" spans="1:4" x14ac:dyDescent="0.25">
      <c r="A50050" t="s">
        <v>68424</v>
      </c>
      <c r="B50050" t="s">
        <v>68427</v>
      </c>
      <c r="C50050">
        <v>1</v>
      </c>
      <c r="D50050">
        <v>0</v>
      </c>
    </row>
    <row r="50051" spans="1:4" x14ac:dyDescent="0.25">
      <c r="A50051" t="s">
        <v>68428</v>
      </c>
      <c r="B50051" t="s">
        <v>68429</v>
      </c>
      <c r="C50051">
        <v>2</v>
      </c>
      <c r="D50051">
        <v>0</v>
      </c>
    </row>
    <row r="50052" spans="1:4" x14ac:dyDescent="0.25">
      <c r="A50052" t="s">
        <v>68428</v>
      </c>
      <c r="B50052" t="s">
        <v>68430</v>
      </c>
      <c r="C50052">
        <v>0</v>
      </c>
      <c r="D50052">
        <v>0</v>
      </c>
    </row>
    <row r="50053" spans="1:4" x14ac:dyDescent="0.25">
      <c r="A50053" t="s">
        <v>68428</v>
      </c>
      <c r="B50053" t="s">
        <v>68431</v>
      </c>
      <c r="C50053">
        <v>1</v>
      </c>
      <c r="D50053">
        <v>0</v>
      </c>
    </row>
    <row r="50054" spans="1:4" x14ac:dyDescent="0.25">
      <c r="A50054" t="s">
        <v>68432</v>
      </c>
      <c r="B50054" t="s">
        <v>68433</v>
      </c>
      <c r="C50054">
        <v>1</v>
      </c>
      <c r="D50054">
        <v>0</v>
      </c>
    </row>
    <row r="50055" spans="1:4" x14ac:dyDescent="0.25">
      <c r="A50055" t="s">
        <v>68432</v>
      </c>
      <c r="B50055" t="s">
        <v>68434</v>
      </c>
      <c r="C50055">
        <v>1</v>
      </c>
      <c r="D50055">
        <v>0</v>
      </c>
    </row>
    <row r="50056" spans="1:4" x14ac:dyDescent="0.25">
      <c r="A50056" t="s">
        <v>68435</v>
      </c>
      <c r="B50056" t="s">
        <v>68436</v>
      </c>
      <c r="C50056">
        <v>1</v>
      </c>
      <c r="D50056">
        <v>0</v>
      </c>
    </row>
    <row r="50057" spans="1:4" x14ac:dyDescent="0.25">
      <c r="A50057" t="s">
        <v>68435</v>
      </c>
      <c r="B50057" t="s">
        <v>68437</v>
      </c>
      <c r="C50057">
        <v>1</v>
      </c>
      <c r="D50057">
        <v>0</v>
      </c>
    </row>
    <row r="50058" spans="1:4" x14ac:dyDescent="0.25">
      <c r="A50058" t="s">
        <v>68435</v>
      </c>
      <c r="B50058" t="s">
        <v>68438</v>
      </c>
      <c r="C50058">
        <v>1</v>
      </c>
      <c r="D50058">
        <v>0</v>
      </c>
    </row>
    <row r="50059" spans="1:4" x14ac:dyDescent="0.25">
      <c r="A50059" t="s">
        <v>68439</v>
      </c>
      <c r="B50059" t="s">
        <v>68440</v>
      </c>
      <c r="C50059">
        <v>1</v>
      </c>
      <c r="D50059">
        <v>0</v>
      </c>
    </row>
    <row r="50060" spans="1:4" x14ac:dyDescent="0.25">
      <c r="A50060" t="s">
        <v>68439</v>
      </c>
      <c r="B50060" t="s">
        <v>68441</v>
      </c>
      <c r="C50060">
        <v>2</v>
      </c>
      <c r="D50060">
        <v>0</v>
      </c>
    </row>
    <row r="50061" spans="1:4" x14ac:dyDescent="0.25">
      <c r="A50061" t="s">
        <v>68439</v>
      </c>
      <c r="B50061" t="s">
        <v>68442</v>
      </c>
      <c r="C50061">
        <v>1</v>
      </c>
      <c r="D50061">
        <v>0</v>
      </c>
    </row>
    <row r="50062" spans="1:4" x14ac:dyDescent="0.25">
      <c r="A50062" t="s">
        <v>68443</v>
      </c>
      <c r="B50062" t="s">
        <v>68444</v>
      </c>
      <c r="C50062">
        <v>1</v>
      </c>
      <c r="D50062">
        <v>0</v>
      </c>
    </row>
    <row r="50063" spans="1:4" x14ac:dyDescent="0.25">
      <c r="A50063" t="s">
        <v>68443</v>
      </c>
      <c r="B50063" t="s">
        <v>68445</v>
      </c>
      <c r="C50063">
        <v>2</v>
      </c>
      <c r="D50063">
        <v>0</v>
      </c>
    </row>
    <row r="50064" spans="1:4" x14ac:dyDescent="0.25">
      <c r="A50064" t="s">
        <v>68443</v>
      </c>
      <c r="B50064" t="s">
        <v>68446</v>
      </c>
      <c r="C50064">
        <v>1</v>
      </c>
      <c r="D50064">
        <v>0</v>
      </c>
    </row>
    <row r="50065" spans="1:4" x14ac:dyDescent="0.25">
      <c r="A50065" t="s">
        <v>68443</v>
      </c>
      <c r="B50065" t="s">
        <v>68447</v>
      </c>
      <c r="C50065">
        <v>1</v>
      </c>
      <c r="D50065">
        <v>0</v>
      </c>
    </row>
    <row r="50066" spans="1:4" x14ac:dyDescent="0.25">
      <c r="A50066" t="s">
        <v>68443</v>
      </c>
      <c r="B50066" t="s">
        <v>68448</v>
      </c>
      <c r="C50066">
        <v>1</v>
      </c>
      <c r="D50066">
        <v>0</v>
      </c>
    </row>
    <row r="50067" spans="1:4" x14ac:dyDescent="0.25">
      <c r="A50067" t="s">
        <v>68443</v>
      </c>
      <c r="B50067" t="s">
        <v>68449</v>
      </c>
      <c r="C50067">
        <v>1</v>
      </c>
      <c r="D50067">
        <v>0</v>
      </c>
    </row>
    <row r="50068" spans="1:4" x14ac:dyDescent="0.25">
      <c r="A50068" t="s">
        <v>68450</v>
      </c>
      <c r="B50068" t="s">
        <v>68451</v>
      </c>
      <c r="C50068">
        <v>1</v>
      </c>
      <c r="D50068">
        <v>0</v>
      </c>
    </row>
    <row r="50069" spans="1:4" x14ac:dyDescent="0.25">
      <c r="A50069" t="s">
        <v>68450</v>
      </c>
      <c r="B50069" t="s">
        <v>68452</v>
      </c>
      <c r="C50069">
        <v>1</v>
      </c>
      <c r="D50069">
        <v>0</v>
      </c>
    </row>
    <row r="50070" spans="1:4" x14ac:dyDescent="0.25">
      <c r="A50070" t="s">
        <v>68450</v>
      </c>
      <c r="B50070" t="s">
        <v>2651</v>
      </c>
      <c r="C50070">
        <v>1</v>
      </c>
      <c r="D50070">
        <v>0</v>
      </c>
    </row>
    <row r="50071" spans="1:4" x14ac:dyDescent="0.25">
      <c r="A50071" t="s">
        <v>68450</v>
      </c>
      <c r="B50071" t="s">
        <v>68453</v>
      </c>
      <c r="C50071">
        <v>2</v>
      </c>
      <c r="D50071">
        <v>0</v>
      </c>
    </row>
    <row r="50072" spans="1:4" x14ac:dyDescent="0.25">
      <c r="A50072" t="s">
        <v>68450</v>
      </c>
      <c r="B50072" t="s">
        <v>68454</v>
      </c>
      <c r="C50072">
        <v>2</v>
      </c>
      <c r="D50072">
        <v>0</v>
      </c>
    </row>
    <row r="50073" spans="1:4" x14ac:dyDescent="0.25">
      <c r="A50073" t="s">
        <v>68450</v>
      </c>
      <c r="B50073" t="s">
        <v>68455</v>
      </c>
      <c r="C50073">
        <v>2</v>
      </c>
      <c r="D50073">
        <v>0</v>
      </c>
    </row>
    <row r="50074" spans="1:4" x14ac:dyDescent="0.25">
      <c r="A50074" t="s">
        <v>68450</v>
      </c>
      <c r="B50074" t="s">
        <v>68456</v>
      </c>
      <c r="C50074">
        <v>0</v>
      </c>
      <c r="D50074">
        <v>0</v>
      </c>
    </row>
    <row r="50075" spans="1:4" x14ac:dyDescent="0.25">
      <c r="A50075" t="s">
        <v>68457</v>
      </c>
      <c r="B50075" t="s">
        <v>68458</v>
      </c>
      <c r="C50075">
        <v>0</v>
      </c>
      <c r="D50075">
        <v>0</v>
      </c>
    </row>
    <row r="50076" spans="1:4" x14ac:dyDescent="0.25">
      <c r="A50076" t="s">
        <v>68457</v>
      </c>
      <c r="B50076" t="s">
        <v>68459</v>
      </c>
      <c r="C50076">
        <v>2</v>
      </c>
      <c r="D50076">
        <v>0</v>
      </c>
    </row>
    <row r="50077" spans="1:4" x14ac:dyDescent="0.25">
      <c r="A50077" t="s">
        <v>68457</v>
      </c>
      <c r="B50077" t="s">
        <v>68460</v>
      </c>
      <c r="C50077">
        <v>1</v>
      </c>
      <c r="D50077">
        <v>0</v>
      </c>
    </row>
    <row r="50078" spans="1:4" x14ac:dyDescent="0.25">
      <c r="A50078" t="s">
        <v>68457</v>
      </c>
      <c r="B50078" t="s">
        <v>68461</v>
      </c>
      <c r="C50078">
        <v>1</v>
      </c>
      <c r="D50078">
        <v>0</v>
      </c>
    </row>
    <row r="50079" spans="1:4" x14ac:dyDescent="0.25">
      <c r="A50079" t="s">
        <v>68457</v>
      </c>
      <c r="B50079" t="s">
        <v>68462</v>
      </c>
      <c r="C50079">
        <v>0</v>
      </c>
      <c r="D50079">
        <v>0</v>
      </c>
    </row>
    <row r="50080" spans="1:4" x14ac:dyDescent="0.25">
      <c r="A50080" t="s">
        <v>68457</v>
      </c>
      <c r="B50080" t="s">
        <v>68463</v>
      </c>
      <c r="C50080">
        <v>2</v>
      </c>
      <c r="D50080">
        <v>0</v>
      </c>
    </row>
    <row r="50081" spans="1:4" x14ac:dyDescent="0.25">
      <c r="A50081" t="s">
        <v>68457</v>
      </c>
      <c r="B50081" t="s">
        <v>68464</v>
      </c>
      <c r="C50081">
        <v>2</v>
      </c>
      <c r="D50081">
        <v>0</v>
      </c>
    </row>
    <row r="50082" spans="1:4" x14ac:dyDescent="0.25">
      <c r="A50082" t="s">
        <v>68465</v>
      </c>
      <c r="B50082" t="s">
        <v>68466</v>
      </c>
      <c r="C50082">
        <v>0</v>
      </c>
      <c r="D50082">
        <v>0</v>
      </c>
    </row>
    <row r="50083" spans="1:4" x14ac:dyDescent="0.25">
      <c r="A50083" t="s">
        <v>68465</v>
      </c>
      <c r="B50083" t="s">
        <v>68467</v>
      </c>
      <c r="C50083">
        <v>2</v>
      </c>
      <c r="D50083">
        <v>0</v>
      </c>
    </row>
    <row r="50084" spans="1:4" x14ac:dyDescent="0.25">
      <c r="A50084" t="s">
        <v>68465</v>
      </c>
      <c r="B50084" t="s">
        <v>68468</v>
      </c>
      <c r="C50084">
        <v>1</v>
      </c>
      <c r="D50084">
        <v>0</v>
      </c>
    </row>
    <row r="50085" spans="1:4" x14ac:dyDescent="0.25">
      <c r="A50085" t="s">
        <v>68465</v>
      </c>
      <c r="B50085" t="s">
        <v>68469</v>
      </c>
      <c r="C50085">
        <v>2</v>
      </c>
      <c r="D50085">
        <v>0</v>
      </c>
    </row>
    <row r="50086" spans="1:4" x14ac:dyDescent="0.25">
      <c r="A50086" t="s">
        <v>68465</v>
      </c>
      <c r="B50086" t="s">
        <v>68470</v>
      </c>
      <c r="C50086">
        <v>2</v>
      </c>
      <c r="D50086">
        <v>0</v>
      </c>
    </row>
    <row r="50087" spans="1:4" x14ac:dyDescent="0.25">
      <c r="A50087" t="s">
        <v>68465</v>
      </c>
      <c r="B50087" t="s">
        <v>68471</v>
      </c>
      <c r="C50087">
        <v>2</v>
      </c>
      <c r="D50087">
        <v>0</v>
      </c>
    </row>
    <row r="50088" spans="1:4" x14ac:dyDescent="0.25">
      <c r="A50088" t="s">
        <v>68472</v>
      </c>
      <c r="B50088" t="s">
        <v>68473</v>
      </c>
      <c r="C50088">
        <v>1</v>
      </c>
      <c r="D50088">
        <v>0</v>
      </c>
    </row>
    <row r="50089" spans="1:4" x14ac:dyDescent="0.25">
      <c r="A50089" t="s">
        <v>68472</v>
      </c>
      <c r="B50089" t="s">
        <v>68474</v>
      </c>
      <c r="C50089">
        <v>2</v>
      </c>
      <c r="D50089">
        <v>0</v>
      </c>
    </row>
    <row r="50090" spans="1:4" x14ac:dyDescent="0.25">
      <c r="A50090" t="s">
        <v>68472</v>
      </c>
      <c r="B50090" t="s">
        <v>68475</v>
      </c>
      <c r="C50090">
        <v>1</v>
      </c>
      <c r="D50090">
        <v>0</v>
      </c>
    </row>
    <row r="50091" spans="1:4" x14ac:dyDescent="0.25">
      <c r="A50091" t="s">
        <v>68476</v>
      </c>
      <c r="B50091" t="s">
        <v>68477</v>
      </c>
      <c r="C50091">
        <v>2</v>
      </c>
      <c r="D50091">
        <v>0</v>
      </c>
    </row>
    <row r="50092" spans="1:4" x14ac:dyDescent="0.25">
      <c r="A50092" t="s">
        <v>68476</v>
      </c>
      <c r="B50092" t="s">
        <v>68478</v>
      </c>
      <c r="C50092">
        <v>1</v>
      </c>
      <c r="D50092">
        <v>0</v>
      </c>
    </row>
    <row r="50093" spans="1:4" x14ac:dyDescent="0.25">
      <c r="A50093" t="s">
        <v>68476</v>
      </c>
      <c r="B50093" t="s">
        <v>68479</v>
      </c>
      <c r="C50093">
        <v>1</v>
      </c>
      <c r="D50093">
        <v>0</v>
      </c>
    </row>
    <row r="50094" spans="1:4" x14ac:dyDescent="0.25">
      <c r="A50094" t="s">
        <v>68476</v>
      </c>
      <c r="B50094" t="s">
        <v>68480</v>
      </c>
      <c r="C50094">
        <v>2</v>
      </c>
      <c r="D50094">
        <v>0</v>
      </c>
    </row>
    <row r="50095" spans="1:4" x14ac:dyDescent="0.25">
      <c r="A50095" t="s">
        <v>68481</v>
      </c>
      <c r="B50095" t="s">
        <v>68482</v>
      </c>
      <c r="C50095">
        <v>1</v>
      </c>
      <c r="D50095">
        <v>0</v>
      </c>
    </row>
    <row r="50096" spans="1:4" x14ac:dyDescent="0.25">
      <c r="A50096" t="s">
        <v>68481</v>
      </c>
      <c r="B50096" t="s">
        <v>68483</v>
      </c>
      <c r="C50096">
        <v>1</v>
      </c>
      <c r="D50096">
        <v>0</v>
      </c>
    </row>
    <row r="50097" spans="1:4" x14ac:dyDescent="0.25">
      <c r="A50097" t="s">
        <v>68481</v>
      </c>
      <c r="B50097" t="s">
        <v>68484</v>
      </c>
      <c r="C50097">
        <v>1</v>
      </c>
      <c r="D50097">
        <v>0</v>
      </c>
    </row>
    <row r="50098" spans="1:4" x14ac:dyDescent="0.25">
      <c r="A50098" t="s">
        <v>68481</v>
      </c>
      <c r="B50098" t="s">
        <v>68485</v>
      </c>
      <c r="C50098">
        <v>1</v>
      </c>
      <c r="D50098">
        <v>0</v>
      </c>
    </row>
    <row r="50099" spans="1:4" x14ac:dyDescent="0.25">
      <c r="A50099" t="s">
        <v>68486</v>
      </c>
      <c r="B50099" t="s">
        <v>5434</v>
      </c>
      <c r="C50099">
        <v>1</v>
      </c>
      <c r="D50099">
        <v>0</v>
      </c>
    </row>
    <row r="50100" spans="1:4" x14ac:dyDescent="0.25">
      <c r="A50100" t="s">
        <v>68486</v>
      </c>
      <c r="B50100" t="s">
        <v>68487</v>
      </c>
      <c r="C50100">
        <v>1</v>
      </c>
      <c r="D50100">
        <v>0</v>
      </c>
    </row>
    <row r="50101" spans="1:4" x14ac:dyDescent="0.25">
      <c r="A50101" t="s">
        <v>68488</v>
      </c>
      <c r="B50101" t="s">
        <v>68489</v>
      </c>
      <c r="C50101">
        <v>1</v>
      </c>
      <c r="D50101">
        <v>0</v>
      </c>
    </row>
    <row r="50102" spans="1:4" x14ac:dyDescent="0.25">
      <c r="A50102" t="s">
        <v>68488</v>
      </c>
      <c r="B50102" t="s">
        <v>68490</v>
      </c>
      <c r="C50102">
        <v>1</v>
      </c>
      <c r="D50102">
        <v>0</v>
      </c>
    </row>
    <row r="50103" spans="1:4" x14ac:dyDescent="0.25">
      <c r="A50103" t="s">
        <v>68488</v>
      </c>
      <c r="B50103" t="s">
        <v>68491</v>
      </c>
      <c r="C50103">
        <v>0</v>
      </c>
      <c r="D50103">
        <v>0</v>
      </c>
    </row>
    <row r="50104" spans="1:4" x14ac:dyDescent="0.25">
      <c r="A50104" t="s">
        <v>68492</v>
      </c>
      <c r="B50104" t="s">
        <v>68493</v>
      </c>
      <c r="C50104">
        <v>1</v>
      </c>
      <c r="D50104">
        <v>0</v>
      </c>
    </row>
    <row r="50105" spans="1:4" x14ac:dyDescent="0.25">
      <c r="A50105" t="s">
        <v>68492</v>
      </c>
      <c r="B50105" t="s">
        <v>68494</v>
      </c>
      <c r="C50105">
        <v>0</v>
      </c>
      <c r="D50105">
        <v>0</v>
      </c>
    </row>
    <row r="50106" spans="1:4" x14ac:dyDescent="0.25">
      <c r="A50106" t="s">
        <v>68492</v>
      </c>
      <c r="B50106" t="s">
        <v>68495</v>
      </c>
      <c r="C50106">
        <v>2</v>
      </c>
      <c r="D50106">
        <v>0</v>
      </c>
    </row>
    <row r="50107" spans="1:4" x14ac:dyDescent="0.25">
      <c r="A50107" t="s">
        <v>68492</v>
      </c>
      <c r="B50107" t="s">
        <v>68496</v>
      </c>
      <c r="C50107">
        <v>2</v>
      </c>
      <c r="D50107">
        <v>0</v>
      </c>
    </row>
    <row r="50108" spans="1:4" x14ac:dyDescent="0.25">
      <c r="A50108" t="s">
        <v>68492</v>
      </c>
      <c r="B50108" t="s">
        <v>68497</v>
      </c>
      <c r="C50108">
        <v>1</v>
      </c>
      <c r="D50108">
        <v>0</v>
      </c>
    </row>
    <row r="50109" spans="1:4" x14ac:dyDescent="0.25">
      <c r="A50109" t="s">
        <v>68492</v>
      </c>
      <c r="B50109" t="s">
        <v>68498</v>
      </c>
      <c r="C50109">
        <v>0</v>
      </c>
      <c r="D50109">
        <v>0</v>
      </c>
    </row>
    <row r="50110" spans="1:4" x14ac:dyDescent="0.25">
      <c r="A50110" t="s">
        <v>68492</v>
      </c>
      <c r="B50110" t="s">
        <v>68499</v>
      </c>
      <c r="C50110">
        <v>2</v>
      </c>
      <c r="D50110">
        <v>0</v>
      </c>
    </row>
    <row r="50111" spans="1:4" x14ac:dyDescent="0.25">
      <c r="A50111" t="s">
        <v>68500</v>
      </c>
      <c r="B50111" t="s">
        <v>68501</v>
      </c>
      <c r="C50111">
        <v>1</v>
      </c>
      <c r="D50111">
        <v>0</v>
      </c>
    </row>
    <row r="50112" spans="1:4" x14ac:dyDescent="0.25">
      <c r="A50112" t="s">
        <v>68500</v>
      </c>
      <c r="B50112" t="s">
        <v>68502</v>
      </c>
      <c r="C50112">
        <v>1</v>
      </c>
      <c r="D50112">
        <v>0</v>
      </c>
    </row>
    <row r="50113" spans="1:4" x14ac:dyDescent="0.25">
      <c r="A50113" t="s">
        <v>68503</v>
      </c>
      <c r="B50113" t="s">
        <v>68504</v>
      </c>
      <c r="C50113">
        <v>1</v>
      </c>
      <c r="D50113">
        <v>0</v>
      </c>
    </row>
    <row r="50114" spans="1:4" x14ac:dyDescent="0.25">
      <c r="A50114" t="s">
        <v>68503</v>
      </c>
      <c r="B50114" t="s">
        <v>68505</v>
      </c>
      <c r="C50114">
        <v>2</v>
      </c>
      <c r="D50114">
        <v>0</v>
      </c>
    </row>
    <row r="50115" spans="1:4" x14ac:dyDescent="0.25">
      <c r="A50115" t="s">
        <v>68503</v>
      </c>
      <c r="B50115" t="s">
        <v>68506</v>
      </c>
      <c r="C50115">
        <v>0</v>
      </c>
      <c r="D50115">
        <v>0</v>
      </c>
    </row>
    <row r="50116" spans="1:4" x14ac:dyDescent="0.25">
      <c r="A50116" t="s">
        <v>68507</v>
      </c>
      <c r="B50116" t="s">
        <v>68508</v>
      </c>
      <c r="C50116">
        <v>1</v>
      </c>
      <c r="D50116">
        <v>0</v>
      </c>
    </row>
    <row r="50117" spans="1:4" x14ac:dyDescent="0.25">
      <c r="A50117" t="s">
        <v>68507</v>
      </c>
      <c r="B50117" t="s">
        <v>68509</v>
      </c>
      <c r="C50117">
        <v>1</v>
      </c>
      <c r="D50117">
        <v>0</v>
      </c>
    </row>
    <row r="50118" spans="1:4" x14ac:dyDescent="0.25">
      <c r="A50118" t="s">
        <v>68507</v>
      </c>
      <c r="B50118" t="s">
        <v>68510</v>
      </c>
      <c r="C50118">
        <v>2</v>
      </c>
      <c r="D50118">
        <v>0</v>
      </c>
    </row>
    <row r="50119" spans="1:4" x14ac:dyDescent="0.25">
      <c r="A50119" t="s">
        <v>68511</v>
      </c>
      <c r="B50119" t="s">
        <v>68512</v>
      </c>
      <c r="C50119">
        <v>1</v>
      </c>
      <c r="D50119">
        <v>0</v>
      </c>
    </row>
    <row r="50120" spans="1:4" x14ac:dyDescent="0.25">
      <c r="A50120" t="s">
        <v>68513</v>
      </c>
      <c r="B50120" t="s">
        <v>68514</v>
      </c>
      <c r="C50120">
        <v>0</v>
      </c>
      <c r="D50120">
        <v>0</v>
      </c>
    </row>
    <row r="50121" spans="1:4" x14ac:dyDescent="0.25">
      <c r="A50121" t="s">
        <v>68513</v>
      </c>
      <c r="B50121" t="s">
        <v>68515</v>
      </c>
      <c r="C50121">
        <v>1</v>
      </c>
      <c r="D50121">
        <v>0</v>
      </c>
    </row>
    <row r="50122" spans="1:4" x14ac:dyDescent="0.25">
      <c r="A50122" t="s">
        <v>68513</v>
      </c>
      <c r="B50122" t="s">
        <v>21395</v>
      </c>
      <c r="C50122">
        <v>1</v>
      </c>
      <c r="D50122">
        <v>0</v>
      </c>
    </row>
    <row r="50123" spans="1:4" x14ac:dyDescent="0.25">
      <c r="A50123" t="s">
        <v>68513</v>
      </c>
      <c r="B50123" t="s">
        <v>54449</v>
      </c>
      <c r="C50123">
        <v>1</v>
      </c>
      <c r="D50123">
        <v>0</v>
      </c>
    </row>
    <row r="50124" spans="1:4" x14ac:dyDescent="0.25">
      <c r="A50124" t="s">
        <v>68516</v>
      </c>
      <c r="B50124" t="s">
        <v>68517</v>
      </c>
      <c r="C50124">
        <v>0</v>
      </c>
      <c r="D50124">
        <v>0</v>
      </c>
    </row>
    <row r="50125" spans="1:4" x14ac:dyDescent="0.25">
      <c r="A50125" t="s">
        <v>68516</v>
      </c>
      <c r="B50125" t="s">
        <v>5864</v>
      </c>
      <c r="C50125">
        <v>1</v>
      </c>
      <c r="D50125">
        <v>0</v>
      </c>
    </row>
    <row r="50126" spans="1:4" x14ac:dyDescent="0.25">
      <c r="A50126" t="s">
        <v>68516</v>
      </c>
      <c r="B50126" t="s">
        <v>68518</v>
      </c>
      <c r="C50126">
        <v>1</v>
      </c>
      <c r="D50126">
        <v>0</v>
      </c>
    </row>
    <row r="50127" spans="1:4" x14ac:dyDescent="0.25">
      <c r="A50127" t="s">
        <v>68516</v>
      </c>
      <c r="B50127" t="s">
        <v>68519</v>
      </c>
      <c r="C50127">
        <v>0</v>
      </c>
      <c r="D50127">
        <v>0</v>
      </c>
    </row>
    <row r="50128" spans="1:4" x14ac:dyDescent="0.25">
      <c r="A50128" t="s">
        <v>68516</v>
      </c>
      <c r="B50128" t="s">
        <v>68520</v>
      </c>
      <c r="C50128">
        <v>1</v>
      </c>
      <c r="D50128">
        <v>0</v>
      </c>
    </row>
    <row r="50129" spans="1:4" x14ac:dyDescent="0.25">
      <c r="A50129" t="s">
        <v>68516</v>
      </c>
      <c r="B50129" t="s">
        <v>68521</v>
      </c>
      <c r="C50129">
        <v>0</v>
      </c>
      <c r="D50129">
        <v>0</v>
      </c>
    </row>
    <row r="50130" spans="1:4" x14ac:dyDescent="0.25">
      <c r="A50130" t="s">
        <v>68522</v>
      </c>
      <c r="B50130" t="s">
        <v>68523</v>
      </c>
      <c r="C50130">
        <v>1</v>
      </c>
      <c r="D50130">
        <v>0</v>
      </c>
    </row>
    <row r="50131" spans="1:4" x14ac:dyDescent="0.25">
      <c r="A50131" t="s">
        <v>68522</v>
      </c>
      <c r="B50131" t="s">
        <v>68524</v>
      </c>
      <c r="C50131">
        <v>2</v>
      </c>
      <c r="D50131">
        <v>0</v>
      </c>
    </row>
    <row r="50132" spans="1:4" x14ac:dyDescent="0.25">
      <c r="A50132" t="s">
        <v>68522</v>
      </c>
      <c r="B50132" t="s">
        <v>68525</v>
      </c>
      <c r="C50132">
        <v>1</v>
      </c>
      <c r="D50132">
        <v>0</v>
      </c>
    </row>
    <row r="50133" spans="1:4" x14ac:dyDescent="0.25">
      <c r="A50133" t="s">
        <v>68522</v>
      </c>
      <c r="B50133" t="s">
        <v>68526</v>
      </c>
      <c r="C50133">
        <v>2</v>
      </c>
      <c r="D50133">
        <v>0</v>
      </c>
    </row>
    <row r="50134" spans="1:4" x14ac:dyDescent="0.25">
      <c r="A50134" t="s">
        <v>68527</v>
      </c>
      <c r="B50134" t="s">
        <v>68528</v>
      </c>
      <c r="C50134">
        <v>2</v>
      </c>
      <c r="D50134">
        <v>0</v>
      </c>
    </row>
    <row r="50135" spans="1:4" x14ac:dyDescent="0.25">
      <c r="A50135" t="s">
        <v>68527</v>
      </c>
      <c r="B50135" t="s">
        <v>68529</v>
      </c>
      <c r="C50135">
        <v>1</v>
      </c>
      <c r="D50135">
        <v>0</v>
      </c>
    </row>
    <row r="50136" spans="1:4" x14ac:dyDescent="0.25">
      <c r="A50136" t="s">
        <v>68527</v>
      </c>
      <c r="B50136" t="s">
        <v>68530</v>
      </c>
      <c r="C50136">
        <v>2</v>
      </c>
      <c r="D50136">
        <v>0</v>
      </c>
    </row>
    <row r="50137" spans="1:4" x14ac:dyDescent="0.25">
      <c r="A50137" t="s">
        <v>68527</v>
      </c>
      <c r="B50137" t="s">
        <v>68531</v>
      </c>
      <c r="C50137">
        <v>1</v>
      </c>
      <c r="D50137">
        <v>0</v>
      </c>
    </row>
    <row r="50138" spans="1:4" x14ac:dyDescent="0.25">
      <c r="A50138" t="s">
        <v>68527</v>
      </c>
      <c r="B50138" t="s">
        <v>68532</v>
      </c>
      <c r="C50138">
        <v>1</v>
      </c>
      <c r="D50138">
        <v>0</v>
      </c>
    </row>
    <row r="50139" spans="1:4" x14ac:dyDescent="0.25">
      <c r="A50139" t="s">
        <v>68533</v>
      </c>
      <c r="B50139" t="s">
        <v>68534</v>
      </c>
      <c r="C50139">
        <v>0</v>
      </c>
      <c r="D50139">
        <v>0</v>
      </c>
    </row>
    <row r="50140" spans="1:4" x14ac:dyDescent="0.25">
      <c r="A50140" t="s">
        <v>68533</v>
      </c>
      <c r="B50140" t="s">
        <v>68535</v>
      </c>
      <c r="C50140">
        <v>0</v>
      </c>
      <c r="D50140">
        <v>0</v>
      </c>
    </row>
    <row r="50141" spans="1:4" x14ac:dyDescent="0.25">
      <c r="A50141" t="s">
        <v>68533</v>
      </c>
      <c r="B50141" t="s">
        <v>68536</v>
      </c>
      <c r="C50141">
        <v>0</v>
      </c>
      <c r="D50141">
        <v>0</v>
      </c>
    </row>
    <row r="50142" spans="1:4" x14ac:dyDescent="0.25">
      <c r="A50142" t="s">
        <v>68533</v>
      </c>
      <c r="B50142" t="s">
        <v>1170</v>
      </c>
      <c r="C50142">
        <v>0</v>
      </c>
      <c r="D50142">
        <v>0</v>
      </c>
    </row>
    <row r="50143" spans="1:4" x14ac:dyDescent="0.25">
      <c r="A50143" t="s">
        <v>68533</v>
      </c>
      <c r="B50143" t="s">
        <v>68537</v>
      </c>
      <c r="C50143">
        <v>2</v>
      </c>
      <c r="D50143">
        <v>0</v>
      </c>
    </row>
    <row r="50144" spans="1:4" x14ac:dyDescent="0.25">
      <c r="A50144" t="s">
        <v>68538</v>
      </c>
      <c r="B50144" t="s">
        <v>68539</v>
      </c>
      <c r="C50144">
        <v>1</v>
      </c>
      <c r="D50144">
        <v>0</v>
      </c>
    </row>
    <row r="50145" spans="1:4" x14ac:dyDescent="0.25">
      <c r="A50145" t="s">
        <v>68538</v>
      </c>
      <c r="B50145" t="s">
        <v>68540</v>
      </c>
      <c r="C50145">
        <v>1</v>
      </c>
      <c r="D50145">
        <v>0</v>
      </c>
    </row>
    <row r="50146" spans="1:4" x14ac:dyDescent="0.25">
      <c r="A50146" t="s">
        <v>68541</v>
      </c>
      <c r="B50146" t="s">
        <v>68542</v>
      </c>
      <c r="C50146">
        <v>0</v>
      </c>
      <c r="D50146">
        <v>0</v>
      </c>
    </row>
    <row r="50147" spans="1:4" x14ac:dyDescent="0.25">
      <c r="A50147" t="s">
        <v>68541</v>
      </c>
      <c r="B50147" t="s">
        <v>68543</v>
      </c>
      <c r="C50147">
        <v>1</v>
      </c>
      <c r="D50147">
        <v>0</v>
      </c>
    </row>
    <row r="50148" spans="1:4" x14ac:dyDescent="0.25">
      <c r="A50148" t="s">
        <v>68544</v>
      </c>
      <c r="B50148" t="s">
        <v>68545</v>
      </c>
      <c r="C50148">
        <v>1</v>
      </c>
      <c r="D50148">
        <v>0</v>
      </c>
    </row>
    <row r="50149" spans="1:4" x14ac:dyDescent="0.25">
      <c r="A50149" t="s">
        <v>68544</v>
      </c>
      <c r="B50149" t="s">
        <v>68546</v>
      </c>
      <c r="C50149">
        <v>0</v>
      </c>
      <c r="D50149">
        <v>0</v>
      </c>
    </row>
    <row r="50150" spans="1:4" x14ac:dyDescent="0.25">
      <c r="A50150" t="s">
        <v>68544</v>
      </c>
      <c r="B50150" t="s">
        <v>68547</v>
      </c>
      <c r="C50150">
        <v>1</v>
      </c>
      <c r="D50150">
        <v>0</v>
      </c>
    </row>
    <row r="50151" spans="1:4" x14ac:dyDescent="0.25">
      <c r="A50151" t="s">
        <v>68544</v>
      </c>
      <c r="B50151" t="s">
        <v>68548</v>
      </c>
      <c r="C50151">
        <v>2</v>
      </c>
      <c r="D50151">
        <v>0</v>
      </c>
    </row>
    <row r="50152" spans="1:4" x14ac:dyDescent="0.25">
      <c r="A50152" t="s">
        <v>68544</v>
      </c>
      <c r="B50152" t="s">
        <v>68549</v>
      </c>
      <c r="C50152">
        <v>1</v>
      </c>
      <c r="D50152">
        <v>0</v>
      </c>
    </row>
    <row r="50153" spans="1:4" x14ac:dyDescent="0.25">
      <c r="A50153" t="s">
        <v>68550</v>
      </c>
      <c r="B50153" t="s">
        <v>68551</v>
      </c>
      <c r="C50153">
        <v>0</v>
      </c>
      <c r="D50153">
        <v>0</v>
      </c>
    </row>
    <row r="50154" spans="1:4" x14ac:dyDescent="0.25">
      <c r="A50154" t="s">
        <v>68550</v>
      </c>
      <c r="B50154" t="s">
        <v>68552</v>
      </c>
      <c r="C50154">
        <v>0</v>
      </c>
      <c r="D50154">
        <v>0</v>
      </c>
    </row>
    <row r="50155" spans="1:4" x14ac:dyDescent="0.25">
      <c r="A50155" t="s">
        <v>68550</v>
      </c>
      <c r="B50155" t="s">
        <v>68553</v>
      </c>
      <c r="C50155">
        <v>1</v>
      </c>
      <c r="D50155">
        <v>0</v>
      </c>
    </row>
    <row r="50156" spans="1:4" x14ac:dyDescent="0.25">
      <c r="A50156" t="s">
        <v>68550</v>
      </c>
      <c r="B50156" t="s">
        <v>68554</v>
      </c>
      <c r="C50156">
        <v>1</v>
      </c>
      <c r="D50156">
        <v>0</v>
      </c>
    </row>
    <row r="50157" spans="1:4" x14ac:dyDescent="0.25">
      <c r="A50157" t="s">
        <v>68555</v>
      </c>
      <c r="B50157" t="s">
        <v>68556</v>
      </c>
      <c r="C50157">
        <v>1</v>
      </c>
      <c r="D50157">
        <v>0</v>
      </c>
    </row>
    <row r="50158" spans="1:4" x14ac:dyDescent="0.25">
      <c r="A50158" t="s">
        <v>68555</v>
      </c>
      <c r="B50158" t="s">
        <v>68557</v>
      </c>
      <c r="C50158">
        <v>1</v>
      </c>
      <c r="D50158">
        <v>0</v>
      </c>
    </row>
    <row r="50159" spans="1:4" x14ac:dyDescent="0.25">
      <c r="A50159" t="s">
        <v>68555</v>
      </c>
      <c r="B50159" t="s">
        <v>68558</v>
      </c>
      <c r="C50159">
        <v>1</v>
      </c>
      <c r="D50159">
        <v>0</v>
      </c>
    </row>
    <row r="50160" spans="1:4" x14ac:dyDescent="0.25">
      <c r="A50160" t="s">
        <v>68555</v>
      </c>
      <c r="B50160" t="s">
        <v>68559</v>
      </c>
      <c r="C50160">
        <v>0</v>
      </c>
      <c r="D50160">
        <v>0</v>
      </c>
    </row>
    <row r="50161" spans="1:4" x14ac:dyDescent="0.25">
      <c r="A50161" t="s">
        <v>68555</v>
      </c>
      <c r="B50161" t="s">
        <v>68560</v>
      </c>
      <c r="C50161">
        <v>0</v>
      </c>
      <c r="D50161">
        <v>0</v>
      </c>
    </row>
    <row r="50162" spans="1:4" x14ac:dyDescent="0.25">
      <c r="A50162" t="s">
        <v>68555</v>
      </c>
      <c r="B50162" t="s">
        <v>68561</v>
      </c>
      <c r="C50162">
        <v>1</v>
      </c>
      <c r="D50162">
        <v>0</v>
      </c>
    </row>
    <row r="50163" spans="1:4" x14ac:dyDescent="0.25">
      <c r="A50163" t="s">
        <v>68562</v>
      </c>
      <c r="B50163" t="s">
        <v>68563</v>
      </c>
      <c r="C50163">
        <v>2</v>
      </c>
      <c r="D50163">
        <v>0</v>
      </c>
    </row>
    <row r="50164" spans="1:4" x14ac:dyDescent="0.25">
      <c r="A50164" t="s">
        <v>68562</v>
      </c>
      <c r="B50164" t="s">
        <v>68564</v>
      </c>
      <c r="C50164">
        <v>0</v>
      </c>
      <c r="D50164">
        <v>0</v>
      </c>
    </row>
    <row r="50165" spans="1:4" x14ac:dyDescent="0.25">
      <c r="A50165" t="s">
        <v>68562</v>
      </c>
      <c r="B50165" t="s">
        <v>68565</v>
      </c>
      <c r="C50165">
        <v>1</v>
      </c>
      <c r="D50165">
        <v>0</v>
      </c>
    </row>
    <row r="50166" spans="1:4" x14ac:dyDescent="0.25">
      <c r="A50166" t="s">
        <v>68562</v>
      </c>
      <c r="B50166" t="s">
        <v>68566</v>
      </c>
      <c r="C50166">
        <v>1</v>
      </c>
      <c r="D50166">
        <v>0</v>
      </c>
    </row>
    <row r="50167" spans="1:4" x14ac:dyDescent="0.25">
      <c r="A50167" t="s">
        <v>68567</v>
      </c>
      <c r="B50167" t="s">
        <v>68568</v>
      </c>
      <c r="C50167">
        <v>1</v>
      </c>
      <c r="D50167">
        <v>0</v>
      </c>
    </row>
    <row r="50168" spans="1:4" x14ac:dyDescent="0.25">
      <c r="A50168" t="s">
        <v>68569</v>
      </c>
      <c r="B50168" t="s">
        <v>68570</v>
      </c>
      <c r="C50168">
        <v>1</v>
      </c>
      <c r="D50168">
        <v>0</v>
      </c>
    </row>
    <row r="50169" spans="1:4" x14ac:dyDescent="0.25">
      <c r="A50169" t="s">
        <v>68569</v>
      </c>
      <c r="B50169" t="s">
        <v>68571</v>
      </c>
      <c r="C50169">
        <v>1</v>
      </c>
      <c r="D50169">
        <v>0</v>
      </c>
    </row>
    <row r="50170" spans="1:4" x14ac:dyDescent="0.25">
      <c r="A50170" t="s">
        <v>68569</v>
      </c>
      <c r="B50170" t="s">
        <v>68572</v>
      </c>
      <c r="C50170">
        <v>2</v>
      </c>
      <c r="D50170">
        <v>0</v>
      </c>
    </row>
    <row r="50171" spans="1:4" x14ac:dyDescent="0.25">
      <c r="A50171" t="s">
        <v>68569</v>
      </c>
      <c r="B50171" t="s">
        <v>68573</v>
      </c>
      <c r="C50171">
        <v>1</v>
      </c>
      <c r="D50171">
        <v>0</v>
      </c>
    </row>
    <row r="50172" spans="1:4" x14ac:dyDescent="0.25">
      <c r="A50172" t="s">
        <v>68569</v>
      </c>
      <c r="B50172" t="s">
        <v>51442</v>
      </c>
      <c r="C50172">
        <v>1</v>
      </c>
      <c r="D50172">
        <v>0</v>
      </c>
    </row>
    <row r="50173" spans="1:4" x14ac:dyDescent="0.25">
      <c r="A50173" t="s">
        <v>68569</v>
      </c>
      <c r="B50173" t="s">
        <v>6837</v>
      </c>
      <c r="C50173">
        <v>1</v>
      </c>
      <c r="D50173">
        <v>0</v>
      </c>
    </row>
    <row r="50174" spans="1:4" x14ac:dyDescent="0.25">
      <c r="A50174" t="s">
        <v>68569</v>
      </c>
      <c r="B50174" t="s">
        <v>68574</v>
      </c>
      <c r="C50174">
        <v>0</v>
      </c>
      <c r="D50174">
        <v>0</v>
      </c>
    </row>
    <row r="50175" spans="1:4" x14ac:dyDescent="0.25">
      <c r="A50175" t="s">
        <v>68575</v>
      </c>
      <c r="B50175" t="s">
        <v>68576</v>
      </c>
      <c r="C50175">
        <v>1</v>
      </c>
      <c r="D50175">
        <v>0</v>
      </c>
    </row>
    <row r="50176" spans="1:4" x14ac:dyDescent="0.25">
      <c r="A50176" t="s">
        <v>68575</v>
      </c>
      <c r="B50176" t="s">
        <v>68577</v>
      </c>
      <c r="C50176">
        <v>1</v>
      </c>
      <c r="D50176">
        <v>0</v>
      </c>
    </row>
    <row r="50177" spans="1:4" x14ac:dyDescent="0.25">
      <c r="A50177" t="s">
        <v>68575</v>
      </c>
      <c r="B50177" t="s">
        <v>68578</v>
      </c>
      <c r="C50177">
        <v>1</v>
      </c>
      <c r="D50177">
        <v>0</v>
      </c>
    </row>
    <row r="50178" spans="1:4" x14ac:dyDescent="0.25">
      <c r="A50178" t="s">
        <v>68575</v>
      </c>
      <c r="B50178" t="s">
        <v>68579</v>
      </c>
      <c r="C50178">
        <v>2</v>
      </c>
      <c r="D50178">
        <v>0</v>
      </c>
    </row>
    <row r="50179" spans="1:4" x14ac:dyDescent="0.25">
      <c r="A50179" t="s">
        <v>68575</v>
      </c>
      <c r="B50179" t="s">
        <v>68580</v>
      </c>
      <c r="C50179">
        <v>1</v>
      </c>
      <c r="D50179">
        <v>0</v>
      </c>
    </row>
    <row r="50180" spans="1:4" x14ac:dyDescent="0.25">
      <c r="A50180" t="s">
        <v>68575</v>
      </c>
      <c r="B50180" t="s">
        <v>68581</v>
      </c>
      <c r="C50180">
        <v>1</v>
      </c>
      <c r="D50180">
        <v>0</v>
      </c>
    </row>
    <row r="50181" spans="1:4" x14ac:dyDescent="0.25">
      <c r="A50181" t="s">
        <v>68575</v>
      </c>
      <c r="B50181" t="s">
        <v>68582</v>
      </c>
      <c r="C50181">
        <v>1</v>
      </c>
      <c r="D50181">
        <v>0</v>
      </c>
    </row>
    <row r="50182" spans="1:4" x14ac:dyDescent="0.25">
      <c r="A50182" t="s">
        <v>68575</v>
      </c>
      <c r="B50182" t="s">
        <v>68583</v>
      </c>
      <c r="C50182">
        <v>0</v>
      </c>
      <c r="D50182">
        <v>0</v>
      </c>
    </row>
    <row r="50183" spans="1:4" x14ac:dyDescent="0.25">
      <c r="A50183" t="s">
        <v>68584</v>
      </c>
      <c r="B50183" t="s">
        <v>68585</v>
      </c>
      <c r="C50183">
        <v>0</v>
      </c>
      <c r="D50183">
        <v>0</v>
      </c>
    </row>
    <row r="50184" spans="1:4" x14ac:dyDescent="0.25">
      <c r="A50184" t="s">
        <v>68584</v>
      </c>
      <c r="B50184" t="s">
        <v>68586</v>
      </c>
      <c r="C50184">
        <v>2</v>
      </c>
      <c r="D50184">
        <v>0</v>
      </c>
    </row>
    <row r="50185" spans="1:4" x14ac:dyDescent="0.25">
      <c r="A50185" t="s">
        <v>68587</v>
      </c>
      <c r="B50185" t="s">
        <v>68588</v>
      </c>
      <c r="C50185">
        <v>0</v>
      </c>
      <c r="D50185">
        <v>0</v>
      </c>
    </row>
    <row r="50186" spans="1:4" x14ac:dyDescent="0.25">
      <c r="A50186" t="s">
        <v>68587</v>
      </c>
      <c r="B50186" t="s">
        <v>68589</v>
      </c>
      <c r="C50186">
        <v>2</v>
      </c>
      <c r="D50186">
        <v>0</v>
      </c>
    </row>
    <row r="50187" spans="1:4" x14ac:dyDescent="0.25">
      <c r="A50187" t="s">
        <v>68587</v>
      </c>
      <c r="B50187" t="s">
        <v>68590</v>
      </c>
      <c r="C50187">
        <v>2</v>
      </c>
      <c r="D50187">
        <v>0</v>
      </c>
    </row>
    <row r="50188" spans="1:4" x14ac:dyDescent="0.25">
      <c r="A50188" t="s">
        <v>68587</v>
      </c>
      <c r="B50188" t="s">
        <v>68591</v>
      </c>
      <c r="C50188">
        <v>2</v>
      </c>
      <c r="D50188">
        <v>0</v>
      </c>
    </row>
    <row r="50189" spans="1:4" x14ac:dyDescent="0.25">
      <c r="A50189" t="s">
        <v>68592</v>
      </c>
      <c r="B50189" t="s">
        <v>68593</v>
      </c>
      <c r="C50189">
        <v>2</v>
      </c>
      <c r="D50189">
        <v>0</v>
      </c>
    </row>
    <row r="50190" spans="1:4" x14ac:dyDescent="0.25">
      <c r="A50190" t="s">
        <v>68592</v>
      </c>
      <c r="B50190" t="s">
        <v>68594</v>
      </c>
      <c r="C50190">
        <v>1</v>
      </c>
      <c r="D50190">
        <v>0</v>
      </c>
    </row>
    <row r="50191" spans="1:4" x14ac:dyDescent="0.25">
      <c r="A50191" t="s">
        <v>68592</v>
      </c>
      <c r="B50191" t="s">
        <v>23996</v>
      </c>
      <c r="C50191">
        <v>0</v>
      </c>
      <c r="D50191">
        <v>0</v>
      </c>
    </row>
    <row r="50192" spans="1:4" x14ac:dyDescent="0.25">
      <c r="A50192" t="s">
        <v>68592</v>
      </c>
      <c r="B50192" t="s">
        <v>68595</v>
      </c>
      <c r="C50192">
        <v>2</v>
      </c>
      <c r="D50192">
        <v>0</v>
      </c>
    </row>
    <row r="50193" spans="1:4" x14ac:dyDescent="0.25">
      <c r="A50193" t="s">
        <v>68592</v>
      </c>
      <c r="B50193" t="s">
        <v>68596</v>
      </c>
      <c r="C50193">
        <v>0</v>
      </c>
      <c r="D50193">
        <v>0</v>
      </c>
    </row>
    <row r="50194" spans="1:4" x14ac:dyDescent="0.25">
      <c r="A50194" t="s">
        <v>68592</v>
      </c>
      <c r="B50194" t="s">
        <v>68597</v>
      </c>
      <c r="C50194">
        <v>2</v>
      </c>
      <c r="D50194">
        <v>0</v>
      </c>
    </row>
    <row r="50195" spans="1:4" x14ac:dyDescent="0.25">
      <c r="A50195" t="s">
        <v>68598</v>
      </c>
      <c r="B50195" t="s">
        <v>68599</v>
      </c>
      <c r="C50195">
        <v>1</v>
      </c>
      <c r="D50195">
        <v>0</v>
      </c>
    </row>
    <row r="50196" spans="1:4" x14ac:dyDescent="0.25">
      <c r="A50196" t="s">
        <v>68598</v>
      </c>
      <c r="B50196" t="s">
        <v>6837</v>
      </c>
      <c r="C50196">
        <v>1</v>
      </c>
      <c r="D50196">
        <v>0</v>
      </c>
    </row>
    <row r="50197" spans="1:4" x14ac:dyDescent="0.25">
      <c r="A50197" t="s">
        <v>68598</v>
      </c>
      <c r="B50197" t="s">
        <v>68600</v>
      </c>
      <c r="C50197">
        <v>1</v>
      </c>
      <c r="D50197">
        <v>0</v>
      </c>
    </row>
    <row r="50198" spans="1:4" x14ac:dyDescent="0.25">
      <c r="A50198" t="s">
        <v>68598</v>
      </c>
      <c r="B50198" t="s">
        <v>68601</v>
      </c>
      <c r="C50198">
        <v>1</v>
      </c>
      <c r="D50198">
        <v>0</v>
      </c>
    </row>
    <row r="50199" spans="1:4" x14ac:dyDescent="0.25">
      <c r="A50199" t="s">
        <v>68598</v>
      </c>
      <c r="B50199" t="s">
        <v>68602</v>
      </c>
      <c r="C50199">
        <v>0</v>
      </c>
      <c r="D50199">
        <v>0</v>
      </c>
    </row>
    <row r="50200" spans="1:4" x14ac:dyDescent="0.25">
      <c r="A50200" t="s">
        <v>68598</v>
      </c>
      <c r="B50200" t="s">
        <v>68603</v>
      </c>
      <c r="C50200">
        <v>0</v>
      </c>
      <c r="D50200">
        <v>0</v>
      </c>
    </row>
    <row r="50201" spans="1:4" x14ac:dyDescent="0.25">
      <c r="A50201" t="s">
        <v>68598</v>
      </c>
      <c r="B50201" t="s">
        <v>68604</v>
      </c>
      <c r="C50201">
        <v>2</v>
      </c>
      <c r="D50201">
        <v>0</v>
      </c>
    </row>
    <row r="50202" spans="1:4" x14ac:dyDescent="0.25">
      <c r="A50202" t="s">
        <v>68598</v>
      </c>
      <c r="B50202" t="s">
        <v>68605</v>
      </c>
      <c r="C50202">
        <v>1</v>
      </c>
      <c r="D50202">
        <v>0</v>
      </c>
    </row>
    <row r="50203" spans="1:4" x14ac:dyDescent="0.25">
      <c r="A50203" t="s">
        <v>68606</v>
      </c>
      <c r="B50203" t="s">
        <v>68607</v>
      </c>
      <c r="C50203">
        <v>1</v>
      </c>
      <c r="D50203">
        <v>0</v>
      </c>
    </row>
    <row r="50204" spans="1:4" x14ac:dyDescent="0.25">
      <c r="A50204" t="s">
        <v>68606</v>
      </c>
      <c r="B50204" t="s">
        <v>68608</v>
      </c>
      <c r="C50204">
        <v>1</v>
      </c>
      <c r="D50204">
        <v>0</v>
      </c>
    </row>
    <row r="50205" spans="1:4" x14ac:dyDescent="0.25">
      <c r="A50205" t="s">
        <v>68606</v>
      </c>
      <c r="B50205" t="s">
        <v>46567</v>
      </c>
      <c r="C50205">
        <v>2</v>
      </c>
      <c r="D50205">
        <v>0</v>
      </c>
    </row>
    <row r="50206" spans="1:4" x14ac:dyDescent="0.25">
      <c r="A50206" t="s">
        <v>68606</v>
      </c>
      <c r="B50206" t="s">
        <v>68609</v>
      </c>
      <c r="C50206">
        <v>1</v>
      </c>
      <c r="D50206">
        <v>0</v>
      </c>
    </row>
    <row r="50207" spans="1:4" x14ac:dyDescent="0.25">
      <c r="A50207" t="s">
        <v>68606</v>
      </c>
      <c r="B50207" t="s">
        <v>5713</v>
      </c>
      <c r="C50207">
        <v>1</v>
      </c>
      <c r="D50207">
        <v>0</v>
      </c>
    </row>
    <row r="50208" spans="1:4" x14ac:dyDescent="0.25">
      <c r="A50208" t="s">
        <v>68606</v>
      </c>
      <c r="B50208" t="s">
        <v>68610</v>
      </c>
      <c r="C50208">
        <v>0</v>
      </c>
      <c r="D50208">
        <v>0</v>
      </c>
    </row>
    <row r="50209" spans="1:4" x14ac:dyDescent="0.25">
      <c r="A50209" t="s">
        <v>68606</v>
      </c>
      <c r="B50209" t="s">
        <v>68611</v>
      </c>
      <c r="C50209">
        <v>1</v>
      </c>
      <c r="D50209">
        <v>0</v>
      </c>
    </row>
    <row r="50210" spans="1:4" x14ac:dyDescent="0.25">
      <c r="A50210" t="s">
        <v>68606</v>
      </c>
      <c r="B50210" t="s">
        <v>68607</v>
      </c>
      <c r="C50210">
        <v>0</v>
      </c>
      <c r="D50210">
        <v>0</v>
      </c>
    </row>
    <row r="50211" spans="1:4" x14ac:dyDescent="0.25">
      <c r="A50211" t="s">
        <v>68606</v>
      </c>
      <c r="B50211" t="s">
        <v>68612</v>
      </c>
      <c r="C50211">
        <v>1</v>
      </c>
      <c r="D50211">
        <v>0</v>
      </c>
    </row>
    <row r="50212" spans="1:4" x14ac:dyDescent="0.25">
      <c r="A50212" t="s">
        <v>68613</v>
      </c>
      <c r="B50212" t="s">
        <v>68614</v>
      </c>
      <c r="C50212">
        <v>1</v>
      </c>
      <c r="D50212">
        <v>0</v>
      </c>
    </row>
    <row r="50213" spans="1:4" x14ac:dyDescent="0.25">
      <c r="A50213" t="s">
        <v>68613</v>
      </c>
      <c r="B50213" t="s">
        <v>68615</v>
      </c>
      <c r="C50213">
        <v>1</v>
      </c>
      <c r="D50213">
        <v>0</v>
      </c>
    </row>
    <row r="50214" spans="1:4" x14ac:dyDescent="0.25">
      <c r="A50214" t="s">
        <v>68613</v>
      </c>
      <c r="B50214" t="s">
        <v>68616</v>
      </c>
      <c r="C50214">
        <v>1</v>
      </c>
      <c r="D50214">
        <v>0</v>
      </c>
    </row>
    <row r="50215" spans="1:4" x14ac:dyDescent="0.25">
      <c r="A50215" t="s">
        <v>68613</v>
      </c>
      <c r="B50215" t="s">
        <v>68617</v>
      </c>
      <c r="C50215">
        <v>0</v>
      </c>
      <c r="D50215">
        <v>0</v>
      </c>
    </row>
    <row r="50216" spans="1:4" x14ac:dyDescent="0.25">
      <c r="A50216" t="s">
        <v>27486</v>
      </c>
      <c r="B50216" t="s">
        <v>27487</v>
      </c>
      <c r="C50216">
        <v>0</v>
      </c>
      <c r="D50216">
        <v>0</v>
      </c>
    </row>
    <row r="50217" spans="1:4" x14ac:dyDescent="0.25">
      <c r="A50217" t="s">
        <v>27488</v>
      </c>
      <c r="B50217" t="s">
        <v>27489</v>
      </c>
      <c r="C50217">
        <v>0</v>
      </c>
      <c r="D50217">
        <v>0</v>
      </c>
    </row>
    <row r="50218" spans="1:4" x14ac:dyDescent="0.25">
      <c r="A50218" t="s">
        <v>27490</v>
      </c>
      <c r="B50218" t="s">
        <v>27491</v>
      </c>
      <c r="C50218">
        <v>1</v>
      </c>
      <c r="D50218">
        <v>0</v>
      </c>
    </row>
    <row r="50219" spans="1:4" x14ac:dyDescent="0.25">
      <c r="A50219" t="s">
        <v>27490</v>
      </c>
      <c r="B50219" t="s">
        <v>27492</v>
      </c>
      <c r="C50219">
        <v>0</v>
      </c>
      <c r="D50219">
        <v>0</v>
      </c>
    </row>
    <row r="50220" spans="1:4" x14ac:dyDescent="0.25">
      <c r="A50220" t="s">
        <v>27493</v>
      </c>
      <c r="B50220" t="s">
        <v>27494</v>
      </c>
      <c r="C50220">
        <v>1</v>
      </c>
      <c r="D50220">
        <v>0</v>
      </c>
    </row>
    <row r="50221" spans="1:4" x14ac:dyDescent="0.25">
      <c r="A50221" t="s">
        <v>27495</v>
      </c>
      <c r="B50221" t="s">
        <v>27496</v>
      </c>
      <c r="C50221">
        <v>1</v>
      </c>
      <c r="D50221">
        <v>0</v>
      </c>
    </row>
    <row r="50222" spans="1:4" x14ac:dyDescent="0.25">
      <c r="A50222" t="s">
        <v>27497</v>
      </c>
      <c r="B50222" t="s">
        <v>27498</v>
      </c>
      <c r="C50222">
        <v>1</v>
      </c>
      <c r="D50222">
        <v>0</v>
      </c>
    </row>
    <row r="50223" spans="1:4" x14ac:dyDescent="0.25">
      <c r="A50223" t="s">
        <v>27497</v>
      </c>
      <c r="B50223" t="s">
        <v>27499</v>
      </c>
      <c r="C50223">
        <v>0</v>
      </c>
      <c r="D50223">
        <v>0</v>
      </c>
    </row>
    <row r="50224" spans="1:4" x14ac:dyDescent="0.25">
      <c r="A50224" t="s">
        <v>27500</v>
      </c>
      <c r="B50224" t="s">
        <v>27501</v>
      </c>
      <c r="C50224">
        <v>1</v>
      </c>
      <c r="D50224">
        <v>0</v>
      </c>
    </row>
    <row r="50225" spans="1:4" x14ac:dyDescent="0.25">
      <c r="A50225" t="s">
        <v>27502</v>
      </c>
      <c r="B50225" t="s">
        <v>27503</v>
      </c>
      <c r="C50225">
        <v>1</v>
      </c>
      <c r="D50225">
        <v>0</v>
      </c>
    </row>
    <row r="50226" spans="1:4" x14ac:dyDescent="0.25">
      <c r="A50226" t="s">
        <v>27504</v>
      </c>
      <c r="B50226" t="s">
        <v>27505</v>
      </c>
      <c r="C50226">
        <v>1</v>
      </c>
      <c r="D50226">
        <v>0</v>
      </c>
    </row>
    <row r="50227" spans="1:4" x14ac:dyDescent="0.25">
      <c r="A50227" t="s">
        <v>27504</v>
      </c>
      <c r="B50227" t="s">
        <v>27506</v>
      </c>
      <c r="C50227">
        <v>0</v>
      </c>
      <c r="D50227">
        <v>0</v>
      </c>
    </row>
    <row r="50228" spans="1:4" x14ac:dyDescent="0.25">
      <c r="A50228" t="s">
        <v>27507</v>
      </c>
      <c r="B50228" t="s">
        <v>27508</v>
      </c>
      <c r="C50228">
        <v>0</v>
      </c>
      <c r="D50228">
        <v>0</v>
      </c>
    </row>
    <row r="50229" spans="1:4" x14ac:dyDescent="0.25">
      <c r="A50229" t="s">
        <v>27509</v>
      </c>
      <c r="B50229" t="s">
        <v>27510</v>
      </c>
      <c r="C50229">
        <v>1</v>
      </c>
      <c r="D50229">
        <v>0</v>
      </c>
    </row>
    <row r="50230" spans="1:4" x14ac:dyDescent="0.25">
      <c r="A50230" t="s">
        <v>27511</v>
      </c>
      <c r="B50230" t="s">
        <v>27512</v>
      </c>
      <c r="C50230">
        <v>0</v>
      </c>
      <c r="D50230">
        <v>0</v>
      </c>
    </row>
    <row r="50231" spans="1:4" x14ac:dyDescent="0.25">
      <c r="A50231" t="s">
        <v>27513</v>
      </c>
      <c r="B50231" t="s">
        <v>27514</v>
      </c>
      <c r="C50231">
        <v>0</v>
      </c>
      <c r="D50231">
        <v>0</v>
      </c>
    </row>
    <row r="50232" spans="1:4" x14ac:dyDescent="0.25">
      <c r="A50232" t="s">
        <v>27515</v>
      </c>
      <c r="B50232" t="s">
        <v>27516</v>
      </c>
      <c r="C50232">
        <v>0</v>
      </c>
      <c r="D50232">
        <v>0</v>
      </c>
    </row>
    <row r="50233" spans="1:4" x14ac:dyDescent="0.25">
      <c r="A50233" t="s">
        <v>27517</v>
      </c>
      <c r="B50233" t="s">
        <v>27518</v>
      </c>
      <c r="C50233">
        <v>1</v>
      </c>
      <c r="D50233">
        <v>0</v>
      </c>
    </row>
    <row r="50234" spans="1:4" x14ac:dyDescent="0.25">
      <c r="A50234" t="s">
        <v>27517</v>
      </c>
      <c r="B50234" t="s">
        <v>27519</v>
      </c>
      <c r="C50234">
        <v>0</v>
      </c>
      <c r="D50234">
        <v>0</v>
      </c>
    </row>
    <row r="50235" spans="1:4" x14ac:dyDescent="0.25">
      <c r="A50235" t="s">
        <v>27520</v>
      </c>
      <c r="B50235" t="s">
        <v>27521</v>
      </c>
      <c r="C50235">
        <v>1</v>
      </c>
      <c r="D50235">
        <v>0</v>
      </c>
    </row>
    <row r="50236" spans="1:4" x14ac:dyDescent="0.25">
      <c r="A50236" t="s">
        <v>27522</v>
      </c>
      <c r="B50236" t="s">
        <v>27523</v>
      </c>
      <c r="C50236">
        <v>1</v>
      </c>
      <c r="D50236">
        <v>0</v>
      </c>
    </row>
    <row r="50237" spans="1:4" x14ac:dyDescent="0.25">
      <c r="A50237" t="s">
        <v>27522</v>
      </c>
      <c r="B50237" t="s">
        <v>27524</v>
      </c>
      <c r="C50237">
        <v>0</v>
      </c>
      <c r="D50237">
        <v>0</v>
      </c>
    </row>
    <row r="50238" spans="1:4" x14ac:dyDescent="0.25">
      <c r="A50238" t="s">
        <v>27525</v>
      </c>
      <c r="B50238" t="s">
        <v>27526</v>
      </c>
      <c r="C50238">
        <v>1</v>
      </c>
      <c r="D50238">
        <v>0</v>
      </c>
    </row>
    <row r="50239" spans="1:4" x14ac:dyDescent="0.25">
      <c r="A50239" t="s">
        <v>27527</v>
      </c>
      <c r="B50239" t="s">
        <v>27528</v>
      </c>
      <c r="C50239">
        <v>1</v>
      </c>
      <c r="D50239">
        <v>0</v>
      </c>
    </row>
    <row r="50240" spans="1:4" x14ac:dyDescent="0.25">
      <c r="A50240" t="s">
        <v>27527</v>
      </c>
      <c r="B50240" t="s">
        <v>27529</v>
      </c>
      <c r="C50240">
        <v>0</v>
      </c>
      <c r="D50240">
        <v>0</v>
      </c>
    </row>
    <row r="50241" spans="1:4" x14ac:dyDescent="0.25">
      <c r="A50241" t="s">
        <v>27530</v>
      </c>
      <c r="B50241" t="s">
        <v>27531</v>
      </c>
      <c r="C50241">
        <v>1</v>
      </c>
      <c r="D50241">
        <v>0</v>
      </c>
    </row>
    <row r="50242" spans="1:4" x14ac:dyDescent="0.25">
      <c r="A50242" t="s">
        <v>27530</v>
      </c>
      <c r="B50242" t="s">
        <v>27532</v>
      </c>
      <c r="C50242">
        <v>0</v>
      </c>
      <c r="D50242">
        <v>0</v>
      </c>
    </row>
    <row r="50243" spans="1:4" x14ac:dyDescent="0.25">
      <c r="A50243" t="s">
        <v>27533</v>
      </c>
      <c r="B50243" t="s">
        <v>27534</v>
      </c>
      <c r="C50243">
        <v>1</v>
      </c>
      <c r="D50243">
        <v>0</v>
      </c>
    </row>
    <row r="50244" spans="1:4" x14ac:dyDescent="0.25">
      <c r="A50244" t="s">
        <v>27535</v>
      </c>
      <c r="B50244" t="s">
        <v>27536</v>
      </c>
      <c r="C50244">
        <v>1</v>
      </c>
      <c r="D50244">
        <v>0</v>
      </c>
    </row>
    <row r="50245" spans="1:4" x14ac:dyDescent="0.25">
      <c r="A50245" t="s">
        <v>27537</v>
      </c>
      <c r="B50245" t="s">
        <v>27538</v>
      </c>
      <c r="C50245">
        <v>1</v>
      </c>
      <c r="D50245">
        <v>0</v>
      </c>
    </row>
    <row r="50246" spans="1:4" x14ac:dyDescent="0.25">
      <c r="A50246" t="s">
        <v>27539</v>
      </c>
      <c r="B50246" t="s">
        <v>27540</v>
      </c>
      <c r="C50246">
        <v>1</v>
      </c>
      <c r="D50246">
        <v>0</v>
      </c>
    </row>
    <row r="50247" spans="1:4" x14ac:dyDescent="0.25">
      <c r="A50247" t="s">
        <v>27539</v>
      </c>
      <c r="B50247" t="s">
        <v>27541</v>
      </c>
      <c r="C50247">
        <v>0</v>
      </c>
      <c r="D50247">
        <v>0</v>
      </c>
    </row>
    <row r="50248" spans="1:4" x14ac:dyDescent="0.25">
      <c r="A50248" t="s">
        <v>27542</v>
      </c>
      <c r="B50248" t="s">
        <v>27543</v>
      </c>
      <c r="C50248">
        <v>1</v>
      </c>
      <c r="D50248">
        <v>0</v>
      </c>
    </row>
    <row r="50249" spans="1:4" x14ac:dyDescent="0.25">
      <c r="A50249" t="s">
        <v>27542</v>
      </c>
      <c r="B50249" t="s">
        <v>27544</v>
      </c>
      <c r="C50249">
        <v>0</v>
      </c>
      <c r="D50249">
        <v>0</v>
      </c>
    </row>
    <row r="50250" spans="1:4" x14ac:dyDescent="0.25">
      <c r="A50250" t="s">
        <v>27545</v>
      </c>
      <c r="B50250" t="s">
        <v>27546</v>
      </c>
      <c r="C50250">
        <v>1</v>
      </c>
      <c r="D50250">
        <v>0</v>
      </c>
    </row>
    <row r="50251" spans="1:4" x14ac:dyDescent="0.25">
      <c r="A50251" t="s">
        <v>27545</v>
      </c>
      <c r="B50251" t="s">
        <v>27547</v>
      </c>
      <c r="C50251">
        <v>0</v>
      </c>
      <c r="D50251">
        <v>0</v>
      </c>
    </row>
    <row r="50252" spans="1:4" x14ac:dyDescent="0.25">
      <c r="A50252" t="s">
        <v>27548</v>
      </c>
      <c r="B50252" t="s">
        <v>27549</v>
      </c>
      <c r="C50252">
        <v>1</v>
      </c>
      <c r="D50252">
        <v>0</v>
      </c>
    </row>
    <row r="50253" spans="1:4" x14ac:dyDescent="0.25">
      <c r="A50253" t="s">
        <v>27550</v>
      </c>
      <c r="B50253" t="s">
        <v>27551</v>
      </c>
      <c r="C50253">
        <v>0</v>
      </c>
      <c r="D50253">
        <v>0</v>
      </c>
    </row>
    <row r="50254" spans="1:4" x14ac:dyDescent="0.25">
      <c r="A50254" t="s">
        <v>27552</v>
      </c>
      <c r="B50254" t="s">
        <v>27553</v>
      </c>
      <c r="C50254">
        <v>1</v>
      </c>
      <c r="D50254">
        <v>0</v>
      </c>
    </row>
    <row r="50255" spans="1:4" x14ac:dyDescent="0.25">
      <c r="A50255" t="s">
        <v>27554</v>
      </c>
      <c r="B50255" t="s">
        <v>27555</v>
      </c>
      <c r="C50255">
        <v>1</v>
      </c>
      <c r="D50255">
        <v>0</v>
      </c>
    </row>
    <row r="50256" spans="1:4" x14ac:dyDescent="0.25">
      <c r="A50256" t="s">
        <v>27556</v>
      </c>
      <c r="B50256" t="s">
        <v>27557</v>
      </c>
      <c r="C50256">
        <v>0</v>
      </c>
      <c r="D50256">
        <v>0</v>
      </c>
    </row>
    <row r="50257" spans="1:4" x14ac:dyDescent="0.25">
      <c r="A50257" t="s">
        <v>27558</v>
      </c>
      <c r="B50257" t="s">
        <v>27559</v>
      </c>
      <c r="C50257">
        <v>1</v>
      </c>
      <c r="D50257">
        <v>0</v>
      </c>
    </row>
    <row r="50258" spans="1:4" x14ac:dyDescent="0.25">
      <c r="A50258" t="s">
        <v>27560</v>
      </c>
      <c r="B50258" t="s">
        <v>27561</v>
      </c>
      <c r="C50258">
        <v>1</v>
      </c>
      <c r="D50258">
        <v>0</v>
      </c>
    </row>
    <row r="50259" spans="1:4" x14ac:dyDescent="0.25">
      <c r="A50259" t="s">
        <v>27560</v>
      </c>
      <c r="B50259" t="s">
        <v>27562</v>
      </c>
      <c r="C50259">
        <v>0</v>
      </c>
      <c r="D50259">
        <v>0</v>
      </c>
    </row>
    <row r="50260" spans="1:4" x14ac:dyDescent="0.25">
      <c r="A50260" t="s">
        <v>27563</v>
      </c>
      <c r="B50260" t="s">
        <v>27564</v>
      </c>
      <c r="C50260">
        <v>1</v>
      </c>
      <c r="D50260">
        <v>0</v>
      </c>
    </row>
    <row r="50261" spans="1:4" x14ac:dyDescent="0.25">
      <c r="A50261" t="s">
        <v>27563</v>
      </c>
      <c r="B50261" t="s">
        <v>27565</v>
      </c>
      <c r="C50261">
        <v>0</v>
      </c>
      <c r="D50261">
        <v>0</v>
      </c>
    </row>
    <row r="50262" spans="1:4" x14ac:dyDescent="0.25">
      <c r="A50262" t="s">
        <v>27566</v>
      </c>
      <c r="B50262" t="s">
        <v>27567</v>
      </c>
      <c r="C50262">
        <v>1</v>
      </c>
      <c r="D50262">
        <v>0</v>
      </c>
    </row>
    <row r="50263" spans="1:4" x14ac:dyDescent="0.25">
      <c r="A50263" t="s">
        <v>27566</v>
      </c>
      <c r="B50263" t="s">
        <v>27568</v>
      </c>
      <c r="C50263">
        <v>0</v>
      </c>
      <c r="D50263">
        <v>0</v>
      </c>
    </row>
    <row r="50264" spans="1:4" x14ac:dyDescent="0.25">
      <c r="A50264" t="s">
        <v>27569</v>
      </c>
      <c r="B50264" t="s">
        <v>27570</v>
      </c>
      <c r="C50264">
        <v>0</v>
      </c>
      <c r="D50264">
        <v>0</v>
      </c>
    </row>
    <row r="50265" spans="1:4" x14ac:dyDescent="0.25">
      <c r="A50265" t="s">
        <v>27571</v>
      </c>
      <c r="B50265" t="s">
        <v>27572</v>
      </c>
      <c r="C50265">
        <v>1</v>
      </c>
      <c r="D50265">
        <v>0</v>
      </c>
    </row>
    <row r="50266" spans="1:4" x14ac:dyDescent="0.25">
      <c r="A50266" t="s">
        <v>27571</v>
      </c>
      <c r="B50266" t="s">
        <v>27573</v>
      </c>
      <c r="C50266">
        <v>0</v>
      </c>
      <c r="D50266">
        <v>0</v>
      </c>
    </row>
    <row r="50267" spans="1:4" x14ac:dyDescent="0.25">
      <c r="A50267" t="s">
        <v>27574</v>
      </c>
      <c r="B50267" t="s">
        <v>27575</v>
      </c>
      <c r="C50267">
        <v>0</v>
      </c>
      <c r="D50267">
        <v>0</v>
      </c>
    </row>
    <row r="50268" spans="1:4" x14ac:dyDescent="0.25">
      <c r="A50268" t="s">
        <v>27576</v>
      </c>
      <c r="B50268" t="s">
        <v>27577</v>
      </c>
      <c r="C50268">
        <v>1</v>
      </c>
      <c r="D50268">
        <v>0</v>
      </c>
    </row>
    <row r="50269" spans="1:4" x14ac:dyDescent="0.25">
      <c r="A50269" t="s">
        <v>27576</v>
      </c>
      <c r="B50269" t="s">
        <v>27578</v>
      </c>
      <c r="C50269">
        <v>0</v>
      </c>
      <c r="D50269">
        <v>0</v>
      </c>
    </row>
    <row r="50270" spans="1:4" x14ac:dyDescent="0.25">
      <c r="A50270" t="s">
        <v>27579</v>
      </c>
      <c r="B50270" t="s">
        <v>27580</v>
      </c>
      <c r="C50270">
        <v>1</v>
      </c>
      <c r="D50270">
        <v>0</v>
      </c>
    </row>
    <row r="50271" spans="1:4" x14ac:dyDescent="0.25">
      <c r="A50271" t="s">
        <v>27579</v>
      </c>
      <c r="B50271" t="s">
        <v>27581</v>
      </c>
      <c r="C50271">
        <v>0</v>
      </c>
      <c r="D50271">
        <v>0</v>
      </c>
    </row>
    <row r="50272" spans="1:4" x14ac:dyDescent="0.25">
      <c r="A50272" t="s">
        <v>27582</v>
      </c>
      <c r="B50272" t="s">
        <v>27583</v>
      </c>
      <c r="C50272">
        <v>1</v>
      </c>
      <c r="D50272">
        <v>0</v>
      </c>
    </row>
    <row r="50273" spans="1:4" x14ac:dyDescent="0.25">
      <c r="A50273" t="s">
        <v>27584</v>
      </c>
      <c r="B50273" t="s">
        <v>27585</v>
      </c>
      <c r="C50273">
        <v>1</v>
      </c>
      <c r="D50273">
        <v>0</v>
      </c>
    </row>
    <row r="50274" spans="1:4" x14ac:dyDescent="0.25">
      <c r="A50274" t="s">
        <v>27584</v>
      </c>
      <c r="B50274" t="s">
        <v>27586</v>
      </c>
      <c r="C50274">
        <v>0</v>
      </c>
      <c r="D50274">
        <v>0</v>
      </c>
    </row>
    <row r="50275" spans="1:4" x14ac:dyDescent="0.25">
      <c r="A50275" t="s">
        <v>27587</v>
      </c>
      <c r="B50275" t="s">
        <v>27588</v>
      </c>
      <c r="C50275">
        <v>1</v>
      </c>
      <c r="D50275">
        <v>0</v>
      </c>
    </row>
    <row r="50276" spans="1:4" x14ac:dyDescent="0.25">
      <c r="A50276" t="s">
        <v>27587</v>
      </c>
      <c r="B50276" t="s">
        <v>27589</v>
      </c>
      <c r="C50276">
        <v>0</v>
      </c>
      <c r="D50276">
        <v>0</v>
      </c>
    </row>
    <row r="50277" spans="1:4" x14ac:dyDescent="0.25">
      <c r="A50277" t="s">
        <v>27590</v>
      </c>
      <c r="B50277" t="s">
        <v>27591</v>
      </c>
      <c r="C50277">
        <v>0</v>
      </c>
      <c r="D50277">
        <v>0</v>
      </c>
    </row>
    <row r="50278" spans="1:4" x14ac:dyDescent="0.25">
      <c r="A50278" t="s">
        <v>27592</v>
      </c>
      <c r="B50278" t="s">
        <v>27593</v>
      </c>
      <c r="C50278">
        <v>1</v>
      </c>
      <c r="D50278">
        <v>0</v>
      </c>
    </row>
    <row r="50279" spans="1:4" x14ac:dyDescent="0.25">
      <c r="A50279" t="s">
        <v>27594</v>
      </c>
      <c r="B50279" t="s">
        <v>27595</v>
      </c>
      <c r="C50279">
        <v>1</v>
      </c>
      <c r="D50279">
        <v>0</v>
      </c>
    </row>
    <row r="50280" spans="1:4" x14ac:dyDescent="0.25">
      <c r="A50280" t="s">
        <v>27596</v>
      </c>
      <c r="B50280" t="s">
        <v>27597</v>
      </c>
      <c r="C50280">
        <v>1</v>
      </c>
      <c r="D50280">
        <v>0</v>
      </c>
    </row>
    <row r="50281" spans="1:4" x14ac:dyDescent="0.25">
      <c r="A50281" t="s">
        <v>27598</v>
      </c>
      <c r="B50281" t="s">
        <v>27599</v>
      </c>
      <c r="C50281">
        <v>1</v>
      </c>
      <c r="D50281">
        <v>0</v>
      </c>
    </row>
    <row r="50282" spans="1:4" x14ac:dyDescent="0.25">
      <c r="A50282" t="s">
        <v>27598</v>
      </c>
      <c r="B50282" t="s">
        <v>27600</v>
      </c>
      <c r="C50282">
        <v>0</v>
      </c>
      <c r="D50282">
        <v>0</v>
      </c>
    </row>
    <row r="50283" spans="1:4" x14ac:dyDescent="0.25">
      <c r="A50283" t="s">
        <v>27601</v>
      </c>
      <c r="B50283" t="s">
        <v>27602</v>
      </c>
      <c r="C50283">
        <v>0</v>
      </c>
      <c r="D50283">
        <v>0</v>
      </c>
    </row>
    <row r="50284" spans="1:4" x14ac:dyDescent="0.25">
      <c r="A50284" t="s">
        <v>27603</v>
      </c>
      <c r="B50284" t="s">
        <v>27604</v>
      </c>
      <c r="C50284">
        <v>1</v>
      </c>
      <c r="D50284">
        <v>0</v>
      </c>
    </row>
    <row r="50285" spans="1:4" x14ac:dyDescent="0.25">
      <c r="A50285" t="s">
        <v>27605</v>
      </c>
      <c r="B50285" t="s">
        <v>27606</v>
      </c>
      <c r="C50285">
        <v>1</v>
      </c>
      <c r="D50285">
        <v>0</v>
      </c>
    </row>
    <row r="50286" spans="1:4" x14ac:dyDescent="0.25">
      <c r="A50286" t="s">
        <v>27607</v>
      </c>
      <c r="B50286" t="s">
        <v>27608</v>
      </c>
      <c r="C50286">
        <v>1</v>
      </c>
      <c r="D50286">
        <v>0</v>
      </c>
    </row>
    <row r="50287" spans="1:4" x14ac:dyDescent="0.25">
      <c r="A50287" t="s">
        <v>27609</v>
      </c>
      <c r="B50287" t="s">
        <v>27610</v>
      </c>
      <c r="C50287">
        <v>1</v>
      </c>
      <c r="D50287">
        <v>0</v>
      </c>
    </row>
    <row r="50288" spans="1:4" x14ac:dyDescent="0.25">
      <c r="A50288" t="s">
        <v>27611</v>
      </c>
      <c r="B50288" t="s">
        <v>27612</v>
      </c>
      <c r="C50288">
        <v>1</v>
      </c>
      <c r="D50288">
        <v>0</v>
      </c>
    </row>
    <row r="50289" spans="1:4" x14ac:dyDescent="0.25">
      <c r="A50289" t="s">
        <v>27611</v>
      </c>
      <c r="B50289" t="s">
        <v>27613</v>
      </c>
      <c r="C50289">
        <v>0</v>
      </c>
      <c r="D50289">
        <v>0</v>
      </c>
    </row>
    <row r="50290" spans="1:4" x14ac:dyDescent="0.25">
      <c r="A50290" t="s">
        <v>27614</v>
      </c>
      <c r="B50290" t="s">
        <v>27615</v>
      </c>
      <c r="C50290">
        <v>1</v>
      </c>
      <c r="D50290">
        <v>0</v>
      </c>
    </row>
    <row r="50291" spans="1:4" x14ac:dyDescent="0.25">
      <c r="A50291" t="s">
        <v>27616</v>
      </c>
      <c r="B50291" t="s">
        <v>27617</v>
      </c>
      <c r="C50291">
        <v>0</v>
      </c>
      <c r="D50291">
        <v>0</v>
      </c>
    </row>
    <row r="50292" spans="1:4" x14ac:dyDescent="0.25">
      <c r="A50292" t="s">
        <v>27618</v>
      </c>
      <c r="B50292" t="s">
        <v>27619</v>
      </c>
      <c r="C50292">
        <v>1</v>
      </c>
      <c r="D50292">
        <v>0</v>
      </c>
    </row>
    <row r="50293" spans="1:4" x14ac:dyDescent="0.25">
      <c r="A50293" t="s">
        <v>27620</v>
      </c>
      <c r="B50293" t="s">
        <v>27621</v>
      </c>
      <c r="C50293">
        <v>1</v>
      </c>
      <c r="D50293">
        <v>0</v>
      </c>
    </row>
    <row r="50294" spans="1:4" x14ac:dyDescent="0.25">
      <c r="A50294" t="s">
        <v>27620</v>
      </c>
      <c r="B50294" t="s">
        <v>27622</v>
      </c>
      <c r="C50294">
        <v>0</v>
      </c>
      <c r="D50294">
        <v>0</v>
      </c>
    </row>
    <row r="50295" spans="1:4" x14ac:dyDescent="0.25">
      <c r="A50295" t="s">
        <v>27623</v>
      </c>
      <c r="B50295" t="s">
        <v>27624</v>
      </c>
      <c r="C50295">
        <v>0</v>
      </c>
      <c r="D50295">
        <v>0</v>
      </c>
    </row>
    <row r="50296" spans="1:4" x14ac:dyDescent="0.25">
      <c r="A50296" t="s">
        <v>27625</v>
      </c>
      <c r="B50296" t="s">
        <v>27626</v>
      </c>
      <c r="C50296">
        <v>1</v>
      </c>
      <c r="D50296">
        <v>0</v>
      </c>
    </row>
    <row r="50297" spans="1:4" x14ac:dyDescent="0.25">
      <c r="A50297" t="s">
        <v>27627</v>
      </c>
      <c r="B50297" t="s">
        <v>27628</v>
      </c>
      <c r="C50297">
        <v>1</v>
      </c>
      <c r="D50297">
        <v>0</v>
      </c>
    </row>
    <row r="50298" spans="1:4" x14ac:dyDescent="0.25">
      <c r="A50298" t="s">
        <v>27629</v>
      </c>
      <c r="B50298" t="s">
        <v>27630</v>
      </c>
      <c r="C50298">
        <v>1</v>
      </c>
      <c r="D50298">
        <v>0</v>
      </c>
    </row>
    <row r="50299" spans="1:4" x14ac:dyDescent="0.25">
      <c r="A50299" t="s">
        <v>27629</v>
      </c>
      <c r="B50299" t="s">
        <v>27631</v>
      </c>
      <c r="C50299">
        <v>0</v>
      </c>
      <c r="D50299">
        <v>0</v>
      </c>
    </row>
    <row r="50300" spans="1:4" x14ac:dyDescent="0.25">
      <c r="A50300" t="s">
        <v>27632</v>
      </c>
      <c r="B50300" t="s">
        <v>27633</v>
      </c>
      <c r="C50300">
        <v>1</v>
      </c>
      <c r="D50300">
        <v>0</v>
      </c>
    </row>
    <row r="50301" spans="1:4" x14ac:dyDescent="0.25">
      <c r="A50301" t="s">
        <v>27634</v>
      </c>
      <c r="B50301" t="s">
        <v>27635</v>
      </c>
      <c r="C50301">
        <v>1</v>
      </c>
      <c r="D50301">
        <v>0</v>
      </c>
    </row>
    <row r="50302" spans="1:4" x14ac:dyDescent="0.25">
      <c r="A50302" t="s">
        <v>27634</v>
      </c>
      <c r="B50302" t="s">
        <v>27636</v>
      </c>
      <c r="C50302">
        <v>0</v>
      </c>
      <c r="D50302">
        <v>0</v>
      </c>
    </row>
    <row r="50303" spans="1:4" x14ac:dyDescent="0.25">
      <c r="A50303" t="s">
        <v>27637</v>
      </c>
      <c r="B50303" t="s">
        <v>27638</v>
      </c>
      <c r="C50303">
        <v>1</v>
      </c>
      <c r="D50303">
        <v>0</v>
      </c>
    </row>
    <row r="50304" spans="1:4" x14ac:dyDescent="0.25">
      <c r="A50304" t="s">
        <v>27639</v>
      </c>
      <c r="B50304" t="s">
        <v>27640</v>
      </c>
      <c r="C50304">
        <v>1</v>
      </c>
      <c r="D50304">
        <v>0</v>
      </c>
    </row>
    <row r="50305" spans="1:4" x14ac:dyDescent="0.25">
      <c r="A50305" t="s">
        <v>27639</v>
      </c>
      <c r="B50305" t="s">
        <v>2943</v>
      </c>
      <c r="C50305">
        <v>0</v>
      </c>
      <c r="D50305">
        <v>0</v>
      </c>
    </row>
    <row r="50306" spans="1:4" x14ac:dyDescent="0.25">
      <c r="A50306" t="s">
        <v>27641</v>
      </c>
      <c r="B50306" t="s">
        <v>27642</v>
      </c>
      <c r="C50306">
        <v>1</v>
      </c>
      <c r="D50306">
        <v>0</v>
      </c>
    </row>
    <row r="50307" spans="1:4" x14ac:dyDescent="0.25">
      <c r="A50307" t="s">
        <v>27641</v>
      </c>
      <c r="B50307" t="s">
        <v>27643</v>
      </c>
      <c r="C50307">
        <v>0</v>
      </c>
      <c r="D50307">
        <v>0</v>
      </c>
    </row>
    <row r="50308" spans="1:4" x14ac:dyDescent="0.25">
      <c r="A50308" t="s">
        <v>27644</v>
      </c>
      <c r="B50308" t="s">
        <v>27645</v>
      </c>
      <c r="C50308">
        <v>1</v>
      </c>
      <c r="D50308">
        <v>0</v>
      </c>
    </row>
    <row r="50309" spans="1:4" x14ac:dyDescent="0.25">
      <c r="A50309" t="s">
        <v>27646</v>
      </c>
      <c r="B50309" t="s">
        <v>27647</v>
      </c>
      <c r="C50309">
        <v>1</v>
      </c>
      <c r="D50309">
        <v>0</v>
      </c>
    </row>
    <row r="50310" spans="1:4" x14ac:dyDescent="0.25">
      <c r="A50310" t="s">
        <v>27648</v>
      </c>
      <c r="B50310" t="s">
        <v>27649</v>
      </c>
      <c r="C50310">
        <v>1</v>
      </c>
      <c r="D50310">
        <v>0</v>
      </c>
    </row>
    <row r="50311" spans="1:4" x14ac:dyDescent="0.25">
      <c r="A50311" t="s">
        <v>27648</v>
      </c>
      <c r="B50311" t="s">
        <v>27650</v>
      </c>
      <c r="C50311">
        <v>0</v>
      </c>
      <c r="D50311">
        <v>0</v>
      </c>
    </row>
    <row r="50312" spans="1:4" x14ac:dyDescent="0.25">
      <c r="A50312" t="s">
        <v>27651</v>
      </c>
      <c r="B50312" t="s">
        <v>27652</v>
      </c>
      <c r="C50312">
        <v>0</v>
      </c>
      <c r="D50312">
        <v>0</v>
      </c>
    </row>
    <row r="50313" spans="1:4" x14ac:dyDescent="0.25">
      <c r="A50313" t="s">
        <v>27653</v>
      </c>
      <c r="B50313" t="s">
        <v>27654</v>
      </c>
      <c r="C50313">
        <v>1</v>
      </c>
      <c r="D50313">
        <v>0</v>
      </c>
    </row>
    <row r="50314" spans="1:4" x14ac:dyDescent="0.25">
      <c r="A50314" t="s">
        <v>27655</v>
      </c>
      <c r="B50314" t="s">
        <v>27656</v>
      </c>
      <c r="C50314">
        <v>0</v>
      </c>
      <c r="D50314">
        <v>0</v>
      </c>
    </row>
    <row r="50315" spans="1:4" x14ac:dyDescent="0.25">
      <c r="A50315" t="s">
        <v>27657</v>
      </c>
      <c r="B50315" t="s">
        <v>27658</v>
      </c>
      <c r="C50315">
        <v>1</v>
      </c>
      <c r="D50315">
        <v>0</v>
      </c>
    </row>
    <row r="50316" spans="1:4" x14ac:dyDescent="0.25">
      <c r="A50316" t="s">
        <v>27659</v>
      </c>
      <c r="B50316" t="s">
        <v>27660</v>
      </c>
      <c r="C50316">
        <v>1</v>
      </c>
      <c r="D50316">
        <v>0</v>
      </c>
    </row>
    <row r="50317" spans="1:4" x14ac:dyDescent="0.25">
      <c r="A50317" t="s">
        <v>27659</v>
      </c>
      <c r="B50317" t="s">
        <v>27661</v>
      </c>
      <c r="C50317">
        <v>0</v>
      </c>
      <c r="D50317">
        <v>0</v>
      </c>
    </row>
    <row r="50318" spans="1:4" x14ac:dyDescent="0.25">
      <c r="A50318" t="s">
        <v>27662</v>
      </c>
      <c r="B50318" t="s">
        <v>27663</v>
      </c>
      <c r="C50318">
        <v>0</v>
      </c>
      <c r="D50318">
        <v>0</v>
      </c>
    </row>
    <row r="50319" spans="1:4" x14ac:dyDescent="0.25">
      <c r="A50319" t="s">
        <v>27664</v>
      </c>
      <c r="B50319" t="s">
        <v>27665</v>
      </c>
      <c r="C50319">
        <v>1</v>
      </c>
      <c r="D50319">
        <v>0</v>
      </c>
    </row>
    <row r="50320" spans="1:4" x14ac:dyDescent="0.25">
      <c r="A50320" t="s">
        <v>27666</v>
      </c>
      <c r="B50320" t="s">
        <v>27667</v>
      </c>
      <c r="C50320">
        <v>0</v>
      </c>
      <c r="D50320">
        <v>0</v>
      </c>
    </row>
    <row r="50321" spans="1:4" x14ac:dyDescent="0.25">
      <c r="A50321" t="s">
        <v>27668</v>
      </c>
      <c r="B50321" t="s">
        <v>27669</v>
      </c>
      <c r="C50321">
        <v>1</v>
      </c>
      <c r="D50321">
        <v>0</v>
      </c>
    </row>
    <row r="50322" spans="1:4" x14ac:dyDescent="0.25">
      <c r="A50322" t="s">
        <v>27670</v>
      </c>
      <c r="B50322" t="s">
        <v>27671</v>
      </c>
      <c r="C50322">
        <v>0</v>
      </c>
      <c r="D50322">
        <v>0</v>
      </c>
    </row>
    <row r="50323" spans="1:4" x14ac:dyDescent="0.25">
      <c r="A50323" t="s">
        <v>27672</v>
      </c>
      <c r="B50323" t="s">
        <v>27673</v>
      </c>
      <c r="C50323">
        <v>1</v>
      </c>
      <c r="D50323">
        <v>0</v>
      </c>
    </row>
    <row r="50324" spans="1:4" x14ac:dyDescent="0.25">
      <c r="A50324" t="s">
        <v>27674</v>
      </c>
      <c r="B50324" t="s">
        <v>11506</v>
      </c>
      <c r="C50324">
        <v>1</v>
      </c>
      <c r="D50324">
        <v>0</v>
      </c>
    </row>
    <row r="50325" spans="1:4" x14ac:dyDescent="0.25">
      <c r="A50325" t="s">
        <v>27674</v>
      </c>
      <c r="B50325" t="s">
        <v>27675</v>
      </c>
      <c r="C50325">
        <v>0</v>
      </c>
      <c r="D50325">
        <v>0</v>
      </c>
    </row>
    <row r="50326" spans="1:4" x14ac:dyDescent="0.25">
      <c r="A50326" t="s">
        <v>27676</v>
      </c>
      <c r="B50326" t="s">
        <v>27677</v>
      </c>
      <c r="C50326">
        <v>1</v>
      </c>
      <c r="D50326">
        <v>0</v>
      </c>
    </row>
    <row r="50327" spans="1:4" x14ac:dyDescent="0.25">
      <c r="A50327" t="s">
        <v>27676</v>
      </c>
      <c r="B50327" t="s">
        <v>27678</v>
      </c>
      <c r="C50327">
        <v>0</v>
      </c>
      <c r="D50327">
        <v>0</v>
      </c>
    </row>
    <row r="50328" spans="1:4" x14ac:dyDescent="0.25">
      <c r="A50328" t="s">
        <v>27679</v>
      </c>
      <c r="B50328" t="s">
        <v>27680</v>
      </c>
      <c r="C50328">
        <v>0</v>
      </c>
      <c r="D50328">
        <v>0</v>
      </c>
    </row>
    <row r="50329" spans="1:4" x14ac:dyDescent="0.25">
      <c r="A50329" t="s">
        <v>27681</v>
      </c>
      <c r="B50329" t="s">
        <v>27682</v>
      </c>
      <c r="C50329">
        <v>0</v>
      </c>
      <c r="D50329">
        <v>0</v>
      </c>
    </row>
    <row r="50330" spans="1:4" x14ac:dyDescent="0.25">
      <c r="A50330" t="s">
        <v>27683</v>
      </c>
      <c r="B50330" t="s">
        <v>27684</v>
      </c>
      <c r="C50330">
        <v>1</v>
      </c>
      <c r="D50330">
        <v>0</v>
      </c>
    </row>
    <row r="50331" spans="1:4" x14ac:dyDescent="0.25">
      <c r="A50331" t="s">
        <v>27683</v>
      </c>
      <c r="B50331" t="s">
        <v>27685</v>
      </c>
      <c r="C50331">
        <v>0</v>
      </c>
      <c r="D50331">
        <v>0</v>
      </c>
    </row>
    <row r="50332" spans="1:4" x14ac:dyDescent="0.25">
      <c r="A50332" t="s">
        <v>27686</v>
      </c>
      <c r="B50332" t="s">
        <v>27687</v>
      </c>
      <c r="C50332">
        <v>1</v>
      </c>
      <c r="D50332">
        <v>0</v>
      </c>
    </row>
    <row r="50333" spans="1:4" x14ac:dyDescent="0.25">
      <c r="A50333" t="s">
        <v>27686</v>
      </c>
      <c r="B50333" t="s">
        <v>27688</v>
      </c>
      <c r="C50333">
        <v>0</v>
      </c>
      <c r="D50333">
        <v>0</v>
      </c>
    </row>
    <row r="50334" spans="1:4" x14ac:dyDescent="0.25">
      <c r="A50334" t="s">
        <v>27689</v>
      </c>
      <c r="B50334" t="s">
        <v>27690</v>
      </c>
      <c r="C50334">
        <v>0</v>
      </c>
      <c r="D50334">
        <v>0</v>
      </c>
    </row>
    <row r="50335" spans="1:4" x14ac:dyDescent="0.25">
      <c r="A50335" t="s">
        <v>27691</v>
      </c>
      <c r="B50335" t="s">
        <v>27692</v>
      </c>
      <c r="C50335">
        <v>1</v>
      </c>
      <c r="D50335">
        <v>0</v>
      </c>
    </row>
    <row r="50336" spans="1:4" x14ac:dyDescent="0.25">
      <c r="A50336" t="s">
        <v>27691</v>
      </c>
      <c r="B50336" t="s">
        <v>27693</v>
      </c>
      <c r="C50336">
        <v>0</v>
      </c>
      <c r="D50336">
        <v>0</v>
      </c>
    </row>
    <row r="50337" spans="1:4" x14ac:dyDescent="0.25">
      <c r="A50337" t="s">
        <v>27694</v>
      </c>
      <c r="B50337" t="s">
        <v>27695</v>
      </c>
      <c r="C50337">
        <v>1</v>
      </c>
      <c r="D50337">
        <v>0</v>
      </c>
    </row>
    <row r="50338" spans="1:4" x14ac:dyDescent="0.25">
      <c r="A50338" t="s">
        <v>27694</v>
      </c>
      <c r="B50338" t="s">
        <v>27696</v>
      </c>
      <c r="C50338">
        <v>0</v>
      </c>
      <c r="D50338">
        <v>0</v>
      </c>
    </row>
    <row r="50339" spans="1:4" x14ac:dyDescent="0.25">
      <c r="A50339" t="s">
        <v>27697</v>
      </c>
      <c r="B50339" t="s">
        <v>27698</v>
      </c>
      <c r="C50339">
        <v>1</v>
      </c>
      <c r="D50339">
        <v>0</v>
      </c>
    </row>
    <row r="50340" spans="1:4" x14ac:dyDescent="0.25">
      <c r="A50340" t="s">
        <v>27697</v>
      </c>
      <c r="B50340" t="s">
        <v>27699</v>
      </c>
      <c r="C50340">
        <v>0</v>
      </c>
      <c r="D50340">
        <v>0</v>
      </c>
    </row>
    <row r="50341" spans="1:4" x14ac:dyDescent="0.25">
      <c r="A50341" t="s">
        <v>27700</v>
      </c>
      <c r="B50341" t="s">
        <v>27701</v>
      </c>
      <c r="C50341">
        <v>1</v>
      </c>
      <c r="D50341">
        <v>0</v>
      </c>
    </row>
    <row r="50342" spans="1:4" x14ac:dyDescent="0.25">
      <c r="A50342" t="s">
        <v>27700</v>
      </c>
      <c r="B50342" t="s">
        <v>27702</v>
      </c>
      <c r="C50342">
        <v>0</v>
      </c>
      <c r="D50342">
        <v>0</v>
      </c>
    </row>
    <row r="50343" spans="1:4" x14ac:dyDescent="0.25">
      <c r="A50343" t="s">
        <v>27703</v>
      </c>
      <c r="B50343" t="s">
        <v>27704</v>
      </c>
      <c r="C50343">
        <v>1</v>
      </c>
      <c r="D50343">
        <v>0</v>
      </c>
    </row>
    <row r="50344" spans="1:4" x14ac:dyDescent="0.25">
      <c r="A50344" t="s">
        <v>27705</v>
      </c>
      <c r="B50344" t="s">
        <v>27706</v>
      </c>
      <c r="C50344">
        <v>1</v>
      </c>
      <c r="D50344">
        <v>0</v>
      </c>
    </row>
    <row r="50345" spans="1:4" x14ac:dyDescent="0.25">
      <c r="A50345" t="s">
        <v>27707</v>
      </c>
      <c r="B50345" t="s">
        <v>27708</v>
      </c>
      <c r="C50345">
        <v>1</v>
      </c>
      <c r="D50345">
        <v>0</v>
      </c>
    </row>
    <row r="50346" spans="1:4" x14ac:dyDescent="0.25">
      <c r="A50346" t="s">
        <v>27709</v>
      </c>
      <c r="B50346" t="s">
        <v>27710</v>
      </c>
      <c r="C50346">
        <v>0</v>
      </c>
      <c r="D50346">
        <v>0</v>
      </c>
    </row>
    <row r="50347" spans="1:4" x14ac:dyDescent="0.25">
      <c r="A50347" t="s">
        <v>27711</v>
      </c>
      <c r="B50347" t="s">
        <v>27712</v>
      </c>
      <c r="C50347">
        <v>1</v>
      </c>
      <c r="D50347">
        <v>0</v>
      </c>
    </row>
    <row r="50348" spans="1:4" x14ac:dyDescent="0.25">
      <c r="A50348" t="s">
        <v>27713</v>
      </c>
      <c r="B50348" t="s">
        <v>27714</v>
      </c>
      <c r="C50348">
        <v>1</v>
      </c>
      <c r="D50348">
        <v>0</v>
      </c>
    </row>
    <row r="50349" spans="1:4" x14ac:dyDescent="0.25">
      <c r="A50349" t="s">
        <v>27715</v>
      </c>
      <c r="B50349" t="s">
        <v>27716</v>
      </c>
      <c r="C50349">
        <v>0</v>
      </c>
      <c r="D50349">
        <v>0</v>
      </c>
    </row>
    <row r="50350" spans="1:4" x14ac:dyDescent="0.25">
      <c r="A50350" t="s">
        <v>27717</v>
      </c>
      <c r="B50350" t="s">
        <v>27718</v>
      </c>
      <c r="C50350">
        <v>1</v>
      </c>
      <c r="D50350">
        <v>0</v>
      </c>
    </row>
    <row r="50351" spans="1:4" x14ac:dyDescent="0.25">
      <c r="A50351" t="s">
        <v>27719</v>
      </c>
      <c r="B50351" t="s">
        <v>27720</v>
      </c>
      <c r="C50351">
        <v>0</v>
      </c>
      <c r="D50351">
        <v>0</v>
      </c>
    </row>
    <row r="50352" spans="1:4" x14ac:dyDescent="0.25">
      <c r="A50352" t="s">
        <v>27721</v>
      </c>
      <c r="B50352" t="s">
        <v>27722</v>
      </c>
      <c r="C50352">
        <v>1</v>
      </c>
      <c r="D50352">
        <v>0</v>
      </c>
    </row>
    <row r="50353" spans="1:4" x14ac:dyDescent="0.25">
      <c r="A50353" t="s">
        <v>27723</v>
      </c>
      <c r="B50353" t="s">
        <v>27724</v>
      </c>
      <c r="C50353">
        <v>1</v>
      </c>
      <c r="D50353">
        <v>0</v>
      </c>
    </row>
    <row r="50354" spans="1:4" x14ac:dyDescent="0.25">
      <c r="A50354" t="s">
        <v>27723</v>
      </c>
      <c r="B50354" t="s">
        <v>11948</v>
      </c>
      <c r="C50354">
        <v>0</v>
      </c>
      <c r="D50354">
        <v>0</v>
      </c>
    </row>
    <row r="50355" spans="1:4" x14ac:dyDescent="0.25">
      <c r="A50355" t="s">
        <v>27725</v>
      </c>
      <c r="B50355" t="s">
        <v>27726</v>
      </c>
      <c r="C50355">
        <v>1</v>
      </c>
      <c r="D50355">
        <v>0</v>
      </c>
    </row>
    <row r="50356" spans="1:4" x14ac:dyDescent="0.25">
      <c r="A50356" t="s">
        <v>27725</v>
      </c>
      <c r="B50356" t="s">
        <v>27727</v>
      </c>
      <c r="C50356">
        <v>0</v>
      </c>
      <c r="D50356">
        <v>0</v>
      </c>
    </row>
    <row r="50357" spans="1:4" x14ac:dyDescent="0.25">
      <c r="A50357" t="s">
        <v>27728</v>
      </c>
      <c r="B50357" t="s">
        <v>27729</v>
      </c>
      <c r="C50357">
        <v>1</v>
      </c>
      <c r="D50357">
        <v>0</v>
      </c>
    </row>
    <row r="50358" spans="1:4" x14ac:dyDescent="0.25">
      <c r="A50358" t="s">
        <v>27728</v>
      </c>
      <c r="B50358" t="s">
        <v>11948</v>
      </c>
      <c r="C50358">
        <v>0</v>
      </c>
      <c r="D50358">
        <v>0</v>
      </c>
    </row>
    <row r="50359" spans="1:4" x14ac:dyDescent="0.25">
      <c r="A50359" t="s">
        <v>27730</v>
      </c>
      <c r="B50359" t="s">
        <v>27731</v>
      </c>
      <c r="C50359">
        <v>0</v>
      </c>
      <c r="D50359">
        <v>0</v>
      </c>
    </row>
    <row r="50360" spans="1:4" x14ac:dyDescent="0.25">
      <c r="A50360" t="s">
        <v>27732</v>
      </c>
      <c r="B50360" t="s">
        <v>27733</v>
      </c>
      <c r="C50360">
        <v>1</v>
      </c>
      <c r="D50360">
        <v>0</v>
      </c>
    </row>
    <row r="50361" spans="1:4" x14ac:dyDescent="0.25">
      <c r="A50361" t="s">
        <v>27732</v>
      </c>
      <c r="B50361" t="s">
        <v>27734</v>
      </c>
      <c r="C50361">
        <v>0</v>
      </c>
      <c r="D50361">
        <v>0</v>
      </c>
    </row>
    <row r="50362" spans="1:4" x14ac:dyDescent="0.25">
      <c r="A50362" t="s">
        <v>27735</v>
      </c>
      <c r="B50362" t="s">
        <v>27736</v>
      </c>
      <c r="C50362">
        <v>1</v>
      </c>
      <c r="D50362">
        <v>0</v>
      </c>
    </row>
    <row r="50363" spans="1:4" x14ac:dyDescent="0.25">
      <c r="A50363" t="s">
        <v>27737</v>
      </c>
      <c r="B50363" t="s">
        <v>27738</v>
      </c>
      <c r="C50363">
        <v>1</v>
      </c>
      <c r="D50363">
        <v>0</v>
      </c>
    </row>
    <row r="50364" spans="1:4" x14ac:dyDescent="0.25">
      <c r="A50364" t="s">
        <v>27737</v>
      </c>
      <c r="B50364" t="s">
        <v>27739</v>
      </c>
      <c r="C50364">
        <v>0</v>
      </c>
      <c r="D50364">
        <v>0</v>
      </c>
    </row>
    <row r="50365" spans="1:4" x14ac:dyDescent="0.25">
      <c r="A50365" t="s">
        <v>27740</v>
      </c>
      <c r="B50365" t="s">
        <v>27741</v>
      </c>
      <c r="C50365">
        <v>1</v>
      </c>
      <c r="D50365">
        <v>0</v>
      </c>
    </row>
    <row r="50366" spans="1:4" x14ac:dyDescent="0.25">
      <c r="A50366" t="s">
        <v>27740</v>
      </c>
      <c r="B50366" t="s">
        <v>27742</v>
      </c>
      <c r="C50366">
        <v>0</v>
      </c>
      <c r="D50366">
        <v>0</v>
      </c>
    </row>
    <row r="50367" spans="1:4" x14ac:dyDescent="0.25">
      <c r="A50367" t="s">
        <v>27743</v>
      </c>
      <c r="B50367" t="s">
        <v>27744</v>
      </c>
      <c r="C50367">
        <v>1</v>
      </c>
      <c r="D50367">
        <v>0</v>
      </c>
    </row>
    <row r="50368" spans="1:4" x14ac:dyDescent="0.25">
      <c r="A50368" t="s">
        <v>27743</v>
      </c>
      <c r="B50368" t="s">
        <v>27745</v>
      </c>
      <c r="C50368">
        <v>0</v>
      </c>
      <c r="D50368">
        <v>0</v>
      </c>
    </row>
    <row r="50369" spans="1:4" x14ac:dyDescent="0.25">
      <c r="A50369" t="s">
        <v>27746</v>
      </c>
      <c r="B50369" t="s">
        <v>27747</v>
      </c>
      <c r="C50369">
        <v>0</v>
      </c>
      <c r="D50369">
        <v>0</v>
      </c>
    </row>
    <row r="50370" spans="1:4" x14ac:dyDescent="0.25">
      <c r="A50370" t="s">
        <v>27748</v>
      </c>
      <c r="B50370" t="s">
        <v>27749</v>
      </c>
      <c r="C50370">
        <v>1</v>
      </c>
      <c r="D50370">
        <v>0</v>
      </c>
    </row>
    <row r="50371" spans="1:4" x14ac:dyDescent="0.25">
      <c r="A50371" t="s">
        <v>27750</v>
      </c>
      <c r="B50371" t="s">
        <v>27751</v>
      </c>
      <c r="C50371">
        <v>1</v>
      </c>
      <c r="D50371">
        <v>0</v>
      </c>
    </row>
    <row r="50372" spans="1:4" x14ac:dyDescent="0.25">
      <c r="A50372" t="s">
        <v>27752</v>
      </c>
      <c r="B50372" t="s">
        <v>27753</v>
      </c>
      <c r="C50372">
        <v>1</v>
      </c>
      <c r="D50372">
        <v>0</v>
      </c>
    </row>
    <row r="50373" spans="1:4" x14ac:dyDescent="0.25">
      <c r="A50373" t="s">
        <v>27754</v>
      </c>
      <c r="B50373" t="s">
        <v>27755</v>
      </c>
      <c r="C50373">
        <v>1</v>
      </c>
      <c r="D50373">
        <v>0</v>
      </c>
    </row>
    <row r="50374" spans="1:4" x14ac:dyDescent="0.25">
      <c r="A50374" t="s">
        <v>27754</v>
      </c>
      <c r="B50374" t="s">
        <v>27756</v>
      </c>
      <c r="C50374">
        <v>0</v>
      </c>
      <c r="D50374">
        <v>0</v>
      </c>
    </row>
    <row r="50375" spans="1:4" x14ac:dyDescent="0.25">
      <c r="A50375" t="s">
        <v>27757</v>
      </c>
      <c r="B50375" t="s">
        <v>27758</v>
      </c>
      <c r="C50375">
        <v>1</v>
      </c>
      <c r="D50375">
        <v>0</v>
      </c>
    </row>
    <row r="50376" spans="1:4" x14ac:dyDescent="0.25">
      <c r="A50376" t="s">
        <v>27757</v>
      </c>
      <c r="B50376" t="s">
        <v>27759</v>
      </c>
      <c r="C50376">
        <v>0</v>
      </c>
      <c r="D50376">
        <v>0</v>
      </c>
    </row>
    <row r="50377" spans="1:4" x14ac:dyDescent="0.25">
      <c r="A50377" t="s">
        <v>27760</v>
      </c>
      <c r="B50377" t="s">
        <v>27761</v>
      </c>
      <c r="C50377">
        <v>0</v>
      </c>
      <c r="D50377">
        <v>0</v>
      </c>
    </row>
    <row r="50378" spans="1:4" x14ac:dyDescent="0.25">
      <c r="A50378" t="s">
        <v>27762</v>
      </c>
      <c r="B50378" t="s">
        <v>27763</v>
      </c>
      <c r="C50378">
        <v>0</v>
      </c>
      <c r="D50378">
        <v>0</v>
      </c>
    </row>
    <row r="50379" spans="1:4" x14ac:dyDescent="0.25">
      <c r="A50379" t="s">
        <v>27764</v>
      </c>
      <c r="B50379" t="s">
        <v>27765</v>
      </c>
      <c r="C50379">
        <v>1</v>
      </c>
      <c r="D50379">
        <v>0</v>
      </c>
    </row>
    <row r="50380" spans="1:4" x14ac:dyDescent="0.25">
      <c r="A50380" t="s">
        <v>27766</v>
      </c>
      <c r="B50380" t="s">
        <v>27767</v>
      </c>
      <c r="C50380">
        <v>1</v>
      </c>
      <c r="D50380">
        <v>0</v>
      </c>
    </row>
    <row r="50381" spans="1:4" x14ac:dyDescent="0.25">
      <c r="A50381" t="s">
        <v>27766</v>
      </c>
      <c r="B50381" t="s">
        <v>27768</v>
      </c>
      <c r="C50381">
        <v>0</v>
      </c>
      <c r="D50381">
        <v>0</v>
      </c>
    </row>
    <row r="50382" spans="1:4" x14ac:dyDescent="0.25">
      <c r="A50382" t="s">
        <v>27769</v>
      </c>
      <c r="B50382" t="s">
        <v>27770</v>
      </c>
      <c r="C50382">
        <v>1</v>
      </c>
      <c r="D50382">
        <v>0</v>
      </c>
    </row>
    <row r="50383" spans="1:4" x14ac:dyDescent="0.25">
      <c r="A50383" t="s">
        <v>27769</v>
      </c>
      <c r="B50383" t="s">
        <v>27771</v>
      </c>
      <c r="C50383">
        <v>0</v>
      </c>
      <c r="D50383">
        <v>0</v>
      </c>
    </row>
    <row r="50384" spans="1:4" x14ac:dyDescent="0.25">
      <c r="A50384" t="s">
        <v>27772</v>
      </c>
      <c r="B50384" t="s">
        <v>27773</v>
      </c>
      <c r="C50384">
        <v>1</v>
      </c>
      <c r="D50384">
        <v>0</v>
      </c>
    </row>
    <row r="50385" spans="1:4" x14ac:dyDescent="0.25">
      <c r="A50385" t="s">
        <v>27772</v>
      </c>
      <c r="B50385" t="s">
        <v>27774</v>
      </c>
      <c r="C50385">
        <v>0</v>
      </c>
      <c r="D50385">
        <v>0</v>
      </c>
    </row>
    <row r="50386" spans="1:4" x14ac:dyDescent="0.25">
      <c r="A50386" t="s">
        <v>27775</v>
      </c>
      <c r="B50386" t="s">
        <v>27776</v>
      </c>
      <c r="C50386">
        <v>0</v>
      </c>
      <c r="D50386">
        <v>0</v>
      </c>
    </row>
    <row r="50387" spans="1:4" x14ac:dyDescent="0.25">
      <c r="A50387" t="s">
        <v>27777</v>
      </c>
      <c r="B50387" t="s">
        <v>27778</v>
      </c>
      <c r="C50387">
        <v>1</v>
      </c>
      <c r="D50387">
        <v>0</v>
      </c>
    </row>
    <row r="50388" spans="1:4" x14ac:dyDescent="0.25">
      <c r="A50388" t="s">
        <v>27779</v>
      </c>
      <c r="B50388" t="s">
        <v>27780</v>
      </c>
      <c r="C50388">
        <v>1</v>
      </c>
      <c r="D50388">
        <v>0</v>
      </c>
    </row>
    <row r="50389" spans="1:4" x14ac:dyDescent="0.25">
      <c r="A50389" t="s">
        <v>27781</v>
      </c>
      <c r="B50389" t="s">
        <v>27782</v>
      </c>
      <c r="C50389">
        <v>1</v>
      </c>
      <c r="D50389">
        <v>0</v>
      </c>
    </row>
    <row r="50390" spans="1:4" x14ac:dyDescent="0.25">
      <c r="A50390" t="s">
        <v>27783</v>
      </c>
      <c r="B50390" t="s">
        <v>27784</v>
      </c>
      <c r="C50390">
        <v>1</v>
      </c>
      <c r="D50390">
        <v>0</v>
      </c>
    </row>
    <row r="50391" spans="1:4" x14ac:dyDescent="0.25">
      <c r="A50391" t="s">
        <v>27785</v>
      </c>
      <c r="B50391" t="s">
        <v>27786</v>
      </c>
      <c r="C50391">
        <v>1</v>
      </c>
      <c r="D50391">
        <v>0</v>
      </c>
    </row>
    <row r="50392" spans="1:4" x14ac:dyDescent="0.25">
      <c r="A50392" t="s">
        <v>27785</v>
      </c>
      <c r="B50392" t="s">
        <v>27787</v>
      </c>
      <c r="C50392">
        <v>0</v>
      </c>
      <c r="D50392">
        <v>0</v>
      </c>
    </row>
    <row r="50393" spans="1:4" x14ac:dyDescent="0.25">
      <c r="A50393" t="s">
        <v>27788</v>
      </c>
      <c r="B50393" t="s">
        <v>27789</v>
      </c>
      <c r="C50393">
        <v>0</v>
      </c>
      <c r="D50393">
        <v>0</v>
      </c>
    </row>
    <row r="50394" spans="1:4" x14ac:dyDescent="0.25">
      <c r="A50394" t="s">
        <v>27790</v>
      </c>
      <c r="B50394" t="s">
        <v>27791</v>
      </c>
      <c r="C50394">
        <v>0</v>
      </c>
      <c r="D50394">
        <v>0</v>
      </c>
    </row>
    <row r="50395" spans="1:4" x14ac:dyDescent="0.25">
      <c r="A50395" t="s">
        <v>27792</v>
      </c>
      <c r="B50395" t="s">
        <v>27793</v>
      </c>
      <c r="C50395">
        <v>1</v>
      </c>
      <c r="D50395">
        <v>0</v>
      </c>
    </row>
    <row r="50396" spans="1:4" x14ac:dyDescent="0.25">
      <c r="A50396" t="s">
        <v>27792</v>
      </c>
      <c r="B50396" t="s">
        <v>27794</v>
      </c>
      <c r="C50396">
        <v>0</v>
      </c>
      <c r="D50396">
        <v>0</v>
      </c>
    </row>
    <row r="50397" spans="1:4" x14ac:dyDescent="0.25">
      <c r="A50397" t="s">
        <v>27795</v>
      </c>
      <c r="B50397" t="s">
        <v>27796</v>
      </c>
      <c r="C50397">
        <v>1</v>
      </c>
      <c r="D50397">
        <v>0</v>
      </c>
    </row>
    <row r="50398" spans="1:4" x14ac:dyDescent="0.25">
      <c r="A50398" t="s">
        <v>27795</v>
      </c>
      <c r="B50398" t="s">
        <v>27797</v>
      </c>
      <c r="C50398">
        <v>0</v>
      </c>
      <c r="D50398">
        <v>0</v>
      </c>
    </row>
    <row r="50399" spans="1:4" x14ac:dyDescent="0.25">
      <c r="A50399" t="s">
        <v>27798</v>
      </c>
      <c r="B50399" t="s">
        <v>27799</v>
      </c>
      <c r="C50399">
        <v>1</v>
      </c>
      <c r="D50399">
        <v>0</v>
      </c>
    </row>
    <row r="50400" spans="1:4" x14ac:dyDescent="0.25">
      <c r="A50400" t="s">
        <v>27798</v>
      </c>
      <c r="B50400" t="s">
        <v>27800</v>
      </c>
      <c r="C50400">
        <v>0</v>
      </c>
      <c r="D50400">
        <v>0</v>
      </c>
    </row>
    <row r="50401" spans="1:4" x14ac:dyDescent="0.25">
      <c r="A50401" t="s">
        <v>27801</v>
      </c>
      <c r="B50401" t="s">
        <v>27802</v>
      </c>
      <c r="C50401">
        <v>1</v>
      </c>
      <c r="D50401">
        <v>0</v>
      </c>
    </row>
    <row r="50402" spans="1:4" x14ac:dyDescent="0.25">
      <c r="A50402" t="s">
        <v>27803</v>
      </c>
      <c r="B50402" t="s">
        <v>27804</v>
      </c>
      <c r="C50402">
        <v>0</v>
      </c>
      <c r="D50402">
        <v>0</v>
      </c>
    </row>
    <row r="50403" spans="1:4" x14ac:dyDescent="0.25">
      <c r="A50403" t="s">
        <v>27805</v>
      </c>
      <c r="B50403" t="s">
        <v>27806</v>
      </c>
      <c r="C50403">
        <v>0</v>
      </c>
      <c r="D50403">
        <v>0</v>
      </c>
    </row>
    <row r="50404" spans="1:4" x14ac:dyDescent="0.25">
      <c r="A50404" t="s">
        <v>27807</v>
      </c>
      <c r="B50404" t="s">
        <v>27808</v>
      </c>
      <c r="C50404">
        <v>1</v>
      </c>
      <c r="D50404">
        <v>0</v>
      </c>
    </row>
    <row r="50405" spans="1:4" x14ac:dyDescent="0.25">
      <c r="A50405" t="s">
        <v>27809</v>
      </c>
      <c r="B50405" t="s">
        <v>27810</v>
      </c>
      <c r="C50405">
        <v>1</v>
      </c>
      <c r="D50405">
        <v>0</v>
      </c>
    </row>
    <row r="50406" spans="1:4" x14ac:dyDescent="0.25">
      <c r="A50406" t="s">
        <v>27811</v>
      </c>
      <c r="B50406" t="s">
        <v>27812</v>
      </c>
      <c r="C50406">
        <v>1</v>
      </c>
      <c r="D50406">
        <v>0</v>
      </c>
    </row>
    <row r="50407" spans="1:4" x14ac:dyDescent="0.25">
      <c r="A50407" t="s">
        <v>27813</v>
      </c>
      <c r="B50407" t="s">
        <v>27814</v>
      </c>
      <c r="C50407">
        <v>1</v>
      </c>
      <c r="D50407">
        <v>0</v>
      </c>
    </row>
    <row r="50408" spans="1:4" x14ac:dyDescent="0.25">
      <c r="A50408" t="s">
        <v>27813</v>
      </c>
      <c r="B50408" t="s">
        <v>27815</v>
      </c>
      <c r="C50408">
        <v>0</v>
      </c>
      <c r="D50408">
        <v>0</v>
      </c>
    </row>
    <row r="50409" spans="1:4" x14ac:dyDescent="0.25">
      <c r="A50409" t="s">
        <v>27816</v>
      </c>
      <c r="B50409" t="s">
        <v>27817</v>
      </c>
      <c r="C50409">
        <v>1</v>
      </c>
      <c r="D50409">
        <v>0</v>
      </c>
    </row>
    <row r="50410" spans="1:4" x14ac:dyDescent="0.25">
      <c r="A50410" t="s">
        <v>27816</v>
      </c>
      <c r="B50410" t="s">
        <v>27818</v>
      </c>
      <c r="C50410">
        <v>0</v>
      </c>
      <c r="D50410">
        <v>0</v>
      </c>
    </row>
    <row r="50411" spans="1:4" x14ac:dyDescent="0.25">
      <c r="A50411" t="s">
        <v>27819</v>
      </c>
      <c r="B50411" t="s">
        <v>27820</v>
      </c>
      <c r="C50411">
        <v>1</v>
      </c>
      <c r="D50411">
        <v>0</v>
      </c>
    </row>
    <row r="50412" spans="1:4" x14ac:dyDescent="0.25">
      <c r="A50412" t="s">
        <v>27821</v>
      </c>
      <c r="B50412" t="s">
        <v>27822</v>
      </c>
      <c r="C50412">
        <v>1</v>
      </c>
      <c r="D50412">
        <v>0</v>
      </c>
    </row>
    <row r="50413" spans="1:4" x14ac:dyDescent="0.25">
      <c r="A50413" t="s">
        <v>27823</v>
      </c>
      <c r="B50413" t="s">
        <v>27824</v>
      </c>
      <c r="C50413">
        <v>1</v>
      </c>
      <c r="D50413">
        <v>0</v>
      </c>
    </row>
    <row r="50414" spans="1:4" x14ac:dyDescent="0.25">
      <c r="A50414" t="s">
        <v>27825</v>
      </c>
      <c r="B50414" t="s">
        <v>27826</v>
      </c>
      <c r="C50414">
        <v>1</v>
      </c>
      <c r="D50414">
        <v>0</v>
      </c>
    </row>
    <row r="50415" spans="1:4" x14ac:dyDescent="0.25">
      <c r="A50415" t="s">
        <v>27827</v>
      </c>
      <c r="B50415" t="s">
        <v>27828</v>
      </c>
      <c r="C50415">
        <v>0</v>
      </c>
      <c r="D50415">
        <v>0</v>
      </c>
    </row>
    <row r="50416" spans="1:4" x14ac:dyDescent="0.25">
      <c r="A50416" t="s">
        <v>27829</v>
      </c>
      <c r="B50416" t="s">
        <v>27830</v>
      </c>
      <c r="C50416">
        <v>0</v>
      </c>
      <c r="D50416">
        <v>0</v>
      </c>
    </row>
    <row r="50417" spans="1:4" x14ac:dyDescent="0.25">
      <c r="A50417" t="s">
        <v>27831</v>
      </c>
      <c r="B50417" t="s">
        <v>27832</v>
      </c>
      <c r="C50417">
        <v>1</v>
      </c>
      <c r="D50417">
        <v>0</v>
      </c>
    </row>
    <row r="50418" spans="1:4" x14ac:dyDescent="0.25">
      <c r="A50418" t="s">
        <v>27831</v>
      </c>
      <c r="B50418" t="s">
        <v>27833</v>
      </c>
      <c r="C50418">
        <v>0</v>
      </c>
      <c r="D50418">
        <v>0</v>
      </c>
    </row>
    <row r="50419" spans="1:4" x14ac:dyDescent="0.25">
      <c r="A50419" t="s">
        <v>27834</v>
      </c>
      <c r="B50419" t="s">
        <v>27835</v>
      </c>
      <c r="C50419">
        <v>1</v>
      </c>
      <c r="D50419">
        <v>0</v>
      </c>
    </row>
    <row r="50420" spans="1:4" x14ac:dyDescent="0.25">
      <c r="A50420" t="s">
        <v>27834</v>
      </c>
      <c r="B50420" t="s">
        <v>27836</v>
      </c>
      <c r="C50420">
        <v>0</v>
      </c>
      <c r="D50420">
        <v>0</v>
      </c>
    </row>
    <row r="50421" spans="1:4" x14ac:dyDescent="0.25">
      <c r="A50421" t="s">
        <v>27837</v>
      </c>
      <c r="B50421" t="s">
        <v>27838</v>
      </c>
      <c r="C50421">
        <v>0</v>
      </c>
      <c r="D50421">
        <v>0</v>
      </c>
    </row>
    <row r="50422" spans="1:4" x14ac:dyDescent="0.25">
      <c r="A50422" t="s">
        <v>27839</v>
      </c>
      <c r="B50422" t="s">
        <v>27840</v>
      </c>
      <c r="C50422">
        <v>1</v>
      </c>
      <c r="D50422">
        <v>0</v>
      </c>
    </row>
    <row r="50423" spans="1:4" x14ac:dyDescent="0.25">
      <c r="A50423" t="s">
        <v>27841</v>
      </c>
      <c r="B50423" t="s">
        <v>27842</v>
      </c>
      <c r="C50423">
        <v>0</v>
      </c>
      <c r="D50423">
        <v>0</v>
      </c>
    </row>
    <row r="50424" spans="1:4" x14ac:dyDescent="0.25">
      <c r="A50424" t="s">
        <v>27843</v>
      </c>
      <c r="B50424" t="s">
        <v>27844</v>
      </c>
      <c r="C50424">
        <v>1</v>
      </c>
      <c r="D50424">
        <v>0</v>
      </c>
    </row>
    <row r="50425" spans="1:4" x14ac:dyDescent="0.25">
      <c r="A50425" t="s">
        <v>27845</v>
      </c>
      <c r="B50425" t="s">
        <v>27846</v>
      </c>
      <c r="C50425">
        <v>0</v>
      </c>
      <c r="D50425">
        <v>0</v>
      </c>
    </row>
    <row r="50426" spans="1:4" x14ac:dyDescent="0.25">
      <c r="A50426" t="s">
        <v>27847</v>
      </c>
      <c r="B50426" t="s">
        <v>27848</v>
      </c>
      <c r="C50426">
        <v>1</v>
      </c>
      <c r="D50426">
        <v>0</v>
      </c>
    </row>
    <row r="50427" spans="1:4" x14ac:dyDescent="0.25">
      <c r="A50427" t="s">
        <v>27849</v>
      </c>
      <c r="B50427" t="s">
        <v>27850</v>
      </c>
      <c r="C50427">
        <v>0</v>
      </c>
      <c r="D50427">
        <v>0</v>
      </c>
    </row>
    <row r="50428" spans="1:4" x14ac:dyDescent="0.25">
      <c r="A50428" t="s">
        <v>27851</v>
      </c>
      <c r="B50428" t="s">
        <v>27852</v>
      </c>
      <c r="C50428">
        <v>1</v>
      </c>
      <c r="D50428">
        <v>0</v>
      </c>
    </row>
    <row r="50429" spans="1:4" x14ac:dyDescent="0.25">
      <c r="A50429" t="s">
        <v>27853</v>
      </c>
      <c r="B50429" t="s">
        <v>27854</v>
      </c>
      <c r="C50429">
        <v>1</v>
      </c>
      <c r="D50429">
        <v>0</v>
      </c>
    </row>
    <row r="50430" spans="1:4" x14ac:dyDescent="0.25">
      <c r="A50430" t="s">
        <v>27855</v>
      </c>
      <c r="B50430" t="s">
        <v>27856</v>
      </c>
      <c r="C50430">
        <v>0</v>
      </c>
      <c r="D50430">
        <v>0</v>
      </c>
    </row>
    <row r="50431" spans="1:4" x14ac:dyDescent="0.25">
      <c r="A50431" t="s">
        <v>27857</v>
      </c>
      <c r="B50431" t="s">
        <v>27858</v>
      </c>
      <c r="C50431">
        <v>1</v>
      </c>
      <c r="D50431">
        <v>0</v>
      </c>
    </row>
    <row r="50432" spans="1:4" x14ac:dyDescent="0.25">
      <c r="A50432" t="s">
        <v>27859</v>
      </c>
      <c r="B50432" t="s">
        <v>27860</v>
      </c>
      <c r="C50432">
        <v>1</v>
      </c>
      <c r="D50432">
        <v>0</v>
      </c>
    </row>
    <row r="50433" spans="1:4" x14ac:dyDescent="0.25">
      <c r="A50433" t="s">
        <v>27861</v>
      </c>
      <c r="B50433" t="s">
        <v>27862</v>
      </c>
      <c r="C50433">
        <v>1</v>
      </c>
      <c r="D50433">
        <v>0</v>
      </c>
    </row>
    <row r="50434" spans="1:4" x14ac:dyDescent="0.25">
      <c r="A50434" t="s">
        <v>27861</v>
      </c>
      <c r="B50434" t="s">
        <v>27863</v>
      </c>
      <c r="C50434">
        <v>0</v>
      </c>
      <c r="D50434">
        <v>0</v>
      </c>
    </row>
    <row r="50435" spans="1:4" x14ac:dyDescent="0.25">
      <c r="A50435" t="s">
        <v>27864</v>
      </c>
      <c r="B50435" t="s">
        <v>27865</v>
      </c>
      <c r="C50435">
        <v>1</v>
      </c>
      <c r="D50435">
        <v>0</v>
      </c>
    </row>
    <row r="50436" spans="1:4" x14ac:dyDescent="0.25">
      <c r="A50436" t="s">
        <v>27864</v>
      </c>
      <c r="B50436" t="s">
        <v>27866</v>
      </c>
      <c r="C50436">
        <v>0</v>
      </c>
      <c r="D50436">
        <v>0</v>
      </c>
    </row>
    <row r="50437" spans="1:4" x14ac:dyDescent="0.25">
      <c r="A50437" t="s">
        <v>27867</v>
      </c>
      <c r="B50437" t="s">
        <v>27868</v>
      </c>
      <c r="C50437">
        <v>1</v>
      </c>
      <c r="D50437">
        <v>0</v>
      </c>
    </row>
    <row r="50438" spans="1:4" x14ac:dyDescent="0.25">
      <c r="A50438" t="s">
        <v>27867</v>
      </c>
      <c r="B50438" t="s">
        <v>27869</v>
      </c>
      <c r="C50438">
        <v>0</v>
      </c>
      <c r="D50438">
        <v>0</v>
      </c>
    </row>
    <row r="50439" spans="1:4" x14ac:dyDescent="0.25">
      <c r="A50439" t="s">
        <v>27870</v>
      </c>
      <c r="B50439" t="s">
        <v>27871</v>
      </c>
      <c r="C50439">
        <v>1</v>
      </c>
      <c r="D50439">
        <v>0</v>
      </c>
    </row>
    <row r="50440" spans="1:4" x14ac:dyDescent="0.25">
      <c r="A50440" t="s">
        <v>27872</v>
      </c>
      <c r="B50440" t="s">
        <v>27873</v>
      </c>
      <c r="C50440">
        <v>1</v>
      </c>
      <c r="D50440">
        <v>0</v>
      </c>
    </row>
    <row r="50441" spans="1:4" x14ac:dyDescent="0.25">
      <c r="A50441" t="s">
        <v>27874</v>
      </c>
      <c r="B50441" t="s">
        <v>27875</v>
      </c>
      <c r="C50441">
        <v>0</v>
      </c>
      <c r="D50441">
        <v>0</v>
      </c>
    </row>
    <row r="50442" spans="1:4" x14ac:dyDescent="0.25">
      <c r="A50442" t="s">
        <v>27876</v>
      </c>
      <c r="B50442" t="s">
        <v>27877</v>
      </c>
      <c r="C50442">
        <v>1</v>
      </c>
      <c r="D50442">
        <v>0</v>
      </c>
    </row>
    <row r="50443" spans="1:4" x14ac:dyDescent="0.25">
      <c r="A50443" t="s">
        <v>27876</v>
      </c>
      <c r="B50443" t="s">
        <v>27878</v>
      </c>
      <c r="C50443">
        <v>0</v>
      </c>
      <c r="D50443">
        <v>0</v>
      </c>
    </row>
    <row r="50444" spans="1:4" x14ac:dyDescent="0.25">
      <c r="A50444" t="s">
        <v>27879</v>
      </c>
      <c r="B50444" t="s">
        <v>27880</v>
      </c>
      <c r="C50444">
        <v>1</v>
      </c>
      <c r="D50444">
        <v>0</v>
      </c>
    </row>
    <row r="50445" spans="1:4" x14ac:dyDescent="0.25">
      <c r="A50445" t="s">
        <v>27881</v>
      </c>
      <c r="B50445" t="s">
        <v>27882</v>
      </c>
      <c r="C50445">
        <v>1</v>
      </c>
      <c r="D50445">
        <v>0</v>
      </c>
    </row>
    <row r="50446" spans="1:4" x14ac:dyDescent="0.25">
      <c r="A50446" t="s">
        <v>27881</v>
      </c>
      <c r="B50446" t="s">
        <v>27883</v>
      </c>
      <c r="C50446">
        <v>0</v>
      </c>
      <c r="D50446">
        <v>0</v>
      </c>
    </row>
    <row r="50447" spans="1:4" x14ac:dyDescent="0.25">
      <c r="A50447" t="s">
        <v>27884</v>
      </c>
      <c r="B50447" t="s">
        <v>27885</v>
      </c>
      <c r="C50447">
        <v>1</v>
      </c>
      <c r="D50447">
        <v>0</v>
      </c>
    </row>
    <row r="50448" spans="1:4" x14ac:dyDescent="0.25">
      <c r="A50448" t="s">
        <v>27884</v>
      </c>
      <c r="B50448" t="s">
        <v>27886</v>
      </c>
      <c r="C50448">
        <v>0</v>
      </c>
      <c r="D50448">
        <v>0</v>
      </c>
    </row>
    <row r="50449" spans="1:4" x14ac:dyDescent="0.25">
      <c r="A50449" t="s">
        <v>27887</v>
      </c>
      <c r="B50449" t="s">
        <v>27888</v>
      </c>
      <c r="C50449">
        <v>1</v>
      </c>
      <c r="D50449">
        <v>0</v>
      </c>
    </row>
    <row r="50450" spans="1:4" x14ac:dyDescent="0.25">
      <c r="A50450" t="s">
        <v>27889</v>
      </c>
      <c r="B50450" t="s">
        <v>27890</v>
      </c>
      <c r="C50450">
        <v>0</v>
      </c>
      <c r="D50450">
        <v>0</v>
      </c>
    </row>
    <row r="50451" spans="1:4" x14ac:dyDescent="0.25">
      <c r="A50451" t="s">
        <v>27891</v>
      </c>
      <c r="B50451" t="s">
        <v>27892</v>
      </c>
      <c r="C50451">
        <v>0</v>
      </c>
      <c r="D50451">
        <v>0</v>
      </c>
    </row>
    <row r="50452" spans="1:4" x14ac:dyDescent="0.25">
      <c r="A50452" t="s">
        <v>27893</v>
      </c>
      <c r="B50452" t="s">
        <v>27894</v>
      </c>
      <c r="C50452">
        <v>0</v>
      </c>
      <c r="D50452">
        <v>0</v>
      </c>
    </row>
    <row r="50453" spans="1:4" x14ac:dyDescent="0.25">
      <c r="A50453" t="s">
        <v>27895</v>
      </c>
      <c r="B50453" t="s">
        <v>27896</v>
      </c>
      <c r="C50453">
        <v>0</v>
      </c>
      <c r="D50453">
        <v>0</v>
      </c>
    </row>
    <row r="50454" spans="1:4" x14ac:dyDescent="0.25">
      <c r="A50454" t="s">
        <v>27897</v>
      </c>
      <c r="B50454" t="s">
        <v>27898</v>
      </c>
      <c r="C50454">
        <v>1</v>
      </c>
      <c r="D50454">
        <v>0</v>
      </c>
    </row>
    <row r="50455" spans="1:4" x14ac:dyDescent="0.25">
      <c r="A50455" t="s">
        <v>27897</v>
      </c>
      <c r="B50455" t="s">
        <v>27899</v>
      </c>
      <c r="C50455">
        <v>0</v>
      </c>
      <c r="D50455">
        <v>0</v>
      </c>
    </row>
    <row r="50456" spans="1:4" x14ac:dyDescent="0.25">
      <c r="A50456" t="s">
        <v>27900</v>
      </c>
      <c r="B50456" t="s">
        <v>27901</v>
      </c>
      <c r="C50456">
        <v>1</v>
      </c>
      <c r="D50456">
        <v>0</v>
      </c>
    </row>
    <row r="50457" spans="1:4" x14ac:dyDescent="0.25">
      <c r="A50457" t="s">
        <v>27900</v>
      </c>
      <c r="B50457" t="s">
        <v>27902</v>
      </c>
      <c r="C50457">
        <v>0</v>
      </c>
      <c r="D50457">
        <v>0</v>
      </c>
    </row>
    <row r="50458" spans="1:4" x14ac:dyDescent="0.25">
      <c r="A50458" t="s">
        <v>27903</v>
      </c>
      <c r="B50458" t="s">
        <v>27904</v>
      </c>
      <c r="C50458">
        <v>0</v>
      </c>
      <c r="D50458">
        <v>0</v>
      </c>
    </row>
    <row r="50459" spans="1:4" x14ac:dyDescent="0.25">
      <c r="A50459" t="s">
        <v>27905</v>
      </c>
      <c r="B50459" t="s">
        <v>27906</v>
      </c>
      <c r="C50459">
        <v>1</v>
      </c>
      <c r="D50459">
        <v>0</v>
      </c>
    </row>
    <row r="50460" spans="1:4" x14ac:dyDescent="0.25">
      <c r="A50460" t="s">
        <v>27905</v>
      </c>
      <c r="B50460" t="s">
        <v>20641</v>
      </c>
      <c r="C50460">
        <v>0</v>
      </c>
      <c r="D50460">
        <v>0</v>
      </c>
    </row>
    <row r="50461" spans="1:4" x14ac:dyDescent="0.25">
      <c r="A50461" t="s">
        <v>27907</v>
      </c>
      <c r="B50461" t="s">
        <v>27908</v>
      </c>
      <c r="C50461">
        <v>0</v>
      </c>
      <c r="D50461">
        <v>0</v>
      </c>
    </row>
    <row r="50462" spans="1:4" x14ac:dyDescent="0.25">
      <c r="A50462" t="s">
        <v>27909</v>
      </c>
      <c r="B50462" t="s">
        <v>27910</v>
      </c>
      <c r="C50462">
        <v>1</v>
      </c>
      <c r="D50462">
        <v>0</v>
      </c>
    </row>
    <row r="50463" spans="1:4" x14ac:dyDescent="0.25">
      <c r="A50463" t="s">
        <v>27909</v>
      </c>
      <c r="B50463" t="s">
        <v>27911</v>
      </c>
      <c r="C50463">
        <v>0</v>
      </c>
      <c r="D50463">
        <v>0</v>
      </c>
    </row>
    <row r="50464" spans="1:4" x14ac:dyDescent="0.25">
      <c r="A50464" t="s">
        <v>27912</v>
      </c>
      <c r="B50464" t="s">
        <v>27913</v>
      </c>
      <c r="C50464">
        <v>0</v>
      </c>
      <c r="D50464">
        <v>0</v>
      </c>
    </row>
    <row r="50465" spans="1:4" x14ac:dyDescent="0.25">
      <c r="A50465" t="s">
        <v>27914</v>
      </c>
      <c r="B50465" t="s">
        <v>27915</v>
      </c>
      <c r="C50465">
        <v>0</v>
      </c>
      <c r="D50465">
        <v>0</v>
      </c>
    </row>
    <row r="50466" spans="1:4" x14ac:dyDescent="0.25">
      <c r="A50466" t="s">
        <v>27916</v>
      </c>
      <c r="B50466" t="s">
        <v>27917</v>
      </c>
      <c r="C50466">
        <v>1</v>
      </c>
      <c r="D50466">
        <v>0</v>
      </c>
    </row>
    <row r="50467" spans="1:4" x14ac:dyDescent="0.25">
      <c r="A50467" t="s">
        <v>27918</v>
      </c>
      <c r="B50467" t="s">
        <v>27919</v>
      </c>
      <c r="C50467">
        <v>1</v>
      </c>
      <c r="D50467">
        <v>0</v>
      </c>
    </row>
    <row r="50468" spans="1:4" x14ac:dyDescent="0.25">
      <c r="A50468" t="s">
        <v>27920</v>
      </c>
      <c r="B50468" t="s">
        <v>27921</v>
      </c>
      <c r="C50468">
        <v>1</v>
      </c>
      <c r="D50468">
        <v>0</v>
      </c>
    </row>
    <row r="50469" spans="1:4" x14ac:dyDescent="0.25">
      <c r="A50469" t="s">
        <v>27920</v>
      </c>
      <c r="B50469" t="s">
        <v>27922</v>
      </c>
      <c r="C50469">
        <v>0</v>
      </c>
      <c r="D50469">
        <v>0</v>
      </c>
    </row>
    <row r="50470" spans="1:4" x14ac:dyDescent="0.25">
      <c r="A50470" t="s">
        <v>27923</v>
      </c>
      <c r="B50470" t="s">
        <v>27924</v>
      </c>
      <c r="C50470">
        <v>1</v>
      </c>
      <c r="D50470">
        <v>0</v>
      </c>
    </row>
    <row r="50471" spans="1:4" x14ac:dyDescent="0.25">
      <c r="A50471" t="s">
        <v>27925</v>
      </c>
      <c r="B50471" t="s">
        <v>27926</v>
      </c>
      <c r="C50471">
        <v>1</v>
      </c>
      <c r="D50471">
        <v>0</v>
      </c>
    </row>
    <row r="50472" spans="1:4" x14ac:dyDescent="0.25">
      <c r="A50472" t="s">
        <v>27927</v>
      </c>
      <c r="B50472" t="s">
        <v>27928</v>
      </c>
      <c r="C50472">
        <v>1</v>
      </c>
      <c r="D50472">
        <v>0</v>
      </c>
    </row>
    <row r="50473" spans="1:4" x14ac:dyDescent="0.25">
      <c r="A50473" t="s">
        <v>27927</v>
      </c>
      <c r="B50473" t="s">
        <v>27929</v>
      </c>
      <c r="C50473">
        <v>0</v>
      </c>
      <c r="D50473">
        <v>0</v>
      </c>
    </row>
    <row r="50474" spans="1:4" x14ac:dyDescent="0.25">
      <c r="A50474" t="s">
        <v>27930</v>
      </c>
      <c r="B50474" t="s">
        <v>27931</v>
      </c>
      <c r="C50474">
        <v>1</v>
      </c>
      <c r="D50474">
        <v>0</v>
      </c>
    </row>
    <row r="50475" spans="1:4" x14ac:dyDescent="0.25">
      <c r="A50475" t="s">
        <v>27930</v>
      </c>
      <c r="B50475" t="s">
        <v>27932</v>
      </c>
      <c r="C50475">
        <v>0</v>
      </c>
      <c r="D50475">
        <v>0</v>
      </c>
    </row>
    <row r="50476" spans="1:4" x14ac:dyDescent="0.25">
      <c r="A50476" t="s">
        <v>27933</v>
      </c>
      <c r="B50476" t="s">
        <v>27934</v>
      </c>
      <c r="C50476">
        <v>1</v>
      </c>
      <c r="D50476">
        <v>0</v>
      </c>
    </row>
    <row r="50477" spans="1:4" x14ac:dyDescent="0.25">
      <c r="A50477" t="s">
        <v>27935</v>
      </c>
      <c r="B50477" t="s">
        <v>27936</v>
      </c>
      <c r="C50477">
        <v>1</v>
      </c>
      <c r="D50477">
        <v>0</v>
      </c>
    </row>
    <row r="50478" spans="1:4" x14ac:dyDescent="0.25">
      <c r="A50478" t="s">
        <v>27935</v>
      </c>
      <c r="B50478" t="s">
        <v>27937</v>
      </c>
      <c r="C50478">
        <v>0</v>
      </c>
      <c r="D50478">
        <v>0</v>
      </c>
    </row>
    <row r="50479" spans="1:4" x14ac:dyDescent="0.25">
      <c r="A50479" t="s">
        <v>27938</v>
      </c>
      <c r="B50479" t="s">
        <v>27939</v>
      </c>
      <c r="C50479">
        <v>1</v>
      </c>
      <c r="D50479">
        <v>0</v>
      </c>
    </row>
    <row r="50480" spans="1:4" x14ac:dyDescent="0.25">
      <c r="A50480" t="s">
        <v>27938</v>
      </c>
      <c r="B50480" t="s">
        <v>27940</v>
      </c>
      <c r="C50480">
        <v>0</v>
      </c>
      <c r="D50480">
        <v>0</v>
      </c>
    </row>
    <row r="50481" spans="1:4" x14ac:dyDescent="0.25">
      <c r="A50481" t="s">
        <v>27941</v>
      </c>
      <c r="B50481" t="s">
        <v>27942</v>
      </c>
      <c r="C50481">
        <v>1</v>
      </c>
      <c r="D50481">
        <v>0</v>
      </c>
    </row>
    <row r="50482" spans="1:4" x14ac:dyDescent="0.25">
      <c r="A50482" t="s">
        <v>27943</v>
      </c>
      <c r="B50482" t="s">
        <v>27944</v>
      </c>
      <c r="C50482">
        <v>1</v>
      </c>
      <c r="D50482">
        <v>0</v>
      </c>
    </row>
    <row r="50483" spans="1:4" x14ac:dyDescent="0.25">
      <c r="A50483" t="s">
        <v>27943</v>
      </c>
      <c r="B50483" t="s">
        <v>27945</v>
      </c>
      <c r="C50483">
        <v>0</v>
      </c>
      <c r="D50483">
        <v>0</v>
      </c>
    </row>
    <row r="50484" spans="1:4" x14ac:dyDescent="0.25">
      <c r="A50484" t="s">
        <v>27946</v>
      </c>
      <c r="B50484" t="s">
        <v>27947</v>
      </c>
      <c r="C50484">
        <v>0</v>
      </c>
      <c r="D50484">
        <v>0</v>
      </c>
    </row>
    <row r="50485" spans="1:4" x14ac:dyDescent="0.25">
      <c r="A50485" t="s">
        <v>27948</v>
      </c>
      <c r="B50485" t="s">
        <v>27949</v>
      </c>
      <c r="C50485">
        <v>1</v>
      </c>
      <c r="D50485">
        <v>0</v>
      </c>
    </row>
    <row r="50486" spans="1:4" x14ac:dyDescent="0.25">
      <c r="A50486" t="s">
        <v>27950</v>
      </c>
      <c r="B50486" t="s">
        <v>27951</v>
      </c>
      <c r="C50486">
        <v>1</v>
      </c>
      <c r="D50486">
        <v>0</v>
      </c>
    </row>
    <row r="50487" spans="1:4" x14ac:dyDescent="0.25">
      <c r="A50487" t="s">
        <v>27950</v>
      </c>
      <c r="B50487" t="s">
        <v>27952</v>
      </c>
      <c r="C50487">
        <v>0</v>
      </c>
      <c r="D50487">
        <v>0</v>
      </c>
    </row>
    <row r="50488" spans="1:4" x14ac:dyDescent="0.25">
      <c r="A50488" t="s">
        <v>27953</v>
      </c>
      <c r="B50488" t="s">
        <v>27954</v>
      </c>
      <c r="C50488">
        <v>1</v>
      </c>
      <c r="D50488">
        <v>0</v>
      </c>
    </row>
    <row r="50489" spans="1:4" x14ac:dyDescent="0.25">
      <c r="A50489" t="s">
        <v>27953</v>
      </c>
      <c r="B50489" t="s">
        <v>27955</v>
      </c>
      <c r="C50489">
        <v>0</v>
      </c>
      <c r="D50489">
        <v>0</v>
      </c>
    </row>
    <row r="50490" spans="1:4" x14ac:dyDescent="0.25">
      <c r="A50490" t="s">
        <v>27956</v>
      </c>
      <c r="B50490" t="s">
        <v>27957</v>
      </c>
      <c r="C50490">
        <v>1</v>
      </c>
      <c r="D50490">
        <v>0</v>
      </c>
    </row>
    <row r="50491" spans="1:4" x14ac:dyDescent="0.25">
      <c r="A50491" t="s">
        <v>27956</v>
      </c>
      <c r="B50491" t="s">
        <v>27958</v>
      </c>
      <c r="C50491">
        <v>0</v>
      </c>
      <c r="D50491">
        <v>0</v>
      </c>
    </row>
    <row r="50492" spans="1:4" x14ac:dyDescent="0.25">
      <c r="A50492" t="s">
        <v>27959</v>
      </c>
      <c r="B50492" t="s">
        <v>27960</v>
      </c>
      <c r="C50492">
        <v>1</v>
      </c>
      <c r="D50492">
        <v>0</v>
      </c>
    </row>
    <row r="50493" spans="1:4" x14ac:dyDescent="0.25">
      <c r="A50493" t="s">
        <v>27961</v>
      </c>
      <c r="B50493" t="s">
        <v>27962</v>
      </c>
      <c r="C50493">
        <v>1</v>
      </c>
      <c r="D50493">
        <v>0</v>
      </c>
    </row>
    <row r="50494" spans="1:4" x14ac:dyDescent="0.25">
      <c r="A50494" t="s">
        <v>27963</v>
      </c>
      <c r="B50494" t="s">
        <v>27964</v>
      </c>
      <c r="C50494">
        <v>1</v>
      </c>
      <c r="D50494">
        <v>0</v>
      </c>
    </row>
    <row r="50495" spans="1:4" x14ac:dyDescent="0.25">
      <c r="A50495" t="s">
        <v>27965</v>
      </c>
      <c r="B50495" t="s">
        <v>27966</v>
      </c>
      <c r="C50495">
        <v>1</v>
      </c>
      <c r="D50495">
        <v>0</v>
      </c>
    </row>
    <row r="50496" spans="1:4" x14ac:dyDescent="0.25">
      <c r="A50496" t="s">
        <v>27967</v>
      </c>
      <c r="B50496" t="s">
        <v>27968</v>
      </c>
      <c r="C50496">
        <v>1</v>
      </c>
      <c r="D50496">
        <v>0</v>
      </c>
    </row>
    <row r="50497" spans="1:4" x14ac:dyDescent="0.25">
      <c r="A50497" t="s">
        <v>27969</v>
      </c>
      <c r="B50497" t="s">
        <v>27970</v>
      </c>
      <c r="C50497">
        <v>1</v>
      </c>
      <c r="D50497">
        <v>0</v>
      </c>
    </row>
    <row r="50498" spans="1:4" x14ac:dyDescent="0.25">
      <c r="A50498" t="s">
        <v>27969</v>
      </c>
      <c r="B50498" t="s">
        <v>27971</v>
      </c>
      <c r="C50498">
        <v>0</v>
      </c>
      <c r="D50498">
        <v>0</v>
      </c>
    </row>
    <row r="50499" spans="1:4" x14ac:dyDescent="0.25">
      <c r="A50499" t="s">
        <v>27972</v>
      </c>
      <c r="B50499" t="s">
        <v>27973</v>
      </c>
      <c r="C50499">
        <v>1</v>
      </c>
      <c r="D50499">
        <v>0</v>
      </c>
    </row>
    <row r="50500" spans="1:4" x14ac:dyDescent="0.25">
      <c r="A50500" t="s">
        <v>27972</v>
      </c>
      <c r="B50500" t="s">
        <v>27974</v>
      </c>
      <c r="C50500">
        <v>0</v>
      </c>
      <c r="D50500">
        <v>0</v>
      </c>
    </row>
    <row r="50501" spans="1:4" x14ac:dyDescent="0.25">
      <c r="A50501" t="s">
        <v>27975</v>
      </c>
      <c r="B50501" t="s">
        <v>27976</v>
      </c>
      <c r="C50501">
        <v>0</v>
      </c>
      <c r="D50501">
        <v>0</v>
      </c>
    </row>
    <row r="50502" spans="1:4" x14ac:dyDescent="0.25">
      <c r="A50502" t="s">
        <v>27977</v>
      </c>
      <c r="B50502" t="s">
        <v>27978</v>
      </c>
      <c r="C50502">
        <v>1</v>
      </c>
      <c r="D50502">
        <v>0</v>
      </c>
    </row>
    <row r="50503" spans="1:4" x14ac:dyDescent="0.25">
      <c r="A50503" t="s">
        <v>27977</v>
      </c>
      <c r="B50503" t="s">
        <v>27979</v>
      </c>
      <c r="C50503">
        <v>0</v>
      </c>
      <c r="D50503">
        <v>0</v>
      </c>
    </row>
    <row r="50504" spans="1:4" x14ac:dyDescent="0.25">
      <c r="A50504" t="s">
        <v>27980</v>
      </c>
      <c r="B50504" t="s">
        <v>27981</v>
      </c>
      <c r="C50504">
        <v>1</v>
      </c>
      <c r="D50504">
        <v>0</v>
      </c>
    </row>
    <row r="50505" spans="1:4" x14ac:dyDescent="0.25">
      <c r="A50505" t="s">
        <v>27980</v>
      </c>
      <c r="B50505" t="s">
        <v>27982</v>
      </c>
      <c r="C50505">
        <v>0</v>
      </c>
      <c r="D50505">
        <v>0</v>
      </c>
    </row>
    <row r="50506" spans="1:4" x14ac:dyDescent="0.25">
      <c r="A50506" t="s">
        <v>27983</v>
      </c>
      <c r="B50506" t="s">
        <v>27984</v>
      </c>
      <c r="C50506">
        <v>0</v>
      </c>
      <c r="D50506">
        <v>0</v>
      </c>
    </row>
    <row r="50507" spans="1:4" x14ac:dyDescent="0.25">
      <c r="A50507" t="s">
        <v>27985</v>
      </c>
      <c r="B50507" t="s">
        <v>27986</v>
      </c>
      <c r="C50507">
        <v>1</v>
      </c>
      <c r="D50507">
        <v>0</v>
      </c>
    </row>
    <row r="50508" spans="1:4" x14ac:dyDescent="0.25">
      <c r="A50508" t="s">
        <v>27985</v>
      </c>
      <c r="B50508" t="s">
        <v>27987</v>
      </c>
      <c r="C50508">
        <v>0</v>
      </c>
      <c r="D50508">
        <v>0</v>
      </c>
    </row>
    <row r="50509" spans="1:4" x14ac:dyDescent="0.25">
      <c r="A50509" t="s">
        <v>27988</v>
      </c>
      <c r="B50509" t="s">
        <v>27989</v>
      </c>
      <c r="C50509">
        <v>1</v>
      </c>
      <c r="D50509">
        <v>0</v>
      </c>
    </row>
    <row r="50510" spans="1:4" x14ac:dyDescent="0.25">
      <c r="A50510" t="s">
        <v>27988</v>
      </c>
      <c r="B50510" t="s">
        <v>27990</v>
      </c>
      <c r="C50510">
        <v>0</v>
      </c>
      <c r="D50510">
        <v>0</v>
      </c>
    </row>
    <row r="50511" spans="1:4" x14ac:dyDescent="0.25">
      <c r="A50511" t="s">
        <v>27991</v>
      </c>
      <c r="B50511" t="s">
        <v>27992</v>
      </c>
      <c r="C50511">
        <v>1</v>
      </c>
      <c r="D50511">
        <v>0</v>
      </c>
    </row>
    <row r="50512" spans="1:4" x14ac:dyDescent="0.25">
      <c r="A50512" t="s">
        <v>27991</v>
      </c>
      <c r="B50512" t="s">
        <v>27993</v>
      </c>
      <c r="C50512">
        <v>0</v>
      </c>
      <c r="D50512">
        <v>0</v>
      </c>
    </row>
    <row r="50513" spans="1:4" x14ac:dyDescent="0.25">
      <c r="A50513" t="s">
        <v>27994</v>
      </c>
      <c r="B50513" t="s">
        <v>5434</v>
      </c>
      <c r="C50513">
        <v>1</v>
      </c>
      <c r="D50513">
        <v>0</v>
      </c>
    </row>
    <row r="50514" spans="1:4" x14ac:dyDescent="0.25">
      <c r="A50514" t="s">
        <v>27994</v>
      </c>
      <c r="B50514" t="s">
        <v>27995</v>
      </c>
      <c r="C50514">
        <v>0</v>
      </c>
      <c r="D50514">
        <v>0</v>
      </c>
    </row>
    <row r="50515" spans="1:4" x14ac:dyDescent="0.25">
      <c r="A50515" t="s">
        <v>27996</v>
      </c>
      <c r="B50515" t="s">
        <v>27997</v>
      </c>
      <c r="C50515">
        <v>1</v>
      </c>
      <c r="D50515">
        <v>0</v>
      </c>
    </row>
    <row r="50516" spans="1:4" x14ac:dyDescent="0.25">
      <c r="A50516" t="s">
        <v>27998</v>
      </c>
      <c r="B50516" t="s">
        <v>27999</v>
      </c>
      <c r="C50516">
        <v>0</v>
      </c>
      <c r="D50516">
        <v>0</v>
      </c>
    </row>
    <row r="50517" spans="1:4" x14ac:dyDescent="0.25">
      <c r="A50517" t="s">
        <v>28000</v>
      </c>
      <c r="B50517" t="s">
        <v>28001</v>
      </c>
      <c r="C50517">
        <v>0</v>
      </c>
      <c r="D50517">
        <v>0</v>
      </c>
    </row>
    <row r="50518" spans="1:4" x14ac:dyDescent="0.25">
      <c r="A50518" t="s">
        <v>28002</v>
      </c>
      <c r="B50518" t="s">
        <v>28003</v>
      </c>
      <c r="C50518">
        <v>1</v>
      </c>
      <c r="D50518">
        <v>0</v>
      </c>
    </row>
    <row r="50519" spans="1:4" x14ac:dyDescent="0.25">
      <c r="A50519" t="s">
        <v>28004</v>
      </c>
      <c r="B50519" t="s">
        <v>28005</v>
      </c>
      <c r="C50519">
        <v>0</v>
      </c>
      <c r="D50519">
        <v>0</v>
      </c>
    </row>
    <row r="50520" spans="1:4" x14ac:dyDescent="0.25">
      <c r="A50520" t="s">
        <v>28006</v>
      </c>
      <c r="B50520" t="s">
        <v>28007</v>
      </c>
      <c r="C50520">
        <v>0</v>
      </c>
      <c r="D50520">
        <v>0</v>
      </c>
    </row>
    <row r="50521" spans="1:4" x14ac:dyDescent="0.25">
      <c r="A50521" t="s">
        <v>28008</v>
      </c>
      <c r="B50521" t="s">
        <v>28009</v>
      </c>
      <c r="C50521">
        <v>0</v>
      </c>
      <c r="D50521">
        <v>0</v>
      </c>
    </row>
    <row r="50522" spans="1:4" x14ac:dyDescent="0.25">
      <c r="A50522" t="s">
        <v>28010</v>
      </c>
      <c r="B50522" t="s">
        <v>28011</v>
      </c>
      <c r="C50522">
        <v>1</v>
      </c>
      <c r="D50522">
        <v>0</v>
      </c>
    </row>
    <row r="50523" spans="1:4" x14ac:dyDescent="0.25">
      <c r="A50523" t="s">
        <v>28010</v>
      </c>
      <c r="B50523" t="s">
        <v>28012</v>
      </c>
      <c r="C50523">
        <v>0</v>
      </c>
      <c r="D50523">
        <v>0</v>
      </c>
    </row>
    <row r="50524" spans="1:4" x14ac:dyDescent="0.25">
      <c r="A50524" t="s">
        <v>28013</v>
      </c>
      <c r="B50524" t="s">
        <v>28014</v>
      </c>
      <c r="C50524">
        <v>0</v>
      </c>
      <c r="D50524">
        <v>0</v>
      </c>
    </row>
    <row r="50525" spans="1:4" x14ac:dyDescent="0.25">
      <c r="A50525" t="s">
        <v>28015</v>
      </c>
      <c r="B50525" t="s">
        <v>28016</v>
      </c>
      <c r="C50525">
        <v>1</v>
      </c>
      <c r="D50525">
        <v>0</v>
      </c>
    </row>
    <row r="50526" spans="1:4" x14ac:dyDescent="0.25">
      <c r="A50526" t="s">
        <v>28015</v>
      </c>
      <c r="B50526" t="s">
        <v>19483</v>
      </c>
      <c r="C50526">
        <v>0</v>
      </c>
      <c r="D50526">
        <v>0</v>
      </c>
    </row>
    <row r="50527" spans="1:4" x14ac:dyDescent="0.25">
      <c r="A50527" t="s">
        <v>28017</v>
      </c>
      <c r="B50527" t="s">
        <v>28018</v>
      </c>
      <c r="C50527">
        <v>0</v>
      </c>
      <c r="D50527">
        <v>0</v>
      </c>
    </row>
    <row r="50528" spans="1:4" x14ac:dyDescent="0.25">
      <c r="A50528" t="s">
        <v>28019</v>
      </c>
      <c r="B50528" t="s">
        <v>28020</v>
      </c>
      <c r="C50528">
        <v>1</v>
      </c>
      <c r="D50528">
        <v>0</v>
      </c>
    </row>
    <row r="50529" spans="1:4" x14ac:dyDescent="0.25">
      <c r="A50529" t="s">
        <v>28019</v>
      </c>
      <c r="B50529" t="s">
        <v>2651</v>
      </c>
      <c r="C50529">
        <v>0</v>
      </c>
      <c r="D50529">
        <v>0</v>
      </c>
    </row>
    <row r="50530" spans="1:4" x14ac:dyDescent="0.25">
      <c r="A50530" t="s">
        <v>28021</v>
      </c>
      <c r="B50530" t="s">
        <v>28022</v>
      </c>
      <c r="C50530">
        <v>0</v>
      </c>
      <c r="D50530">
        <v>0</v>
      </c>
    </row>
    <row r="50531" spans="1:4" x14ac:dyDescent="0.25">
      <c r="A50531" t="s">
        <v>28023</v>
      </c>
      <c r="B50531" t="s">
        <v>28024</v>
      </c>
      <c r="C50531">
        <v>1</v>
      </c>
      <c r="D50531">
        <v>0</v>
      </c>
    </row>
    <row r="50532" spans="1:4" x14ac:dyDescent="0.25">
      <c r="A50532" t="s">
        <v>28025</v>
      </c>
      <c r="B50532" t="s">
        <v>28026</v>
      </c>
      <c r="C50532">
        <v>0</v>
      </c>
      <c r="D50532">
        <v>0</v>
      </c>
    </row>
    <row r="50533" spans="1:4" x14ac:dyDescent="0.25">
      <c r="A50533" t="s">
        <v>28027</v>
      </c>
      <c r="B50533" t="s">
        <v>28028</v>
      </c>
      <c r="C50533">
        <v>1</v>
      </c>
      <c r="D50533">
        <v>0</v>
      </c>
    </row>
    <row r="50534" spans="1:4" x14ac:dyDescent="0.25">
      <c r="A50534" t="s">
        <v>28029</v>
      </c>
      <c r="B50534" t="s">
        <v>28030</v>
      </c>
      <c r="C50534">
        <v>0</v>
      </c>
      <c r="D50534">
        <v>0</v>
      </c>
    </row>
    <row r="50535" spans="1:4" x14ac:dyDescent="0.25">
      <c r="A50535" t="s">
        <v>28031</v>
      </c>
      <c r="B50535" t="s">
        <v>28032</v>
      </c>
      <c r="C50535">
        <v>0</v>
      </c>
      <c r="D50535">
        <v>0</v>
      </c>
    </row>
    <row r="50536" spans="1:4" x14ac:dyDescent="0.25">
      <c r="A50536" t="s">
        <v>28033</v>
      </c>
      <c r="B50536" t="s">
        <v>28034</v>
      </c>
      <c r="C50536">
        <v>1</v>
      </c>
      <c r="D50536">
        <v>0</v>
      </c>
    </row>
    <row r="50537" spans="1:4" x14ac:dyDescent="0.25">
      <c r="A50537" t="s">
        <v>28035</v>
      </c>
      <c r="B50537" t="s">
        <v>28036</v>
      </c>
      <c r="C50537">
        <v>1</v>
      </c>
      <c r="D50537">
        <v>0</v>
      </c>
    </row>
    <row r="50538" spans="1:4" x14ac:dyDescent="0.25">
      <c r="A50538" t="s">
        <v>28037</v>
      </c>
      <c r="B50538" t="s">
        <v>28038</v>
      </c>
      <c r="C50538">
        <v>1</v>
      </c>
      <c r="D50538">
        <v>0</v>
      </c>
    </row>
    <row r="50539" spans="1:4" x14ac:dyDescent="0.25">
      <c r="A50539" t="s">
        <v>28037</v>
      </c>
      <c r="B50539" t="s">
        <v>28039</v>
      </c>
      <c r="C50539">
        <v>0</v>
      </c>
      <c r="D50539">
        <v>0</v>
      </c>
    </row>
    <row r="50540" spans="1:4" x14ac:dyDescent="0.25">
      <c r="A50540" t="s">
        <v>28040</v>
      </c>
      <c r="B50540" t="s">
        <v>28041</v>
      </c>
      <c r="C50540">
        <v>1</v>
      </c>
      <c r="D50540">
        <v>0</v>
      </c>
    </row>
    <row r="50541" spans="1:4" x14ac:dyDescent="0.25">
      <c r="A50541" t="s">
        <v>28042</v>
      </c>
      <c r="B50541" t="s">
        <v>28043</v>
      </c>
      <c r="C50541">
        <v>1</v>
      </c>
      <c r="D50541">
        <v>0</v>
      </c>
    </row>
    <row r="50542" spans="1:4" x14ac:dyDescent="0.25">
      <c r="A50542" t="s">
        <v>28044</v>
      </c>
      <c r="B50542" t="s">
        <v>28045</v>
      </c>
      <c r="C50542">
        <v>1</v>
      </c>
      <c r="D50542">
        <v>0</v>
      </c>
    </row>
    <row r="50543" spans="1:4" x14ac:dyDescent="0.25">
      <c r="A50543" t="s">
        <v>28044</v>
      </c>
      <c r="B50543" t="s">
        <v>28046</v>
      </c>
      <c r="C50543">
        <v>0</v>
      </c>
      <c r="D50543">
        <v>0</v>
      </c>
    </row>
    <row r="50544" spans="1:4" x14ac:dyDescent="0.25">
      <c r="A50544" t="s">
        <v>28047</v>
      </c>
      <c r="B50544" t="s">
        <v>28048</v>
      </c>
      <c r="C50544">
        <v>0</v>
      </c>
      <c r="D50544">
        <v>0</v>
      </c>
    </row>
    <row r="50545" spans="1:4" x14ac:dyDescent="0.25">
      <c r="A50545" t="s">
        <v>28049</v>
      </c>
      <c r="B50545" t="s">
        <v>28050</v>
      </c>
      <c r="C50545">
        <v>1</v>
      </c>
      <c r="D50545">
        <v>0</v>
      </c>
    </row>
    <row r="50546" spans="1:4" x14ac:dyDescent="0.25">
      <c r="A50546" t="s">
        <v>28049</v>
      </c>
      <c r="B50546" t="s">
        <v>28051</v>
      </c>
      <c r="C50546">
        <v>0</v>
      </c>
      <c r="D50546">
        <v>0</v>
      </c>
    </row>
    <row r="50547" spans="1:4" ht="151.80000000000001" x14ac:dyDescent="0.25">
      <c r="A50547" t="s">
        <v>28052</v>
      </c>
      <c r="B50547" s="1" t="s">
        <v>28053</v>
      </c>
      <c r="C50547">
        <v>1</v>
      </c>
      <c r="D50547">
        <v>0</v>
      </c>
    </row>
    <row r="50548" spans="1:4" x14ac:dyDescent="0.25">
      <c r="A50548" t="s">
        <v>28054</v>
      </c>
      <c r="B50548" t="s">
        <v>28055</v>
      </c>
      <c r="C50548">
        <v>1</v>
      </c>
      <c r="D50548">
        <v>0</v>
      </c>
    </row>
    <row r="50549" spans="1:4" x14ac:dyDescent="0.25">
      <c r="A50549" t="s">
        <v>28054</v>
      </c>
      <c r="B50549" t="s">
        <v>28056</v>
      </c>
      <c r="C50549">
        <v>0</v>
      </c>
      <c r="D50549">
        <v>0</v>
      </c>
    </row>
    <row r="50550" spans="1:4" x14ac:dyDescent="0.25">
      <c r="A50550" t="s">
        <v>28057</v>
      </c>
      <c r="B50550" t="s">
        <v>28058</v>
      </c>
      <c r="C50550">
        <v>1</v>
      </c>
      <c r="D50550">
        <v>0</v>
      </c>
    </row>
    <row r="50551" spans="1:4" x14ac:dyDescent="0.25">
      <c r="A50551" t="s">
        <v>28057</v>
      </c>
      <c r="B50551" t="s">
        <v>28059</v>
      </c>
      <c r="C50551">
        <v>0</v>
      </c>
      <c r="D50551">
        <v>0</v>
      </c>
    </row>
    <row r="50552" spans="1:4" x14ac:dyDescent="0.25">
      <c r="A50552" t="s">
        <v>28060</v>
      </c>
      <c r="B50552" t="s">
        <v>28061</v>
      </c>
      <c r="C50552">
        <v>1</v>
      </c>
      <c r="D50552">
        <v>0</v>
      </c>
    </row>
    <row r="50553" spans="1:4" x14ac:dyDescent="0.25">
      <c r="A50553" t="s">
        <v>28060</v>
      </c>
      <c r="B50553" t="s">
        <v>28062</v>
      </c>
      <c r="C50553">
        <v>0</v>
      </c>
      <c r="D50553">
        <v>0</v>
      </c>
    </row>
    <row r="50554" spans="1:4" x14ac:dyDescent="0.25">
      <c r="A50554" t="s">
        <v>28063</v>
      </c>
      <c r="B50554" t="s">
        <v>28064</v>
      </c>
      <c r="C50554">
        <v>0</v>
      </c>
      <c r="D50554">
        <v>0</v>
      </c>
    </row>
    <row r="50555" spans="1:4" x14ac:dyDescent="0.25">
      <c r="A50555" t="s">
        <v>28065</v>
      </c>
      <c r="B50555" t="s">
        <v>28066</v>
      </c>
      <c r="C50555">
        <v>0</v>
      </c>
      <c r="D50555">
        <v>0</v>
      </c>
    </row>
    <row r="50556" spans="1:4" x14ac:dyDescent="0.25">
      <c r="A50556" t="s">
        <v>28067</v>
      </c>
      <c r="B50556" t="s">
        <v>28068</v>
      </c>
      <c r="C50556">
        <v>1</v>
      </c>
      <c r="D50556">
        <v>0</v>
      </c>
    </row>
    <row r="50557" spans="1:4" x14ac:dyDescent="0.25">
      <c r="A50557" t="s">
        <v>28067</v>
      </c>
      <c r="B50557" t="s">
        <v>28069</v>
      </c>
      <c r="C50557">
        <v>0</v>
      </c>
      <c r="D50557">
        <v>0</v>
      </c>
    </row>
    <row r="50558" spans="1:4" x14ac:dyDescent="0.25">
      <c r="A50558" t="s">
        <v>28070</v>
      </c>
      <c r="B50558" t="s">
        <v>28071</v>
      </c>
      <c r="C50558">
        <v>1</v>
      </c>
      <c r="D50558">
        <v>0</v>
      </c>
    </row>
    <row r="50559" spans="1:4" x14ac:dyDescent="0.25">
      <c r="A50559" t="s">
        <v>28070</v>
      </c>
      <c r="B50559" t="s">
        <v>28072</v>
      </c>
      <c r="C50559">
        <v>0</v>
      </c>
      <c r="D50559">
        <v>0</v>
      </c>
    </row>
    <row r="50560" spans="1:4" x14ac:dyDescent="0.25">
      <c r="A50560" t="s">
        <v>28073</v>
      </c>
      <c r="B50560" t="s">
        <v>28074</v>
      </c>
      <c r="C50560">
        <v>1</v>
      </c>
      <c r="D50560">
        <v>0</v>
      </c>
    </row>
    <row r="50561" spans="1:4" x14ac:dyDescent="0.25">
      <c r="A50561" t="s">
        <v>28075</v>
      </c>
      <c r="B50561" t="s">
        <v>28076</v>
      </c>
      <c r="C50561">
        <v>1</v>
      </c>
      <c r="D50561">
        <v>0</v>
      </c>
    </row>
    <row r="50562" spans="1:4" x14ac:dyDescent="0.25">
      <c r="A50562" t="s">
        <v>28077</v>
      </c>
      <c r="B50562" t="s">
        <v>28078</v>
      </c>
      <c r="C50562">
        <v>1</v>
      </c>
      <c r="D50562">
        <v>0</v>
      </c>
    </row>
    <row r="50563" spans="1:4" x14ac:dyDescent="0.25">
      <c r="A50563" t="s">
        <v>28079</v>
      </c>
      <c r="B50563" t="s">
        <v>28080</v>
      </c>
      <c r="C50563">
        <v>0</v>
      </c>
      <c r="D50563">
        <v>0</v>
      </c>
    </row>
    <row r="50564" spans="1:4" x14ac:dyDescent="0.25">
      <c r="A50564" t="s">
        <v>28081</v>
      </c>
      <c r="B50564" t="s">
        <v>28082</v>
      </c>
      <c r="C50564">
        <v>1</v>
      </c>
      <c r="D50564">
        <v>0</v>
      </c>
    </row>
    <row r="50565" spans="1:4" x14ac:dyDescent="0.25">
      <c r="A50565" t="s">
        <v>28083</v>
      </c>
      <c r="B50565" t="s">
        <v>28084</v>
      </c>
      <c r="C50565">
        <v>1</v>
      </c>
      <c r="D50565">
        <v>0</v>
      </c>
    </row>
    <row r="50566" spans="1:4" x14ac:dyDescent="0.25">
      <c r="A50566" t="s">
        <v>28083</v>
      </c>
      <c r="B50566" t="s">
        <v>28085</v>
      </c>
      <c r="C50566">
        <v>0</v>
      </c>
      <c r="D50566">
        <v>0</v>
      </c>
    </row>
    <row r="50567" spans="1:4" x14ac:dyDescent="0.25">
      <c r="A50567" t="s">
        <v>28086</v>
      </c>
      <c r="B50567" t="s">
        <v>28087</v>
      </c>
      <c r="C50567">
        <v>1</v>
      </c>
      <c r="D50567">
        <v>0</v>
      </c>
    </row>
    <row r="50568" spans="1:4" x14ac:dyDescent="0.25">
      <c r="A50568" t="s">
        <v>28088</v>
      </c>
      <c r="B50568" t="s">
        <v>28089</v>
      </c>
      <c r="C50568">
        <v>1</v>
      </c>
      <c r="D50568">
        <v>0</v>
      </c>
    </row>
    <row r="50569" spans="1:4" x14ac:dyDescent="0.25">
      <c r="A50569" t="s">
        <v>28090</v>
      </c>
      <c r="B50569" t="s">
        <v>28091</v>
      </c>
      <c r="C50569">
        <v>0</v>
      </c>
      <c r="D50569">
        <v>0</v>
      </c>
    </row>
    <row r="50570" spans="1:4" x14ac:dyDescent="0.25">
      <c r="A50570" t="s">
        <v>28092</v>
      </c>
      <c r="B50570" t="s">
        <v>28093</v>
      </c>
      <c r="C50570">
        <v>0</v>
      </c>
      <c r="D50570">
        <v>0</v>
      </c>
    </row>
    <row r="50571" spans="1:4" x14ac:dyDescent="0.25">
      <c r="A50571" t="s">
        <v>28094</v>
      </c>
      <c r="B50571" t="s">
        <v>28095</v>
      </c>
      <c r="C50571">
        <v>1</v>
      </c>
      <c r="D50571">
        <v>0</v>
      </c>
    </row>
    <row r="50572" spans="1:4" x14ac:dyDescent="0.25">
      <c r="A50572" t="s">
        <v>28096</v>
      </c>
      <c r="B50572" t="s">
        <v>28097</v>
      </c>
      <c r="C50572">
        <v>1</v>
      </c>
      <c r="D50572">
        <v>0</v>
      </c>
    </row>
    <row r="50573" spans="1:4" x14ac:dyDescent="0.25">
      <c r="A50573" t="s">
        <v>28096</v>
      </c>
      <c r="B50573" t="s">
        <v>28098</v>
      </c>
      <c r="C50573">
        <v>0</v>
      </c>
      <c r="D50573">
        <v>0</v>
      </c>
    </row>
    <row r="50574" spans="1:4" x14ac:dyDescent="0.25">
      <c r="A50574" t="s">
        <v>28099</v>
      </c>
      <c r="B50574" t="s">
        <v>28100</v>
      </c>
      <c r="C50574">
        <v>1</v>
      </c>
      <c r="D50574">
        <v>0</v>
      </c>
    </row>
    <row r="50575" spans="1:4" x14ac:dyDescent="0.25">
      <c r="A50575" t="s">
        <v>28101</v>
      </c>
      <c r="B50575" t="s">
        <v>28102</v>
      </c>
      <c r="C50575">
        <v>0</v>
      </c>
      <c r="D50575">
        <v>0</v>
      </c>
    </row>
    <row r="50576" spans="1:4" x14ac:dyDescent="0.25">
      <c r="A50576" t="s">
        <v>28103</v>
      </c>
      <c r="B50576" t="s">
        <v>28104</v>
      </c>
      <c r="C50576">
        <v>1</v>
      </c>
      <c r="D50576">
        <v>0</v>
      </c>
    </row>
    <row r="50577" spans="1:4" x14ac:dyDescent="0.25">
      <c r="A50577" t="s">
        <v>28103</v>
      </c>
      <c r="B50577" t="s">
        <v>28105</v>
      </c>
      <c r="C50577">
        <v>0</v>
      </c>
      <c r="D50577">
        <v>0</v>
      </c>
    </row>
    <row r="50578" spans="1:4" x14ac:dyDescent="0.25">
      <c r="A50578" t="s">
        <v>28106</v>
      </c>
      <c r="B50578" t="s">
        <v>28107</v>
      </c>
      <c r="C50578">
        <v>1</v>
      </c>
      <c r="D50578">
        <v>0</v>
      </c>
    </row>
    <row r="50579" spans="1:4" x14ac:dyDescent="0.25">
      <c r="A50579" t="s">
        <v>28108</v>
      </c>
      <c r="B50579" t="s">
        <v>28109</v>
      </c>
      <c r="C50579">
        <v>1</v>
      </c>
      <c r="D50579">
        <v>0</v>
      </c>
    </row>
    <row r="50580" spans="1:4" x14ac:dyDescent="0.25">
      <c r="A50580" t="s">
        <v>28110</v>
      </c>
      <c r="B50580" t="s">
        <v>28111</v>
      </c>
      <c r="C50580">
        <v>1</v>
      </c>
      <c r="D50580">
        <v>0</v>
      </c>
    </row>
    <row r="50581" spans="1:4" x14ac:dyDescent="0.25">
      <c r="A50581" t="s">
        <v>28112</v>
      </c>
      <c r="B50581" t="s">
        <v>28113</v>
      </c>
      <c r="C50581">
        <v>1</v>
      </c>
      <c r="D50581">
        <v>0</v>
      </c>
    </row>
    <row r="50582" spans="1:4" x14ac:dyDescent="0.25">
      <c r="A50582" t="s">
        <v>28112</v>
      </c>
      <c r="B50582" t="s">
        <v>28114</v>
      </c>
      <c r="C50582">
        <v>0</v>
      </c>
      <c r="D50582">
        <v>0</v>
      </c>
    </row>
    <row r="50583" spans="1:4" x14ac:dyDescent="0.25">
      <c r="A50583" t="s">
        <v>28115</v>
      </c>
      <c r="B50583" t="s">
        <v>28116</v>
      </c>
      <c r="C50583">
        <v>0</v>
      </c>
      <c r="D50583">
        <v>0</v>
      </c>
    </row>
    <row r="50584" spans="1:4" x14ac:dyDescent="0.25">
      <c r="A50584" t="s">
        <v>28117</v>
      </c>
      <c r="B50584" t="s">
        <v>28118</v>
      </c>
      <c r="C50584">
        <v>0</v>
      </c>
      <c r="D50584">
        <v>0</v>
      </c>
    </row>
    <row r="50585" spans="1:4" x14ac:dyDescent="0.25">
      <c r="A50585" t="s">
        <v>28119</v>
      </c>
      <c r="B50585" t="s">
        <v>28120</v>
      </c>
      <c r="C50585">
        <v>1</v>
      </c>
      <c r="D50585">
        <v>0</v>
      </c>
    </row>
    <row r="50586" spans="1:4" x14ac:dyDescent="0.25">
      <c r="A50586" t="s">
        <v>28121</v>
      </c>
      <c r="B50586" t="s">
        <v>28122</v>
      </c>
      <c r="C50586">
        <v>1</v>
      </c>
      <c r="D50586">
        <v>0</v>
      </c>
    </row>
    <row r="50587" spans="1:4" x14ac:dyDescent="0.25">
      <c r="A50587" t="s">
        <v>28123</v>
      </c>
      <c r="B50587" t="s">
        <v>28124</v>
      </c>
      <c r="C50587">
        <v>1</v>
      </c>
      <c r="D50587">
        <v>0</v>
      </c>
    </row>
    <row r="50588" spans="1:4" x14ac:dyDescent="0.25">
      <c r="A50588" t="s">
        <v>28123</v>
      </c>
      <c r="B50588" t="s">
        <v>28125</v>
      </c>
      <c r="C50588">
        <v>0</v>
      </c>
      <c r="D50588">
        <v>0</v>
      </c>
    </row>
    <row r="50589" spans="1:4" x14ac:dyDescent="0.25">
      <c r="A50589" t="s">
        <v>28126</v>
      </c>
      <c r="B50589" t="s">
        <v>28127</v>
      </c>
      <c r="C50589">
        <v>1</v>
      </c>
      <c r="D50589">
        <v>0</v>
      </c>
    </row>
    <row r="50590" spans="1:4" x14ac:dyDescent="0.25">
      <c r="A50590" t="s">
        <v>28128</v>
      </c>
      <c r="B50590" t="s">
        <v>28129</v>
      </c>
      <c r="C50590">
        <v>1</v>
      </c>
      <c r="D50590">
        <v>0</v>
      </c>
    </row>
    <row r="50591" spans="1:4" x14ac:dyDescent="0.25">
      <c r="A50591" t="s">
        <v>28128</v>
      </c>
      <c r="B50591" t="s">
        <v>28130</v>
      </c>
      <c r="C50591">
        <v>0</v>
      </c>
      <c r="D50591">
        <v>0</v>
      </c>
    </row>
    <row r="50592" spans="1:4" x14ac:dyDescent="0.25">
      <c r="A50592" t="s">
        <v>28131</v>
      </c>
      <c r="B50592" t="s">
        <v>28132</v>
      </c>
      <c r="C50592">
        <v>1</v>
      </c>
      <c r="D50592">
        <v>0</v>
      </c>
    </row>
    <row r="50593" spans="1:4" x14ac:dyDescent="0.25">
      <c r="A50593" t="s">
        <v>28133</v>
      </c>
      <c r="B50593" t="s">
        <v>28134</v>
      </c>
      <c r="C50593">
        <v>0</v>
      </c>
      <c r="D50593">
        <v>0</v>
      </c>
    </row>
    <row r="50594" spans="1:4" x14ac:dyDescent="0.25">
      <c r="A50594" t="s">
        <v>28135</v>
      </c>
      <c r="B50594" t="s">
        <v>28136</v>
      </c>
      <c r="C50594">
        <v>0</v>
      </c>
      <c r="D50594">
        <v>0</v>
      </c>
    </row>
    <row r="50595" spans="1:4" x14ac:dyDescent="0.25">
      <c r="A50595" t="s">
        <v>28137</v>
      </c>
      <c r="B50595" t="s">
        <v>28138</v>
      </c>
      <c r="C50595">
        <v>1</v>
      </c>
      <c r="D50595">
        <v>0</v>
      </c>
    </row>
    <row r="50596" spans="1:4" x14ac:dyDescent="0.25">
      <c r="A50596" t="s">
        <v>28139</v>
      </c>
      <c r="B50596" t="s">
        <v>28140</v>
      </c>
      <c r="C50596">
        <v>1</v>
      </c>
      <c r="D50596">
        <v>0</v>
      </c>
    </row>
    <row r="50597" spans="1:4" x14ac:dyDescent="0.25">
      <c r="A50597" t="s">
        <v>28141</v>
      </c>
      <c r="B50597" t="s">
        <v>28142</v>
      </c>
      <c r="C50597">
        <v>0</v>
      </c>
      <c r="D50597">
        <v>0</v>
      </c>
    </row>
    <row r="50598" spans="1:4" x14ac:dyDescent="0.25">
      <c r="A50598" t="s">
        <v>28143</v>
      </c>
      <c r="B50598" t="s">
        <v>28144</v>
      </c>
      <c r="C50598">
        <v>1</v>
      </c>
      <c r="D50598">
        <v>0</v>
      </c>
    </row>
    <row r="50599" spans="1:4" x14ac:dyDescent="0.25">
      <c r="A50599" t="s">
        <v>28143</v>
      </c>
      <c r="B50599" t="s">
        <v>28145</v>
      </c>
      <c r="C50599">
        <v>0</v>
      </c>
      <c r="D50599">
        <v>0</v>
      </c>
    </row>
    <row r="50600" spans="1:4" x14ac:dyDescent="0.25">
      <c r="A50600" t="s">
        <v>28146</v>
      </c>
      <c r="B50600" t="s">
        <v>28147</v>
      </c>
      <c r="C50600">
        <v>0</v>
      </c>
      <c r="D50600">
        <v>0</v>
      </c>
    </row>
    <row r="50601" spans="1:4" x14ac:dyDescent="0.25">
      <c r="A50601" t="s">
        <v>28148</v>
      </c>
      <c r="B50601" t="s">
        <v>28149</v>
      </c>
      <c r="C50601">
        <v>0</v>
      </c>
      <c r="D50601">
        <v>0</v>
      </c>
    </row>
    <row r="50602" spans="1:4" x14ac:dyDescent="0.25">
      <c r="A50602" t="s">
        <v>28150</v>
      </c>
      <c r="B50602" t="s">
        <v>28151</v>
      </c>
      <c r="C50602">
        <v>1</v>
      </c>
      <c r="D50602">
        <v>0</v>
      </c>
    </row>
    <row r="50603" spans="1:4" x14ac:dyDescent="0.25">
      <c r="A50603" t="s">
        <v>28150</v>
      </c>
      <c r="B50603" t="s">
        <v>28152</v>
      </c>
      <c r="C50603">
        <v>0</v>
      </c>
      <c r="D50603">
        <v>0</v>
      </c>
    </row>
    <row r="50604" spans="1:4" x14ac:dyDescent="0.25">
      <c r="A50604" t="s">
        <v>28153</v>
      </c>
      <c r="B50604" t="s">
        <v>28154</v>
      </c>
      <c r="C50604">
        <v>0</v>
      </c>
      <c r="D50604">
        <v>0</v>
      </c>
    </row>
    <row r="50605" spans="1:4" x14ac:dyDescent="0.25">
      <c r="A50605" t="s">
        <v>28155</v>
      </c>
      <c r="B50605" t="s">
        <v>28156</v>
      </c>
      <c r="C50605">
        <v>0</v>
      </c>
      <c r="D50605">
        <v>0</v>
      </c>
    </row>
    <row r="50606" spans="1:4" x14ac:dyDescent="0.25">
      <c r="A50606" t="s">
        <v>28157</v>
      </c>
      <c r="B50606" t="s">
        <v>28158</v>
      </c>
      <c r="C50606">
        <v>1</v>
      </c>
      <c r="D50606">
        <v>0</v>
      </c>
    </row>
    <row r="50607" spans="1:4" x14ac:dyDescent="0.25">
      <c r="A50607" t="s">
        <v>28159</v>
      </c>
      <c r="B50607" t="s">
        <v>28160</v>
      </c>
      <c r="C50607">
        <v>1</v>
      </c>
      <c r="D50607">
        <v>0</v>
      </c>
    </row>
    <row r="50608" spans="1:4" x14ac:dyDescent="0.25">
      <c r="A50608" t="s">
        <v>28161</v>
      </c>
      <c r="B50608" t="s">
        <v>28162</v>
      </c>
      <c r="C50608">
        <v>0</v>
      </c>
      <c r="D50608">
        <v>0</v>
      </c>
    </row>
    <row r="50609" spans="1:4" x14ac:dyDescent="0.25">
      <c r="A50609" t="s">
        <v>28163</v>
      </c>
      <c r="B50609" t="s">
        <v>28164</v>
      </c>
      <c r="C50609">
        <v>1</v>
      </c>
      <c r="D50609">
        <v>0</v>
      </c>
    </row>
    <row r="50610" spans="1:4" x14ac:dyDescent="0.25">
      <c r="A50610" t="s">
        <v>28163</v>
      </c>
      <c r="B50610" t="s">
        <v>28165</v>
      </c>
      <c r="C50610">
        <v>0</v>
      </c>
      <c r="D50610">
        <v>0</v>
      </c>
    </row>
    <row r="50611" spans="1:4" x14ac:dyDescent="0.25">
      <c r="A50611" t="s">
        <v>28166</v>
      </c>
      <c r="B50611" t="s">
        <v>10893</v>
      </c>
      <c r="C50611">
        <v>1</v>
      </c>
      <c r="D50611">
        <v>0</v>
      </c>
    </row>
    <row r="50612" spans="1:4" x14ac:dyDescent="0.25">
      <c r="A50612" t="s">
        <v>28167</v>
      </c>
      <c r="B50612" t="s">
        <v>28168</v>
      </c>
      <c r="C50612">
        <v>1</v>
      </c>
      <c r="D50612">
        <v>0</v>
      </c>
    </row>
    <row r="50613" spans="1:4" x14ac:dyDescent="0.25">
      <c r="A50613" t="s">
        <v>28169</v>
      </c>
      <c r="B50613" t="s">
        <v>28170</v>
      </c>
      <c r="C50613">
        <v>1</v>
      </c>
      <c r="D50613">
        <v>0</v>
      </c>
    </row>
    <row r="50614" spans="1:4" x14ac:dyDescent="0.25">
      <c r="A50614" t="s">
        <v>28171</v>
      </c>
      <c r="B50614" t="s">
        <v>28172</v>
      </c>
      <c r="C50614">
        <v>1</v>
      </c>
      <c r="D50614">
        <v>0</v>
      </c>
    </row>
    <row r="50615" spans="1:4" x14ac:dyDescent="0.25">
      <c r="A50615" t="s">
        <v>28171</v>
      </c>
      <c r="B50615" t="s">
        <v>28173</v>
      </c>
      <c r="C50615">
        <v>0</v>
      </c>
      <c r="D50615">
        <v>0</v>
      </c>
    </row>
    <row r="50616" spans="1:4" x14ac:dyDescent="0.25">
      <c r="A50616" t="s">
        <v>28174</v>
      </c>
      <c r="B50616" t="s">
        <v>28175</v>
      </c>
      <c r="C50616">
        <v>1</v>
      </c>
      <c r="D50616">
        <v>0</v>
      </c>
    </row>
    <row r="50617" spans="1:4" x14ac:dyDescent="0.25">
      <c r="A50617" t="s">
        <v>28174</v>
      </c>
      <c r="B50617" t="s">
        <v>28176</v>
      </c>
      <c r="C50617">
        <v>0</v>
      </c>
      <c r="D50617">
        <v>0</v>
      </c>
    </row>
    <row r="50618" spans="1:4" x14ac:dyDescent="0.25">
      <c r="A50618" t="s">
        <v>28177</v>
      </c>
      <c r="B50618" t="s">
        <v>28178</v>
      </c>
      <c r="C50618">
        <v>1</v>
      </c>
      <c r="D50618">
        <v>0</v>
      </c>
    </row>
    <row r="50619" spans="1:4" x14ac:dyDescent="0.25">
      <c r="A50619" t="s">
        <v>28179</v>
      </c>
      <c r="B50619" t="s">
        <v>28180</v>
      </c>
      <c r="C50619">
        <v>1</v>
      </c>
      <c r="D50619">
        <v>0</v>
      </c>
    </row>
    <row r="50620" spans="1:4" x14ac:dyDescent="0.25">
      <c r="A50620" t="s">
        <v>28181</v>
      </c>
      <c r="B50620" t="s">
        <v>28182</v>
      </c>
      <c r="C50620">
        <v>1</v>
      </c>
      <c r="D50620">
        <v>0</v>
      </c>
    </row>
    <row r="50621" spans="1:4" x14ac:dyDescent="0.25">
      <c r="A50621" t="s">
        <v>28183</v>
      </c>
      <c r="B50621" t="s">
        <v>28184</v>
      </c>
      <c r="C50621">
        <v>1</v>
      </c>
      <c r="D50621">
        <v>0</v>
      </c>
    </row>
    <row r="50622" spans="1:4" x14ac:dyDescent="0.25">
      <c r="A50622" t="s">
        <v>28185</v>
      </c>
      <c r="B50622" t="s">
        <v>28186</v>
      </c>
      <c r="C50622">
        <v>0</v>
      </c>
      <c r="D50622">
        <v>0</v>
      </c>
    </row>
    <row r="50623" spans="1:4" x14ac:dyDescent="0.25">
      <c r="A50623" t="s">
        <v>28187</v>
      </c>
      <c r="B50623" t="s">
        <v>28188</v>
      </c>
      <c r="C50623">
        <v>1</v>
      </c>
      <c r="D50623">
        <v>0</v>
      </c>
    </row>
    <row r="50624" spans="1:4" x14ac:dyDescent="0.25">
      <c r="A50624" t="s">
        <v>28187</v>
      </c>
      <c r="B50624" t="s">
        <v>28189</v>
      </c>
      <c r="C50624">
        <v>0</v>
      </c>
      <c r="D50624">
        <v>0</v>
      </c>
    </row>
    <row r="50625" spans="1:4" x14ac:dyDescent="0.25">
      <c r="A50625" t="s">
        <v>28190</v>
      </c>
      <c r="B50625" t="s">
        <v>28191</v>
      </c>
      <c r="C50625">
        <v>1</v>
      </c>
      <c r="D50625">
        <v>0</v>
      </c>
    </row>
    <row r="50626" spans="1:4" x14ac:dyDescent="0.25">
      <c r="A50626" t="s">
        <v>28192</v>
      </c>
      <c r="B50626" t="s">
        <v>28193</v>
      </c>
      <c r="C50626">
        <v>1</v>
      </c>
      <c r="D50626">
        <v>0</v>
      </c>
    </row>
    <row r="50627" spans="1:4" x14ac:dyDescent="0.25">
      <c r="A50627" t="s">
        <v>28192</v>
      </c>
      <c r="B50627" t="s">
        <v>28194</v>
      </c>
      <c r="C50627">
        <v>0</v>
      </c>
      <c r="D50627">
        <v>0</v>
      </c>
    </row>
    <row r="50628" spans="1:4" x14ac:dyDescent="0.25">
      <c r="A50628" t="s">
        <v>28195</v>
      </c>
      <c r="B50628" t="s">
        <v>28196</v>
      </c>
      <c r="C50628">
        <v>1</v>
      </c>
      <c r="D50628">
        <v>0</v>
      </c>
    </row>
    <row r="50629" spans="1:4" x14ac:dyDescent="0.25">
      <c r="A50629" t="s">
        <v>28197</v>
      </c>
      <c r="B50629" t="s">
        <v>28198</v>
      </c>
      <c r="C50629">
        <v>1</v>
      </c>
      <c r="D50629">
        <v>0</v>
      </c>
    </row>
    <row r="50630" spans="1:4" x14ac:dyDescent="0.25">
      <c r="A50630" t="s">
        <v>28197</v>
      </c>
      <c r="B50630" t="s">
        <v>28199</v>
      </c>
      <c r="C50630">
        <v>0</v>
      </c>
      <c r="D50630">
        <v>0</v>
      </c>
    </row>
    <row r="50631" spans="1:4" x14ac:dyDescent="0.25">
      <c r="A50631" t="s">
        <v>28200</v>
      </c>
      <c r="B50631" t="s">
        <v>28201</v>
      </c>
      <c r="C50631">
        <v>0</v>
      </c>
      <c r="D50631">
        <v>0</v>
      </c>
    </row>
    <row r="50632" spans="1:4" x14ac:dyDescent="0.25">
      <c r="A50632" t="s">
        <v>28202</v>
      </c>
      <c r="B50632" t="s">
        <v>28203</v>
      </c>
      <c r="C50632">
        <v>0</v>
      </c>
      <c r="D50632">
        <v>0</v>
      </c>
    </row>
    <row r="50633" spans="1:4" x14ac:dyDescent="0.25">
      <c r="A50633" t="s">
        <v>28204</v>
      </c>
      <c r="B50633" t="s">
        <v>28205</v>
      </c>
      <c r="C50633">
        <v>1</v>
      </c>
      <c r="D50633">
        <v>0</v>
      </c>
    </row>
  </sheetData>
  <phoneticPr fontId="1" type="noConversion"/>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i Yang</dc:creator>
  <cp:lastModifiedBy>Lei Yang</cp:lastModifiedBy>
  <dcterms:created xsi:type="dcterms:W3CDTF">2020-04-26T03:17:22Z</dcterms:created>
  <dcterms:modified xsi:type="dcterms:W3CDTF">2020-04-26T03:19:21Z</dcterms:modified>
</cp:coreProperties>
</file>